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171326\Documents\s2171326_SupplementryMaterial\Chapter_8\"/>
    </mc:Choice>
  </mc:AlternateContent>
  <xr:revisionPtr revIDLastSave="0" documentId="8_{0CF652C2-F76B-41AB-A4BF-C73F5167F30C}" xr6:coauthVersionLast="47" xr6:coauthVersionMax="47" xr10:uidLastSave="{00000000-0000-0000-0000-000000000000}"/>
  <bookViews>
    <workbookView xWindow="-28920" yWindow="-120" windowWidth="29040" windowHeight="15720" activeTab="4" xr2:uid="{93267A32-3474-4DBE-8559-6A133DA197B2}"/>
  </bookViews>
  <sheets>
    <sheet name="Table S8-1" sheetId="1" r:id="rId1"/>
    <sheet name="Table S8-2" sheetId="2" r:id="rId2"/>
    <sheet name="Table S8-3" sheetId="3" r:id="rId3"/>
    <sheet name="Table S8-4" sheetId="4" r:id="rId4"/>
    <sheet name="Table S8-5" sheetId="5" r:id="rId5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532681" uniqueCount="255370">
  <si>
    <t>CpG</t>
  </si>
  <si>
    <t>Protein</t>
  </si>
  <si>
    <t>N</t>
  </si>
  <si>
    <t>Beta</t>
  </si>
  <si>
    <t>SE</t>
  </si>
  <si>
    <t>P.value</t>
  </si>
  <si>
    <t>Lower.CI</t>
  </si>
  <si>
    <t>Upper.CI</t>
  </si>
  <si>
    <t>cg02494853</t>
  </si>
  <si>
    <t>GFAP</t>
  </si>
  <si>
    <t>cg03706273</t>
  </si>
  <si>
    <t>cg04023335</t>
  </si>
  <si>
    <t>cg15295597</t>
  </si>
  <si>
    <t>cg27539833</t>
  </si>
  <si>
    <t>cg00011200</t>
  </si>
  <si>
    <t>cg00011891</t>
  </si>
  <si>
    <t>cg00016934</t>
  </si>
  <si>
    <t>cg00018261</t>
  </si>
  <si>
    <t>cg00072839</t>
  </si>
  <si>
    <t>cg00074638</t>
  </si>
  <si>
    <t>cg00112256</t>
  </si>
  <si>
    <t>cg00114625</t>
  </si>
  <si>
    <t>cg00114913</t>
  </si>
  <si>
    <t>cg00116709</t>
  </si>
  <si>
    <t>cg00139317</t>
  </si>
  <si>
    <t>cg00142683</t>
  </si>
  <si>
    <t>cg00192980</t>
  </si>
  <si>
    <t>cg00200463</t>
  </si>
  <si>
    <t>cg00206414</t>
  </si>
  <si>
    <t>cg00240113</t>
  </si>
  <si>
    <t>cg00241296</t>
  </si>
  <si>
    <t>cg00241907</t>
  </si>
  <si>
    <t>cg00243584</t>
  </si>
  <si>
    <t>cg00264378</t>
  </si>
  <si>
    <t>cg00265812</t>
  </si>
  <si>
    <t>cg00266918</t>
  </si>
  <si>
    <t>cg00373606</t>
  </si>
  <si>
    <t>cg00378717</t>
  </si>
  <si>
    <t>cg00378950</t>
  </si>
  <si>
    <t>cg00380985</t>
  </si>
  <si>
    <t>cg00381376</t>
  </si>
  <si>
    <t>cg00388637</t>
  </si>
  <si>
    <t>cg00391044</t>
  </si>
  <si>
    <t>cg00399450</t>
  </si>
  <si>
    <t>cg00408231</t>
  </si>
  <si>
    <t>cg00412010</t>
  </si>
  <si>
    <t>cg00412368</t>
  </si>
  <si>
    <t>cg00416689</t>
  </si>
  <si>
    <t>cg00457389</t>
  </si>
  <si>
    <t>cg00458505</t>
  </si>
  <si>
    <t>cg00466309</t>
  </si>
  <si>
    <t>cg00473354</t>
  </si>
  <si>
    <t>cg00478198</t>
  </si>
  <si>
    <t>cg00529027</t>
  </si>
  <si>
    <t>cg00554969</t>
  </si>
  <si>
    <t>cg00573298</t>
  </si>
  <si>
    <t>cg00575851</t>
  </si>
  <si>
    <t>cg00583618</t>
  </si>
  <si>
    <t>cg00611101</t>
  </si>
  <si>
    <t>cg00619443</t>
  </si>
  <si>
    <t>cg00622384</t>
  </si>
  <si>
    <t>cg00622389</t>
  </si>
  <si>
    <t>cg00645049</t>
  </si>
  <si>
    <t>cg00661180</t>
  </si>
  <si>
    <t>cg00680081</t>
  </si>
  <si>
    <t>cg00680673</t>
  </si>
  <si>
    <t>cg00685229</t>
  </si>
  <si>
    <t>cg00723997</t>
  </si>
  <si>
    <t>cg00727483</t>
  </si>
  <si>
    <t>cg00729461</t>
  </si>
  <si>
    <t>cg00735883</t>
  </si>
  <si>
    <t>cg00751785</t>
  </si>
  <si>
    <t>cg00769799</t>
  </si>
  <si>
    <t>cg00776430</t>
  </si>
  <si>
    <t>cg00813156</t>
  </si>
  <si>
    <t>cg00818649</t>
  </si>
  <si>
    <t>cg00824714</t>
  </si>
  <si>
    <t>cg00839572</t>
  </si>
  <si>
    <t>cg00845806</t>
  </si>
  <si>
    <t>cg00849191</t>
  </si>
  <si>
    <t>cg00855706</t>
  </si>
  <si>
    <t>cg00895705</t>
  </si>
  <si>
    <t>cg00904184</t>
  </si>
  <si>
    <t>cg00935924</t>
  </si>
  <si>
    <t>cg00936435</t>
  </si>
  <si>
    <t>cg00938641</t>
  </si>
  <si>
    <t>cg00981879</t>
  </si>
  <si>
    <t>cg00988678</t>
  </si>
  <si>
    <t>cg00993140</t>
  </si>
  <si>
    <t>cg00997875</t>
  </si>
  <si>
    <t>cg01000789</t>
  </si>
  <si>
    <t>cg01052065</t>
  </si>
  <si>
    <t>cg01056373</t>
  </si>
  <si>
    <t>cg01058588</t>
  </si>
  <si>
    <t>cg01062269</t>
  </si>
  <si>
    <t>cg01083397</t>
  </si>
  <si>
    <t>cg01142317</t>
  </si>
  <si>
    <t>cg01150083</t>
  </si>
  <si>
    <t>cg01191902</t>
  </si>
  <si>
    <t>cg01303569</t>
  </si>
  <si>
    <t>cg01310267</t>
  </si>
  <si>
    <t>cg01333849</t>
  </si>
  <si>
    <t>cg01366378</t>
  </si>
  <si>
    <t>cg01370179</t>
  </si>
  <si>
    <t>cg01374431</t>
  </si>
  <si>
    <t>cg01404988</t>
  </si>
  <si>
    <t>cg01405303</t>
  </si>
  <si>
    <t>cg01408682</t>
  </si>
  <si>
    <t>cg01434723</t>
  </si>
  <si>
    <t>cg01472347</t>
  </si>
  <si>
    <t>cg01475387</t>
  </si>
  <si>
    <t>cg01477427</t>
  </si>
  <si>
    <t>cg01483252</t>
  </si>
  <si>
    <t>cg01522249</t>
  </si>
  <si>
    <t>cg01533115</t>
  </si>
  <si>
    <t>cg01543116</t>
  </si>
  <si>
    <t>cg01555661</t>
  </si>
  <si>
    <t>cg01600123</t>
  </si>
  <si>
    <t>cg01600263</t>
  </si>
  <si>
    <t>cg01706033</t>
  </si>
  <si>
    <t>cg01732428</t>
  </si>
  <si>
    <t>cg01742836</t>
  </si>
  <si>
    <t>cg01758988</t>
  </si>
  <si>
    <t>cg01759889</t>
  </si>
  <si>
    <t>cg01762011</t>
  </si>
  <si>
    <t>cg01773478</t>
  </si>
  <si>
    <t>cg01777017</t>
  </si>
  <si>
    <t>cg01804836</t>
  </si>
  <si>
    <t>cg01807728</t>
  </si>
  <si>
    <t>cg01819787</t>
  </si>
  <si>
    <t>cg01825872</t>
  </si>
  <si>
    <t>cg01828474</t>
  </si>
  <si>
    <t>cg01831199</t>
  </si>
  <si>
    <t>cg01832419</t>
  </si>
  <si>
    <t>cg01857253</t>
  </si>
  <si>
    <t>cg01873087</t>
  </si>
  <si>
    <t>cg01891172</t>
  </si>
  <si>
    <t>cg01913024</t>
  </si>
  <si>
    <t>cg01913196</t>
  </si>
  <si>
    <t>cg01924074</t>
  </si>
  <si>
    <t>cg01938887</t>
  </si>
  <si>
    <t>cg01996818</t>
  </si>
  <si>
    <t>cg01999076</t>
  </si>
  <si>
    <t>cg01999212</t>
  </si>
  <si>
    <t>cg02010442</t>
  </si>
  <si>
    <t>cg02027189</t>
  </si>
  <si>
    <t>cg02031980</t>
  </si>
  <si>
    <t>cg02035866</t>
  </si>
  <si>
    <t>cg02049865</t>
  </si>
  <si>
    <t>cg02124059</t>
  </si>
  <si>
    <t>cg02127807</t>
  </si>
  <si>
    <t>cg02156712</t>
  </si>
  <si>
    <t>cg02161125</t>
  </si>
  <si>
    <t>cg02161919</t>
  </si>
  <si>
    <t>cg02195366</t>
  </si>
  <si>
    <t>cg02201836</t>
  </si>
  <si>
    <t>cg02214597</t>
  </si>
  <si>
    <t>cg02225164</t>
  </si>
  <si>
    <t>cg02229344</t>
  </si>
  <si>
    <t>cg02268650</t>
  </si>
  <si>
    <t>cg02274705</t>
  </si>
  <si>
    <t>cg02275875</t>
  </si>
  <si>
    <t>cg02283535</t>
  </si>
  <si>
    <t>cg02285254</t>
  </si>
  <si>
    <t>cg02288667</t>
  </si>
  <si>
    <t>cg02291897</t>
  </si>
  <si>
    <t>cg02293258</t>
  </si>
  <si>
    <t>cg02295369</t>
  </si>
  <si>
    <t>cg02295504</t>
  </si>
  <si>
    <t>cg02327549</t>
  </si>
  <si>
    <t>cg02333283</t>
  </si>
  <si>
    <t>cg02353937</t>
  </si>
  <si>
    <t>cg02360578</t>
  </si>
  <si>
    <t>cg02386310</t>
  </si>
  <si>
    <t>cg02417823</t>
  </si>
  <si>
    <t>cg02480419</t>
  </si>
  <si>
    <t>cg02496423</t>
  </si>
  <si>
    <t>cg02510708</t>
  </si>
  <si>
    <t>cg02538330</t>
  </si>
  <si>
    <t>cg02540297</t>
  </si>
  <si>
    <t>cg02581653</t>
  </si>
  <si>
    <t>cg02589074</t>
  </si>
  <si>
    <t>cg02602182</t>
  </si>
  <si>
    <t>cg02602528</t>
  </si>
  <si>
    <t>cg02621658</t>
  </si>
  <si>
    <t>cg02623256</t>
  </si>
  <si>
    <t>cg02623604</t>
  </si>
  <si>
    <t>cg02624484</t>
  </si>
  <si>
    <t>cg02634083</t>
  </si>
  <si>
    <t>cg02639793</t>
  </si>
  <si>
    <t>cg02685544</t>
  </si>
  <si>
    <t>cg02723311</t>
  </si>
  <si>
    <t>cg02742918</t>
  </si>
  <si>
    <t>cg02775175</t>
  </si>
  <si>
    <t>cg02803670</t>
  </si>
  <si>
    <t>cg02810043</t>
  </si>
  <si>
    <t>cg02821380</t>
  </si>
  <si>
    <t>cg02859554</t>
  </si>
  <si>
    <t>cg02864732</t>
  </si>
  <si>
    <t>cg02869694</t>
  </si>
  <si>
    <t>cg02875834</t>
  </si>
  <si>
    <t>cg02879223</t>
  </si>
  <si>
    <t>cg02883100</t>
  </si>
  <si>
    <t>cg02890812</t>
  </si>
  <si>
    <t>cg02921434</t>
  </si>
  <si>
    <t>cg02931149</t>
  </si>
  <si>
    <t>cg02932805</t>
  </si>
  <si>
    <t>cg02937293</t>
  </si>
  <si>
    <t>cg02938958</t>
  </si>
  <si>
    <t>cg02939364</t>
  </si>
  <si>
    <t>cg02971902</t>
  </si>
  <si>
    <t>cg02973417</t>
  </si>
  <si>
    <t>cg02994943</t>
  </si>
  <si>
    <t>cg03024957</t>
  </si>
  <si>
    <t>cg03031357</t>
  </si>
  <si>
    <t>cg03048084</t>
  </si>
  <si>
    <t>cg03056321</t>
  </si>
  <si>
    <t>cg03100923</t>
  </si>
  <si>
    <t>cg03102729</t>
  </si>
  <si>
    <t>cg03102848</t>
  </si>
  <si>
    <t>cg03104298</t>
  </si>
  <si>
    <t>cg03120461</t>
  </si>
  <si>
    <t>cg03128268</t>
  </si>
  <si>
    <t>cg03171708</t>
  </si>
  <si>
    <t>cg03177323</t>
  </si>
  <si>
    <t>cg03189022</t>
  </si>
  <si>
    <t>cg03202526</t>
  </si>
  <si>
    <t>cg03213202</t>
  </si>
  <si>
    <t>cg03219705</t>
  </si>
  <si>
    <t>cg03240752</t>
  </si>
  <si>
    <t>cg03244432</t>
  </si>
  <si>
    <t>cg03272642</t>
  </si>
  <si>
    <t>cg03280420</t>
  </si>
  <si>
    <t>cg03334316</t>
  </si>
  <si>
    <t>cg03335173</t>
  </si>
  <si>
    <t>cg03348338</t>
  </si>
  <si>
    <t>cg03360374</t>
  </si>
  <si>
    <t>cg03370193</t>
  </si>
  <si>
    <t>cg03374735</t>
  </si>
  <si>
    <t>cg03391801</t>
  </si>
  <si>
    <t>cg03440272</t>
  </si>
  <si>
    <t>cg03505772</t>
  </si>
  <si>
    <t>cg03513471</t>
  </si>
  <si>
    <t>cg03517379</t>
  </si>
  <si>
    <t>cg03580328</t>
  </si>
  <si>
    <t>cg03590418</t>
  </si>
  <si>
    <t>cg03605032</t>
  </si>
  <si>
    <t>cg03658985</t>
  </si>
  <si>
    <t>cg03670113</t>
  </si>
  <si>
    <t>cg03672915</t>
  </si>
  <si>
    <t>cg03679269</t>
  </si>
  <si>
    <t>cg03683587</t>
  </si>
  <si>
    <t>cg03691313</t>
  </si>
  <si>
    <t>cg03705894</t>
  </si>
  <si>
    <t>cg03718079</t>
  </si>
  <si>
    <t>cg03723123</t>
  </si>
  <si>
    <t>cg03728850</t>
  </si>
  <si>
    <t>cg03748372</t>
  </si>
  <si>
    <t>cg03751162</t>
  </si>
  <si>
    <t>cg03752015</t>
  </si>
  <si>
    <t>cg03754195</t>
  </si>
  <si>
    <t>cg03759948</t>
  </si>
  <si>
    <t>cg03769817</t>
  </si>
  <si>
    <t>cg03801901</t>
  </si>
  <si>
    <t>cg03802424</t>
  </si>
  <si>
    <t>cg03802931</t>
  </si>
  <si>
    <t>cg03811055</t>
  </si>
  <si>
    <t>cg03822658</t>
  </si>
  <si>
    <t>cg03825574</t>
  </si>
  <si>
    <t>cg03829216</t>
  </si>
  <si>
    <t>cg03831206</t>
  </si>
  <si>
    <t>cg03832506</t>
  </si>
  <si>
    <t>cg03894002</t>
  </si>
  <si>
    <t>cg03900860</t>
  </si>
  <si>
    <t>cg03905487</t>
  </si>
  <si>
    <t>cg03906572</t>
  </si>
  <si>
    <t>cg03944921</t>
  </si>
  <si>
    <t>cg03959273</t>
  </si>
  <si>
    <t>cg03968699</t>
  </si>
  <si>
    <t>cg03971283</t>
  </si>
  <si>
    <t>cg03971469</t>
  </si>
  <si>
    <t>cg03977822</t>
  </si>
  <si>
    <t>cg03983969</t>
  </si>
  <si>
    <t>cg04026379</t>
  </si>
  <si>
    <t>cg04027004</t>
  </si>
  <si>
    <t>cg04029282</t>
  </si>
  <si>
    <t>cg04029366</t>
  </si>
  <si>
    <t>cg04029664</t>
  </si>
  <si>
    <t>cg04039555</t>
  </si>
  <si>
    <t>cg04065558</t>
  </si>
  <si>
    <t>cg04075675</t>
  </si>
  <si>
    <t>cg04094482</t>
  </si>
  <si>
    <t>cg04096096</t>
  </si>
  <si>
    <t>cg04128303</t>
  </si>
  <si>
    <t>cg04149024</t>
  </si>
  <si>
    <t>cg04149171</t>
  </si>
  <si>
    <t>cg04166210</t>
  </si>
  <si>
    <t>cg04167725</t>
  </si>
  <si>
    <t>cg04177426</t>
  </si>
  <si>
    <t>cg04190662</t>
  </si>
  <si>
    <t>cg04225046</t>
  </si>
  <si>
    <t>cg04238575</t>
  </si>
  <si>
    <t>cg04288012</t>
  </si>
  <si>
    <t>cg04292836</t>
  </si>
  <si>
    <t>cg04294190</t>
  </si>
  <si>
    <t>cg04297907</t>
  </si>
  <si>
    <t>cg04301343</t>
  </si>
  <si>
    <t>cg04302178</t>
  </si>
  <si>
    <t>cg04307491</t>
  </si>
  <si>
    <t>cg04317640</t>
  </si>
  <si>
    <t>cg04327763</t>
  </si>
  <si>
    <t>cg04344997</t>
  </si>
  <si>
    <t>cg04345928</t>
  </si>
  <si>
    <t>cg04371001</t>
  </si>
  <si>
    <t>cg04371585</t>
  </si>
  <si>
    <t>cg04373587</t>
  </si>
  <si>
    <t>cg04376185</t>
  </si>
  <si>
    <t>cg04388383</t>
  </si>
  <si>
    <t>cg04393989</t>
  </si>
  <si>
    <t>cg04394795</t>
  </si>
  <si>
    <t>cg04402486</t>
  </si>
  <si>
    <t>cg04406445</t>
  </si>
  <si>
    <t>cg04413754</t>
  </si>
  <si>
    <t>cg04419618</t>
  </si>
  <si>
    <t>cg04428826</t>
  </si>
  <si>
    <t>cg04494122</t>
  </si>
  <si>
    <t>cg04524851</t>
  </si>
  <si>
    <t>cg04595393</t>
  </si>
  <si>
    <t>cg04646630</t>
  </si>
  <si>
    <t>cg04647039</t>
  </si>
  <si>
    <t>cg04675919</t>
  </si>
  <si>
    <t>cg04676446</t>
  </si>
  <si>
    <t>cg04685060</t>
  </si>
  <si>
    <t>cg04691867</t>
  </si>
  <si>
    <t>cg04702079</t>
  </si>
  <si>
    <t>cg04709809</t>
  </si>
  <si>
    <t>cg04712194</t>
  </si>
  <si>
    <t>cg04716051</t>
  </si>
  <si>
    <t>cg04734394</t>
  </si>
  <si>
    <t>cg04739874</t>
  </si>
  <si>
    <t>cg04748497</t>
  </si>
  <si>
    <t>cg04763286</t>
  </si>
  <si>
    <t>cg04764476</t>
  </si>
  <si>
    <t>cg04765675</t>
  </si>
  <si>
    <t>cg04777541</t>
  </si>
  <si>
    <t>cg04820960</t>
  </si>
  <si>
    <t>cg04886382</t>
  </si>
  <si>
    <t>cg04927982</t>
  </si>
  <si>
    <t>cg04932755</t>
  </si>
  <si>
    <t>cg05032353</t>
  </si>
  <si>
    <t>cg05032903</t>
  </si>
  <si>
    <t>cg05045028</t>
  </si>
  <si>
    <t>cg05049545</t>
  </si>
  <si>
    <t>cg05064925</t>
  </si>
  <si>
    <t>cg05086798</t>
  </si>
  <si>
    <t>cg05088151</t>
  </si>
  <si>
    <t>cg05091873</t>
  </si>
  <si>
    <t>cg05096434</t>
  </si>
  <si>
    <t>cg05096731</t>
  </si>
  <si>
    <t>cg05109619</t>
  </si>
  <si>
    <t>cg05123368</t>
  </si>
  <si>
    <t>cg05134041</t>
  </si>
  <si>
    <t>cg05137263</t>
  </si>
  <si>
    <t>cg05147108</t>
  </si>
  <si>
    <t>cg05152874</t>
  </si>
  <si>
    <t>cg05184682</t>
  </si>
  <si>
    <t>cg05196231</t>
  </si>
  <si>
    <t>cg05200893</t>
  </si>
  <si>
    <t>cg05206294</t>
  </si>
  <si>
    <t>cg05219621</t>
  </si>
  <si>
    <t>cg05222959</t>
  </si>
  <si>
    <t>cg05223760</t>
  </si>
  <si>
    <t>cg05239680</t>
  </si>
  <si>
    <t>cg05242815</t>
  </si>
  <si>
    <t>cg05257372</t>
  </si>
  <si>
    <t>cg05260852</t>
  </si>
  <si>
    <t>cg05293502</t>
  </si>
  <si>
    <t>cg05370638</t>
  </si>
  <si>
    <t>cg05374090</t>
  </si>
  <si>
    <t>cg05379196</t>
  </si>
  <si>
    <t>cg05393376</t>
  </si>
  <si>
    <t>cg05397816</t>
  </si>
  <si>
    <t>cg05424879</t>
  </si>
  <si>
    <t>cg05425577</t>
  </si>
  <si>
    <t>cg05442715</t>
  </si>
  <si>
    <t>cg05445331</t>
  </si>
  <si>
    <t>cg05449830</t>
  </si>
  <si>
    <t>cg05452887</t>
  </si>
  <si>
    <t>cg05453458</t>
  </si>
  <si>
    <t>cg05456652</t>
  </si>
  <si>
    <t>cg05461361</t>
  </si>
  <si>
    <t>cg05463813</t>
  </si>
  <si>
    <t>cg05473496</t>
  </si>
  <si>
    <t>cg05476522</t>
  </si>
  <si>
    <t>cg05479376</t>
  </si>
  <si>
    <t>cg05515118</t>
  </si>
  <si>
    <t>cg05526804</t>
  </si>
  <si>
    <t>cg05534333</t>
  </si>
  <si>
    <t>cg05551025</t>
  </si>
  <si>
    <t>cg05572834</t>
  </si>
  <si>
    <t>cg05605384</t>
  </si>
  <si>
    <t>cg05630320</t>
  </si>
  <si>
    <t>cg05687312</t>
  </si>
  <si>
    <t>cg05747459</t>
  </si>
  <si>
    <t>cg05782106</t>
  </si>
  <si>
    <t>cg05785344</t>
  </si>
  <si>
    <t>cg05788681</t>
  </si>
  <si>
    <t>cg05799859</t>
  </si>
  <si>
    <t>cg05803370</t>
  </si>
  <si>
    <t>cg05803913</t>
  </si>
  <si>
    <t>cg05804339</t>
  </si>
  <si>
    <t>cg05806018</t>
  </si>
  <si>
    <t>cg05829338</t>
  </si>
  <si>
    <t>cg05849875</t>
  </si>
  <si>
    <t>cg05866836</t>
  </si>
  <si>
    <t>cg05876899</t>
  </si>
  <si>
    <t>cg05887304</t>
  </si>
  <si>
    <t>cg05893072</t>
  </si>
  <si>
    <t>cg05899999</t>
  </si>
  <si>
    <t>cg05908188</t>
  </si>
  <si>
    <t>cg05914696</t>
  </si>
  <si>
    <t>cg05941375</t>
  </si>
  <si>
    <t>cg05947181</t>
  </si>
  <si>
    <t>cg05958126</t>
  </si>
  <si>
    <t>cg05994819</t>
  </si>
  <si>
    <t>cg05996419</t>
  </si>
  <si>
    <t>cg06022838</t>
  </si>
  <si>
    <t>cg06041068</t>
  </si>
  <si>
    <t>cg06042004</t>
  </si>
  <si>
    <t>cg06051391</t>
  </si>
  <si>
    <t>cg06055478</t>
  </si>
  <si>
    <t>cg06058235</t>
  </si>
  <si>
    <t>cg06069996</t>
  </si>
  <si>
    <t>cg06072560</t>
  </si>
  <si>
    <t>cg06079963</t>
  </si>
  <si>
    <t>cg06084034</t>
  </si>
  <si>
    <t>cg06093412</t>
  </si>
  <si>
    <t>cg06097615</t>
  </si>
  <si>
    <t>cg06104510</t>
  </si>
  <si>
    <t>cg06104959</t>
  </si>
  <si>
    <t>cg06119392</t>
  </si>
  <si>
    <t>cg06124711</t>
  </si>
  <si>
    <t>cg06135529</t>
  </si>
  <si>
    <t>cg06136002</t>
  </si>
  <si>
    <t>cg06137672</t>
  </si>
  <si>
    <t>cg06139288</t>
  </si>
  <si>
    <t>cg06144825</t>
  </si>
  <si>
    <t>cg06144999</t>
  </si>
  <si>
    <t>cg06157408</t>
  </si>
  <si>
    <t>cg06158088</t>
  </si>
  <si>
    <t>cg06164717</t>
  </si>
  <si>
    <t>cg06174815</t>
  </si>
  <si>
    <t>cg06185870</t>
  </si>
  <si>
    <t>cg06228453</t>
  </si>
  <si>
    <t>cg06252876</t>
  </si>
  <si>
    <t>cg06256374</t>
  </si>
  <si>
    <t>cg06266461</t>
  </si>
  <si>
    <t>cg06272245</t>
  </si>
  <si>
    <t>cg06282524</t>
  </si>
  <si>
    <t>cg06288270</t>
  </si>
  <si>
    <t>cg06292022</t>
  </si>
  <si>
    <t>cg06293983</t>
  </si>
  <si>
    <t>cg06295352</t>
  </si>
  <si>
    <t>cg06297686</t>
  </si>
  <si>
    <t>cg06300944</t>
  </si>
  <si>
    <t>cg06302025</t>
  </si>
  <si>
    <t>cg06334238</t>
  </si>
  <si>
    <t>cg06376033</t>
  </si>
  <si>
    <t>cg06380355</t>
  </si>
  <si>
    <t>cg06408025</t>
  </si>
  <si>
    <t>cg06408185</t>
  </si>
  <si>
    <t>cg06408301</t>
  </si>
  <si>
    <t>cg06411441</t>
  </si>
  <si>
    <t>cg06428288</t>
  </si>
  <si>
    <t>cg06443675</t>
  </si>
  <si>
    <t>cg06444329</t>
  </si>
  <si>
    <t>cg06462727</t>
  </si>
  <si>
    <t>cg06464066</t>
  </si>
  <si>
    <t>cg06469252</t>
  </si>
  <si>
    <t>cg06472116</t>
  </si>
  <si>
    <t>cg06511189</t>
  </si>
  <si>
    <t>cg06521531</t>
  </si>
  <si>
    <t>cg06558166</t>
  </si>
  <si>
    <t>cg06614969</t>
  </si>
  <si>
    <t>cg06615444</t>
  </si>
  <si>
    <t>cg06616857</t>
  </si>
  <si>
    <t>cg06624970</t>
  </si>
  <si>
    <t>cg06625916</t>
  </si>
  <si>
    <t>cg06630839</t>
  </si>
  <si>
    <t>cg06649034</t>
  </si>
  <si>
    <t>cg06650546</t>
  </si>
  <si>
    <t>cg06650776</t>
  </si>
  <si>
    <t>cg06654051</t>
  </si>
  <si>
    <t>cg06673178</t>
  </si>
  <si>
    <t>cg06700462</t>
  </si>
  <si>
    <t>cg06720669</t>
  </si>
  <si>
    <t>cg06746884</t>
  </si>
  <si>
    <t>cg06774787</t>
  </si>
  <si>
    <t>cg06775759</t>
  </si>
  <si>
    <t>cg06779458</t>
  </si>
  <si>
    <t>cg06783548</t>
  </si>
  <si>
    <t>cg06791102</t>
  </si>
  <si>
    <t>cg06796204</t>
  </si>
  <si>
    <t>cg06803079</t>
  </si>
  <si>
    <t>cg06805513</t>
  </si>
  <si>
    <t>cg06807018</t>
  </si>
  <si>
    <t>cg06834235</t>
  </si>
  <si>
    <t>cg06864633</t>
  </si>
  <si>
    <t>cg06878303</t>
  </si>
  <si>
    <t>cg06899582</t>
  </si>
  <si>
    <t>cg06915321</t>
  </si>
  <si>
    <t>cg06915915</t>
  </si>
  <si>
    <t>cg06922569</t>
  </si>
  <si>
    <t>cg06944922</t>
  </si>
  <si>
    <t>cg06963664</t>
  </si>
  <si>
    <t>cg06964654</t>
  </si>
  <si>
    <t>cg06968752</t>
  </si>
  <si>
    <t>cg07038409</t>
  </si>
  <si>
    <t>cg07051162</t>
  </si>
  <si>
    <t>cg07051329</t>
  </si>
  <si>
    <t>cg07056506</t>
  </si>
  <si>
    <t>cg07089242</t>
  </si>
  <si>
    <t>cg07096248</t>
  </si>
  <si>
    <t>cg07098277</t>
  </si>
  <si>
    <t>cg07109010</t>
  </si>
  <si>
    <t>cg07153944</t>
  </si>
  <si>
    <t>cg07167981</t>
  </si>
  <si>
    <t>cg07187289</t>
  </si>
  <si>
    <t>cg07200487</t>
  </si>
  <si>
    <t>cg07215528</t>
  </si>
  <si>
    <t>cg07260325</t>
  </si>
  <si>
    <t>cg07276379</t>
  </si>
  <si>
    <t>cg07381502</t>
  </si>
  <si>
    <t>cg07386410</t>
  </si>
  <si>
    <t>cg07393670</t>
  </si>
  <si>
    <t>cg07395435</t>
  </si>
  <si>
    <t>cg07405239</t>
  </si>
  <si>
    <t>cg07439872</t>
  </si>
  <si>
    <t>cg07441824</t>
  </si>
  <si>
    <t>cg07446674</t>
  </si>
  <si>
    <t>cg07458836</t>
  </si>
  <si>
    <t>cg07466166</t>
  </si>
  <si>
    <t>cg07481063</t>
  </si>
  <si>
    <t>cg07507776</t>
  </si>
  <si>
    <t>cg07516457</t>
  </si>
  <si>
    <t>cg07519908</t>
  </si>
  <si>
    <t>cg07553115</t>
  </si>
  <si>
    <t>cg07559615</t>
  </si>
  <si>
    <t>cg07648454</t>
  </si>
  <si>
    <t>cg07652272</t>
  </si>
  <si>
    <t>cg07653728</t>
  </si>
  <si>
    <t>cg07658614</t>
  </si>
  <si>
    <t>cg07659240</t>
  </si>
  <si>
    <t>cg07674503</t>
  </si>
  <si>
    <t>cg07686944</t>
  </si>
  <si>
    <t>cg07688057</t>
  </si>
  <si>
    <t>cg07693301</t>
  </si>
  <si>
    <t>cg07750402</t>
  </si>
  <si>
    <t>cg07758529</t>
  </si>
  <si>
    <t>cg07771637</t>
  </si>
  <si>
    <t>cg07779434</t>
  </si>
  <si>
    <t>cg07806343</t>
  </si>
  <si>
    <t>cg07809462</t>
  </si>
  <si>
    <t>cg07810091</t>
  </si>
  <si>
    <t>cg07810164</t>
  </si>
  <si>
    <t>cg07816287</t>
  </si>
  <si>
    <t>cg07823797</t>
  </si>
  <si>
    <t>cg07824272</t>
  </si>
  <si>
    <t>cg07825508</t>
  </si>
  <si>
    <t>cg07828380</t>
  </si>
  <si>
    <t>cg07834773</t>
  </si>
  <si>
    <t>cg07837161</t>
  </si>
  <si>
    <t>cg07858069</t>
  </si>
  <si>
    <t>cg07861180</t>
  </si>
  <si>
    <t>cg07862274</t>
  </si>
  <si>
    <t>cg07867687</t>
  </si>
  <si>
    <t>cg07874334</t>
  </si>
  <si>
    <t>cg07887243</t>
  </si>
  <si>
    <t>cg07896193</t>
  </si>
  <si>
    <t>cg07902213</t>
  </si>
  <si>
    <t>cg07910525</t>
  </si>
  <si>
    <t>cg07912337</t>
  </si>
  <si>
    <t>cg07928156</t>
  </si>
  <si>
    <t>cg07929406</t>
  </si>
  <si>
    <t>cg07930217</t>
  </si>
  <si>
    <t>cg07933790</t>
  </si>
  <si>
    <t>cg07954607</t>
  </si>
  <si>
    <t>cg07989867</t>
  </si>
  <si>
    <t>cg07990395</t>
  </si>
  <si>
    <t>cg07994386</t>
  </si>
  <si>
    <t>cg08059058</t>
  </si>
  <si>
    <t>cg08059778</t>
  </si>
  <si>
    <t>cg08063601</t>
  </si>
  <si>
    <t>cg08063757</t>
  </si>
  <si>
    <t>cg08076861</t>
  </si>
  <si>
    <t>cg08108619</t>
  </si>
  <si>
    <t>cg08141049</t>
  </si>
  <si>
    <t>cg08199506</t>
  </si>
  <si>
    <t>cg08209483</t>
  </si>
  <si>
    <t>cg08276328</t>
  </si>
  <si>
    <t>cg08279515</t>
  </si>
  <si>
    <t>cg08282969</t>
  </si>
  <si>
    <t>cg08291693</t>
  </si>
  <si>
    <t>cg08297137</t>
  </si>
  <si>
    <t>cg08311689</t>
  </si>
  <si>
    <t>cg08313132</t>
  </si>
  <si>
    <t>cg08341987</t>
  </si>
  <si>
    <t>cg08343300</t>
  </si>
  <si>
    <t>cg08363715</t>
  </si>
  <si>
    <t>cg08384999</t>
  </si>
  <si>
    <t>cg08405463</t>
  </si>
  <si>
    <t>cg08408091</t>
  </si>
  <si>
    <t>cg08414231</t>
  </si>
  <si>
    <t>cg08422514</t>
  </si>
  <si>
    <t>cg08437461</t>
  </si>
  <si>
    <t>cg08437835</t>
  </si>
  <si>
    <t>cg08446143</t>
  </si>
  <si>
    <t>cg08446187</t>
  </si>
  <si>
    <t>cg08447449</t>
  </si>
  <si>
    <t>cg08470157</t>
  </si>
  <si>
    <t>cg08476890</t>
  </si>
  <si>
    <t>cg08479532</t>
  </si>
  <si>
    <t>cg08479711</t>
  </si>
  <si>
    <t>cg08491314</t>
  </si>
  <si>
    <t>cg08578454</t>
  </si>
  <si>
    <t>cg08579577</t>
  </si>
  <si>
    <t>cg08605656</t>
  </si>
  <si>
    <t>cg08623691</t>
  </si>
  <si>
    <t>cg08626646</t>
  </si>
  <si>
    <t>cg08637905</t>
  </si>
  <si>
    <t>cg08648877</t>
  </si>
  <si>
    <t>cg08683562</t>
  </si>
  <si>
    <t>cg08704539</t>
  </si>
  <si>
    <t>cg08706312</t>
  </si>
  <si>
    <t>cg08725455</t>
  </si>
  <si>
    <t>cg08757719</t>
  </si>
  <si>
    <t>cg08783090</t>
  </si>
  <si>
    <t>cg08784874</t>
  </si>
  <si>
    <t>cg08786213</t>
  </si>
  <si>
    <t>cg08790343</t>
  </si>
  <si>
    <t>cg08796898</t>
  </si>
  <si>
    <t>cg08798116</t>
  </si>
  <si>
    <t>cg08817443</t>
  </si>
  <si>
    <t>cg08818092</t>
  </si>
  <si>
    <t>cg08818886</t>
  </si>
  <si>
    <t>cg08847773</t>
  </si>
  <si>
    <t>cg08848711</t>
  </si>
  <si>
    <t>cg08859156</t>
  </si>
  <si>
    <t>cg08952424</t>
  </si>
  <si>
    <t>cg08955276</t>
  </si>
  <si>
    <t>cg08969352</t>
  </si>
  <si>
    <t>cg08998989</t>
  </si>
  <si>
    <t>cg09018810</t>
  </si>
  <si>
    <t>cg09034929</t>
  </si>
  <si>
    <t>cg09038535</t>
  </si>
  <si>
    <t>cg09056691</t>
  </si>
  <si>
    <t>cg09060772</t>
  </si>
  <si>
    <t>cg09072865</t>
  </si>
  <si>
    <t>cg09080960</t>
  </si>
  <si>
    <t>cg09091181</t>
  </si>
  <si>
    <t>cg09109599</t>
  </si>
  <si>
    <t>cg09112156</t>
  </si>
  <si>
    <t>cg09132264</t>
  </si>
  <si>
    <t>cg09134165</t>
  </si>
  <si>
    <t>cg09134399</t>
  </si>
  <si>
    <t>cg09146129</t>
  </si>
  <si>
    <t>cg09146364</t>
  </si>
  <si>
    <t>cg09159923</t>
  </si>
  <si>
    <t>cg09168980</t>
  </si>
  <si>
    <t>cg09185350</t>
  </si>
  <si>
    <t>cg09192059</t>
  </si>
  <si>
    <t>cg09207137</t>
  </si>
  <si>
    <t>cg09210933</t>
  </si>
  <si>
    <t>cg09229960</t>
  </si>
  <si>
    <t>cg09285672</t>
  </si>
  <si>
    <t>cg09293286</t>
  </si>
  <si>
    <t>cg09309899</t>
  </si>
  <si>
    <t>cg09310980</t>
  </si>
  <si>
    <t>cg09329826</t>
  </si>
  <si>
    <t>cg09342610</t>
  </si>
  <si>
    <t>cg09406238</t>
  </si>
  <si>
    <t>cg09411587</t>
  </si>
  <si>
    <t>cg09418475</t>
  </si>
  <si>
    <t>cg09513996</t>
  </si>
  <si>
    <t>cg09520583</t>
  </si>
  <si>
    <t>cg09523866</t>
  </si>
  <si>
    <t>cg09524087</t>
  </si>
  <si>
    <t>cg09525227</t>
  </si>
  <si>
    <t>cg09610569</t>
  </si>
  <si>
    <t>cg09610589</t>
  </si>
  <si>
    <t>cg09614762</t>
  </si>
  <si>
    <t>cg09624684</t>
  </si>
  <si>
    <t>cg09655497</t>
  </si>
  <si>
    <t>cg09656426</t>
  </si>
  <si>
    <t>cg09666011</t>
  </si>
  <si>
    <t>cg09679059</t>
  </si>
  <si>
    <t>cg09687738</t>
  </si>
  <si>
    <t>cg09720515</t>
  </si>
  <si>
    <t>cg09721174</t>
  </si>
  <si>
    <t>cg09734952</t>
  </si>
  <si>
    <t>cg09773839</t>
  </si>
  <si>
    <t>cg09786233</t>
  </si>
  <si>
    <t>cg09788161</t>
  </si>
  <si>
    <t>cg09789426</t>
  </si>
  <si>
    <t>cg09790289</t>
  </si>
  <si>
    <t>cg09799350</t>
  </si>
  <si>
    <t>cg09815793</t>
  </si>
  <si>
    <t>cg09821007</t>
  </si>
  <si>
    <t>cg09834142</t>
  </si>
  <si>
    <t>cg09835024</t>
  </si>
  <si>
    <t>cg09850561</t>
  </si>
  <si>
    <t>cg09868337</t>
  </si>
  <si>
    <t>cg09890269</t>
  </si>
  <si>
    <t>cg09895223</t>
  </si>
  <si>
    <t>cg09985072</t>
  </si>
  <si>
    <t>cg09990556</t>
  </si>
  <si>
    <t>cg09998474</t>
  </si>
  <si>
    <t>cg09998941</t>
  </si>
  <si>
    <t>cg10052922</t>
  </si>
  <si>
    <t>cg10055097</t>
  </si>
  <si>
    <t>cg10070668</t>
  </si>
  <si>
    <t>cg10071036</t>
  </si>
  <si>
    <t>cg10078687</t>
  </si>
  <si>
    <t>cg10088372</t>
  </si>
  <si>
    <t>cg10096796</t>
  </si>
  <si>
    <t>cg10169869</t>
  </si>
  <si>
    <t>cg10191387</t>
  </si>
  <si>
    <t>cg10201390</t>
  </si>
  <si>
    <t>cg10274815</t>
  </si>
  <si>
    <t>cg10286673</t>
  </si>
  <si>
    <t>cg10288106</t>
  </si>
  <si>
    <t>cg10288278</t>
  </si>
  <si>
    <t>cg10291990</t>
  </si>
  <si>
    <t>cg10308137</t>
  </si>
  <si>
    <t>cg10315562</t>
  </si>
  <si>
    <t>cg10346077</t>
  </si>
  <si>
    <t>cg10347293</t>
  </si>
  <si>
    <t>cg10347326</t>
  </si>
  <si>
    <t>cg10356429</t>
  </si>
  <si>
    <t>cg10421300</t>
  </si>
  <si>
    <t>cg10451760</t>
  </si>
  <si>
    <t>cg10473383</t>
  </si>
  <si>
    <t>cg10510586</t>
  </si>
  <si>
    <t>cg10575236</t>
  </si>
  <si>
    <t>cg10674704</t>
  </si>
  <si>
    <t>cg10706590</t>
  </si>
  <si>
    <t>cg10717149</t>
  </si>
  <si>
    <t>cg10718795</t>
  </si>
  <si>
    <t>cg10721440</t>
  </si>
  <si>
    <t>cg10739728</t>
  </si>
  <si>
    <t>cg10848980</t>
  </si>
  <si>
    <t>cg10851587</t>
  </si>
  <si>
    <t>cg10856819</t>
  </si>
  <si>
    <t>cg10860619</t>
  </si>
  <si>
    <t>cg10861033</t>
  </si>
  <si>
    <t>cg10861555</t>
  </si>
  <si>
    <t>cg10869159</t>
  </si>
  <si>
    <t>cg10869581</t>
  </si>
  <si>
    <t>cg10913852</t>
  </si>
  <si>
    <t>cg10914789</t>
  </si>
  <si>
    <t>cg10950266</t>
  </si>
  <si>
    <t>cg10950413</t>
  </si>
  <si>
    <t>cg10956264</t>
  </si>
  <si>
    <t>cg10978884</t>
  </si>
  <si>
    <t>cg10983111</t>
  </si>
  <si>
    <t>cg10986455</t>
  </si>
  <si>
    <t>cg10987536</t>
  </si>
  <si>
    <t>cg10991108</t>
  </si>
  <si>
    <t>cg11021247</t>
  </si>
  <si>
    <t>cg11024449</t>
  </si>
  <si>
    <t>cg11024551</t>
  </si>
  <si>
    <t>cg11049154</t>
  </si>
  <si>
    <t>cg11049774</t>
  </si>
  <si>
    <t>cg11081925</t>
  </si>
  <si>
    <t>cg11082424</t>
  </si>
  <si>
    <t>cg11082630</t>
  </si>
  <si>
    <t>cg11107468</t>
  </si>
  <si>
    <t>cg11111131</t>
  </si>
  <si>
    <t>cg11111271</t>
  </si>
  <si>
    <t>cg11116781</t>
  </si>
  <si>
    <t>cg11143827</t>
  </si>
  <si>
    <t>cg11152253</t>
  </si>
  <si>
    <t>cg11154719</t>
  </si>
  <si>
    <t>cg11165443</t>
  </si>
  <si>
    <t>cg11170680</t>
  </si>
  <si>
    <t>cg11184697</t>
  </si>
  <si>
    <t>cg11185978</t>
  </si>
  <si>
    <t>cg11186637</t>
  </si>
  <si>
    <t>cg11186981</t>
  </si>
  <si>
    <t>cg11190082</t>
  </si>
  <si>
    <t>cg11194545</t>
  </si>
  <si>
    <t>cg11233153</t>
  </si>
  <si>
    <t>cg11266667</t>
  </si>
  <si>
    <t>cg11267664</t>
  </si>
  <si>
    <t>cg11267692</t>
  </si>
  <si>
    <t>cg11271681</t>
  </si>
  <si>
    <t>cg11286196</t>
  </si>
  <si>
    <t>cg11308037</t>
  </si>
  <si>
    <t>cg11322406</t>
  </si>
  <si>
    <t>cg11329209</t>
  </si>
  <si>
    <t>cg11337025</t>
  </si>
  <si>
    <t>cg11395955</t>
  </si>
  <si>
    <t>cg11409998</t>
  </si>
  <si>
    <t>cg11442732</t>
  </si>
  <si>
    <t>cg11449070</t>
  </si>
  <si>
    <t>cg11450947</t>
  </si>
  <si>
    <t>cg11458217</t>
  </si>
  <si>
    <t>cg11520843</t>
  </si>
  <si>
    <t>cg11594566</t>
  </si>
  <si>
    <t>cg11616438</t>
  </si>
  <si>
    <t>cg11637006</t>
  </si>
  <si>
    <t>cg11653314</t>
  </si>
  <si>
    <t>cg11653864</t>
  </si>
  <si>
    <t>cg11663393</t>
  </si>
  <si>
    <t>cg11670235</t>
  </si>
  <si>
    <t>cg11673471</t>
  </si>
  <si>
    <t>cg11704309</t>
  </si>
  <si>
    <t>cg11704979</t>
  </si>
  <si>
    <t>cg11706213</t>
  </si>
  <si>
    <t>cg11712793</t>
  </si>
  <si>
    <t>cg11720358</t>
  </si>
  <si>
    <t>cg11721100</t>
  </si>
  <si>
    <t>cg11778030</t>
  </si>
  <si>
    <t>cg11825731</t>
  </si>
  <si>
    <t>cg11839979</t>
  </si>
  <si>
    <t>cg11851349</t>
  </si>
  <si>
    <t>cg11859529</t>
  </si>
  <si>
    <t>cg11863519</t>
  </si>
  <si>
    <t>cg11865900</t>
  </si>
  <si>
    <t>cg11875624</t>
  </si>
  <si>
    <t>cg11895950</t>
  </si>
  <si>
    <t>cg12026625</t>
  </si>
  <si>
    <t>cg12039967</t>
  </si>
  <si>
    <t>cg12044418</t>
  </si>
  <si>
    <t>cg12058262</t>
  </si>
  <si>
    <t>cg12058840</t>
  </si>
  <si>
    <t>cg12064531</t>
  </si>
  <si>
    <t>cg12128683</t>
  </si>
  <si>
    <t>cg12137402</t>
  </si>
  <si>
    <t>cg12152167</t>
  </si>
  <si>
    <t>cg12165338</t>
  </si>
  <si>
    <t>cg12165354</t>
  </si>
  <si>
    <t>cg12166502</t>
  </si>
  <si>
    <t>cg12166599</t>
  </si>
  <si>
    <t>cg12228772</t>
  </si>
  <si>
    <t>cg12230162</t>
  </si>
  <si>
    <t>cg12234996</t>
  </si>
  <si>
    <t>cg12263679</t>
  </si>
  <si>
    <t>cg12277627</t>
  </si>
  <si>
    <t>cg12284142</t>
  </si>
  <si>
    <t>cg12295100</t>
  </si>
  <si>
    <t>cg12298823</t>
  </si>
  <si>
    <t>cg12323723</t>
  </si>
  <si>
    <t>cg12375308</t>
  </si>
  <si>
    <t>cg12377327</t>
  </si>
  <si>
    <t>cg12377701</t>
  </si>
  <si>
    <t>cg12413138</t>
  </si>
  <si>
    <t>cg12419462</t>
  </si>
  <si>
    <t>cg12449211</t>
  </si>
  <si>
    <t>cg12452512</t>
  </si>
  <si>
    <t>cg12469471</t>
  </si>
  <si>
    <t>cg12481479</t>
  </si>
  <si>
    <t>cg12482502</t>
  </si>
  <si>
    <t>cg12485020</t>
  </si>
  <si>
    <t>cg12521678</t>
  </si>
  <si>
    <t>cg12521790</t>
  </si>
  <si>
    <t>cg12579866</t>
  </si>
  <si>
    <t>cg12584551</t>
  </si>
  <si>
    <t>cg12586718</t>
  </si>
  <si>
    <t>cg12614178</t>
  </si>
  <si>
    <t>cg12614702</t>
  </si>
  <si>
    <t>cg12619326</t>
  </si>
  <si>
    <t>cg12704708</t>
  </si>
  <si>
    <t>cg12709057</t>
  </si>
  <si>
    <t>cg12726278</t>
  </si>
  <si>
    <t>cg12727431</t>
  </si>
  <si>
    <t>cg12737514</t>
  </si>
  <si>
    <t>cg12856112</t>
  </si>
  <si>
    <t>cg12857026</t>
  </si>
  <si>
    <t>cg12858650</t>
  </si>
  <si>
    <t>cg12882438</t>
  </si>
  <si>
    <t>cg12920408</t>
  </si>
  <si>
    <t>cg12932046</t>
  </si>
  <si>
    <t>cg12944030</t>
  </si>
  <si>
    <t>cg12980185</t>
  </si>
  <si>
    <t>cg13014982</t>
  </si>
  <si>
    <t>cg13023833</t>
  </si>
  <si>
    <t>cg13024202</t>
  </si>
  <si>
    <t>cg13024624</t>
  </si>
  <si>
    <t>cg13033283</t>
  </si>
  <si>
    <t>cg13075926</t>
  </si>
  <si>
    <t>cg13115118</t>
  </si>
  <si>
    <t>cg13115455</t>
  </si>
  <si>
    <t>cg13116097</t>
  </si>
  <si>
    <t>cg13120260</t>
  </si>
  <si>
    <t>cg13130271</t>
  </si>
  <si>
    <t>cg13151500</t>
  </si>
  <si>
    <t>cg13172627</t>
  </si>
  <si>
    <t>cg13182391</t>
  </si>
  <si>
    <t>cg13187778</t>
  </si>
  <si>
    <t>cg13189687</t>
  </si>
  <si>
    <t>cg13192155</t>
  </si>
  <si>
    <t>cg13203541</t>
  </si>
  <si>
    <t>cg13204538</t>
  </si>
  <si>
    <t>cg13208429</t>
  </si>
  <si>
    <t>cg13214937</t>
  </si>
  <si>
    <t>cg13217661</t>
  </si>
  <si>
    <t>cg13232664</t>
  </si>
  <si>
    <t>cg13240932</t>
  </si>
  <si>
    <t>cg13241003</t>
  </si>
  <si>
    <t>cg13244998</t>
  </si>
  <si>
    <t>cg13246025</t>
  </si>
  <si>
    <t>cg13273147</t>
  </si>
  <si>
    <t>cg13274727</t>
  </si>
  <si>
    <t>cg13311758</t>
  </si>
  <si>
    <t>cg13312942</t>
  </si>
  <si>
    <t>cg13371527</t>
  </si>
  <si>
    <t>cg13423140</t>
  </si>
  <si>
    <t>cg13440244</t>
  </si>
  <si>
    <t>cg13501371</t>
  </si>
  <si>
    <t>cg13524991</t>
  </si>
  <si>
    <t>cg13532816</t>
  </si>
  <si>
    <t>cg13532885</t>
  </si>
  <si>
    <t>cg13538773</t>
  </si>
  <si>
    <t>cg13540126</t>
  </si>
  <si>
    <t>cg13566059</t>
  </si>
  <si>
    <t>cg13569417</t>
  </si>
  <si>
    <t>cg13574945</t>
  </si>
  <si>
    <t>cg13618137</t>
  </si>
  <si>
    <t>cg13628616</t>
  </si>
  <si>
    <t>cg13645113</t>
  </si>
  <si>
    <t>cg13646297</t>
  </si>
  <si>
    <t>cg13649400</t>
  </si>
  <si>
    <t>cg13663706</t>
  </si>
  <si>
    <t>cg13675330</t>
  </si>
  <si>
    <t>cg13699152</t>
  </si>
  <si>
    <t>cg13723766</t>
  </si>
  <si>
    <t>cg13744306</t>
  </si>
  <si>
    <t>cg13747960</t>
  </si>
  <si>
    <t>cg13775533</t>
  </si>
  <si>
    <t>cg13784767</t>
  </si>
  <si>
    <t>cg13786096</t>
  </si>
  <si>
    <t>cg13788004</t>
  </si>
  <si>
    <t>cg13789561</t>
  </si>
  <si>
    <t>cg13797960</t>
  </si>
  <si>
    <t>cg13879373</t>
  </si>
  <si>
    <t>cg13907504</t>
  </si>
  <si>
    <t>cg13915481</t>
  </si>
  <si>
    <t>cg13918312</t>
  </si>
  <si>
    <t>cg13929206</t>
  </si>
  <si>
    <t>cg13937627</t>
  </si>
  <si>
    <t>cg13940798</t>
  </si>
  <si>
    <t>cg13974562</t>
  </si>
  <si>
    <t>cg13985405</t>
  </si>
  <si>
    <t>cg13987972</t>
  </si>
  <si>
    <t>cg13988667</t>
  </si>
  <si>
    <t>cg14004892</t>
  </si>
  <si>
    <t>cg14007036</t>
  </si>
  <si>
    <t>cg14022645</t>
  </si>
  <si>
    <t>cg14029201</t>
  </si>
  <si>
    <t>cg14057181</t>
  </si>
  <si>
    <t>cg14107136</t>
  </si>
  <si>
    <t>cg14113300</t>
  </si>
  <si>
    <t>cg14113919</t>
  </si>
  <si>
    <t>cg14123135</t>
  </si>
  <si>
    <t>cg14135852</t>
  </si>
  <si>
    <t>cg14137558</t>
  </si>
  <si>
    <t>cg14191292</t>
  </si>
  <si>
    <t>cg14220025</t>
  </si>
  <si>
    <t>cg14239049</t>
  </si>
  <si>
    <t>cg14247154</t>
  </si>
  <si>
    <t>cg14251139</t>
  </si>
  <si>
    <t>cg14258335</t>
  </si>
  <si>
    <t>cg14267065</t>
  </si>
  <si>
    <t>cg14295915</t>
  </si>
  <si>
    <t>cg14308265</t>
  </si>
  <si>
    <t>cg14318199</t>
  </si>
  <si>
    <t>cg14322166</t>
  </si>
  <si>
    <t>cg14334147</t>
  </si>
  <si>
    <t>cg14343687</t>
  </si>
  <si>
    <t>cg14349378</t>
  </si>
  <si>
    <t>cg14354749</t>
  </si>
  <si>
    <t>cg14386202</t>
  </si>
  <si>
    <t>cg14463432</t>
  </si>
  <si>
    <t>cg14495054</t>
  </si>
  <si>
    <t>cg14513804</t>
  </si>
  <si>
    <t>cg14514403</t>
  </si>
  <si>
    <t>cg14516385</t>
  </si>
  <si>
    <t>cg14539516</t>
  </si>
  <si>
    <t>cg14541448</t>
  </si>
  <si>
    <t>cg14625604</t>
  </si>
  <si>
    <t>cg14711543</t>
  </si>
  <si>
    <t>cg14720319</t>
  </si>
  <si>
    <t>cg14725392</t>
  </si>
  <si>
    <t>cg14745925</t>
  </si>
  <si>
    <t>cg14783837</t>
  </si>
  <si>
    <t>cg14804181</t>
  </si>
  <si>
    <t>cg14812623</t>
  </si>
  <si>
    <t>cg14828248</t>
  </si>
  <si>
    <t>cg14828865</t>
  </si>
  <si>
    <t>cg14831390</t>
  </si>
  <si>
    <t>cg14831665</t>
  </si>
  <si>
    <t>cg14880205</t>
  </si>
  <si>
    <t>cg14927076</t>
  </si>
  <si>
    <t>cg14949922</t>
  </si>
  <si>
    <t>cg14951132</t>
  </si>
  <si>
    <t>cg14961598</t>
  </si>
  <si>
    <t>cg14970569</t>
  </si>
  <si>
    <t>cg14972002</t>
  </si>
  <si>
    <t>cg14990368</t>
  </si>
  <si>
    <t>cg14993186</t>
  </si>
  <si>
    <t>cg15024277</t>
  </si>
  <si>
    <t>cg15035437</t>
  </si>
  <si>
    <t>cg15039826</t>
  </si>
  <si>
    <t>cg15043283</t>
  </si>
  <si>
    <t>cg15075293</t>
  </si>
  <si>
    <t>cg15133344</t>
  </si>
  <si>
    <t>cg15165114</t>
  </si>
  <si>
    <t>cg15199886</t>
  </si>
  <si>
    <t>cg15213782</t>
  </si>
  <si>
    <t>cg15225044</t>
  </si>
  <si>
    <t>cg15234550</t>
  </si>
  <si>
    <t>cg15236541</t>
  </si>
  <si>
    <t>cg15245437</t>
  </si>
  <si>
    <t>cg15255859</t>
  </si>
  <si>
    <t>cg15257930</t>
  </si>
  <si>
    <t>cg15308487</t>
  </si>
  <si>
    <t>cg15322230</t>
  </si>
  <si>
    <t>cg15345580</t>
  </si>
  <si>
    <t>cg15358931</t>
  </si>
  <si>
    <t>cg15363435</t>
  </si>
  <si>
    <t>cg15373098</t>
  </si>
  <si>
    <t>cg15388264</t>
  </si>
  <si>
    <t>cg15391239</t>
  </si>
  <si>
    <t>cg15443127</t>
  </si>
  <si>
    <t>cg15450782</t>
  </si>
  <si>
    <t>cg15465642</t>
  </si>
  <si>
    <t>cg15511490</t>
  </si>
  <si>
    <t>cg15511516</t>
  </si>
  <si>
    <t>cg15517690</t>
  </si>
  <si>
    <t>cg15520863</t>
  </si>
  <si>
    <t>cg15521289</t>
  </si>
  <si>
    <t>cg15522989</t>
  </si>
  <si>
    <t>cg15534364</t>
  </si>
  <si>
    <t>cg15582794</t>
  </si>
  <si>
    <t>cg15612444</t>
  </si>
  <si>
    <t>cg15661671</t>
  </si>
  <si>
    <t>cg15672146</t>
  </si>
  <si>
    <t>cg15682807</t>
  </si>
  <si>
    <t>cg15686826</t>
  </si>
  <si>
    <t>cg15706156</t>
  </si>
  <si>
    <t>cg15715746</t>
  </si>
  <si>
    <t>cg15720064</t>
  </si>
  <si>
    <t>cg15755092</t>
  </si>
  <si>
    <t>cg15755924</t>
  </si>
  <si>
    <t>cg15757320</t>
  </si>
  <si>
    <t>cg15769969</t>
  </si>
  <si>
    <t>cg15771339</t>
  </si>
  <si>
    <t>cg15816181</t>
  </si>
  <si>
    <t>cg15841434</t>
  </si>
  <si>
    <t>cg15850390</t>
  </si>
  <si>
    <t>cg15867166</t>
  </si>
  <si>
    <t>cg15874629</t>
  </si>
  <si>
    <t>cg15887754</t>
  </si>
  <si>
    <t>cg15891447</t>
  </si>
  <si>
    <t>cg15898026</t>
  </si>
  <si>
    <t>cg15907464</t>
  </si>
  <si>
    <t>cg16059374</t>
  </si>
  <si>
    <t>cg16068924</t>
  </si>
  <si>
    <t>cg16097380</t>
  </si>
  <si>
    <t>cg16108684</t>
  </si>
  <si>
    <t>cg16117744</t>
  </si>
  <si>
    <t>cg16136096</t>
  </si>
  <si>
    <t>cg16141678</t>
  </si>
  <si>
    <t>cg16161440</t>
  </si>
  <si>
    <t>cg16177032</t>
  </si>
  <si>
    <t>cg16199850</t>
  </si>
  <si>
    <t>cg16200513</t>
  </si>
  <si>
    <t>cg16211147</t>
  </si>
  <si>
    <t>cg16218862</t>
  </si>
  <si>
    <t>cg16221895</t>
  </si>
  <si>
    <t>cg16245086</t>
  </si>
  <si>
    <t>cg16248169</t>
  </si>
  <si>
    <t>cg16250105</t>
  </si>
  <si>
    <t>cg16251333</t>
  </si>
  <si>
    <t>cg16269097</t>
  </si>
  <si>
    <t>cg16272791</t>
  </si>
  <si>
    <t>cg16313903</t>
  </si>
  <si>
    <t>cg16315447</t>
  </si>
  <si>
    <t>cg16318983</t>
  </si>
  <si>
    <t>cg16328033</t>
  </si>
  <si>
    <t>cg16356987</t>
  </si>
  <si>
    <t>cg16371488</t>
  </si>
  <si>
    <t>cg16403901</t>
  </si>
  <si>
    <t>cg16411111</t>
  </si>
  <si>
    <t>cg16412513</t>
  </si>
  <si>
    <t>cg16414561</t>
  </si>
  <si>
    <t>cg16417926</t>
  </si>
  <si>
    <t>cg16431191</t>
  </si>
  <si>
    <t>cg16501779</t>
  </si>
  <si>
    <t>cg16507965</t>
  </si>
  <si>
    <t>cg16510010</t>
  </si>
  <si>
    <t>cg16510200</t>
  </si>
  <si>
    <t>cg16515238</t>
  </si>
  <si>
    <t>cg16529483</t>
  </si>
  <si>
    <t>cg16579869</t>
  </si>
  <si>
    <t>cg16590821</t>
  </si>
  <si>
    <t>cg16594878</t>
  </si>
  <si>
    <t>cg16617243</t>
  </si>
  <si>
    <t>cg16617830</t>
  </si>
  <si>
    <t>cg16625651</t>
  </si>
  <si>
    <t>cg16626088</t>
  </si>
  <si>
    <t>cg16637019</t>
  </si>
  <si>
    <t>cg16638301</t>
  </si>
  <si>
    <t>cg16641060</t>
  </si>
  <si>
    <t>cg16641190</t>
  </si>
  <si>
    <t>cg16679837</t>
  </si>
  <si>
    <t>cg16685760</t>
  </si>
  <si>
    <t>cg16692308</t>
  </si>
  <si>
    <t>cg16692973</t>
  </si>
  <si>
    <t>cg16697940</t>
  </si>
  <si>
    <t>cg16710313</t>
  </si>
  <si>
    <t>cg16716035</t>
  </si>
  <si>
    <t>cg16718054</t>
  </si>
  <si>
    <t>cg16734817</t>
  </si>
  <si>
    <t>cg16755924</t>
  </si>
  <si>
    <t>cg16756025</t>
  </si>
  <si>
    <t>cg16770948</t>
  </si>
  <si>
    <t>cg16778620</t>
  </si>
  <si>
    <t>cg16796150</t>
  </si>
  <si>
    <t>cg16807457</t>
  </si>
  <si>
    <t>cg16822572</t>
  </si>
  <si>
    <t>cg16824069</t>
  </si>
  <si>
    <t>cg16829640</t>
  </si>
  <si>
    <t>cg16839655</t>
  </si>
  <si>
    <t>cg16851485</t>
  </si>
  <si>
    <t>cg16856766</t>
  </si>
  <si>
    <t>cg16888752</t>
  </si>
  <si>
    <t>cg16890879</t>
  </si>
  <si>
    <t>cg16892191</t>
  </si>
  <si>
    <t>cg16917996</t>
  </si>
  <si>
    <t>cg16925682</t>
  </si>
  <si>
    <t>cg16949923</t>
  </si>
  <si>
    <t>cg16963297</t>
  </si>
  <si>
    <t>cg16976875</t>
  </si>
  <si>
    <t>cg16978043</t>
  </si>
  <si>
    <t>cg16984885</t>
  </si>
  <si>
    <t>cg16991511</t>
  </si>
  <si>
    <t>cg16998810</t>
  </si>
  <si>
    <t>cg17033281</t>
  </si>
  <si>
    <t>cg17036062</t>
  </si>
  <si>
    <t>cg17041400</t>
  </si>
  <si>
    <t>cg17044023</t>
  </si>
  <si>
    <t>cg17054449</t>
  </si>
  <si>
    <t>cg17058724</t>
  </si>
  <si>
    <t>cg17064159</t>
  </si>
  <si>
    <t>cg17125742</t>
  </si>
  <si>
    <t>cg17152375</t>
  </si>
  <si>
    <t>cg17154629</t>
  </si>
  <si>
    <t>cg17155577</t>
  </si>
  <si>
    <t>cg17195879</t>
  </si>
  <si>
    <t>cg17207724</t>
  </si>
  <si>
    <t>cg17223593</t>
  </si>
  <si>
    <t>cg17224287</t>
  </si>
  <si>
    <t>cg17236781</t>
  </si>
  <si>
    <t>cg17279959</t>
  </si>
  <si>
    <t>cg17281073</t>
  </si>
  <si>
    <t>cg17281810</t>
  </si>
  <si>
    <t>cg17292622</t>
  </si>
  <si>
    <t>cg17355083</t>
  </si>
  <si>
    <t>cg17363084</t>
  </si>
  <si>
    <t>cg17376045</t>
  </si>
  <si>
    <t>cg17383222</t>
  </si>
  <si>
    <t>cg17385175</t>
  </si>
  <si>
    <t>cg17386265</t>
  </si>
  <si>
    <t>cg17388110</t>
  </si>
  <si>
    <t>cg17396400</t>
  </si>
  <si>
    <t>cg17399684</t>
  </si>
  <si>
    <t>cg17404000</t>
  </si>
  <si>
    <t>cg17456701</t>
  </si>
  <si>
    <t>cg17473615</t>
  </si>
  <si>
    <t>cg17479100</t>
  </si>
  <si>
    <t>cg17488844</t>
  </si>
  <si>
    <t>cg17499479</t>
  </si>
  <si>
    <t>cg17529435</t>
  </si>
  <si>
    <t>cg17533951</t>
  </si>
  <si>
    <t>cg17548613</t>
  </si>
  <si>
    <t>cg17558827</t>
  </si>
  <si>
    <t>cg17565795</t>
  </si>
  <si>
    <t>cg17592148</t>
  </si>
  <si>
    <t>cg17602500</t>
  </si>
  <si>
    <t>cg17603461</t>
  </si>
  <si>
    <t>cg17607496</t>
  </si>
  <si>
    <t>cg17620251</t>
  </si>
  <si>
    <t>cg17624691</t>
  </si>
  <si>
    <t>cg17639056</t>
  </si>
  <si>
    <t>cg17658468</t>
  </si>
  <si>
    <t>cg17699837</t>
  </si>
  <si>
    <t>cg17703220</t>
  </si>
  <si>
    <t>cg17710066</t>
  </si>
  <si>
    <t>cg17716100</t>
  </si>
  <si>
    <t>cg17727916</t>
  </si>
  <si>
    <t>cg17733714</t>
  </si>
  <si>
    <t>cg17736560</t>
  </si>
  <si>
    <t>cg17740541</t>
  </si>
  <si>
    <t>cg17776579</t>
  </si>
  <si>
    <t>cg17788031</t>
  </si>
  <si>
    <t>cg17794813</t>
  </si>
  <si>
    <t>cg17811760</t>
  </si>
  <si>
    <t>cg17814335</t>
  </si>
  <si>
    <t>cg17818432</t>
  </si>
  <si>
    <t>cg17823667</t>
  </si>
  <si>
    <t>cg17824401</t>
  </si>
  <si>
    <t>cg17825572</t>
  </si>
  <si>
    <t>cg17831869</t>
  </si>
  <si>
    <t>cg17832062</t>
  </si>
  <si>
    <t>cg17849117</t>
  </si>
  <si>
    <t>cg17856536</t>
  </si>
  <si>
    <t>cg17863679</t>
  </si>
  <si>
    <t>cg17865482</t>
  </si>
  <si>
    <t>cg17868752</t>
  </si>
  <si>
    <t>cg17877174</t>
  </si>
  <si>
    <t>cg17880859</t>
  </si>
  <si>
    <t>cg17920241</t>
  </si>
  <si>
    <t>cg17959735</t>
  </si>
  <si>
    <t>cg17974418</t>
  </si>
  <si>
    <t>cg18000886</t>
  </si>
  <si>
    <t>cg18000985</t>
  </si>
  <si>
    <t>cg18010669</t>
  </si>
  <si>
    <t>cg18031773</t>
  </si>
  <si>
    <t>cg18102233</t>
  </si>
  <si>
    <t>cg18102950</t>
  </si>
  <si>
    <t>cg18103692</t>
  </si>
  <si>
    <t>cg18107314</t>
  </si>
  <si>
    <t>cg18110168</t>
  </si>
  <si>
    <t>cg18112782</t>
  </si>
  <si>
    <t>cg18114166</t>
  </si>
  <si>
    <t>cg18124907</t>
  </si>
  <si>
    <t>cg18132745</t>
  </si>
  <si>
    <t>cg18164076</t>
  </si>
  <si>
    <t>cg18225658</t>
  </si>
  <si>
    <t>cg18232722</t>
  </si>
  <si>
    <t>cg18240390</t>
  </si>
  <si>
    <t>cg18273575</t>
  </si>
  <si>
    <t>cg18274682</t>
  </si>
  <si>
    <t>cg18288715</t>
  </si>
  <si>
    <t>cg18377059</t>
  </si>
  <si>
    <t>cg18395382</t>
  </si>
  <si>
    <t>cg18396806</t>
  </si>
  <si>
    <t>cg18396832</t>
  </si>
  <si>
    <t>cg18397279</t>
  </si>
  <si>
    <t>cg18406472</t>
  </si>
  <si>
    <t>cg18407858</t>
  </si>
  <si>
    <t>cg18422972</t>
  </si>
  <si>
    <t>cg18436395</t>
  </si>
  <si>
    <t>cg18444868</t>
  </si>
  <si>
    <t>cg18452672</t>
  </si>
  <si>
    <t>cg18473117</t>
  </si>
  <si>
    <t>cg18491397</t>
  </si>
  <si>
    <t>cg18506674</t>
  </si>
  <si>
    <t>cg18509722</t>
  </si>
  <si>
    <t>cg18515307</t>
  </si>
  <si>
    <t>cg18520280</t>
  </si>
  <si>
    <t>cg18542573</t>
  </si>
  <si>
    <t>cg18581963</t>
  </si>
  <si>
    <t>cg18632412</t>
  </si>
  <si>
    <t>cg18634060</t>
  </si>
  <si>
    <t>cg18636716</t>
  </si>
  <si>
    <t>cg18689730</t>
  </si>
  <si>
    <t>cg18742441</t>
  </si>
  <si>
    <t>cg18748527</t>
  </si>
  <si>
    <t>cg18748981</t>
  </si>
  <si>
    <t>cg18769303</t>
  </si>
  <si>
    <t>cg18796341</t>
  </si>
  <si>
    <t>cg18809883</t>
  </si>
  <si>
    <t>cg18833705</t>
  </si>
  <si>
    <t>cg18834878</t>
  </si>
  <si>
    <t>cg18878700</t>
  </si>
  <si>
    <t>cg18885073</t>
  </si>
  <si>
    <t>cg18925560</t>
  </si>
  <si>
    <t>cg18932686</t>
  </si>
  <si>
    <t>cg18938476</t>
  </si>
  <si>
    <t>cg18983709</t>
  </si>
  <si>
    <t>cg18989810</t>
  </si>
  <si>
    <t>cg18989977</t>
  </si>
  <si>
    <t>cg18990292</t>
  </si>
  <si>
    <t>cg19010939</t>
  </si>
  <si>
    <t>cg19022384</t>
  </si>
  <si>
    <t>cg19023309</t>
  </si>
  <si>
    <t>cg19038081</t>
  </si>
  <si>
    <t>cg19039368</t>
  </si>
  <si>
    <t>cg19041137</t>
  </si>
  <si>
    <t>cg19041765</t>
  </si>
  <si>
    <t>cg19045293</t>
  </si>
  <si>
    <t>cg19053358</t>
  </si>
  <si>
    <t>cg19056391</t>
  </si>
  <si>
    <t>cg19068385</t>
  </si>
  <si>
    <t>cg19112977</t>
  </si>
  <si>
    <t>cg19162841</t>
  </si>
  <si>
    <t>cg19168249</t>
  </si>
  <si>
    <t>cg19180514</t>
  </si>
  <si>
    <t>cg19194595</t>
  </si>
  <si>
    <t>cg19214916</t>
  </si>
  <si>
    <t>cg19248041</t>
  </si>
  <si>
    <t>cg19318186</t>
  </si>
  <si>
    <t>cg19332075</t>
  </si>
  <si>
    <t>cg19398192</t>
  </si>
  <si>
    <t>cg19407410</t>
  </si>
  <si>
    <t>cg19415116</t>
  </si>
  <si>
    <t>cg19415339</t>
  </si>
  <si>
    <t>cg19428430</t>
  </si>
  <si>
    <t>cg19441811</t>
  </si>
  <si>
    <t>cg19490917</t>
  </si>
  <si>
    <t>cg19505129</t>
  </si>
  <si>
    <t>cg19506937</t>
  </si>
  <si>
    <t>cg19525496</t>
  </si>
  <si>
    <t>cg19528502</t>
  </si>
  <si>
    <t>cg19532714</t>
  </si>
  <si>
    <t>cg19533991</t>
  </si>
  <si>
    <t>cg19535369</t>
  </si>
  <si>
    <t>cg19547549</t>
  </si>
  <si>
    <t>cg19549023</t>
  </si>
  <si>
    <t>cg19572135</t>
  </si>
  <si>
    <t>cg19579913</t>
  </si>
  <si>
    <t>cg19585278</t>
  </si>
  <si>
    <t>cg19605909</t>
  </si>
  <si>
    <t>cg19628038</t>
  </si>
  <si>
    <t>cg19631766</t>
  </si>
  <si>
    <t>cg19635884</t>
  </si>
  <si>
    <t>cg19636887</t>
  </si>
  <si>
    <t>cg19681107</t>
  </si>
  <si>
    <t>cg19687650</t>
  </si>
  <si>
    <t>cg19718903</t>
  </si>
  <si>
    <t>cg19731655</t>
  </si>
  <si>
    <t>cg19748438</t>
  </si>
  <si>
    <t>cg19754833</t>
  </si>
  <si>
    <t>cg19777864</t>
  </si>
  <si>
    <t>cg19780807</t>
  </si>
  <si>
    <t>cg19782749</t>
  </si>
  <si>
    <t>cg19787517</t>
  </si>
  <si>
    <t>cg19791442</t>
  </si>
  <si>
    <t>cg19800913</t>
  </si>
  <si>
    <t>cg19815006</t>
  </si>
  <si>
    <t>cg19821612</t>
  </si>
  <si>
    <t>cg19834421</t>
  </si>
  <si>
    <t>cg19840133</t>
  </si>
  <si>
    <t>cg19859323</t>
  </si>
  <si>
    <t>cg19867709</t>
  </si>
  <si>
    <t>cg19895492</t>
  </si>
  <si>
    <t>cg19897275</t>
  </si>
  <si>
    <t>cg19924862</t>
  </si>
  <si>
    <t>cg19936436</t>
  </si>
  <si>
    <t>cg19939909</t>
  </si>
  <si>
    <t>cg19944582</t>
  </si>
  <si>
    <t>cg19963797</t>
  </si>
  <si>
    <t>cg19989944</t>
  </si>
  <si>
    <t>cg19997062</t>
  </si>
  <si>
    <t>cg19998137</t>
  </si>
  <si>
    <t>cg20015269</t>
  </si>
  <si>
    <t>cg20018767</t>
  </si>
  <si>
    <t>cg20020143</t>
  </si>
  <si>
    <t>cg20024850</t>
  </si>
  <si>
    <t>cg20033444</t>
  </si>
  <si>
    <t>cg20074774</t>
  </si>
  <si>
    <t>cg20077602</t>
  </si>
  <si>
    <t>cg20085077</t>
  </si>
  <si>
    <t>cg20116159</t>
  </si>
  <si>
    <t>cg20121427</t>
  </si>
  <si>
    <t>cg20129827</t>
  </si>
  <si>
    <t>cg20135706</t>
  </si>
  <si>
    <t>cg20137045</t>
  </si>
  <si>
    <t>cg20201673</t>
  </si>
  <si>
    <t>cg20202246</t>
  </si>
  <si>
    <t>cg20207108</t>
  </si>
  <si>
    <t>cg20208613</t>
  </si>
  <si>
    <t>cg20211377</t>
  </si>
  <si>
    <t>cg20229989</t>
  </si>
  <si>
    <t>cg20279479</t>
  </si>
  <si>
    <t>cg20279598</t>
  </si>
  <si>
    <t>cg20281601</t>
  </si>
  <si>
    <t>cg20289033</t>
  </si>
  <si>
    <t>cg20291321</t>
  </si>
  <si>
    <t>cg20301593</t>
  </si>
  <si>
    <t>cg20302203</t>
  </si>
  <si>
    <t>cg20303283</t>
  </si>
  <si>
    <t>cg20312916</t>
  </si>
  <si>
    <t>cg20329959</t>
  </si>
  <si>
    <t>cg20333412</t>
  </si>
  <si>
    <t>cg20347665</t>
  </si>
  <si>
    <t>cg20348344</t>
  </si>
  <si>
    <t>cg20372745</t>
  </si>
  <si>
    <t>cg20372775</t>
  </si>
  <si>
    <t>cg20439892</t>
  </si>
  <si>
    <t>cg20442640</t>
  </si>
  <si>
    <t>cg20445038</t>
  </si>
  <si>
    <t>cg20455959</t>
  </si>
  <si>
    <t>cg20457259</t>
  </si>
  <si>
    <t>cg20473379</t>
  </si>
  <si>
    <t>cg20480826</t>
  </si>
  <si>
    <t>cg20484507</t>
  </si>
  <si>
    <t>cg20498086</t>
  </si>
  <si>
    <t>cg20503077</t>
  </si>
  <si>
    <t>cg20503915</t>
  </si>
  <si>
    <t>cg20517444</t>
  </si>
  <si>
    <t>cg20589243</t>
  </si>
  <si>
    <t>cg20662913</t>
  </si>
  <si>
    <t>cg20746035</t>
  </si>
  <si>
    <t>cg20749341</t>
  </si>
  <si>
    <t>cg20766178</t>
  </si>
  <si>
    <t>cg20767561</t>
  </si>
  <si>
    <t>cg20767845</t>
  </si>
  <si>
    <t>cg20775112</t>
  </si>
  <si>
    <t>cg20778411</t>
  </si>
  <si>
    <t>cg20792978</t>
  </si>
  <si>
    <t>cg20793193</t>
  </si>
  <si>
    <t>cg20844384</t>
  </si>
  <si>
    <t>cg20859738</t>
  </si>
  <si>
    <t>cg20861422</t>
  </si>
  <si>
    <t>cg20948364</t>
  </si>
  <si>
    <t>cg20957182</t>
  </si>
  <si>
    <t>cg20969392</t>
  </si>
  <si>
    <t>cg20979765</t>
  </si>
  <si>
    <t>cg20983329</t>
  </si>
  <si>
    <t>cg20984994</t>
  </si>
  <si>
    <t>cg20999651</t>
  </si>
  <si>
    <t>cg21016188</t>
  </si>
  <si>
    <t>cg21019788</t>
  </si>
  <si>
    <t>cg21040569</t>
  </si>
  <si>
    <t>cg21114303</t>
  </si>
  <si>
    <t>cg21137943</t>
  </si>
  <si>
    <t>cg21156383</t>
  </si>
  <si>
    <t>cg21179956</t>
  </si>
  <si>
    <t>cg21202708</t>
  </si>
  <si>
    <t>cg21205654</t>
  </si>
  <si>
    <t>cg21206285</t>
  </si>
  <si>
    <t>cg21207958</t>
  </si>
  <si>
    <t>cg21209948</t>
  </si>
  <si>
    <t>cg21284493</t>
  </si>
  <si>
    <t>cg21290550</t>
  </si>
  <si>
    <t>cg21290775</t>
  </si>
  <si>
    <t>cg21302017</t>
  </si>
  <si>
    <t>cg21323815</t>
  </si>
  <si>
    <t>cg21331369</t>
  </si>
  <si>
    <t>cg21341170</t>
  </si>
  <si>
    <t>cg21361971</t>
  </si>
  <si>
    <t>cg21362390</t>
  </si>
  <si>
    <t>cg21364772</t>
  </si>
  <si>
    <t>cg21384883</t>
  </si>
  <si>
    <t>cg21401951</t>
  </si>
  <si>
    <t>cg21459545</t>
  </si>
  <si>
    <t>cg21473514</t>
  </si>
  <si>
    <t>cg21474854</t>
  </si>
  <si>
    <t>cg21480420</t>
  </si>
  <si>
    <t>cg21484182</t>
  </si>
  <si>
    <t>cg21544051</t>
  </si>
  <si>
    <t>cg21547183</t>
  </si>
  <si>
    <t>cg21557668</t>
  </si>
  <si>
    <t>cg21597797</t>
  </si>
  <si>
    <t>cg21604054</t>
  </si>
  <si>
    <t>cg21604743</t>
  </si>
  <si>
    <t>cg21634944</t>
  </si>
  <si>
    <t>cg21635596</t>
  </si>
  <si>
    <t>cg21662836</t>
  </si>
  <si>
    <t>cg21699341</t>
  </si>
  <si>
    <t>cg21727314</t>
  </si>
  <si>
    <t>cg21758197</t>
  </si>
  <si>
    <t>cg21762935</t>
  </si>
  <si>
    <t>cg21776057</t>
  </si>
  <si>
    <t>cg21785054</t>
  </si>
  <si>
    <t>cg21786233</t>
  </si>
  <si>
    <t>cg21864225</t>
  </si>
  <si>
    <t>cg21864829</t>
  </si>
  <si>
    <t>cg21880156</t>
  </si>
  <si>
    <t>cg21881821</t>
  </si>
  <si>
    <t>cg21893284</t>
  </si>
  <si>
    <t>cg21899276</t>
  </si>
  <si>
    <t>cg21907582</t>
  </si>
  <si>
    <t>cg21911363</t>
  </si>
  <si>
    <t>cg21918369</t>
  </si>
  <si>
    <t>cg21939789</t>
  </si>
  <si>
    <t>cg21940586</t>
  </si>
  <si>
    <t>cg21945991</t>
  </si>
  <si>
    <t>cg21953876</t>
  </si>
  <si>
    <t>cg21985559</t>
  </si>
  <si>
    <t>cg22010791</t>
  </si>
  <si>
    <t>cg22037209</t>
  </si>
  <si>
    <t>cg22044068</t>
  </si>
  <si>
    <t>cg22044840</t>
  </si>
  <si>
    <t>cg22053855</t>
  </si>
  <si>
    <t>cg22055524</t>
  </si>
  <si>
    <t>cg22067189</t>
  </si>
  <si>
    <t>cg22069441</t>
  </si>
  <si>
    <t>cg22069989</t>
  </si>
  <si>
    <t>cg22151216</t>
  </si>
  <si>
    <t>cg22164912</t>
  </si>
  <si>
    <t>cg22189618</t>
  </si>
  <si>
    <t>cg22191603</t>
  </si>
  <si>
    <t>cg22206855</t>
  </si>
  <si>
    <t>cg22219869</t>
  </si>
  <si>
    <t>cg22221554</t>
  </si>
  <si>
    <t>cg22264584</t>
  </si>
  <si>
    <t>cg22268449</t>
  </si>
  <si>
    <t>cg22275278</t>
  </si>
  <si>
    <t>cg22328457</t>
  </si>
  <si>
    <t>cg22332884</t>
  </si>
  <si>
    <t>cg22364374</t>
  </si>
  <si>
    <t>cg22407879</t>
  </si>
  <si>
    <t>cg22417589</t>
  </si>
  <si>
    <t>cg22452543</t>
  </si>
  <si>
    <t>cg22561883</t>
  </si>
  <si>
    <t>cg22562219</t>
  </si>
  <si>
    <t>cg22569587</t>
  </si>
  <si>
    <t>cg22575892</t>
  </si>
  <si>
    <t>cg22601215</t>
  </si>
  <si>
    <t>cg22609034</t>
  </si>
  <si>
    <t>cg22643011</t>
  </si>
  <si>
    <t>cg22657475</t>
  </si>
  <si>
    <t>cg22658957</t>
  </si>
  <si>
    <t>cg22662205</t>
  </si>
  <si>
    <t>cg22662834</t>
  </si>
  <si>
    <t>cg22672606</t>
  </si>
  <si>
    <t>cg22682304</t>
  </si>
  <si>
    <t>cg22690188</t>
  </si>
  <si>
    <t>cg22698358</t>
  </si>
  <si>
    <t>cg22702707</t>
  </si>
  <si>
    <t>cg22776211</t>
  </si>
  <si>
    <t>cg22784592</t>
  </si>
  <si>
    <t>cg22807592</t>
  </si>
  <si>
    <t>cg22817042</t>
  </si>
  <si>
    <t>cg22817647</t>
  </si>
  <si>
    <t>cg22822140</t>
  </si>
  <si>
    <t>cg22823009</t>
  </si>
  <si>
    <t>cg22823767</t>
  </si>
  <si>
    <t>cg22824415</t>
  </si>
  <si>
    <t>cg22826577</t>
  </si>
  <si>
    <t>cg22846914</t>
  </si>
  <si>
    <t>cg22850802</t>
  </si>
  <si>
    <t>cg22865368</t>
  </si>
  <si>
    <t>cg22870596</t>
  </si>
  <si>
    <t>cg22913932</t>
  </si>
  <si>
    <t>cg22917082</t>
  </si>
  <si>
    <t>cg22951728</t>
  </si>
  <si>
    <t>cg22961098</t>
  </si>
  <si>
    <t>cg22964346</t>
  </si>
  <si>
    <t>cg22969661</t>
  </si>
  <si>
    <t>cg23064627</t>
  </si>
  <si>
    <t>cg23091104</t>
  </si>
  <si>
    <t>cg23121114</t>
  </si>
  <si>
    <t>cg23124867</t>
  </si>
  <si>
    <t>cg23154024</t>
  </si>
  <si>
    <t>cg23161024</t>
  </si>
  <si>
    <t>cg23170483</t>
  </si>
  <si>
    <t>cg23175583</t>
  </si>
  <si>
    <t>cg23184276</t>
  </si>
  <si>
    <t>cg23192736</t>
  </si>
  <si>
    <t>cg23214760</t>
  </si>
  <si>
    <t>cg23214992</t>
  </si>
  <si>
    <t>cg23218997</t>
  </si>
  <si>
    <t>cg23238793</t>
  </si>
  <si>
    <t>cg23238851</t>
  </si>
  <si>
    <t>cg23242456</t>
  </si>
  <si>
    <t>cg23251359</t>
  </si>
  <si>
    <t>cg23299576</t>
  </si>
  <si>
    <t>cg23299641</t>
  </si>
  <si>
    <t>cg23323276</t>
  </si>
  <si>
    <t>cg23353205</t>
  </si>
  <si>
    <t>cg23356769</t>
  </si>
  <si>
    <t>cg23410056</t>
  </si>
  <si>
    <t>cg23429746</t>
  </si>
  <si>
    <t>cg23443158</t>
  </si>
  <si>
    <t>cg23455407</t>
  </si>
  <si>
    <t>cg23475921</t>
  </si>
  <si>
    <t>cg23476456</t>
  </si>
  <si>
    <t>cg23484208</t>
  </si>
  <si>
    <t>cg23486379</t>
  </si>
  <si>
    <t>cg23493872</t>
  </si>
  <si>
    <t>cg23503517</t>
  </si>
  <si>
    <t>cg23508470</t>
  </si>
  <si>
    <t>cg23508627</t>
  </si>
  <si>
    <t>cg23517015</t>
  </si>
  <si>
    <t>cg23534593</t>
  </si>
  <si>
    <t>cg23543766</t>
  </si>
  <si>
    <t>cg23589419</t>
  </si>
  <si>
    <t>cg23612178</t>
  </si>
  <si>
    <t>cg23623404</t>
  </si>
  <si>
    <t>cg23627980</t>
  </si>
  <si>
    <t>cg23628411</t>
  </si>
  <si>
    <t>cg23660678</t>
  </si>
  <si>
    <t>cg23685102</t>
  </si>
  <si>
    <t>cg23690264</t>
  </si>
  <si>
    <t>cg23696472</t>
  </si>
  <si>
    <t>cg23712855</t>
  </si>
  <si>
    <t>cg23737407</t>
  </si>
  <si>
    <t>cg23771329</t>
  </si>
  <si>
    <t>cg23774896</t>
  </si>
  <si>
    <t>cg23777740</t>
  </si>
  <si>
    <t>cg23832787</t>
  </si>
  <si>
    <t>cg23834765</t>
  </si>
  <si>
    <t>cg23851205</t>
  </si>
  <si>
    <t>cg23852001</t>
  </si>
  <si>
    <t>cg23857725</t>
  </si>
  <si>
    <t>cg23860088</t>
  </si>
  <si>
    <t>cg23881693</t>
  </si>
  <si>
    <t>cg23892645</t>
  </si>
  <si>
    <t>cg23896353</t>
  </si>
  <si>
    <t>cg23906224</t>
  </si>
  <si>
    <t>cg23919845</t>
  </si>
  <si>
    <t>cg23925558</t>
  </si>
  <si>
    <t>cg23932180</t>
  </si>
  <si>
    <t>cg23934598</t>
  </si>
  <si>
    <t>cg23936476</t>
  </si>
  <si>
    <t>cg23951868</t>
  </si>
  <si>
    <t>cg23967850</t>
  </si>
  <si>
    <t>cg23990273</t>
  </si>
  <si>
    <t>cg24000218</t>
  </si>
  <si>
    <t>cg24000816</t>
  </si>
  <si>
    <t>cg24001644</t>
  </si>
  <si>
    <t>cg24034992</t>
  </si>
  <si>
    <t>cg24035229</t>
  </si>
  <si>
    <t>cg24046087</t>
  </si>
  <si>
    <t>cg24074926</t>
  </si>
  <si>
    <t>cg24085719</t>
  </si>
  <si>
    <t>cg24091241</t>
  </si>
  <si>
    <t>cg24138084</t>
  </si>
  <si>
    <t>cg24142775</t>
  </si>
  <si>
    <t>cg24148920</t>
  </si>
  <si>
    <t>cg24152857</t>
  </si>
  <si>
    <t>cg24153916</t>
  </si>
  <si>
    <t>cg24156746</t>
  </si>
  <si>
    <t>cg24157854</t>
  </si>
  <si>
    <t>cg24184541</t>
  </si>
  <si>
    <t>cg24186901</t>
  </si>
  <si>
    <t>cg24187351</t>
  </si>
  <si>
    <t>cg24195365</t>
  </si>
  <si>
    <t>cg24202706</t>
  </si>
  <si>
    <t>cg24203192</t>
  </si>
  <si>
    <t>cg24258005</t>
  </si>
  <si>
    <t>cg24264679</t>
  </si>
  <si>
    <t>cg24265865</t>
  </si>
  <si>
    <t>cg24275475</t>
  </si>
  <si>
    <t>cg24328927</t>
  </si>
  <si>
    <t>cg24341236</t>
  </si>
  <si>
    <t>cg24347720</t>
  </si>
  <si>
    <t>cg24388153</t>
  </si>
  <si>
    <t>cg24392532</t>
  </si>
  <si>
    <t>cg24496423</t>
  </si>
  <si>
    <t>cg24512517</t>
  </si>
  <si>
    <t>cg24530787</t>
  </si>
  <si>
    <t>cg24536689</t>
  </si>
  <si>
    <t>cg24546622</t>
  </si>
  <si>
    <t>cg24549608</t>
  </si>
  <si>
    <t>cg24552529</t>
  </si>
  <si>
    <t>cg24552876</t>
  </si>
  <si>
    <t>cg24559073</t>
  </si>
  <si>
    <t>cg24565395</t>
  </si>
  <si>
    <t>cg24597825</t>
  </si>
  <si>
    <t>cg24606370</t>
  </si>
  <si>
    <t>cg24606768</t>
  </si>
  <si>
    <t>cg24627619</t>
  </si>
  <si>
    <t>cg24627956</t>
  </si>
  <si>
    <t>cg24663206</t>
  </si>
  <si>
    <t>cg24665612</t>
  </si>
  <si>
    <t>cg24670916</t>
  </si>
  <si>
    <t>cg24671891</t>
  </si>
  <si>
    <t>cg24680284</t>
  </si>
  <si>
    <t>cg24701794</t>
  </si>
  <si>
    <t>cg24711306</t>
  </si>
  <si>
    <t>cg24741068</t>
  </si>
  <si>
    <t>cg24744250</t>
  </si>
  <si>
    <t>cg24748621</t>
  </si>
  <si>
    <t>cg24754154</t>
  </si>
  <si>
    <t>cg24770638</t>
  </si>
  <si>
    <t>cg24783624</t>
  </si>
  <si>
    <t>cg24783935</t>
  </si>
  <si>
    <t>cg24826812</t>
  </si>
  <si>
    <t>cg24832428</t>
  </si>
  <si>
    <t>cg24863802</t>
  </si>
  <si>
    <t>cg24884420</t>
  </si>
  <si>
    <t>cg24925526</t>
  </si>
  <si>
    <t>cg24931882</t>
  </si>
  <si>
    <t>cg24971873</t>
  </si>
  <si>
    <t>cg24976080</t>
  </si>
  <si>
    <t>cg25051948</t>
  </si>
  <si>
    <t>cg25085925</t>
  </si>
  <si>
    <t>cg25124605</t>
  </si>
  <si>
    <t>cg25156485</t>
  </si>
  <si>
    <t>cg25165659</t>
  </si>
  <si>
    <t>cg25166062</t>
  </si>
  <si>
    <t>cg25174364</t>
  </si>
  <si>
    <t>cg25205946</t>
  </si>
  <si>
    <t>cg25206026</t>
  </si>
  <si>
    <t>cg25225807</t>
  </si>
  <si>
    <t>cg25236484</t>
  </si>
  <si>
    <t>cg25237542</t>
  </si>
  <si>
    <t>cg25258879</t>
  </si>
  <si>
    <t>cg25271146</t>
  </si>
  <si>
    <t>cg25364049</t>
  </si>
  <si>
    <t>cg25402362</t>
  </si>
  <si>
    <t>cg25415674</t>
  </si>
  <si>
    <t>cg25424856</t>
  </si>
  <si>
    <t>cg25427918</t>
  </si>
  <si>
    <t>cg25440309</t>
  </si>
  <si>
    <t>cg25441219</t>
  </si>
  <si>
    <t>cg25442487</t>
  </si>
  <si>
    <t>cg25452717</t>
  </si>
  <si>
    <t>cg25479535</t>
  </si>
  <si>
    <t>cg25496213</t>
  </si>
  <si>
    <t>cg25499687</t>
  </si>
  <si>
    <t>cg25528264</t>
  </si>
  <si>
    <t>cg25528646</t>
  </si>
  <si>
    <t>cg25547663</t>
  </si>
  <si>
    <t>cg25548414</t>
  </si>
  <si>
    <t>cg25553791</t>
  </si>
  <si>
    <t>cg25553924</t>
  </si>
  <si>
    <t>cg25571060</t>
  </si>
  <si>
    <t>cg25640635</t>
  </si>
  <si>
    <t>cg25656978</t>
  </si>
  <si>
    <t>cg25698940</t>
  </si>
  <si>
    <t>cg25714218</t>
  </si>
  <si>
    <t>cg25777540</t>
  </si>
  <si>
    <t>cg25793649</t>
  </si>
  <si>
    <t>cg25823790</t>
  </si>
  <si>
    <t>cg25834869</t>
  </si>
  <si>
    <t>cg25843975</t>
  </si>
  <si>
    <t>cg25848037</t>
  </si>
  <si>
    <t>cg25849068</t>
  </si>
  <si>
    <t>cg25858008</t>
  </si>
  <si>
    <t>cg25870731</t>
  </si>
  <si>
    <t>cg25873934</t>
  </si>
  <si>
    <t>cg25875683</t>
  </si>
  <si>
    <t>cg25888700</t>
  </si>
  <si>
    <t>cg25892640</t>
  </si>
  <si>
    <t>cg25896901</t>
  </si>
  <si>
    <t>cg25896944</t>
  </si>
  <si>
    <t>cg25899756</t>
  </si>
  <si>
    <t>cg25908030</t>
  </si>
  <si>
    <t>cg25911220</t>
  </si>
  <si>
    <t>cg25918359</t>
  </si>
  <si>
    <t>cg25923284</t>
  </si>
  <si>
    <t>cg25940844</t>
  </si>
  <si>
    <t>cg25941716</t>
  </si>
  <si>
    <t>cg25950739</t>
  </si>
  <si>
    <t>cg25954223</t>
  </si>
  <si>
    <t>cg26009591</t>
  </si>
  <si>
    <t>cg26010110</t>
  </si>
  <si>
    <t>cg26018312</t>
  </si>
  <si>
    <t>cg26020914</t>
  </si>
  <si>
    <t>cg26023405</t>
  </si>
  <si>
    <t>cg26038441</t>
  </si>
  <si>
    <t>cg26059639</t>
  </si>
  <si>
    <t>cg26070134</t>
  </si>
  <si>
    <t>cg26105341</t>
  </si>
  <si>
    <t>cg26121752</t>
  </si>
  <si>
    <t>cg26146690</t>
  </si>
  <si>
    <t>cg26149887</t>
  </si>
  <si>
    <t>cg26157279</t>
  </si>
  <si>
    <t>cg26159385</t>
  </si>
  <si>
    <t>cg26234774</t>
  </si>
  <si>
    <t>cg26246138</t>
  </si>
  <si>
    <t>cg26279840</t>
  </si>
  <si>
    <t>cg26289980</t>
  </si>
  <si>
    <t>cg26308359</t>
  </si>
  <si>
    <t>cg26318441</t>
  </si>
  <si>
    <t>cg26332175</t>
  </si>
  <si>
    <t>cg26340003</t>
  </si>
  <si>
    <t>cg26342575</t>
  </si>
  <si>
    <t>cg26346636</t>
  </si>
  <si>
    <t>cg26351354</t>
  </si>
  <si>
    <t>cg26359238</t>
  </si>
  <si>
    <t>cg26359958</t>
  </si>
  <si>
    <t>cg26363802</t>
  </si>
  <si>
    <t>cg26368752</t>
  </si>
  <si>
    <t>cg26369916</t>
  </si>
  <si>
    <t>cg26376518</t>
  </si>
  <si>
    <t>cg26380710</t>
  </si>
  <si>
    <t>cg26382696</t>
  </si>
  <si>
    <t>cg26383972</t>
  </si>
  <si>
    <t>cg26401825</t>
  </si>
  <si>
    <t>cg26410404</t>
  </si>
  <si>
    <t>cg26418790</t>
  </si>
  <si>
    <t>cg26421947</t>
  </si>
  <si>
    <t>cg26428339</t>
  </si>
  <si>
    <t>cg26439324</t>
  </si>
  <si>
    <t>cg26442763</t>
  </si>
  <si>
    <t>cg26457165</t>
  </si>
  <si>
    <t>cg26465522</t>
  </si>
  <si>
    <t>cg26468081</t>
  </si>
  <si>
    <t>cg26481961</t>
  </si>
  <si>
    <t>cg26482893</t>
  </si>
  <si>
    <t>cg26505478</t>
  </si>
  <si>
    <t>cg26506212</t>
  </si>
  <si>
    <t>cg26516882</t>
  </si>
  <si>
    <t>cg26518560</t>
  </si>
  <si>
    <t>cg26540943</t>
  </si>
  <si>
    <t>cg26545730</t>
  </si>
  <si>
    <t>cg26578373</t>
  </si>
  <si>
    <t>cg26580465</t>
  </si>
  <si>
    <t>cg26583344</t>
  </si>
  <si>
    <t>cg26584339</t>
  </si>
  <si>
    <t>cg26590811</t>
  </si>
  <si>
    <t>cg26598749</t>
  </si>
  <si>
    <t>cg26620546</t>
  </si>
  <si>
    <t>cg26623222</t>
  </si>
  <si>
    <t>cg26628435</t>
  </si>
  <si>
    <t>cg26672162</t>
  </si>
  <si>
    <t>cg26674331</t>
  </si>
  <si>
    <t>cg26674826</t>
  </si>
  <si>
    <t>cg26682103</t>
  </si>
  <si>
    <t>cg26736837</t>
  </si>
  <si>
    <t>cg26739410</t>
  </si>
  <si>
    <t>cg26745032</t>
  </si>
  <si>
    <t>cg26756979</t>
  </si>
  <si>
    <t>cg26764972</t>
  </si>
  <si>
    <t>cg26777746</t>
  </si>
  <si>
    <t>cg26777760</t>
  </si>
  <si>
    <t>cg26793903</t>
  </si>
  <si>
    <t>cg26802102</t>
  </si>
  <si>
    <t>cg26806511</t>
  </si>
  <si>
    <t>cg26811602</t>
  </si>
  <si>
    <t>cg26893124</t>
  </si>
  <si>
    <t>cg26896756</t>
  </si>
  <si>
    <t>cg26899005</t>
  </si>
  <si>
    <t>cg26916109</t>
  </si>
  <si>
    <t>cg26927606</t>
  </si>
  <si>
    <t>cg26936230</t>
  </si>
  <si>
    <t>cg26937310</t>
  </si>
  <si>
    <t>cg26937423</t>
  </si>
  <si>
    <t>cg26950400</t>
  </si>
  <si>
    <t>cg26951364</t>
  </si>
  <si>
    <t>cg26953856</t>
  </si>
  <si>
    <t>cg26978843</t>
  </si>
  <si>
    <t>cg27047283</t>
  </si>
  <si>
    <t>cg27054331</t>
  </si>
  <si>
    <t>cg27059259</t>
  </si>
  <si>
    <t>cg27062326</t>
  </si>
  <si>
    <t>cg27069132</t>
  </si>
  <si>
    <t>cg27076487</t>
  </si>
  <si>
    <t>cg27083627</t>
  </si>
  <si>
    <t>cg27123903</t>
  </si>
  <si>
    <t>cg27151711</t>
  </si>
  <si>
    <t>cg27166673</t>
  </si>
  <si>
    <t>cg27260927</t>
  </si>
  <si>
    <t>cg27286863</t>
  </si>
  <si>
    <t>cg27296089</t>
  </si>
  <si>
    <t>cg27296664</t>
  </si>
  <si>
    <t>cg27306636</t>
  </si>
  <si>
    <t>cg27309655</t>
  </si>
  <si>
    <t>cg27326620</t>
  </si>
  <si>
    <t>cg27327591</t>
  </si>
  <si>
    <t>cg27329995</t>
  </si>
  <si>
    <t>cg27348515</t>
  </si>
  <si>
    <t>cg27350602</t>
  </si>
  <si>
    <t>cg27353825</t>
  </si>
  <si>
    <t>cg27355009</t>
  </si>
  <si>
    <t>cg27387615</t>
  </si>
  <si>
    <t>cg27388297</t>
  </si>
  <si>
    <t>cg27389648</t>
  </si>
  <si>
    <t>cg27419028</t>
  </si>
  <si>
    <t>cg27435491</t>
  </si>
  <si>
    <t>cg27441045</t>
  </si>
  <si>
    <t>cg27452062</t>
  </si>
  <si>
    <t>cg27470278</t>
  </si>
  <si>
    <t>cg27496085</t>
  </si>
  <si>
    <t>cg27496708</t>
  </si>
  <si>
    <t>cg27501007</t>
  </si>
  <si>
    <t>cg27501723</t>
  </si>
  <si>
    <t>cg27515272</t>
  </si>
  <si>
    <t>cg27522270</t>
  </si>
  <si>
    <t>cg27526317</t>
  </si>
  <si>
    <t>cg27538352</t>
  </si>
  <si>
    <t>cg27543728</t>
  </si>
  <si>
    <t>cg27545041</t>
  </si>
  <si>
    <t>cg27548075</t>
  </si>
  <si>
    <t>cg27554875</t>
  </si>
  <si>
    <t>cg27556136</t>
  </si>
  <si>
    <t>cg27558057</t>
  </si>
  <si>
    <t>cg27586390</t>
  </si>
  <si>
    <t>cg27592925</t>
  </si>
  <si>
    <t>cg27595778</t>
  </si>
  <si>
    <t>cg27606669</t>
  </si>
  <si>
    <t>cg27609342</t>
  </si>
  <si>
    <t>cg27609596</t>
  </si>
  <si>
    <t>cg27614967</t>
  </si>
  <si>
    <t>cg27615468</t>
  </si>
  <si>
    <t>cg27616996</t>
  </si>
  <si>
    <t>cg27623334</t>
  </si>
  <si>
    <t>cg27633753</t>
  </si>
  <si>
    <t>cg27636290</t>
  </si>
  <si>
    <t>cg27637296</t>
  </si>
  <si>
    <t>cg27665489</t>
  </si>
  <si>
    <t>cg00000957</t>
  </si>
  <si>
    <t>cg00001583</t>
  </si>
  <si>
    <t>cg00002028</t>
  </si>
  <si>
    <t>cg00003202</t>
  </si>
  <si>
    <t>cg00003287</t>
  </si>
  <si>
    <t>cg00004121</t>
  </si>
  <si>
    <t>cg00007036</t>
  </si>
  <si>
    <t>cg00007898</t>
  </si>
  <si>
    <t>cg00008647</t>
  </si>
  <si>
    <t>cg00009292</t>
  </si>
  <si>
    <t>cg00011717</t>
  </si>
  <si>
    <t>cg00014168</t>
  </si>
  <si>
    <t>cg00015286</t>
  </si>
  <si>
    <t>cg00015930</t>
  </si>
  <si>
    <t>cg00017221</t>
  </si>
  <si>
    <t>cg00021576</t>
  </si>
  <si>
    <t>cg00021933</t>
  </si>
  <si>
    <t>cg00026222</t>
  </si>
  <si>
    <t>cg00031063</t>
  </si>
  <si>
    <t>cg00031456</t>
  </si>
  <si>
    <t>cg00033127</t>
  </si>
  <si>
    <t>cg00034416</t>
  </si>
  <si>
    <t>cg00035237</t>
  </si>
  <si>
    <t>cg00035249</t>
  </si>
  <si>
    <t>cg00040446</t>
  </si>
  <si>
    <t>cg00042254</t>
  </si>
  <si>
    <t>cg00042356</t>
  </si>
  <si>
    <t>cg00044796</t>
  </si>
  <si>
    <t>cg00046018</t>
  </si>
  <si>
    <t>cg00049718</t>
  </si>
  <si>
    <t>cg00052626</t>
  </si>
  <si>
    <t>cg00058299</t>
  </si>
  <si>
    <t>cg00060374</t>
  </si>
  <si>
    <t>cg00061769</t>
  </si>
  <si>
    <t>cg00065215</t>
  </si>
  <si>
    <t>cg00066499</t>
  </si>
  <si>
    <t>cg00066671</t>
  </si>
  <si>
    <t>cg00068377</t>
  </si>
  <si>
    <t>cg00068412</t>
  </si>
  <si>
    <t>cg00069017</t>
  </si>
  <si>
    <t>cg00069860</t>
  </si>
  <si>
    <t>cg00081019</t>
  </si>
  <si>
    <t>cg00081141</t>
  </si>
  <si>
    <t>cg00081799</t>
  </si>
  <si>
    <t>cg00083652</t>
  </si>
  <si>
    <t>cg00086266</t>
  </si>
  <si>
    <t>cg00089372</t>
  </si>
  <si>
    <t>cg00090103</t>
  </si>
  <si>
    <t>cg00090648</t>
  </si>
  <si>
    <t>cg00091162</t>
  </si>
  <si>
    <t>cg00091285</t>
  </si>
  <si>
    <t>cg00091552</t>
  </si>
  <si>
    <t>cg00097573</t>
  </si>
  <si>
    <t>cg00101986</t>
  </si>
  <si>
    <t>cg00105470</t>
  </si>
  <si>
    <t>cg00106073</t>
  </si>
  <si>
    <t>cg00106446</t>
  </si>
  <si>
    <t>cg00107241</t>
  </si>
  <si>
    <t>cg00113194</t>
  </si>
  <si>
    <t>cg00114008</t>
  </si>
  <si>
    <t>cg00114084</t>
  </si>
  <si>
    <t>cg00115101</t>
  </si>
  <si>
    <t>cg00115313</t>
  </si>
  <si>
    <t>cg00116430</t>
  </si>
  <si>
    <t>cg00118468</t>
  </si>
  <si>
    <t>cg00121030</t>
  </si>
  <si>
    <t>cg00124011</t>
  </si>
  <si>
    <t>cg00125159</t>
  </si>
  <si>
    <t>cg00145911</t>
  </si>
  <si>
    <t>cg00148881</t>
  </si>
  <si>
    <t>cg00149684</t>
  </si>
  <si>
    <t>cg00151906</t>
  </si>
  <si>
    <t>cg00152008</t>
  </si>
  <si>
    <t>cg00154064</t>
  </si>
  <si>
    <t>cg00154982</t>
  </si>
  <si>
    <t>cg00155429</t>
  </si>
  <si>
    <t>cg00157179</t>
  </si>
  <si>
    <t>cg00161970</t>
  </si>
  <si>
    <t>cg00162191</t>
  </si>
  <si>
    <t>cg00165011</t>
  </si>
  <si>
    <t>cg00166706</t>
  </si>
  <si>
    <t>cg00171113</t>
  </si>
  <si>
    <t>cg00172330</t>
  </si>
  <si>
    <t>cg00172408</t>
  </si>
  <si>
    <t>cg00172603</t>
  </si>
  <si>
    <t>cg00173141</t>
  </si>
  <si>
    <t>cg00173405</t>
  </si>
  <si>
    <t>cg00173787</t>
  </si>
  <si>
    <t>cg00177390</t>
  </si>
  <si>
    <t>cg00248795</t>
  </si>
  <si>
    <t>cg00251536</t>
  </si>
  <si>
    <t>cg00252696</t>
  </si>
  <si>
    <t>cg00252701</t>
  </si>
  <si>
    <t>cg00252804</t>
  </si>
  <si>
    <t>cg00254258</t>
  </si>
  <si>
    <t>cg00255821</t>
  </si>
  <si>
    <t>cg00256155</t>
  </si>
  <si>
    <t>cg00256767</t>
  </si>
  <si>
    <t>cg00257786</t>
  </si>
  <si>
    <t>cg00287370</t>
  </si>
  <si>
    <t>cg00290506</t>
  </si>
  <si>
    <t>cg00290994</t>
  </si>
  <si>
    <t>cg00295572</t>
  </si>
  <si>
    <t>cg00296079</t>
  </si>
  <si>
    <t>cg00296458</t>
  </si>
  <si>
    <t>cg00297432</t>
  </si>
  <si>
    <t>cg00297950</t>
  </si>
  <si>
    <t>cg00299820</t>
  </si>
  <si>
    <t>cg00300039</t>
  </si>
  <si>
    <t>cg00300879</t>
  </si>
  <si>
    <t>cg00302521</t>
  </si>
  <si>
    <t>cg00304959</t>
  </si>
  <si>
    <t>cg00305285</t>
  </si>
  <si>
    <t>cg00305374</t>
  </si>
  <si>
    <t>cg00305774</t>
  </si>
  <si>
    <t>cg00309178</t>
  </si>
  <si>
    <t>cg00310968</t>
  </si>
  <si>
    <t>cg00318756</t>
  </si>
  <si>
    <t>cg00318766</t>
  </si>
  <si>
    <t>cg00325919</t>
  </si>
  <si>
    <t>cg00328972</t>
  </si>
  <si>
    <t>cg00329697</t>
  </si>
  <si>
    <t>cg00329748</t>
  </si>
  <si>
    <t>cg00339300</t>
  </si>
  <si>
    <t>cg00342358</t>
  </si>
  <si>
    <t>cg00345792</t>
  </si>
  <si>
    <t>cg00346501</t>
  </si>
  <si>
    <t>cg00346985</t>
  </si>
  <si>
    <t>cg00347563</t>
  </si>
  <si>
    <t>cg00347677</t>
  </si>
  <si>
    <t>cg00349061</t>
  </si>
  <si>
    <t>cg00349607</t>
  </si>
  <si>
    <t>cg00350652</t>
  </si>
  <si>
    <t>cg00352560</t>
  </si>
  <si>
    <t>cg00354179</t>
  </si>
  <si>
    <t>cg00371107</t>
  </si>
  <si>
    <t>cg00373131</t>
  </si>
  <si>
    <t>cg00383290</t>
  </si>
  <si>
    <t>cg00385863</t>
  </si>
  <si>
    <t>cg00385906</t>
  </si>
  <si>
    <t>cg00388605</t>
  </si>
  <si>
    <t>cg00396407</t>
  </si>
  <si>
    <t>cg00397635</t>
  </si>
  <si>
    <t>cg00400948</t>
  </si>
  <si>
    <t>cg00418146</t>
  </si>
  <si>
    <t>cg00423597</t>
  </si>
  <si>
    <t>cg00426822</t>
  </si>
  <si>
    <t>cg00426921</t>
  </si>
  <si>
    <t>cg00428476</t>
  </si>
  <si>
    <t>cg00448707</t>
  </si>
  <si>
    <t>cg00448752</t>
  </si>
  <si>
    <t>cg00450060</t>
  </si>
  <si>
    <t>cg00454742</t>
  </si>
  <si>
    <t>cg00455333</t>
  </si>
  <si>
    <t>cg00455424</t>
  </si>
  <si>
    <t>cg00459550</t>
  </si>
  <si>
    <t>cg00461735</t>
  </si>
  <si>
    <t>cg00463885</t>
  </si>
  <si>
    <t>cg00465927</t>
  </si>
  <si>
    <t>cg00466108</t>
  </si>
  <si>
    <t>cg00466121</t>
  </si>
  <si>
    <t>cg00466488</t>
  </si>
  <si>
    <t>cg00468144</t>
  </si>
  <si>
    <t>cg00498612</t>
  </si>
  <si>
    <t>cg00502963</t>
  </si>
  <si>
    <t>cg00503383</t>
  </si>
  <si>
    <t>cg00505606</t>
  </si>
  <si>
    <t>cg00507414</t>
  </si>
  <si>
    <t>cg00526336</t>
  </si>
  <si>
    <t>cg00532449</t>
  </si>
  <si>
    <t>cg00532451</t>
  </si>
  <si>
    <t>cg00533620</t>
  </si>
  <si>
    <t>cg00534240</t>
  </si>
  <si>
    <t>cg00534295</t>
  </si>
  <si>
    <t>cg00540353</t>
  </si>
  <si>
    <t>cg00541156</t>
  </si>
  <si>
    <t>cg00541565</t>
  </si>
  <si>
    <t>cg00542041</t>
  </si>
  <si>
    <t>cg00542299</t>
  </si>
  <si>
    <t>cg00542775</t>
  </si>
  <si>
    <t>cg00543329</t>
  </si>
  <si>
    <t>cg00543485</t>
  </si>
  <si>
    <t>cg00544955</t>
  </si>
  <si>
    <t>cg00545681</t>
  </si>
  <si>
    <t>cg00546808</t>
  </si>
  <si>
    <t>cg00549123</t>
  </si>
  <si>
    <t>cg00552973</t>
  </si>
  <si>
    <t>cg00562731</t>
  </si>
  <si>
    <t>cg00563566</t>
  </si>
  <si>
    <t>cg00563699</t>
  </si>
  <si>
    <t>cg00563824</t>
  </si>
  <si>
    <t>cg00564831</t>
  </si>
  <si>
    <t>cg00565688</t>
  </si>
  <si>
    <t>cg00566164</t>
  </si>
  <si>
    <t>cg00566297</t>
  </si>
  <si>
    <t>cg00569091</t>
  </si>
  <si>
    <t>cg00569276</t>
  </si>
  <si>
    <t>cg00569385</t>
  </si>
  <si>
    <t>cg00570896</t>
  </si>
  <si>
    <t>cg00571809</t>
  </si>
  <si>
    <t>cg00573880</t>
  </si>
  <si>
    <t>cg00576014</t>
  </si>
  <si>
    <t>cg00576259</t>
  </si>
  <si>
    <t>cg00576639</t>
  </si>
  <si>
    <t>cg00577361</t>
  </si>
  <si>
    <t>cg00579409</t>
  </si>
  <si>
    <t>cg00579423</t>
  </si>
  <si>
    <t>cg00581154</t>
  </si>
  <si>
    <t>cg00583332</t>
  </si>
  <si>
    <t>cg00583535</t>
  </si>
  <si>
    <t>cg00583861</t>
  </si>
  <si>
    <t>cg00584000</t>
  </si>
  <si>
    <t>cg00584416</t>
  </si>
  <si>
    <t>cg00585901</t>
  </si>
  <si>
    <t>cg00630164</t>
  </si>
  <si>
    <t>cg00631482</t>
  </si>
  <si>
    <t>cg00634145</t>
  </si>
  <si>
    <t>cg00645897</t>
  </si>
  <si>
    <t>cg00646200</t>
  </si>
  <si>
    <t>cg00647217</t>
  </si>
  <si>
    <t>cg00648152</t>
  </si>
  <si>
    <t>cg00649606</t>
  </si>
  <si>
    <t>cg00650088</t>
  </si>
  <si>
    <t>cg00650762</t>
  </si>
  <si>
    <t>cg00653565</t>
  </si>
  <si>
    <t>cg00653744</t>
  </si>
  <si>
    <t>cg00654709</t>
  </si>
  <si>
    <t>cg00656410</t>
  </si>
  <si>
    <t>cg00657094</t>
  </si>
  <si>
    <t>cg00660163</t>
  </si>
  <si>
    <t>cg00660251</t>
  </si>
  <si>
    <t>cg00661620</t>
  </si>
  <si>
    <t>cg00662647</t>
  </si>
  <si>
    <t>cg00662684</t>
  </si>
  <si>
    <t>cg00664416</t>
  </si>
  <si>
    <t>cg00666978</t>
  </si>
  <si>
    <t>cg00667000</t>
  </si>
  <si>
    <t>cg00667789</t>
  </si>
  <si>
    <t>cg00668227</t>
  </si>
  <si>
    <t>cg00668525</t>
  </si>
  <si>
    <t>cg00682386</t>
  </si>
  <si>
    <t>cg00687095</t>
  </si>
  <si>
    <t>cg00689868</t>
  </si>
  <si>
    <t>cg00690400</t>
  </si>
  <si>
    <t>cg00690431</t>
  </si>
  <si>
    <t>cg00691125</t>
  </si>
  <si>
    <t>cg00691240</t>
  </si>
  <si>
    <t>cg00696901</t>
  </si>
  <si>
    <t>cg00700041</t>
  </si>
  <si>
    <t>cg00702307</t>
  </si>
  <si>
    <t>cg00702837</t>
  </si>
  <si>
    <t>cg00702877</t>
  </si>
  <si>
    <t>cg00703260</t>
  </si>
  <si>
    <t>cg00712898</t>
  </si>
  <si>
    <t>cg00715999</t>
  </si>
  <si>
    <t>cg00716675</t>
  </si>
  <si>
    <t>cg00718333</t>
  </si>
  <si>
    <t>cg00719400</t>
  </si>
  <si>
    <t>cg00753692</t>
  </si>
  <si>
    <t>cg00754103</t>
  </si>
  <si>
    <t>cg00754584</t>
  </si>
  <si>
    <t>cg00756215</t>
  </si>
  <si>
    <t>cg00760200</t>
  </si>
  <si>
    <t>cg00760321</t>
  </si>
  <si>
    <t>cg00763094</t>
  </si>
  <si>
    <t>cg00764612</t>
  </si>
  <si>
    <t>cg00767644</t>
  </si>
  <si>
    <t>cg00769810</t>
  </si>
  <si>
    <t>cg00773459</t>
  </si>
  <si>
    <t>cg00773965</t>
  </si>
  <si>
    <t>cg00775615</t>
  </si>
  <si>
    <t>cg00776782</t>
  </si>
  <si>
    <t>cg00777310</t>
  </si>
  <si>
    <t>cg00777636</t>
  </si>
  <si>
    <t>cg00777689</t>
  </si>
  <si>
    <t>cg00777895</t>
  </si>
  <si>
    <t>cg00778544</t>
  </si>
  <si>
    <t>cg00778807</t>
  </si>
  <si>
    <t>cg00778905</t>
  </si>
  <si>
    <t>cg00779328</t>
  </si>
  <si>
    <t>cg00780805</t>
  </si>
  <si>
    <t>cg00781186</t>
  </si>
  <si>
    <t>cg00781875</t>
  </si>
  <si>
    <t>cg00783553</t>
  </si>
  <si>
    <t>cg00783945</t>
  </si>
  <si>
    <t>cg00784581</t>
  </si>
  <si>
    <t>cg00785522</t>
  </si>
  <si>
    <t>cg00787537</t>
  </si>
  <si>
    <t>cg00788461</t>
  </si>
  <si>
    <t>cg00789731</t>
  </si>
  <si>
    <t>cg00790928</t>
  </si>
  <si>
    <t>cg00791218</t>
  </si>
  <si>
    <t>cg00792938</t>
  </si>
  <si>
    <t>cg00794227</t>
  </si>
  <si>
    <t>cg00794400</t>
  </si>
  <si>
    <t>cg00794722</t>
  </si>
  <si>
    <t>cg00806311</t>
  </si>
  <si>
    <t>cg00806481</t>
  </si>
  <si>
    <t>cg00807959</t>
  </si>
  <si>
    <t>cg00810939</t>
  </si>
  <si>
    <t>cg00812299</t>
  </si>
  <si>
    <t>cg00812833</t>
  </si>
  <si>
    <t>cg00813378</t>
  </si>
  <si>
    <t>cg00817100</t>
  </si>
  <si>
    <t>cg00821073</t>
  </si>
  <si>
    <t>cg00821567</t>
  </si>
  <si>
    <t>cg00823843</t>
  </si>
  <si>
    <t>cg00827745</t>
  </si>
  <si>
    <t>cg00827973</t>
  </si>
  <si>
    <t>cg00831909</t>
  </si>
  <si>
    <t>cg00832850</t>
  </si>
  <si>
    <t>cg00850612</t>
  </si>
  <si>
    <t>cg00851154</t>
  </si>
  <si>
    <t>cg00852622</t>
  </si>
  <si>
    <t>cg00853242</t>
  </si>
  <si>
    <t>cg00853687</t>
  </si>
  <si>
    <t>cg00856002</t>
  </si>
  <si>
    <t>cg00860370</t>
  </si>
  <si>
    <t>cg00860380</t>
  </si>
  <si>
    <t>cg00860712</t>
  </si>
  <si>
    <t>cg00865653</t>
  </si>
  <si>
    <t>cg00866484</t>
  </si>
  <si>
    <t>cg00866662</t>
  </si>
  <si>
    <t>cg00866690</t>
  </si>
  <si>
    <t>cg00873050</t>
  </si>
  <si>
    <t>cg00889627</t>
  </si>
  <si>
    <t>cg00890378</t>
  </si>
  <si>
    <t>cg00891176</t>
  </si>
  <si>
    <t>cg00894481</t>
  </si>
  <si>
    <t>cg00895834</t>
  </si>
  <si>
    <t>cg00902496</t>
  </si>
  <si>
    <t>cg00903950</t>
  </si>
  <si>
    <t>cg00905725</t>
  </si>
  <si>
    <t>cg00906976</t>
  </si>
  <si>
    <t>cg00908766</t>
  </si>
  <si>
    <t>cg00909514</t>
  </si>
  <si>
    <t>cg00910518</t>
  </si>
  <si>
    <t>cg00912467</t>
  </si>
  <si>
    <t>cg00913953</t>
  </si>
  <si>
    <t>cg00914222</t>
  </si>
  <si>
    <t>cg00914354</t>
  </si>
  <si>
    <t>cg00914462</t>
  </si>
  <si>
    <t>cg00922376</t>
  </si>
  <si>
    <t>cg00924484</t>
  </si>
  <si>
    <t>cg00924622</t>
  </si>
  <si>
    <t>cg00925616</t>
  </si>
  <si>
    <t>cg00926874</t>
  </si>
  <si>
    <t>cg00929392</t>
  </si>
  <si>
    <t>cg00930306</t>
  </si>
  <si>
    <t>cg00937518</t>
  </si>
  <si>
    <t>cg00939106</t>
  </si>
  <si>
    <t>cg00939211</t>
  </si>
  <si>
    <t>cg00939558</t>
  </si>
  <si>
    <t>cg00941229</t>
  </si>
  <si>
    <t>cg00944142</t>
  </si>
  <si>
    <t>cg00946032</t>
  </si>
  <si>
    <t>cg00951395</t>
  </si>
  <si>
    <t>cg00952134</t>
  </si>
  <si>
    <t>cg00953309</t>
  </si>
  <si>
    <t>cg00955828</t>
  </si>
  <si>
    <t>cg00956639</t>
  </si>
  <si>
    <t>cg00958381</t>
  </si>
  <si>
    <t>cg00958409</t>
  </si>
  <si>
    <t>cg00959118</t>
  </si>
  <si>
    <t>cg00959725</t>
  </si>
  <si>
    <t>cg00960373</t>
  </si>
  <si>
    <t>cg00962755</t>
  </si>
  <si>
    <t>cg00962913</t>
  </si>
  <si>
    <t>cg00963079</t>
  </si>
  <si>
    <t>cg00964355</t>
  </si>
  <si>
    <t>cg00965168</t>
  </si>
  <si>
    <t>cg00966930</t>
  </si>
  <si>
    <t>cg00968021</t>
  </si>
  <si>
    <t>cg00968203</t>
  </si>
  <si>
    <t>cg00968800</t>
  </si>
  <si>
    <t>cg00969680</t>
  </si>
  <si>
    <t>cg00969787</t>
  </si>
  <si>
    <t>cg00972603</t>
  </si>
  <si>
    <t>cg00973823</t>
  </si>
  <si>
    <t>cg00975854</t>
  </si>
  <si>
    <t>cg00977827</t>
  </si>
  <si>
    <t>cg00978910</t>
  </si>
  <si>
    <t>cg00983637</t>
  </si>
  <si>
    <t>cg00984214</t>
  </si>
  <si>
    <t>cg00987080</t>
  </si>
  <si>
    <t>cg00989226</t>
  </si>
  <si>
    <t>cg00989492</t>
  </si>
  <si>
    <t>cg00989853</t>
  </si>
  <si>
    <t>cg00991958</t>
  </si>
  <si>
    <t>cg00992913</t>
  </si>
  <si>
    <t>cg00993191</t>
  </si>
  <si>
    <t>cg00993651</t>
  </si>
  <si>
    <t>cg00993824</t>
  </si>
  <si>
    <t>cg00996827</t>
  </si>
  <si>
    <t>cg00997310</t>
  </si>
  <si>
    <t>cg00997411</t>
  </si>
  <si>
    <t>cg00997699</t>
  </si>
  <si>
    <t>cg00998168</t>
  </si>
  <si>
    <t>cg00998438</t>
  </si>
  <si>
    <t>cg01000656</t>
  </si>
  <si>
    <t>cg01002341</t>
  </si>
  <si>
    <t>cg01013754</t>
  </si>
  <si>
    <t>cg01014287</t>
  </si>
  <si>
    <t>cg01014490</t>
  </si>
  <si>
    <t>cg01016662</t>
  </si>
  <si>
    <t>cg01018002</t>
  </si>
  <si>
    <t>cg01020399</t>
  </si>
  <si>
    <t>cg01022121</t>
  </si>
  <si>
    <t>cg01022171</t>
  </si>
  <si>
    <t>cg01045423</t>
  </si>
  <si>
    <t>cg01049316</t>
  </si>
  <si>
    <t>cg01051310</t>
  </si>
  <si>
    <t>cg01051642</t>
  </si>
  <si>
    <t>cg01052854</t>
  </si>
  <si>
    <t>cg01054622</t>
  </si>
  <si>
    <t>cg01057742</t>
  </si>
  <si>
    <t>cg01061626</t>
  </si>
  <si>
    <t>cg01062116</t>
  </si>
  <si>
    <t>cg01064573</t>
  </si>
  <si>
    <t>cg01065413</t>
  </si>
  <si>
    <t>cg01065471</t>
  </si>
  <si>
    <t>cg01066472</t>
  </si>
  <si>
    <t>cg01074104</t>
  </si>
  <si>
    <t>cg01074657</t>
  </si>
  <si>
    <t>cg01074955</t>
  </si>
  <si>
    <t>cg01075305</t>
  </si>
  <si>
    <t>cg01076200</t>
  </si>
  <si>
    <t>cg01077102</t>
  </si>
  <si>
    <t>cg01077609</t>
  </si>
  <si>
    <t>cg01079738</t>
  </si>
  <si>
    <t>cg01101459</t>
  </si>
  <si>
    <t>cg01101873</t>
  </si>
  <si>
    <t>cg01105140</t>
  </si>
  <si>
    <t>cg01105494</t>
  </si>
  <si>
    <t>cg01137537</t>
  </si>
  <si>
    <t>cg01188685</t>
  </si>
  <si>
    <t>cg01281911</t>
  </si>
  <si>
    <t>cg01363569</t>
  </si>
  <si>
    <t>cg01373292</t>
  </si>
  <si>
    <t>cg01391538</t>
  </si>
  <si>
    <t>cg01394013</t>
  </si>
  <si>
    <t>cg01395650</t>
  </si>
  <si>
    <t>cg01396580</t>
  </si>
  <si>
    <t>cg01411786</t>
  </si>
  <si>
    <t>cg01413566</t>
  </si>
  <si>
    <t>cg01414687</t>
  </si>
  <si>
    <t>cg01414845</t>
  </si>
  <si>
    <t>cg01416227</t>
  </si>
  <si>
    <t>cg01416578</t>
  </si>
  <si>
    <t>cg01417615</t>
  </si>
  <si>
    <t>cg01417692</t>
  </si>
  <si>
    <t>cg01418261</t>
  </si>
  <si>
    <t>cg01419479</t>
  </si>
  <si>
    <t>cg01420426</t>
  </si>
  <si>
    <t>cg01423964</t>
  </si>
  <si>
    <t>cg01425479</t>
  </si>
  <si>
    <t>cg01428095</t>
  </si>
  <si>
    <t>cg01429859</t>
  </si>
  <si>
    <t>cg01433443</t>
  </si>
  <si>
    <t>cg01434197</t>
  </si>
  <si>
    <t>cg01434649</t>
  </si>
  <si>
    <t>cg01436424</t>
  </si>
  <si>
    <t>cg01439572</t>
  </si>
  <si>
    <t>cg01441387</t>
  </si>
  <si>
    <t>cg01442903</t>
  </si>
  <si>
    <t>cg01444643</t>
  </si>
  <si>
    <t>cg01445580</t>
  </si>
  <si>
    <t>cg01446576</t>
  </si>
  <si>
    <t>cg01447966</t>
  </si>
  <si>
    <t>cg01511126</t>
  </si>
  <si>
    <t>cg01513967</t>
  </si>
  <si>
    <t>cg01514538</t>
  </si>
  <si>
    <t>cg01514859</t>
  </si>
  <si>
    <t>cg01515508</t>
  </si>
  <si>
    <t>cg01520309</t>
  </si>
  <si>
    <t>cg01523799</t>
  </si>
  <si>
    <t>cg01530317</t>
  </si>
  <si>
    <t>cg01550055</t>
  </si>
  <si>
    <t>cg01550473</t>
  </si>
  <si>
    <t>cg01551350</t>
  </si>
  <si>
    <t>cg01555036</t>
  </si>
  <si>
    <t>cg01557883</t>
  </si>
  <si>
    <t>cg01558923</t>
  </si>
  <si>
    <t>cg01559617</t>
  </si>
  <si>
    <t>cg01563601</t>
  </si>
  <si>
    <t>cg01564068</t>
  </si>
  <si>
    <t>cg01565237</t>
  </si>
  <si>
    <t>cg01566242</t>
  </si>
  <si>
    <t>cg01566260</t>
  </si>
  <si>
    <t>cg01567173</t>
  </si>
  <si>
    <t>cg01567634</t>
  </si>
  <si>
    <t>cg01576340</t>
  </si>
  <si>
    <t>cg01603146</t>
  </si>
  <si>
    <t>cg01604592</t>
  </si>
  <si>
    <t>cg01606324</t>
  </si>
  <si>
    <t>cg01606516</t>
  </si>
  <si>
    <t>cg01624937</t>
  </si>
  <si>
    <t>cg01711073</t>
  </si>
  <si>
    <t>cg01711146</t>
  </si>
  <si>
    <t>cg01712692</t>
  </si>
  <si>
    <t>cg01716667</t>
  </si>
  <si>
    <t>cg01716680</t>
  </si>
  <si>
    <t>cg01717524</t>
  </si>
  <si>
    <t>cg01717636</t>
  </si>
  <si>
    <t>cg01717973</t>
  </si>
  <si>
    <t>cg01719793</t>
  </si>
  <si>
    <t>cg01719979</t>
  </si>
  <si>
    <t>cg01720705</t>
  </si>
  <si>
    <t>cg01721204</t>
  </si>
  <si>
    <t>cg01723710</t>
  </si>
  <si>
    <t>cg01728866</t>
  </si>
  <si>
    <t>cg01730534</t>
  </si>
  <si>
    <t>cg01731204</t>
  </si>
  <si>
    <t>cg01765111</t>
  </si>
  <si>
    <t>cg01772115</t>
  </si>
  <si>
    <t>cg01772149</t>
  </si>
  <si>
    <t>cg01773689</t>
  </si>
  <si>
    <t>cg01774704</t>
  </si>
  <si>
    <t>cg01777643</t>
  </si>
  <si>
    <t>cg01780585</t>
  </si>
  <si>
    <t>cg01782097</t>
  </si>
  <si>
    <t>cg01782826</t>
  </si>
  <si>
    <t>cg01784852</t>
  </si>
  <si>
    <t>cg01785417</t>
  </si>
  <si>
    <t>cg01786314</t>
  </si>
  <si>
    <t>cg01787565</t>
  </si>
  <si>
    <t>cg01789576</t>
  </si>
  <si>
    <t>cg01793449</t>
  </si>
  <si>
    <t>cg01795776</t>
  </si>
  <si>
    <t>cg01799338</t>
  </si>
  <si>
    <t>cg01801182</t>
  </si>
  <si>
    <t>cg01802975</t>
  </si>
  <si>
    <t>cg01803717</t>
  </si>
  <si>
    <t>cg01803759</t>
  </si>
  <si>
    <t>cg01805347</t>
  </si>
  <si>
    <t>cg01807377</t>
  </si>
  <si>
    <t>cg01807886</t>
  </si>
  <si>
    <t>cg01811378</t>
  </si>
  <si>
    <t>cg01821018</t>
  </si>
  <si>
    <t>cg01821754</t>
  </si>
  <si>
    <t>cg01823416</t>
  </si>
  <si>
    <t>cg01826367</t>
  </si>
  <si>
    <t>cg01827717</t>
  </si>
  <si>
    <t>cg01829387</t>
  </si>
  <si>
    <t>cg01860753</t>
  </si>
  <si>
    <t>cg01879507</t>
  </si>
  <si>
    <t>cg01882033</t>
  </si>
  <si>
    <t>cg01902939</t>
  </si>
  <si>
    <t>cg01904812</t>
  </si>
  <si>
    <t>cg01905589</t>
  </si>
  <si>
    <t>cg01907584</t>
  </si>
  <si>
    <t>cg01907688</t>
  </si>
  <si>
    <t>cg01909982</t>
  </si>
  <si>
    <t>cg01910231</t>
  </si>
  <si>
    <t>cg01911468</t>
  </si>
  <si>
    <t>cg01913568</t>
  </si>
  <si>
    <t>cg01913970</t>
  </si>
  <si>
    <t>cg01914838</t>
  </si>
  <si>
    <t>cg01915516</t>
  </si>
  <si>
    <t>cg01920657</t>
  </si>
  <si>
    <t>cg01921432</t>
  </si>
  <si>
    <t>cg01922433</t>
  </si>
  <si>
    <t>cg01923523</t>
  </si>
  <si>
    <t>cg01925393</t>
  </si>
  <si>
    <t>cg01927825</t>
  </si>
  <si>
    <t>cg01928145</t>
  </si>
  <si>
    <t>cg01928910</t>
  </si>
  <si>
    <t>cg01931502</t>
  </si>
  <si>
    <t>cg01931994</t>
  </si>
  <si>
    <t>cg01932091</t>
  </si>
  <si>
    <t>cg01932843</t>
  </si>
  <si>
    <t>cg01935060</t>
  </si>
  <si>
    <t>cg01936090</t>
  </si>
  <si>
    <t>cg01936430</t>
  </si>
  <si>
    <t>cg01938118</t>
  </si>
  <si>
    <t>cg01939664</t>
  </si>
  <si>
    <t>cg01941754</t>
  </si>
  <si>
    <t>cg01942492</t>
  </si>
  <si>
    <t>cg01943221</t>
  </si>
  <si>
    <t>cg01943843</t>
  </si>
  <si>
    <t>cg01947301</t>
  </si>
  <si>
    <t>cg01949993</t>
  </si>
  <si>
    <t>cg01951489</t>
  </si>
  <si>
    <t>cg01963221</t>
  </si>
  <si>
    <t>cg01964683</t>
  </si>
  <si>
    <t>cg01966787</t>
  </si>
  <si>
    <t>cg01970427</t>
  </si>
  <si>
    <t>cg01970575</t>
  </si>
  <si>
    <t>cg01971071</t>
  </si>
  <si>
    <t>cg01971224</t>
  </si>
  <si>
    <t>cg01972394</t>
  </si>
  <si>
    <t>cg01973605</t>
  </si>
  <si>
    <t>cg01975877</t>
  </si>
  <si>
    <t>cg01978368</t>
  </si>
  <si>
    <t>cg01979352</t>
  </si>
  <si>
    <t>cg02008416</t>
  </si>
  <si>
    <t>cg02031245</t>
  </si>
  <si>
    <t>cg02031397</t>
  </si>
  <si>
    <t>cg02050917</t>
  </si>
  <si>
    <t>cg02052548</t>
  </si>
  <si>
    <t>cg02053850</t>
  </si>
  <si>
    <t>cg02054059</t>
  </si>
  <si>
    <t>cg02054776</t>
  </si>
  <si>
    <t>cg02057063</t>
  </si>
  <si>
    <t>cg02057833</t>
  </si>
  <si>
    <t>cg02058628</t>
  </si>
  <si>
    <t>cg02067580</t>
  </si>
  <si>
    <t>cg02068989</t>
  </si>
  <si>
    <t>cg02075570</t>
  </si>
  <si>
    <t>cg02076414</t>
  </si>
  <si>
    <t>cg02080152</t>
  </si>
  <si>
    <t>cg02080857</t>
  </si>
  <si>
    <t>cg02083151</t>
  </si>
  <si>
    <t>cg02086195</t>
  </si>
  <si>
    <t>cg02087416</t>
  </si>
  <si>
    <t>cg02096887</t>
  </si>
  <si>
    <t>cg02100343</t>
  </si>
  <si>
    <t>cg02105666</t>
  </si>
  <si>
    <t>cg02106828</t>
  </si>
  <si>
    <t>cg02107269</t>
  </si>
  <si>
    <t>cg02152120</t>
  </si>
  <si>
    <t>cg02152233</t>
  </si>
  <si>
    <t>cg02153614</t>
  </si>
  <si>
    <t>cg02155829</t>
  </si>
  <si>
    <t>cg02229993</t>
  </si>
  <si>
    <t>cg02232875</t>
  </si>
  <si>
    <t>cg02237208</t>
  </si>
  <si>
    <t>cg02237319</t>
  </si>
  <si>
    <t>cg02237987</t>
  </si>
  <si>
    <t>cg02265318</t>
  </si>
  <si>
    <t>cg02273146</t>
  </si>
  <si>
    <t>cg02276763</t>
  </si>
  <si>
    <t>cg02276822</t>
  </si>
  <si>
    <t>cg02277850</t>
  </si>
  <si>
    <t>cg02279891</t>
  </si>
  <si>
    <t>cg02280855</t>
  </si>
  <si>
    <t>cg02281006</t>
  </si>
  <si>
    <t>cg02281446</t>
  </si>
  <si>
    <t>cg02283366</t>
  </si>
  <si>
    <t>cg02283735</t>
  </si>
  <si>
    <t>cg02287630</t>
  </si>
  <si>
    <t>cg02290803</t>
  </si>
  <si>
    <t>cg02291556</t>
  </si>
  <si>
    <t>cg02295872</t>
  </si>
  <si>
    <t>cg02296583</t>
  </si>
  <si>
    <t>cg02297616</t>
  </si>
  <si>
    <t>cg02298059</t>
  </si>
  <si>
    <t>cg02298360</t>
  </si>
  <si>
    <t>cg02328010</t>
  </si>
  <si>
    <t>cg02328440</t>
  </si>
  <si>
    <t>cg02328660</t>
  </si>
  <si>
    <t>cg02328793</t>
  </si>
  <si>
    <t>cg02331143</t>
  </si>
  <si>
    <t>cg02331910</t>
  </si>
  <si>
    <t>cg02334370</t>
  </si>
  <si>
    <t>cg02334770</t>
  </si>
  <si>
    <t>cg02337836</t>
  </si>
  <si>
    <t>cg02339592</t>
  </si>
  <si>
    <t>cg02340083</t>
  </si>
  <si>
    <t>cg02342257</t>
  </si>
  <si>
    <t>cg02356786</t>
  </si>
  <si>
    <t>cg02362103</t>
  </si>
  <si>
    <t>cg02362686</t>
  </si>
  <si>
    <t>cg02365918</t>
  </si>
  <si>
    <t>cg02366575</t>
  </si>
  <si>
    <t>cg02368874</t>
  </si>
  <si>
    <t>cg02386725</t>
  </si>
  <si>
    <t>cg02386921</t>
  </si>
  <si>
    <t>cg02388245</t>
  </si>
  <si>
    <t>cg02388783</t>
  </si>
  <si>
    <t>cg02390115</t>
  </si>
  <si>
    <t>cg02390319</t>
  </si>
  <si>
    <t>cg02392553</t>
  </si>
  <si>
    <t>cg02395396</t>
  </si>
  <si>
    <t>cg02395863</t>
  </si>
  <si>
    <t>cg02396224</t>
  </si>
  <si>
    <t>cg02396888</t>
  </si>
  <si>
    <t>cg02397176</t>
  </si>
  <si>
    <t>cg02397514</t>
  </si>
  <si>
    <t>cg02447606</t>
  </si>
  <si>
    <t>cg02448190</t>
  </si>
  <si>
    <t>cg02452585</t>
  </si>
  <si>
    <t>cg02454364</t>
  </si>
  <si>
    <t>cg02454982</t>
  </si>
  <si>
    <t>cg02455064</t>
  </si>
  <si>
    <t>cg02455803</t>
  </si>
  <si>
    <t>cg02457623</t>
  </si>
  <si>
    <t>cg02457680</t>
  </si>
  <si>
    <t>cg02458039</t>
  </si>
  <si>
    <t>cg02459271</t>
  </si>
  <si>
    <t>cg02460223</t>
  </si>
  <si>
    <t>cg02482614</t>
  </si>
  <si>
    <t>cg02483484</t>
  </si>
  <si>
    <t>cg02483735</t>
  </si>
  <si>
    <t>cg02486355</t>
  </si>
  <si>
    <t>cg02487499</t>
  </si>
  <si>
    <t>cg02490994</t>
  </si>
  <si>
    <t>cg02494066</t>
  </si>
  <si>
    <t>cg02506043</t>
  </si>
  <si>
    <t>cg02550592</t>
  </si>
  <si>
    <t>cg02565672</t>
  </si>
  <si>
    <t>cg02567839</t>
  </si>
  <si>
    <t>cg02570527</t>
  </si>
  <si>
    <t>cg02572729</t>
  </si>
  <si>
    <t>cg02573121</t>
  </si>
  <si>
    <t>cg02573276</t>
  </si>
  <si>
    <t>cg02576395</t>
  </si>
  <si>
    <t>cg02577267</t>
  </si>
  <si>
    <t>cg02581421</t>
  </si>
  <si>
    <t>cg02582387</t>
  </si>
  <si>
    <t>cg02583736</t>
  </si>
  <si>
    <t>cg02584756</t>
  </si>
  <si>
    <t>cg02585459</t>
  </si>
  <si>
    <t>cg02618553</t>
  </si>
  <si>
    <t>cg02619167</t>
  </si>
  <si>
    <t>cg02620307</t>
  </si>
  <si>
    <t>cg02622205</t>
  </si>
  <si>
    <t>cg02623200</t>
  </si>
  <si>
    <t>cg02623400</t>
  </si>
  <si>
    <t>cg02624558</t>
  </si>
  <si>
    <t>cg02624704</t>
  </si>
  <si>
    <t>cg02628801</t>
  </si>
  <si>
    <t>cg02630477</t>
  </si>
  <si>
    <t>cg02630629</t>
  </si>
  <si>
    <t>cg02631838</t>
  </si>
  <si>
    <t>cg02632274</t>
  </si>
  <si>
    <t>cg02633690</t>
  </si>
  <si>
    <t>cg02634861</t>
  </si>
  <si>
    <t>cg02637320</t>
  </si>
  <si>
    <t>cg02638057</t>
  </si>
  <si>
    <t>cg02642404</t>
  </si>
  <si>
    <t>cg02656891</t>
  </si>
  <si>
    <t>cg02659673</t>
  </si>
  <si>
    <t>cg02661426</t>
  </si>
  <si>
    <t>cg02664812</t>
  </si>
  <si>
    <t>cg02666627</t>
  </si>
  <si>
    <t>cg02669807</t>
  </si>
  <si>
    <t>cg02671019</t>
  </si>
  <si>
    <t>cg02673436</t>
  </si>
  <si>
    <t>cg02675083</t>
  </si>
  <si>
    <t>cg02693249</t>
  </si>
  <si>
    <t>cg02696763</t>
  </si>
  <si>
    <t>cg02697423</t>
  </si>
  <si>
    <t>cg02709834</t>
  </si>
  <si>
    <t>cg02711976</t>
  </si>
  <si>
    <t>cg02712922</t>
  </si>
  <si>
    <t>cg02736602</t>
  </si>
  <si>
    <t>cg02737782</t>
  </si>
  <si>
    <t>cg02737801</t>
  </si>
  <si>
    <t>cg02769687</t>
  </si>
  <si>
    <t>cg02769781</t>
  </si>
  <si>
    <t>cg02772132</t>
  </si>
  <si>
    <t>cg02772509</t>
  </si>
  <si>
    <t>cg02773945</t>
  </si>
  <si>
    <t>cg02832305</t>
  </si>
  <si>
    <t>cg02838118</t>
  </si>
  <si>
    <t>cg02838178</t>
  </si>
  <si>
    <t>cg02838762</t>
  </si>
  <si>
    <t>cg02847098</t>
  </si>
  <si>
    <t>cg02847140</t>
  </si>
  <si>
    <t>cg02847589</t>
  </si>
  <si>
    <t>cg02849695</t>
  </si>
  <si>
    <t>cg02849769</t>
  </si>
  <si>
    <t>cg02850329</t>
  </si>
  <si>
    <t>cg02850933</t>
  </si>
  <si>
    <t>cg02851034</t>
  </si>
  <si>
    <t>cg02854763</t>
  </si>
  <si>
    <t>cg02855836</t>
  </si>
  <si>
    <t>cg02856953</t>
  </si>
  <si>
    <t>cg02859098</t>
  </si>
  <si>
    <t>cg02861071</t>
  </si>
  <si>
    <t>cg02861380</t>
  </si>
  <si>
    <t>cg02861733</t>
  </si>
  <si>
    <t>cg02863087</t>
  </si>
  <si>
    <t>cg02892898</t>
  </si>
  <si>
    <t>cg02896403</t>
  </si>
  <si>
    <t>cg02896696</t>
  </si>
  <si>
    <t>cg02897008</t>
  </si>
  <si>
    <t>cg02899039</t>
  </si>
  <si>
    <t>cg02900017</t>
  </si>
  <si>
    <t>cg02900253</t>
  </si>
  <si>
    <t>cg02901753</t>
  </si>
  <si>
    <t>cg02901884</t>
  </si>
  <si>
    <t>cg02902395</t>
  </si>
  <si>
    <t>cg02905065</t>
  </si>
  <si>
    <t>cg02910281</t>
  </si>
  <si>
    <t>cg02912476</t>
  </si>
  <si>
    <t>cg02918910</t>
  </si>
  <si>
    <t>cg02924110</t>
  </si>
  <si>
    <t>cg02924487</t>
  </si>
  <si>
    <t>cg02924562</t>
  </si>
  <si>
    <t>cg02925840</t>
  </si>
  <si>
    <t>cg02927682</t>
  </si>
  <si>
    <t>cg02931001</t>
  </si>
  <si>
    <t>cg02933679</t>
  </si>
  <si>
    <t>cg02934509</t>
  </si>
  <si>
    <t>cg02934600</t>
  </si>
  <si>
    <t>cg02935904</t>
  </si>
  <si>
    <t>cg02951880</t>
  </si>
  <si>
    <t>cg02952008</t>
  </si>
  <si>
    <t>cg02953397</t>
  </si>
  <si>
    <t>cg02953624</t>
  </si>
  <si>
    <t>cg02954735</t>
  </si>
  <si>
    <t>cg02955077</t>
  </si>
  <si>
    <t>cg02956460</t>
  </si>
  <si>
    <t>cg02956660</t>
  </si>
  <si>
    <t>cg02957057</t>
  </si>
  <si>
    <t>cg02959988</t>
  </si>
  <si>
    <t>cg02960125</t>
  </si>
  <si>
    <t>cg02970394</t>
  </si>
  <si>
    <t>cg02970551</t>
  </si>
  <si>
    <t>cg02971920</t>
  </si>
  <si>
    <t>cg02973320</t>
  </si>
  <si>
    <t>cg02974126</t>
  </si>
  <si>
    <t>cg02974928</t>
  </si>
  <si>
    <t>cg02976929</t>
  </si>
  <si>
    <t>cg02977466</t>
  </si>
  <si>
    <t>cg02978142</t>
  </si>
  <si>
    <t>cg02978297</t>
  </si>
  <si>
    <t>cg02983950</t>
  </si>
  <si>
    <t>cg02985724</t>
  </si>
  <si>
    <t>cg02986938</t>
  </si>
  <si>
    <t>cg02987928</t>
  </si>
  <si>
    <t>cg02988267</t>
  </si>
  <si>
    <t>cg02992252</t>
  </si>
  <si>
    <t>cg02993280</t>
  </si>
  <si>
    <t>cg02994162</t>
  </si>
  <si>
    <t>cg02994246</t>
  </si>
  <si>
    <t>cg02994863</t>
  </si>
  <si>
    <t>cg02996314</t>
  </si>
  <si>
    <t>cg02998018</t>
  </si>
  <si>
    <t>cg03001333</t>
  </si>
  <si>
    <t>cg03003335</t>
  </si>
  <si>
    <t>cg03003689</t>
  </si>
  <si>
    <t>cg03005062</t>
  </si>
  <si>
    <t>cg03041742</t>
  </si>
  <si>
    <t>cg03043663</t>
  </si>
  <si>
    <t>cg03044149</t>
  </si>
  <si>
    <t>cg03048314</t>
  </si>
  <si>
    <t>cg03050907</t>
  </si>
  <si>
    <t>cg03054277</t>
  </si>
  <si>
    <t>cg03055346</t>
  </si>
  <si>
    <t>cg03055449</t>
  </si>
  <si>
    <t>cg03056854</t>
  </si>
  <si>
    <t>cg03057855</t>
  </si>
  <si>
    <t>cg03058232</t>
  </si>
  <si>
    <t>cg03085637</t>
  </si>
  <si>
    <t>cg03102494</t>
  </si>
  <si>
    <t>cg03104428</t>
  </si>
  <si>
    <t>cg03104869</t>
  </si>
  <si>
    <t>cg03106090</t>
  </si>
  <si>
    <t>cg03106313</t>
  </si>
  <si>
    <t>cg03107920</t>
  </si>
  <si>
    <t>cg03108114</t>
  </si>
  <si>
    <t>cg03111285</t>
  </si>
  <si>
    <t>cg03111951</t>
  </si>
  <si>
    <t>cg03114585</t>
  </si>
  <si>
    <t>cg03115649</t>
  </si>
  <si>
    <t>cg03115835</t>
  </si>
  <si>
    <t>cg03116642</t>
  </si>
  <si>
    <t>cg03119126</t>
  </si>
  <si>
    <t>cg03119215</t>
  </si>
  <si>
    <t>cg03119829</t>
  </si>
  <si>
    <t>cg03126058</t>
  </si>
  <si>
    <t>cg03128332</t>
  </si>
  <si>
    <t>cg03129172</t>
  </si>
  <si>
    <t>cg03129717</t>
  </si>
  <si>
    <t>cg03129904</t>
  </si>
  <si>
    <t>cg03131272</t>
  </si>
  <si>
    <t>cg03132197</t>
  </si>
  <si>
    <t>cg03136512</t>
  </si>
  <si>
    <t>cg03142856</t>
  </si>
  <si>
    <t>cg03142956</t>
  </si>
  <si>
    <t>cg03144619</t>
  </si>
  <si>
    <t>cg03147210</t>
  </si>
  <si>
    <t>cg03148373</t>
  </si>
  <si>
    <t>cg03149628</t>
  </si>
  <si>
    <t>cg03152577</t>
  </si>
  <si>
    <t>cg03189756</t>
  </si>
  <si>
    <t>cg03202416</t>
  </si>
  <si>
    <t>cg03211936</t>
  </si>
  <si>
    <t>cg03216846</t>
  </si>
  <si>
    <t>cg03220161</t>
  </si>
  <si>
    <t>cg03221247</t>
  </si>
  <si>
    <t>cg03225546</t>
  </si>
  <si>
    <t>cg03227570</t>
  </si>
  <si>
    <t>cg03228985</t>
  </si>
  <si>
    <t>cg03229887</t>
  </si>
  <si>
    <t>cg03254916</t>
  </si>
  <si>
    <t>cg03256465</t>
  </si>
  <si>
    <t>cg03257172</t>
  </si>
  <si>
    <t>cg03258346</t>
  </si>
  <si>
    <t>cg03262242</t>
  </si>
  <si>
    <t>cg03303757</t>
  </si>
  <si>
    <t>cg03312703</t>
  </si>
  <si>
    <t>cg03315007</t>
  </si>
  <si>
    <t>cg03315476</t>
  </si>
  <si>
    <t>cg03317280</t>
  </si>
  <si>
    <t>cg03317400</t>
  </si>
  <si>
    <t>cg03321020</t>
  </si>
  <si>
    <t>cg03321592</t>
  </si>
  <si>
    <t>cg03324123</t>
  </si>
  <si>
    <t>cg03326762</t>
  </si>
  <si>
    <t>cg03327164</t>
  </si>
  <si>
    <t>cg03331258</t>
  </si>
  <si>
    <t>cg03335125</t>
  </si>
  <si>
    <t>cg03336586</t>
  </si>
  <si>
    <t>cg03338380</t>
  </si>
  <si>
    <t>cg03338968</t>
  </si>
  <si>
    <t>cg03339458</t>
  </si>
  <si>
    <t>cg03340119</t>
  </si>
  <si>
    <t>cg03342366</t>
  </si>
  <si>
    <t>cg03343063</t>
  </si>
  <si>
    <t>cg03343403</t>
  </si>
  <si>
    <t>cg03346434</t>
  </si>
  <si>
    <t>cg03347170</t>
  </si>
  <si>
    <t>cg03347632</t>
  </si>
  <si>
    <t>cg03348461</t>
  </si>
  <si>
    <t>cg03349767</t>
  </si>
  <si>
    <t>cg03352287</t>
  </si>
  <si>
    <t>cg03366858</t>
  </si>
  <si>
    <t>cg03384825</t>
  </si>
  <si>
    <t>cg03388085</t>
  </si>
  <si>
    <t>cg03388431</t>
  </si>
  <si>
    <t>cg03392564</t>
  </si>
  <si>
    <t>cg03393821</t>
  </si>
  <si>
    <t>cg03395198</t>
  </si>
  <si>
    <t>cg03397389</t>
  </si>
  <si>
    <t>cg03400317</t>
  </si>
  <si>
    <t>cg03401357</t>
  </si>
  <si>
    <t>cg03408556</t>
  </si>
  <si>
    <t>cg03425468</t>
  </si>
  <si>
    <t>cg03427058</t>
  </si>
  <si>
    <t>cg03429255</t>
  </si>
  <si>
    <t>cg03432338</t>
  </si>
  <si>
    <t>cg03434149</t>
  </si>
  <si>
    <t>cg03434847</t>
  </si>
  <si>
    <t>cg03436453</t>
  </si>
  <si>
    <t>cg03438305</t>
  </si>
  <si>
    <t>cg03440588</t>
  </si>
  <si>
    <t>cg03441514</t>
  </si>
  <si>
    <t>cg03445694</t>
  </si>
  <si>
    <t>cg03446636</t>
  </si>
  <si>
    <t>cg03449175</t>
  </si>
  <si>
    <t>cg03449456</t>
  </si>
  <si>
    <t>cg03465880</t>
  </si>
  <si>
    <t>cg03469793</t>
  </si>
  <si>
    <t>cg03470088</t>
  </si>
  <si>
    <t>cg03470396</t>
  </si>
  <si>
    <t>cg03514351</t>
  </si>
  <si>
    <t>cg03515878</t>
  </si>
  <si>
    <t>cg03518179</t>
  </si>
  <si>
    <t>cg03523193</t>
  </si>
  <si>
    <t>cg03523603</t>
  </si>
  <si>
    <t>cg03525122</t>
  </si>
  <si>
    <t>cg03525385</t>
  </si>
  <si>
    <t>cg03529908</t>
  </si>
  <si>
    <t>cg03529960</t>
  </si>
  <si>
    <t>cg03530210</t>
  </si>
  <si>
    <t>cg03530437</t>
  </si>
  <si>
    <t>cg03532510</t>
  </si>
  <si>
    <t>cg03532930</t>
  </si>
  <si>
    <t>cg03537215</t>
  </si>
  <si>
    <t>cg03541846</t>
  </si>
  <si>
    <t>cg03543952</t>
  </si>
  <si>
    <t>cg03549856</t>
  </si>
  <si>
    <t>cg03580297</t>
  </si>
  <si>
    <t>cg03584783</t>
  </si>
  <si>
    <t>cg03585778</t>
  </si>
  <si>
    <t>cg03586437</t>
  </si>
  <si>
    <t>cg03587150</t>
  </si>
  <si>
    <t>cg03597143</t>
  </si>
  <si>
    <t>cg03599978</t>
  </si>
  <si>
    <t>cg03601828</t>
  </si>
  <si>
    <t>cg03601886</t>
  </si>
  <si>
    <t>cg03602124</t>
  </si>
  <si>
    <t>cg03603114</t>
  </si>
  <si>
    <t>cg03603214</t>
  </si>
  <si>
    <t>cg03603977</t>
  </si>
  <si>
    <t>cg03604172</t>
  </si>
  <si>
    <t>cg03605784</t>
  </si>
  <si>
    <t>cg03606328</t>
  </si>
  <si>
    <t>cg03609826</t>
  </si>
  <si>
    <t>cg03611151</t>
  </si>
  <si>
    <t>cg03612357</t>
  </si>
  <si>
    <t>cg03614954</t>
  </si>
  <si>
    <t>cg03618937</t>
  </si>
  <si>
    <t>cg03636215</t>
  </si>
  <si>
    <t>cg03646889</t>
  </si>
  <si>
    <t>cg03650119</t>
  </si>
  <si>
    <t>cg03651583</t>
  </si>
  <si>
    <t>cg03653801</t>
  </si>
  <si>
    <t>cg03654735</t>
  </si>
  <si>
    <t>cg03655662</t>
  </si>
  <si>
    <t>cg03716942</t>
  </si>
  <si>
    <t>cg03716999</t>
  </si>
  <si>
    <t>cg03724763</t>
  </si>
  <si>
    <t>cg03724799</t>
  </si>
  <si>
    <t>cg03725447</t>
  </si>
  <si>
    <t>cg03726881</t>
  </si>
  <si>
    <t>cg03728813</t>
  </si>
  <si>
    <t>cg03731268</t>
  </si>
  <si>
    <t>cg03735492</t>
  </si>
  <si>
    <t>cg03735847</t>
  </si>
  <si>
    <t>cg03741406</t>
  </si>
  <si>
    <t>cg03744522</t>
  </si>
  <si>
    <t>cg03745244</t>
  </si>
  <si>
    <t>cg03745431</t>
  </si>
  <si>
    <t>cg03750567</t>
  </si>
  <si>
    <t>cg03752218</t>
  </si>
  <si>
    <t>cg03753481</t>
  </si>
  <si>
    <t>cg03753670</t>
  </si>
  <si>
    <t>cg03754143</t>
  </si>
  <si>
    <t>cg03754311</t>
  </si>
  <si>
    <t>cg03754582</t>
  </si>
  <si>
    <t>cg03755098</t>
  </si>
  <si>
    <t>cg03756088</t>
  </si>
  <si>
    <t>cg03756514</t>
  </si>
  <si>
    <t>cg03757594</t>
  </si>
  <si>
    <t>cg03758693</t>
  </si>
  <si>
    <t>cg03760226</t>
  </si>
  <si>
    <t>cg03760518</t>
  </si>
  <si>
    <t>cg03762505</t>
  </si>
  <si>
    <t>cg03762702</t>
  </si>
  <si>
    <t>cg03763387</t>
  </si>
  <si>
    <t>cg03767970</t>
  </si>
  <si>
    <t>cg03768925</t>
  </si>
  <si>
    <t>cg03769927</t>
  </si>
  <si>
    <t>cg03769939</t>
  </si>
  <si>
    <t>cg03773198</t>
  </si>
  <si>
    <t>cg03812320</t>
  </si>
  <si>
    <t>cg03813443</t>
  </si>
  <si>
    <t>cg03852045</t>
  </si>
  <si>
    <t>cg03852219</t>
  </si>
  <si>
    <t>cg03856286</t>
  </si>
  <si>
    <t>cg03861428</t>
  </si>
  <si>
    <t>cg03884414</t>
  </si>
  <si>
    <t>cg03884587</t>
  </si>
  <si>
    <t>cg03885098</t>
  </si>
  <si>
    <t>cg03885399</t>
  </si>
  <si>
    <t>cg03886699</t>
  </si>
  <si>
    <t>cg03887218</t>
  </si>
  <si>
    <t>cg03888578</t>
  </si>
  <si>
    <t>cg03888579</t>
  </si>
  <si>
    <t>cg03890628</t>
  </si>
  <si>
    <t>cg03892551</t>
  </si>
  <si>
    <t>cg03894975</t>
  </si>
  <si>
    <t>cg03897866</t>
  </si>
  <si>
    <t>cg03901886</t>
  </si>
  <si>
    <t>cg03902160</t>
  </si>
  <si>
    <t>cg03902642</t>
  </si>
  <si>
    <t>cg03902951</t>
  </si>
  <si>
    <t>cg03909781</t>
  </si>
  <si>
    <t>cg03915268</t>
  </si>
  <si>
    <t>cg03915298</t>
  </si>
  <si>
    <t>cg03917423</t>
  </si>
  <si>
    <t>cg03933784</t>
  </si>
  <si>
    <t>cg03935244</t>
  </si>
  <si>
    <t>cg03935783</t>
  </si>
  <si>
    <t>cg03936663</t>
  </si>
  <si>
    <t>cg03939352</t>
  </si>
  <si>
    <t>cg03939875</t>
  </si>
  <si>
    <t>cg03940137</t>
  </si>
  <si>
    <t>cg03945034</t>
  </si>
  <si>
    <t>cg03946269</t>
  </si>
  <si>
    <t>cg03949031</t>
  </si>
  <si>
    <t>cg03949391</t>
  </si>
  <si>
    <t>cg03951219</t>
  </si>
  <si>
    <t>cg03951833</t>
  </si>
  <si>
    <t>cg03957204</t>
  </si>
  <si>
    <t>cg03960390</t>
  </si>
  <si>
    <t>cg03964233</t>
  </si>
  <si>
    <t>cg03965496</t>
  </si>
  <si>
    <t>cg03965682</t>
  </si>
  <si>
    <t>cg03969070</t>
  </si>
  <si>
    <t>cg03969515</t>
  </si>
  <si>
    <t>cg03969696</t>
  </si>
  <si>
    <t>cg03970039</t>
  </si>
  <si>
    <t>cg03970588</t>
  </si>
  <si>
    <t>cg03971828</t>
  </si>
  <si>
    <t>cg03973866</t>
  </si>
  <si>
    <t>cg03974275</t>
  </si>
  <si>
    <t>cg03977084</t>
  </si>
  <si>
    <t>cg03977831</t>
  </si>
  <si>
    <t>cg03982820</t>
  </si>
  <si>
    <t>cg03982831</t>
  </si>
  <si>
    <t>cg03984347</t>
  </si>
  <si>
    <t>cg03985801</t>
  </si>
  <si>
    <t>cg03987003</t>
  </si>
  <si>
    <t>cg03987199</t>
  </si>
  <si>
    <t>cg03988279</t>
  </si>
  <si>
    <t>cg03990984</t>
  </si>
  <si>
    <t>cg03992926</t>
  </si>
  <si>
    <t>cg04013419</t>
  </si>
  <si>
    <t>cg04015594</t>
  </si>
  <si>
    <t>cg04015962</t>
  </si>
  <si>
    <t>cg04016768</t>
  </si>
  <si>
    <t>cg04017116</t>
  </si>
  <si>
    <t>cg04019636</t>
  </si>
  <si>
    <t>cg04021697</t>
  </si>
  <si>
    <t>cg04023150</t>
  </si>
  <si>
    <t>cg04023370</t>
  </si>
  <si>
    <t>cg04025150</t>
  </si>
  <si>
    <t>cg04025728</t>
  </si>
  <si>
    <t>cg04031129</t>
  </si>
  <si>
    <t>cg04031507</t>
  </si>
  <si>
    <t>cg04082353</t>
  </si>
  <si>
    <t>cg04083753</t>
  </si>
  <si>
    <t>cg04084401</t>
  </si>
  <si>
    <t>cg04088289</t>
  </si>
  <si>
    <t>cg04093225</t>
  </si>
  <si>
    <t>cg04094169</t>
  </si>
  <si>
    <t>cg04094653</t>
  </si>
  <si>
    <t>cg04100463</t>
  </si>
  <si>
    <t>cg04101015</t>
  </si>
  <si>
    <t>cg04101267</t>
  </si>
  <si>
    <t>cg04102586</t>
  </si>
  <si>
    <t>cg04102760</t>
  </si>
  <si>
    <t>cg04105726</t>
  </si>
  <si>
    <t>cg04108127</t>
  </si>
  <si>
    <t>cg04108296</t>
  </si>
  <si>
    <t>cg04108612</t>
  </si>
  <si>
    <t>cg04108939</t>
  </si>
  <si>
    <t>cg04112961</t>
  </si>
  <si>
    <t>cg04121115</t>
  </si>
  <si>
    <t>cg04122068</t>
  </si>
  <si>
    <t>cg04123776</t>
  </si>
  <si>
    <t>cg04123845</t>
  </si>
  <si>
    <t>cg04124260</t>
  </si>
  <si>
    <t>cg04125586</t>
  </si>
  <si>
    <t>cg04129469</t>
  </si>
  <si>
    <t>cg04131431</t>
  </si>
  <si>
    <t>cg04132522</t>
  </si>
  <si>
    <t>cg04138112</t>
  </si>
  <si>
    <t>cg04138155</t>
  </si>
  <si>
    <t>cg04140924</t>
  </si>
  <si>
    <t>cg04141460</t>
  </si>
  <si>
    <t>cg04142017</t>
  </si>
  <si>
    <t>cg04143106</t>
  </si>
  <si>
    <t>cg04143346</t>
  </si>
  <si>
    <t>cg04145643</t>
  </si>
  <si>
    <t>cg04156369</t>
  </si>
  <si>
    <t>cg04158115</t>
  </si>
  <si>
    <t>cg04158884</t>
  </si>
  <si>
    <t>cg04159381</t>
  </si>
  <si>
    <t>cg04161137</t>
  </si>
  <si>
    <t>cg04163216</t>
  </si>
  <si>
    <t>cg04166042</t>
  </si>
  <si>
    <t>cg04204526</t>
  </si>
  <si>
    <t>cg04205193</t>
  </si>
  <si>
    <t>cg04208114</t>
  </si>
  <si>
    <t>cg04209911</t>
  </si>
  <si>
    <t>cg04210254</t>
  </si>
  <si>
    <t>cg04212926</t>
  </si>
  <si>
    <t>cg04217776</t>
  </si>
  <si>
    <t>cg04218880</t>
  </si>
  <si>
    <t>cg04221877</t>
  </si>
  <si>
    <t>cg04222159</t>
  </si>
  <si>
    <t>cg04222842</t>
  </si>
  <si>
    <t>cg04223671</t>
  </si>
  <si>
    <t>cg04224864</t>
  </si>
  <si>
    <t>cg04226724</t>
  </si>
  <si>
    <t>cg04226749</t>
  </si>
  <si>
    <t>cg04226815</t>
  </si>
  <si>
    <t>cg04228104</t>
  </si>
  <si>
    <t>cg04230253</t>
  </si>
  <si>
    <t>cg04230901</t>
  </si>
  <si>
    <t>cg04231937</t>
  </si>
  <si>
    <t>cg04234556</t>
  </si>
  <si>
    <t>cg04241652</t>
  </si>
  <si>
    <t>cg04246763</t>
  </si>
  <si>
    <t>cg04250451</t>
  </si>
  <si>
    <t>cg04258380</t>
  </si>
  <si>
    <t>cg04261102</t>
  </si>
  <si>
    <t>cg04261791</t>
  </si>
  <si>
    <t>cg04263115</t>
  </si>
  <si>
    <t>cg04272632</t>
  </si>
  <si>
    <t>cg04273303</t>
  </si>
  <si>
    <t>cg04275027</t>
  </si>
  <si>
    <t>cg04279832</t>
  </si>
  <si>
    <t>cg04280647</t>
  </si>
  <si>
    <t>cg04282138</t>
  </si>
  <si>
    <t>cg04283488</t>
  </si>
  <si>
    <t>cg04287982</t>
  </si>
  <si>
    <t>cg04289036</t>
  </si>
  <si>
    <t>cg04289130</t>
  </si>
  <si>
    <t>cg04292359</t>
  </si>
  <si>
    <t>cg04292718</t>
  </si>
  <si>
    <t>cg04293733</t>
  </si>
  <si>
    <t>cg04296578</t>
  </si>
  <si>
    <t>cg04296699</t>
  </si>
  <si>
    <t>cg04296778</t>
  </si>
  <si>
    <t>cg04296885</t>
  </si>
  <si>
    <t>cg04296903</t>
  </si>
  <si>
    <t>cg04297819</t>
  </si>
  <si>
    <t>cg04299028</t>
  </si>
  <si>
    <t>cg04311266</t>
  </si>
  <si>
    <t>cg04312406</t>
  </si>
  <si>
    <t>cg04312919</t>
  </si>
  <si>
    <t>cg04314218</t>
  </si>
  <si>
    <t>cg04315214</t>
  </si>
  <si>
    <t>cg04316593</t>
  </si>
  <si>
    <t>cg04317543</t>
  </si>
  <si>
    <t>cg04339290</t>
  </si>
  <si>
    <t>cg04340595</t>
  </si>
  <si>
    <t>cg04341153</t>
  </si>
  <si>
    <t>cg04341461</t>
  </si>
  <si>
    <t>cg04346228</t>
  </si>
  <si>
    <t>cg04347016</t>
  </si>
  <si>
    <t>cg04347414</t>
  </si>
  <si>
    <t>cg04351049</t>
  </si>
  <si>
    <t>cg04351903</t>
  </si>
  <si>
    <t>cg04352962</t>
  </si>
  <si>
    <t>cg04360793</t>
  </si>
  <si>
    <t>cg04364194</t>
  </si>
  <si>
    <t>cg04364251</t>
  </si>
  <si>
    <t>cg04365817</t>
  </si>
  <si>
    <t>cg04366801</t>
  </si>
  <si>
    <t>cg04391356</t>
  </si>
  <si>
    <t>cg04392469</t>
  </si>
  <si>
    <t>cg04392488</t>
  </si>
  <si>
    <t>cg04395739</t>
  </si>
  <si>
    <t>cg04400540</t>
  </si>
  <si>
    <t>cg04402095</t>
  </si>
  <si>
    <t>cg04405332</t>
  </si>
  <si>
    <t>cg04406436</t>
  </si>
  <si>
    <t>cg04406444</t>
  </si>
  <si>
    <t>cg04407228</t>
  </si>
  <si>
    <t>cg04410003</t>
  </si>
  <si>
    <t>cg04412646</t>
  </si>
  <si>
    <t>cg04413085</t>
  </si>
  <si>
    <t>cg04413644</t>
  </si>
  <si>
    <t>cg04436994</t>
  </si>
  <si>
    <t>cg04438595</t>
  </si>
  <si>
    <t>cg04439128</t>
  </si>
  <si>
    <t>cg04439623</t>
  </si>
  <si>
    <t>cg04453065</t>
  </si>
  <si>
    <t>cg04484550</t>
  </si>
  <si>
    <t>cg04486873</t>
  </si>
  <si>
    <t>cg04487931</t>
  </si>
  <si>
    <t>cg04489012</t>
  </si>
  <si>
    <t>cg04490108</t>
  </si>
  <si>
    <t>cg04494683</t>
  </si>
  <si>
    <t>cg04497520</t>
  </si>
  <si>
    <t>cg04500730</t>
  </si>
  <si>
    <t>cg04501188</t>
  </si>
  <si>
    <t>cg04502601</t>
  </si>
  <si>
    <t>cg04503267</t>
  </si>
  <si>
    <t>cg04510788</t>
  </si>
  <si>
    <t>cg04549679</t>
  </si>
  <si>
    <t>cg04550737</t>
  </si>
  <si>
    <t>cg04551619</t>
  </si>
  <si>
    <t>cg04552470</t>
  </si>
  <si>
    <t>cg04552500</t>
  </si>
  <si>
    <t>cg04558166</t>
  </si>
  <si>
    <t>cg04559183</t>
  </si>
  <si>
    <t>cg04559609</t>
  </si>
  <si>
    <t>cg04560225</t>
  </si>
  <si>
    <t>cg04562522</t>
  </si>
  <si>
    <t>cg04563953</t>
  </si>
  <si>
    <t>cg04565617</t>
  </si>
  <si>
    <t>cg04567140</t>
  </si>
  <si>
    <t>cg04567169</t>
  </si>
  <si>
    <t>cg04567466</t>
  </si>
  <si>
    <t>cg04568492</t>
  </si>
  <si>
    <t>cg04571522</t>
  </si>
  <si>
    <t>cg04574991</t>
  </si>
  <si>
    <t>cg04575263</t>
  </si>
  <si>
    <t>cg04579203</t>
  </si>
  <si>
    <t>cg04580334</t>
  </si>
  <si>
    <t>cg04604276</t>
  </si>
  <si>
    <t>cg04605084</t>
  </si>
  <si>
    <t>cg04607100</t>
  </si>
  <si>
    <t>cg04608004</t>
  </si>
  <si>
    <t>cg04621676</t>
  </si>
  <si>
    <t>cg04623088</t>
  </si>
  <si>
    <t>cg04623265</t>
  </si>
  <si>
    <t>cg04701420</t>
  </si>
  <si>
    <t>cg04703227</t>
  </si>
  <si>
    <t>cg04706183</t>
  </si>
  <si>
    <t>cg04707332</t>
  </si>
  <si>
    <t>cg04719903</t>
  </si>
  <si>
    <t>cg04720380</t>
  </si>
  <si>
    <t>cg04720785</t>
  </si>
  <si>
    <t>cg04724058</t>
  </si>
  <si>
    <t>cg04725029</t>
  </si>
  <si>
    <t>cg04777683</t>
  </si>
  <si>
    <t>cg04779720</t>
  </si>
  <si>
    <t>cg04784560</t>
  </si>
  <si>
    <t>cg04786142</t>
  </si>
  <si>
    <t>cg04787602</t>
  </si>
  <si>
    <t>cg04788931</t>
  </si>
  <si>
    <t>cg04789860</t>
  </si>
  <si>
    <t>cg04791747</t>
  </si>
  <si>
    <t>cg04792642</t>
  </si>
  <si>
    <t>cg04794393</t>
  </si>
  <si>
    <t>cg04837025</t>
  </si>
  <si>
    <t>cg04837461</t>
  </si>
  <si>
    <t>cg04839849</t>
  </si>
  <si>
    <t>cg04840417</t>
  </si>
  <si>
    <t>cg04841648</t>
  </si>
  <si>
    <t>cg04842880</t>
  </si>
  <si>
    <t>cg04844391</t>
  </si>
  <si>
    <t>cg04844495</t>
  </si>
  <si>
    <t>cg04845625</t>
  </si>
  <si>
    <t>cg04847649</t>
  </si>
  <si>
    <t>cg04847795</t>
  </si>
  <si>
    <t>cg04852103</t>
  </si>
  <si>
    <t>cg04852280</t>
  </si>
  <si>
    <t>cg04856657</t>
  </si>
  <si>
    <t>cg04856841</t>
  </si>
  <si>
    <t>cg04860312</t>
  </si>
  <si>
    <t>cg04862314</t>
  </si>
  <si>
    <t>cg04863573</t>
  </si>
  <si>
    <t>cg04865726</t>
  </si>
  <si>
    <t>cg04866029</t>
  </si>
  <si>
    <t>cg04869838</t>
  </si>
  <si>
    <t>cg04870212</t>
  </si>
  <si>
    <t>cg04872399</t>
  </si>
  <si>
    <t>cg04873098</t>
  </si>
  <si>
    <t>cg04873517</t>
  </si>
  <si>
    <t>cg04874113</t>
  </si>
  <si>
    <t>cg04875084</t>
  </si>
  <si>
    <t>cg04875476</t>
  </si>
  <si>
    <t>cg04876124</t>
  </si>
  <si>
    <t>cg04876835</t>
  </si>
  <si>
    <t>cg04878955</t>
  </si>
  <si>
    <t>cg04879451</t>
  </si>
  <si>
    <t>cg04882365</t>
  </si>
  <si>
    <t>cg04884046</t>
  </si>
  <si>
    <t>cg04885068</t>
  </si>
  <si>
    <t>cg04885673</t>
  </si>
  <si>
    <t>cg04886221</t>
  </si>
  <si>
    <t>cg04886391</t>
  </si>
  <si>
    <t>cg04889800</t>
  </si>
  <si>
    <t>cg04890457</t>
  </si>
  <si>
    <t>cg04892409</t>
  </si>
  <si>
    <t>cg04895640</t>
  </si>
  <si>
    <t>cg04896832</t>
  </si>
  <si>
    <t>cg04897188</t>
  </si>
  <si>
    <t>cg04897742</t>
  </si>
  <si>
    <t>cg04898195</t>
  </si>
  <si>
    <t>cg04899180</t>
  </si>
  <si>
    <t>cg04902265</t>
  </si>
  <si>
    <t>cg04904030</t>
  </si>
  <si>
    <t>cg04907523</t>
  </si>
  <si>
    <t>cg04907885</t>
  </si>
  <si>
    <t>cg04908380</t>
  </si>
  <si>
    <t>cg04910183</t>
  </si>
  <si>
    <t>cg04912843</t>
  </si>
  <si>
    <t>cg04913057</t>
  </si>
  <si>
    <t>cg04916289</t>
  </si>
  <si>
    <t>cg04917688</t>
  </si>
  <si>
    <t>cg04918900</t>
  </si>
  <si>
    <t>cg04920527</t>
  </si>
  <si>
    <t>cg04923576</t>
  </si>
  <si>
    <t>cg04926766</t>
  </si>
  <si>
    <t>cg04932544</t>
  </si>
  <si>
    <t>cg04933208</t>
  </si>
  <si>
    <t>cg04935181</t>
  </si>
  <si>
    <t>cg04937080</t>
  </si>
  <si>
    <t>cg04938255</t>
  </si>
  <si>
    <t>cg04938315</t>
  </si>
  <si>
    <t>cg04972348</t>
  </si>
  <si>
    <t>cg04972775</t>
  </si>
  <si>
    <t>cg04975598</t>
  </si>
  <si>
    <t>cg04976746</t>
  </si>
  <si>
    <t>cg04977528</t>
  </si>
  <si>
    <t>cg04981885</t>
  </si>
  <si>
    <t>cg04987149</t>
  </si>
  <si>
    <t>cg04990056</t>
  </si>
  <si>
    <t>cg04990202</t>
  </si>
  <si>
    <t>cg04993041</t>
  </si>
  <si>
    <t>cg04994773</t>
  </si>
  <si>
    <t>cg04994795</t>
  </si>
  <si>
    <t>cg04995493</t>
  </si>
  <si>
    <t>cg04995860</t>
  </si>
  <si>
    <t>cg04998420</t>
  </si>
  <si>
    <t>cg04998589</t>
  </si>
  <si>
    <t>cg05000860</t>
  </si>
  <si>
    <t>cg05001532</t>
  </si>
  <si>
    <t>cg05001758</t>
  </si>
  <si>
    <t>cg05002512</t>
  </si>
  <si>
    <t>cg05003422</t>
  </si>
  <si>
    <t>cg05004431</t>
  </si>
  <si>
    <t>cg05007472</t>
  </si>
  <si>
    <t>cg05008061</t>
  </si>
  <si>
    <t>cg05021743</t>
  </si>
  <si>
    <t>cg05027081</t>
  </si>
  <si>
    <t>cg05035248</t>
  </si>
  <si>
    <t>cg05037680</t>
  </si>
  <si>
    <t>cg05039004</t>
  </si>
  <si>
    <t>cg05043431</t>
  </si>
  <si>
    <t>cg05046525</t>
  </si>
  <si>
    <t>cg05048259</t>
  </si>
  <si>
    <t>cg05050657</t>
  </si>
  <si>
    <t>cg05050882</t>
  </si>
  <si>
    <t>cg05052194</t>
  </si>
  <si>
    <t>cg05052324</t>
  </si>
  <si>
    <t>cg05053440</t>
  </si>
  <si>
    <t>cg05055766</t>
  </si>
  <si>
    <t>cg05062446</t>
  </si>
  <si>
    <t>cg05065507</t>
  </si>
  <si>
    <t>cg05117633</t>
  </si>
  <si>
    <t>cg05119385</t>
  </si>
  <si>
    <t>cg05120156</t>
  </si>
  <si>
    <t>cg05121790</t>
  </si>
  <si>
    <t>cg05124614</t>
  </si>
  <si>
    <t>cg05127153</t>
  </si>
  <si>
    <t>cg05127440</t>
  </si>
  <si>
    <t>cg05127456</t>
  </si>
  <si>
    <t>cg05128003</t>
  </si>
  <si>
    <t>cg05133314</t>
  </si>
  <si>
    <t>cg05135015</t>
  </si>
  <si>
    <t>cg05136099</t>
  </si>
  <si>
    <t>cg05139515</t>
  </si>
  <si>
    <t>cg05141005</t>
  </si>
  <si>
    <t>cg05152432</t>
  </si>
  <si>
    <t>cg05155472</t>
  </si>
  <si>
    <t>cg05156582</t>
  </si>
  <si>
    <t>cg05159043</t>
  </si>
  <si>
    <t>cg05161602</t>
  </si>
  <si>
    <t>cg05162137</t>
  </si>
  <si>
    <t>cg05162523</t>
  </si>
  <si>
    <t>cg05164680</t>
  </si>
  <si>
    <t>cg05181565</t>
  </si>
  <si>
    <t>cg05226707</t>
  </si>
  <si>
    <t>cg05232215</t>
  </si>
  <si>
    <t>cg05267654</t>
  </si>
  <si>
    <t>cg05267876</t>
  </si>
  <si>
    <t>cg05270381</t>
  </si>
  <si>
    <t>cg05301102</t>
  </si>
  <si>
    <t>cg05301808</t>
  </si>
  <si>
    <t>cg05304005</t>
  </si>
  <si>
    <t>cg05304531</t>
  </si>
  <si>
    <t>cg05305413</t>
  </si>
  <si>
    <t>cg05307871</t>
  </si>
  <si>
    <t>cg05309964</t>
  </si>
  <si>
    <t>cg05321960</t>
  </si>
  <si>
    <t>cg05336094</t>
  </si>
  <si>
    <t>cg05337192</t>
  </si>
  <si>
    <t>cg05337761</t>
  </si>
  <si>
    <t>cg05338433</t>
  </si>
  <si>
    <t>cg05340339</t>
  </si>
  <si>
    <t>cg05341329</t>
  </si>
  <si>
    <t>cg05341567</t>
  </si>
  <si>
    <t>cg05345116</t>
  </si>
  <si>
    <t>cg05347736</t>
  </si>
  <si>
    <t>cg05348366</t>
  </si>
  <si>
    <t>cg05348768</t>
  </si>
  <si>
    <t>cg05350800</t>
  </si>
  <si>
    <t>cg05352161</t>
  </si>
  <si>
    <t>cg05353133</t>
  </si>
  <si>
    <t>cg05354330</t>
  </si>
  <si>
    <t>cg05364072</t>
  </si>
  <si>
    <t>cg05364122</t>
  </si>
  <si>
    <t>cg05364211</t>
  </si>
  <si>
    <t>cg05364759</t>
  </si>
  <si>
    <t>cg05364767</t>
  </si>
  <si>
    <t>cg05365220</t>
  </si>
  <si>
    <t>cg05365960</t>
  </si>
  <si>
    <t>cg05371688</t>
  </si>
  <si>
    <t>cg05372549</t>
  </si>
  <si>
    <t>cg05372597</t>
  </si>
  <si>
    <t>cg05375728</t>
  </si>
  <si>
    <t>cg05376185</t>
  </si>
  <si>
    <t>cg05376267</t>
  </si>
  <si>
    <t>cg05377226</t>
  </si>
  <si>
    <t>cg05377596</t>
  </si>
  <si>
    <t>cg05379882</t>
  </si>
  <si>
    <t>cg05383153</t>
  </si>
  <si>
    <t>cg05385061</t>
  </si>
  <si>
    <t>cg05385496</t>
  </si>
  <si>
    <t>cg05386151</t>
  </si>
  <si>
    <t>cg05386726</t>
  </si>
  <si>
    <t>cg05387519</t>
  </si>
  <si>
    <t>cg05388057</t>
  </si>
  <si>
    <t>cg05388468</t>
  </si>
  <si>
    <t>cg05388492</t>
  </si>
  <si>
    <t>cg05388840</t>
  </si>
  <si>
    <t>cg05390402</t>
  </si>
  <si>
    <t>cg05390452</t>
  </si>
  <si>
    <t>cg05391318</t>
  </si>
  <si>
    <t>cg05391486</t>
  </si>
  <si>
    <t>cg05392440</t>
  </si>
  <si>
    <t>cg05393563</t>
  </si>
  <si>
    <t>cg05394663</t>
  </si>
  <si>
    <t>cg05396397</t>
  </si>
  <si>
    <t>cg05397514</t>
  </si>
  <si>
    <t>cg05398833</t>
  </si>
  <si>
    <t>cg05398883</t>
  </si>
  <si>
    <t>cg05399785</t>
  </si>
  <si>
    <t>cg05436231</t>
  </si>
  <si>
    <t>cg05460318</t>
  </si>
  <si>
    <t>cg05462426</t>
  </si>
  <si>
    <t>cg05523370</t>
  </si>
  <si>
    <t>cg05523911</t>
  </si>
  <si>
    <t>cg05527091</t>
  </si>
  <si>
    <t>cg05590948</t>
  </si>
  <si>
    <t>cg05594095</t>
  </si>
  <si>
    <t>cg05595602</t>
  </si>
  <si>
    <t>cg05596149</t>
  </si>
  <si>
    <t>cg05597180</t>
  </si>
  <si>
    <t>cg05598845</t>
  </si>
  <si>
    <t>cg05627078</t>
  </si>
  <si>
    <t>cg05628567</t>
  </si>
  <si>
    <t>cg05637536</t>
  </si>
  <si>
    <t>cg05639522</t>
  </si>
  <si>
    <t>cg05639679</t>
  </si>
  <si>
    <t>cg05640322</t>
  </si>
  <si>
    <t>cg05642734</t>
  </si>
  <si>
    <t>cg05642789</t>
  </si>
  <si>
    <t>cg05642873</t>
  </si>
  <si>
    <t>cg05643703</t>
  </si>
  <si>
    <t>cg05650458</t>
  </si>
  <si>
    <t>cg05651283</t>
  </si>
  <si>
    <t>cg05651393</t>
  </si>
  <si>
    <t>cg05651688</t>
  </si>
  <si>
    <t>cg05653859</t>
  </si>
  <si>
    <t>cg05654059</t>
  </si>
  <si>
    <t>cg05654404</t>
  </si>
  <si>
    <t>cg05654711</t>
  </si>
  <si>
    <t>cg05655671</t>
  </si>
  <si>
    <t>cg05656442</t>
  </si>
  <si>
    <t>cg05656688</t>
  </si>
  <si>
    <t>cg05656934</t>
  </si>
  <si>
    <t>cg05657805</t>
  </si>
  <si>
    <t>cg05660436</t>
  </si>
  <si>
    <t>cg05675373</t>
  </si>
  <si>
    <t>cg05694621</t>
  </si>
  <si>
    <t>cg05694921</t>
  </si>
  <si>
    <t>cg05695699</t>
  </si>
  <si>
    <t>cg05697849</t>
  </si>
  <si>
    <t>cg05702448</t>
  </si>
  <si>
    <t>cg05704155</t>
  </si>
  <si>
    <t>cg05706189</t>
  </si>
  <si>
    <t>cg05706898</t>
  </si>
  <si>
    <t>cg05707458</t>
  </si>
  <si>
    <t>cg05708629</t>
  </si>
  <si>
    <t>cg05710142</t>
  </si>
  <si>
    <t>cg05711542</t>
  </si>
  <si>
    <t>cg05719164</t>
  </si>
  <si>
    <t>cg05720261</t>
  </si>
  <si>
    <t>cg05721645</t>
  </si>
  <si>
    <t>cg05723989</t>
  </si>
  <si>
    <t>cg05725080</t>
  </si>
  <si>
    <t>cg05750635</t>
  </si>
  <si>
    <t>cg05753589</t>
  </si>
  <si>
    <t>cg05755010</t>
  </si>
  <si>
    <t>cg05757448</t>
  </si>
  <si>
    <t>cg05759718</t>
  </si>
  <si>
    <t>cg05760417</t>
  </si>
  <si>
    <t>cg05764240</t>
  </si>
  <si>
    <t>cg05764766</t>
  </si>
  <si>
    <t>cg05767489</t>
  </si>
  <si>
    <t>cg05770238</t>
  </si>
  <si>
    <t>cg05774054</t>
  </si>
  <si>
    <t>cg05775451</t>
  </si>
  <si>
    <t>cg05777400</t>
  </si>
  <si>
    <t>cg05780577</t>
  </si>
  <si>
    <t>cg05783455</t>
  </si>
  <si>
    <t>cg05783727</t>
  </si>
  <si>
    <t>cg05784314</t>
  </si>
  <si>
    <t>cg05785298</t>
  </si>
  <si>
    <t>cg05786053</t>
  </si>
  <si>
    <t>cg05786725</t>
  </si>
  <si>
    <t>cg05786840</t>
  </si>
  <si>
    <t>cg05787193</t>
  </si>
  <si>
    <t>cg05789608</t>
  </si>
  <si>
    <t>cg05790073</t>
  </si>
  <si>
    <t>cg05792827</t>
  </si>
  <si>
    <t>cg05793340</t>
  </si>
  <si>
    <t>cg05794117</t>
  </si>
  <si>
    <t>cg05794954</t>
  </si>
  <si>
    <t>cg05795157</t>
  </si>
  <si>
    <t>cg05796321</t>
  </si>
  <si>
    <t>cg05796704</t>
  </si>
  <si>
    <t>cg05797295</t>
  </si>
  <si>
    <t>cg05802452</t>
  </si>
  <si>
    <t>cg05804170</t>
  </si>
  <si>
    <t>cg05806577</t>
  </si>
  <si>
    <t>cg05808815</t>
  </si>
  <si>
    <t>cg05810096</t>
  </si>
  <si>
    <t>cg05813032</t>
  </si>
  <si>
    <t>cg05814555</t>
  </si>
  <si>
    <t>cg05817664</t>
  </si>
  <si>
    <t>cg05819172</t>
  </si>
  <si>
    <t>cg05845757</t>
  </si>
  <si>
    <t>cg05888175</t>
  </si>
  <si>
    <t>cg05888917</t>
  </si>
  <si>
    <t>cg05919561</t>
  </si>
  <si>
    <t>cg05923618</t>
  </si>
  <si>
    <t>cg05923687</t>
  </si>
  <si>
    <t>cg05927190</t>
  </si>
  <si>
    <t>cg05928033</t>
  </si>
  <si>
    <t>cg05929019</t>
  </si>
  <si>
    <t>cg05929645</t>
  </si>
  <si>
    <t>cg05930370</t>
  </si>
  <si>
    <t>cg05931087</t>
  </si>
  <si>
    <t>cg05931345</t>
  </si>
  <si>
    <t>cg05933935</t>
  </si>
  <si>
    <t>cg05937630</t>
  </si>
  <si>
    <t>cg05938683</t>
  </si>
  <si>
    <t>cg05938705</t>
  </si>
  <si>
    <t>cg05939928</t>
  </si>
  <si>
    <t>cg05940231</t>
  </si>
  <si>
    <t>cg05943971</t>
  </si>
  <si>
    <t>cg05952202</t>
  </si>
  <si>
    <t>cg05954817</t>
  </si>
  <si>
    <t>cg05955287</t>
  </si>
  <si>
    <t>cg05960997</t>
  </si>
  <si>
    <t>cg05962079</t>
  </si>
  <si>
    <t>cg05962139</t>
  </si>
  <si>
    <t>cg05962718</t>
  </si>
  <si>
    <t>cg05966983</t>
  </si>
  <si>
    <t>cg05968270</t>
  </si>
  <si>
    <t>cg05969021</t>
  </si>
  <si>
    <t>cg05985501</t>
  </si>
  <si>
    <t>cg06033387</t>
  </si>
  <si>
    <t>cg06033579</t>
  </si>
  <si>
    <t>cg06033660</t>
  </si>
  <si>
    <t>cg06034096</t>
  </si>
  <si>
    <t>cg06035702</t>
  </si>
  <si>
    <t>cg06035839</t>
  </si>
  <si>
    <t>cg06038049</t>
  </si>
  <si>
    <t>cg06057576</t>
  </si>
  <si>
    <t>cg06058618</t>
  </si>
  <si>
    <t>cg06058681</t>
  </si>
  <si>
    <t>cg06059147</t>
  </si>
  <si>
    <t>cg06060191</t>
  </si>
  <si>
    <t>cg06078874</t>
  </si>
  <si>
    <t>cg06079481</t>
  </si>
  <si>
    <t>cg06082821</t>
  </si>
  <si>
    <t>cg06084379</t>
  </si>
  <si>
    <t>cg06085743</t>
  </si>
  <si>
    <t>cg06087349</t>
  </si>
  <si>
    <t>cg06087623</t>
  </si>
  <si>
    <t>cg06087962</t>
  </si>
  <si>
    <t>cg06089829</t>
  </si>
  <si>
    <t>cg06091566</t>
  </si>
  <si>
    <t>cg06094142</t>
  </si>
  <si>
    <t>cg06096824</t>
  </si>
  <si>
    <t>cg06097659</t>
  </si>
  <si>
    <t>cg06098761</t>
  </si>
  <si>
    <t>cg06116636</t>
  </si>
  <si>
    <t>cg06119628</t>
  </si>
  <si>
    <t>cg06128920</t>
  </si>
  <si>
    <t>cg06155303</t>
  </si>
  <si>
    <t>cg06155802</t>
  </si>
  <si>
    <t>cg06156260</t>
  </si>
  <si>
    <t>cg06158040</t>
  </si>
  <si>
    <t>cg06160440</t>
  </si>
  <si>
    <t>cg06161752</t>
  </si>
  <si>
    <t>cg06175825</t>
  </si>
  <si>
    <t>cg06177599</t>
  </si>
  <si>
    <t>cg06177627</t>
  </si>
  <si>
    <t>cg06177967</t>
  </si>
  <si>
    <t>cg06179749</t>
  </si>
  <si>
    <t>cg06181703</t>
  </si>
  <si>
    <t>cg06182923</t>
  </si>
  <si>
    <t>cg06185850</t>
  </si>
  <si>
    <t>cg06187080</t>
  </si>
  <si>
    <t>cg06187843</t>
  </si>
  <si>
    <t>cg06188019</t>
  </si>
  <si>
    <t>cg06188229</t>
  </si>
  <si>
    <t>cg06193633</t>
  </si>
  <si>
    <t>cg06193775</t>
  </si>
  <si>
    <t>cg06196161</t>
  </si>
  <si>
    <t>cg06197571</t>
  </si>
  <si>
    <t>cg06199750</t>
  </si>
  <si>
    <t>cg06200512</t>
  </si>
  <si>
    <t>cg06203364</t>
  </si>
  <si>
    <t>cg06203471</t>
  </si>
  <si>
    <t>cg06205922</t>
  </si>
  <si>
    <t>cg06207778</t>
  </si>
  <si>
    <t>cg06208651</t>
  </si>
  <si>
    <t>cg06210887</t>
  </si>
  <si>
    <t>cg06211837</t>
  </si>
  <si>
    <t>cg06214983</t>
  </si>
  <si>
    <t>cg06216400</t>
  </si>
  <si>
    <t>cg06216620</t>
  </si>
  <si>
    <t>cg06218008</t>
  </si>
  <si>
    <t>cg06219592</t>
  </si>
  <si>
    <t>cg06219821</t>
  </si>
  <si>
    <t>cg06220449</t>
  </si>
  <si>
    <t>cg06221680</t>
  </si>
  <si>
    <t>cg06221946</t>
  </si>
  <si>
    <t>cg06240849</t>
  </si>
  <si>
    <t>cg06251129</t>
  </si>
  <si>
    <t>cg06267636</t>
  </si>
  <si>
    <t>cg06268701</t>
  </si>
  <si>
    <t>cg06272678</t>
  </si>
  <si>
    <t>cg06313241</t>
  </si>
  <si>
    <t>cg06314646</t>
  </si>
  <si>
    <t>cg06319359</t>
  </si>
  <si>
    <t>cg06319390</t>
  </si>
  <si>
    <t>cg06320134</t>
  </si>
  <si>
    <t>cg06320401</t>
  </si>
  <si>
    <t>cg06322619</t>
  </si>
  <si>
    <t>cg06322891</t>
  </si>
  <si>
    <t>cg06324094</t>
  </si>
  <si>
    <t>cg06324983</t>
  </si>
  <si>
    <t>cg06346974</t>
  </si>
  <si>
    <t>cg06347582</t>
  </si>
  <si>
    <t>cg06349165</t>
  </si>
  <si>
    <t>cg06349179</t>
  </si>
  <si>
    <t>cg06350612</t>
  </si>
  <si>
    <t>cg06352443</t>
  </si>
  <si>
    <t>cg06352483</t>
  </si>
  <si>
    <t>cg06355129</t>
  </si>
  <si>
    <t>cg06357549</t>
  </si>
  <si>
    <t>cg06359703</t>
  </si>
  <si>
    <t>cg06361272</t>
  </si>
  <si>
    <t>cg06362348</t>
  </si>
  <si>
    <t>cg06366937</t>
  </si>
  <si>
    <t>cg06367472</t>
  </si>
  <si>
    <t>cg06368558</t>
  </si>
  <si>
    <t>cg06368569</t>
  </si>
  <si>
    <t>cg06368978</t>
  </si>
  <si>
    <t>cg06371502</t>
  </si>
  <si>
    <t>cg06372962</t>
  </si>
  <si>
    <t>cg06373377</t>
  </si>
  <si>
    <t>cg06376129</t>
  </si>
  <si>
    <t>cg06377278</t>
  </si>
  <si>
    <t>cg06379876</t>
  </si>
  <si>
    <t>cg06382459</t>
  </si>
  <si>
    <t>cg06397510</t>
  </si>
  <si>
    <t>cg06419258</t>
  </si>
  <si>
    <t>cg06419268</t>
  </si>
  <si>
    <t>cg06419732</t>
  </si>
  <si>
    <t>cg06438337</t>
  </si>
  <si>
    <t>cg06440474</t>
  </si>
  <si>
    <t>cg06440665</t>
  </si>
  <si>
    <t>cg06441514</t>
  </si>
  <si>
    <t>cg06441968</t>
  </si>
  <si>
    <t>cg06442790</t>
  </si>
  <si>
    <t>cg06443533</t>
  </si>
  <si>
    <t>cg06443644</t>
  </si>
  <si>
    <t>cg06444207</t>
  </si>
  <si>
    <t>cg06444282</t>
  </si>
  <si>
    <t>cg06444730</t>
  </si>
  <si>
    <t>cg06444984</t>
  </si>
  <si>
    <t>cg06445348</t>
  </si>
  <si>
    <t>cg06446937</t>
  </si>
  <si>
    <t>cg06449653</t>
  </si>
  <si>
    <t>cg06473843</t>
  </si>
  <si>
    <t>cg06509661</t>
  </si>
  <si>
    <t>cg06510397</t>
  </si>
  <si>
    <t>cg06511312</t>
  </si>
  <si>
    <t>cg06512514</t>
  </si>
  <si>
    <t>cg06514368</t>
  </si>
  <si>
    <t>cg06521774</t>
  </si>
  <si>
    <t>cg06523340</t>
  </si>
  <si>
    <t>cg06523891</t>
  </si>
  <si>
    <t>cg06524630</t>
  </si>
  <si>
    <t>cg06526137</t>
  </si>
  <si>
    <t>cg06526778</t>
  </si>
  <si>
    <t>cg06527318</t>
  </si>
  <si>
    <t>cg06528214</t>
  </si>
  <si>
    <t>cg06528575</t>
  </si>
  <si>
    <t>cg06531007</t>
  </si>
  <si>
    <t>cg06531250</t>
  </si>
  <si>
    <t>cg06532546</t>
  </si>
  <si>
    <t>cg06536150</t>
  </si>
  <si>
    <t>cg06544141</t>
  </si>
  <si>
    <t>cg06546406</t>
  </si>
  <si>
    <t>cg06549928</t>
  </si>
  <si>
    <t>cg06561166</t>
  </si>
  <si>
    <t>cg06604289</t>
  </si>
  <si>
    <t>cg06615040</t>
  </si>
  <si>
    <t>cg06615380</t>
  </si>
  <si>
    <t>cg06615861</t>
  </si>
  <si>
    <t>cg06615940</t>
  </si>
  <si>
    <t>cg06616057</t>
  </si>
  <si>
    <t>cg06617202</t>
  </si>
  <si>
    <t>cg06619077</t>
  </si>
  <si>
    <t>cg06620092</t>
  </si>
  <si>
    <t>cg06622968</t>
  </si>
  <si>
    <t>cg06623486</t>
  </si>
  <si>
    <t>cg06626599</t>
  </si>
  <si>
    <t>cg06626847</t>
  </si>
  <si>
    <t>cg06632353</t>
  </si>
  <si>
    <t>cg06633637</t>
  </si>
  <si>
    <t>cg06634717</t>
  </si>
  <si>
    <t>cg06636527</t>
  </si>
  <si>
    <t>cg06637812</t>
  </si>
  <si>
    <t>cg06639387</t>
  </si>
  <si>
    <t>cg06639788</t>
  </si>
  <si>
    <t>cg06641279</t>
  </si>
  <si>
    <t>cg06641299</t>
  </si>
  <si>
    <t>cg06641938</t>
  </si>
  <si>
    <t>cg06642228</t>
  </si>
  <si>
    <t>cg06643390</t>
  </si>
  <si>
    <t>cg06644124</t>
  </si>
  <si>
    <t>cg06645033</t>
  </si>
  <si>
    <t>cg06646493</t>
  </si>
  <si>
    <t>cg06646682</t>
  </si>
  <si>
    <t>cg06647562</t>
  </si>
  <si>
    <t>cg06649280</t>
  </si>
  <si>
    <t>cg06650246</t>
  </si>
  <si>
    <t>cg06658684</t>
  </si>
  <si>
    <t>cg06659614</t>
  </si>
  <si>
    <t>cg06660332</t>
  </si>
  <si>
    <t>cg06662140</t>
  </si>
  <si>
    <t>cg06703062</t>
  </si>
  <si>
    <t>cg06707403</t>
  </si>
  <si>
    <t>cg06711176</t>
  </si>
  <si>
    <t>cg06712559</t>
  </si>
  <si>
    <t>cg06712627</t>
  </si>
  <si>
    <t>cg06713267</t>
  </si>
  <si>
    <t>cg06714284</t>
  </si>
  <si>
    <t>cg06721528</t>
  </si>
  <si>
    <t>cg06723421</t>
  </si>
  <si>
    <t>cg06744574</t>
  </si>
  <si>
    <t>cg06745753</t>
  </si>
  <si>
    <t>cg06746774</t>
  </si>
  <si>
    <t>cg06748956</t>
  </si>
  <si>
    <t>cg06749803</t>
  </si>
  <si>
    <t>cg06752594</t>
  </si>
  <si>
    <t>cg06753057</t>
  </si>
  <si>
    <t>cg06755155</t>
  </si>
  <si>
    <t>cg06755661</t>
  </si>
  <si>
    <t>cg06756211</t>
  </si>
  <si>
    <t>cg06756369</t>
  </si>
  <si>
    <t>cg06756667</t>
  </si>
  <si>
    <t>cg06758143</t>
  </si>
  <si>
    <t>cg06758591</t>
  </si>
  <si>
    <t>cg06759265</t>
  </si>
  <si>
    <t>cg06760305</t>
  </si>
  <si>
    <t>cg06761793</t>
  </si>
  <si>
    <t>cg06762750</t>
  </si>
  <si>
    <t>cg06763823</t>
  </si>
  <si>
    <t>cg06765909</t>
  </si>
  <si>
    <t>cg06766016</t>
  </si>
  <si>
    <t>cg06768019</t>
  </si>
  <si>
    <t>cg06770554</t>
  </si>
  <si>
    <t>cg06772644</t>
  </si>
  <si>
    <t>cg06773963</t>
  </si>
  <si>
    <t>cg06774618</t>
  </si>
  <si>
    <t>cg06775072</t>
  </si>
  <si>
    <t>cg06778273</t>
  </si>
  <si>
    <t>cg06782351</t>
  </si>
  <si>
    <t>cg06784429</t>
  </si>
  <si>
    <t>cg06784991</t>
  </si>
  <si>
    <t>cg06785712</t>
  </si>
  <si>
    <t>cg06786238</t>
  </si>
  <si>
    <t>cg06787764</t>
  </si>
  <si>
    <t>cg06788803</t>
  </si>
  <si>
    <t>cg06790019</t>
  </si>
  <si>
    <t>cg06796016</t>
  </si>
  <si>
    <t>cg06796515</t>
  </si>
  <si>
    <t>cg06802056</t>
  </si>
  <si>
    <t>cg06802365</t>
  </si>
  <si>
    <t>cg06802565</t>
  </si>
  <si>
    <t>cg06802641</t>
  </si>
  <si>
    <t>cg06802655</t>
  </si>
  <si>
    <t>cg06802841</t>
  </si>
  <si>
    <t>cg06804154</t>
  </si>
  <si>
    <t>cg06804846</t>
  </si>
  <si>
    <t>cg06805280</t>
  </si>
  <si>
    <t>cg06809252</t>
  </si>
  <si>
    <t>cg06812488</t>
  </si>
  <si>
    <t>cg06812651</t>
  </si>
  <si>
    <t>cg06815308</t>
  </si>
  <si>
    <t>cg06816875</t>
  </si>
  <si>
    <t>cg06817090</t>
  </si>
  <si>
    <t>cg06818851</t>
  </si>
  <si>
    <t>cg06824583</t>
  </si>
  <si>
    <t>cg06826730</t>
  </si>
  <si>
    <t>cg06826845</t>
  </si>
  <si>
    <t>cg06829686</t>
  </si>
  <si>
    <t>cg06830268</t>
  </si>
  <si>
    <t>cg06832064</t>
  </si>
  <si>
    <t>cg06834177</t>
  </si>
  <si>
    <t>cg06835628</t>
  </si>
  <si>
    <t>cg06836497</t>
  </si>
  <si>
    <t>cg06837355</t>
  </si>
  <si>
    <t>cg06839380</t>
  </si>
  <si>
    <t>cg06839611</t>
  </si>
  <si>
    <t>cg06839900</t>
  </si>
  <si>
    <t>cg06842519</t>
  </si>
  <si>
    <t>cg06845943</t>
  </si>
  <si>
    <t>cg06849719</t>
  </si>
  <si>
    <t>cg06850548</t>
  </si>
  <si>
    <t>cg06852250</t>
  </si>
  <si>
    <t>cg06854502</t>
  </si>
  <si>
    <t>cg06866616</t>
  </si>
  <si>
    <t>cg06866827</t>
  </si>
  <si>
    <t>cg06868481</t>
  </si>
  <si>
    <t>cg06868562</t>
  </si>
  <si>
    <t>cg06871798</t>
  </si>
  <si>
    <t>cg06872500</t>
  </si>
  <si>
    <t>cg06872981</t>
  </si>
  <si>
    <t>cg06873895</t>
  </si>
  <si>
    <t>cg06875179</t>
  </si>
  <si>
    <t>cg06875660</t>
  </si>
  <si>
    <t>cg06876479</t>
  </si>
  <si>
    <t>cg06882340</t>
  </si>
  <si>
    <t>cg06883736</t>
  </si>
  <si>
    <t>cg06885641</t>
  </si>
  <si>
    <t>cg06886207</t>
  </si>
  <si>
    <t>cg06886736</t>
  </si>
  <si>
    <t>cg06886867</t>
  </si>
  <si>
    <t>cg06888836</t>
  </si>
  <si>
    <t>cg06893138</t>
  </si>
  <si>
    <t>cg06893225</t>
  </si>
  <si>
    <t>cg06894651</t>
  </si>
  <si>
    <t>cg06897921</t>
  </si>
  <si>
    <t>cg06899053</t>
  </si>
  <si>
    <t>cg06902607</t>
  </si>
  <si>
    <t>cg06902698</t>
  </si>
  <si>
    <t>cg06903544</t>
  </si>
  <si>
    <t>cg06907469</t>
  </si>
  <si>
    <t>cg06908985</t>
  </si>
  <si>
    <t>cg06910084</t>
  </si>
  <si>
    <t>cg06917617</t>
  </si>
  <si>
    <t>cg06921501</t>
  </si>
  <si>
    <t>cg06925855</t>
  </si>
  <si>
    <t>cg06925975</t>
  </si>
  <si>
    <t>cg06928982</t>
  </si>
  <si>
    <t>cg06931612</t>
  </si>
  <si>
    <t>cg06934615</t>
  </si>
  <si>
    <t>cg06936155</t>
  </si>
  <si>
    <t>cg06939851</t>
  </si>
  <si>
    <t>cg06943420</t>
  </si>
  <si>
    <t>cg06946154</t>
  </si>
  <si>
    <t>cg06949234</t>
  </si>
  <si>
    <t>cg06951217</t>
  </si>
  <si>
    <t>cg06951248</t>
  </si>
  <si>
    <t>cg06955484</t>
  </si>
  <si>
    <t>cg06956500</t>
  </si>
  <si>
    <t>cg06962421</t>
  </si>
  <si>
    <t>cg06962801</t>
  </si>
  <si>
    <t>cg06966242</t>
  </si>
  <si>
    <t>cg06969979</t>
  </si>
  <si>
    <t>cg06970370</t>
  </si>
  <si>
    <t>cg06974961</t>
  </si>
  <si>
    <t>cg06976533</t>
  </si>
  <si>
    <t>cg06977823</t>
  </si>
  <si>
    <t>cg06982544</t>
  </si>
  <si>
    <t>cg06982917</t>
  </si>
  <si>
    <t>cg06985534</t>
  </si>
  <si>
    <t>cg06985721</t>
  </si>
  <si>
    <t>cg06990630</t>
  </si>
  <si>
    <t>cg06993467</t>
  </si>
  <si>
    <t>cg06994324</t>
  </si>
  <si>
    <t>cg06995549</t>
  </si>
  <si>
    <t>cg07008945</t>
  </si>
  <si>
    <t>cg07010314</t>
  </si>
  <si>
    <t>cg07010340</t>
  </si>
  <si>
    <t>cg07011115</t>
  </si>
  <si>
    <t>cg07011357</t>
  </si>
  <si>
    <t>cg07013994</t>
  </si>
  <si>
    <t>cg07015749</t>
  </si>
  <si>
    <t>cg07015775</t>
  </si>
  <si>
    <t>cg07018071</t>
  </si>
  <si>
    <t>cg07021033</t>
  </si>
  <si>
    <t>cg07022953</t>
  </si>
  <si>
    <t>cg07023563</t>
  </si>
  <si>
    <t>cg07029226</t>
  </si>
  <si>
    <t>cg07030052</t>
  </si>
  <si>
    <t>cg07033820</t>
  </si>
  <si>
    <t>cg07037778</t>
  </si>
  <si>
    <t>cg07045221</t>
  </si>
  <si>
    <t>cg07049833</t>
  </si>
  <si>
    <t>cg07090989</t>
  </si>
  <si>
    <t>cg07091412</t>
  </si>
  <si>
    <t>cg07092593</t>
  </si>
  <si>
    <t>cg07093776</t>
  </si>
  <si>
    <t>cg07094487</t>
  </si>
  <si>
    <t>cg07096654</t>
  </si>
  <si>
    <t>cg07099084</t>
  </si>
  <si>
    <t>cg07099241</t>
  </si>
  <si>
    <t>cg07104388</t>
  </si>
  <si>
    <t>cg07105421</t>
  </si>
  <si>
    <t>cg07105657</t>
  </si>
  <si>
    <t>cg07105891</t>
  </si>
  <si>
    <t>cg07105947</t>
  </si>
  <si>
    <t>cg07109490</t>
  </si>
  <si>
    <t>cg07113065</t>
  </si>
  <si>
    <t>cg07113230</t>
  </si>
  <si>
    <t>cg07113947</t>
  </si>
  <si>
    <t>cg07114335</t>
  </si>
  <si>
    <t>cg07114770</t>
  </si>
  <si>
    <t>cg07116314</t>
  </si>
  <si>
    <t>cg07116393</t>
  </si>
  <si>
    <t>cg07117364</t>
  </si>
  <si>
    <t>cg07119106</t>
  </si>
  <si>
    <t>cg07121807</t>
  </si>
  <si>
    <t>cg07124668</t>
  </si>
  <si>
    <t>cg07131604</t>
  </si>
  <si>
    <t>cg07135032</t>
  </si>
  <si>
    <t>cg07139317</t>
  </si>
  <si>
    <t>cg07139495</t>
  </si>
  <si>
    <t>cg07140595</t>
  </si>
  <si>
    <t>cg07142010</t>
  </si>
  <si>
    <t>cg07142859</t>
  </si>
  <si>
    <t>cg07143158</t>
  </si>
  <si>
    <t>cg07144296</t>
  </si>
  <si>
    <t>cg07146535</t>
  </si>
  <si>
    <t>cg07148880</t>
  </si>
  <si>
    <t>cg07149609</t>
  </si>
  <si>
    <t>cg07149862</t>
  </si>
  <si>
    <t>cg07151560</t>
  </si>
  <si>
    <t>cg07152001</t>
  </si>
  <si>
    <t>cg07152177</t>
  </si>
  <si>
    <t>cg07154196</t>
  </si>
  <si>
    <t>cg07155211</t>
  </si>
  <si>
    <t>cg07155336</t>
  </si>
  <si>
    <t>cg07157830</t>
  </si>
  <si>
    <t>cg07158797</t>
  </si>
  <si>
    <t>cg07162320</t>
  </si>
  <si>
    <t>cg07166216</t>
  </si>
  <si>
    <t>cg07166679</t>
  </si>
  <si>
    <t>cg07167398</t>
  </si>
  <si>
    <t>cg07167688</t>
  </si>
  <si>
    <t>cg07168837</t>
  </si>
  <si>
    <t>cg07171527</t>
  </si>
  <si>
    <t>cg07172756</t>
  </si>
  <si>
    <t>cg07174053</t>
  </si>
  <si>
    <t>cg07174389</t>
  </si>
  <si>
    <t>cg07176034</t>
  </si>
  <si>
    <t>cg07176514</t>
  </si>
  <si>
    <t>cg07179759</t>
  </si>
  <si>
    <t>cg07180509</t>
  </si>
  <si>
    <t>cg07180603</t>
  </si>
  <si>
    <t>cg07181952</t>
  </si>
  <si>
    <t>cg07187135</t>
  </si>
  <si>
    <t>cg07187280</t>
  </si>
  <si>
    <t>cg07188591</t>
  </si>
  <si>
    <t>cg07192559</t>
  </si>
  <si>
    <t>cg07192718</t>
  </si>
  <si>
    <t>cg07195508</t>
  </si>
  <si>
    <t>cg07197585</t>
  </si>
  <si>
    <t>cg07198402</t>
  </si>
  <si>
    <t>cg07201754</t>
  </si>
  <si>
    <t>cg07204165</t>
  </si>
  <si>
    <t>cg07204739</t>
  </si>
  <si>
    <t>cg07207833</t>
  </si>
  <si>
    <t>cg07209987</t>
  </si>
  <si>
    <t>cg07212644</t>
  </si>
  <si>
    <t>cg07212963</t>
  </si>
  <si>
    <t>cg07213830</t>
  </si>
  <si>
    <t>cg07217151</t>
  </si>
  <si>
    <t>cg07219542</t>
  </si>
  <si>
    <t>cg07221967</t>
  </si>
  <si>
    <t>cg07229500</t>
  </si>
  <si>
    <t>cg07232730</t>
  </si>
  <si>
    <t>cg07233502</t>
  </si>
  <si>
    <t>cg07235071</t>
  </si>
  <si>
    <t>cg07236150</t>
  </si>
  <si>
    <t>cg07236666</t>
  </si>
  <si>
    <t>cg07236781</t>
  </si>
  <si>
    <t>cg07239593</t>
  </si>
  <si>
    <t>cg07240554</t>
  </si>
  <si>
    <t>cg07240937</t>
  </si>
  <si>
    <t>cg07242783</t>
  </si>
  <si>
    <t>cg07247405</t>
  </si>
  <si>
    <t>cg07247970</t>
  </si>
  <si>
    <t>cg07248310</t>
  </si>
  <si>
    <t>cg07309943</t>
  </si>
  <si>
    <t>cg07314186</t>
  </si>
  <si>
    <t>cg07314391</t>
  </si>
  <si>
    <t>cg07315010</t>
  </si>
  <si>
    <t>cg07315993</t>
  </si>
  <si>
    <t>cg07317551</t>
  </si>
  <si>
    <t>cg07320311</t>
  </si>
  <si>
    <t>cg07343000</t>
  </si>
  <si>
    <t>cg07344096</t>
  </si>
  <si>
    <t>cg07344147</t>
  </si>
  <si>
    <t>cg07345934</t>
  </si>
  <si>
    <t>cg07346077</t>
  </si>
  <si>
    <t>cg07346648</t>
  </si>
  <si>
    <t>cg07346851</t>
  </si>
  <si>
    <t>cg07348009</t>
  </si>
  <si>
    <t>cg07348768</t>
  </si>
  <si>
    <t>cg07349767</t>
  </si>
  <si>
    <t>cg07351084</t>
  </si>
  <si>
    <t>cg07351164</t>
  </si>
  <si>
    <t>cg07351262</t>
  </si>
  <si>
    <t>cg07352594</t>
  </si>
  <si>
    <t>cg07353572</t>
  </si>
  <si>
    <t>cg07354738</t>
  </si>
  <si>
    <t>cg07357075</t>
  </si>
  <si>
    <t>cg07357157</t>
  </si>
  <si>
    <t>cg07359730</t>
  </si>
  <si>
    <t>cg07361180</t>
  </si>
  <si>
    <t>cg07361759</t>
  </si>
  <si>
    <t>cg07363543</t>
  </si>
  <si>
    <t>cg07367222</t>
  </si>
  <si>
    <t>cg07367434</t>
  </si>
  <si>
    <t>cg07367563</t>
  </si>
  <si>
    <t>cg07370959</t>
  </si>
  <si>
    <t>cg07371589</t>
  </si>
  <si>
    <t>cg07376753</t>
  </si>
  <si>
    <t>cg07377675</t>
  </si>
  <si>
    <t>cg07379140</t>
  </si>
  <si>
    <t>cg07379293</t>
  </si>
  <si>
    <t>cg07382149</t>
  </si>
  <si>
    <t>cg07382273</t>
  </si>
  <si>
    <t>cg07382920</t>
  </si>
  <si>
    <t>cg07384903</t>
  </si>
  <si>
    <t>cg07386190</t>
  </si>
  <si>
    <t>cg07387450</t>
  </si>
  <si>
    <t>cg07391610</t>
  </si>
  <si>
    <t>cg07393057</t>
  </si>
  <si>
    <t>cg07398105</t>
  </si>
  <si>
    <t>cg07398561</t>
  </si>
  <si>
    <t>cg07398594</t>
  </si>
  <si>
    <t>cg07399635</t>
  </si>
  <si>
    <t>cg07400628</t>
  </si>
  <si>
    <t>cg07418114</t>
  </si>
  <si>
    <t>cg07420190</t>
  </si>
  <si>
    <t>cg07420507</t>
  </si>
  <si>
    <t>cg07421429</t>
  </si>
  <si>
    <t>cg07424616</t>
  </si>
  <si>
    <t>cg07424785</t>
  </si>
  <si>
    <t>cg07425625</t>
  </si>
  <si>
    <t>cg07426195</t>
  </si>
  <si>
    <t>cg07448856</t>
  </si>
  <si>
    <t>cg07453618</t>
  </si>
  <si>
    <t>cg07477090</t>
  </si>
  <si>
    <t>cg07477187</t>
  </si>
  <si>
    <t>cg07478791</t>
  </si>
  <si>
    <t>cg07479670</t>
  </si>
  <si>
    <t>cg07479786</t>
  </si>
  <si>
    <t>cg07480647</t>
  </si>
  <si>
    <t>cg07483064</t>
  </si>
  <si>
    <t>cg07490279</t>
  </si>
  <si>
    <t>cg07498874</t>
  </si>
  <si>
    <t>cg07499142</t>
  </si>
  <si>
    <t>cg07499259</t>
  </si>
  <si>
    <t>cg07499546</t>
  </si>
  <si>
    <t>cg07501049</t>
  </si>
  <si>
    <t>cg07502066</t>
  </si>
  <si>
    <t>cg07502168</t>
  </si>
  <si>
    <t>cg07533148</t>
  </si>
  <si>
    <t>cg07548512</t>
  </si>
  <si>
    <t>cg07549162</t>
  </si>
  <si>
    <t>cg07550869</t>
  </si>
  <si>
    <t>cg07551314</t>
  </si>
  <si>
    <t>cg07556773</t>
  </si>
  <si>
    <t>cg07560662</t>
  </si>
  <si>
    <t>cg07561848</t>
  </si>
  <si>
    <t>cg07562458</t>
  </si>
  <si>
    <t>cg07564188</t>
  </si>
  <si>
    <t>cg07565540</t>
  </si>
  <si>
    <t>cg07566625</t>
  </si>
  <si>
    <t>cg07568418</t>
  </si>
  <si>
    <t>cg07568665</t>
  </si>
  <si>
    <t>cg07572815</t>
  </si>
  <si>
    <t>cg07574241</t>
  </si>
  <si>
    <t>cg07575466</t>
  </si>
  <si>
    <t>cg07578001</t>
  </si>
  <si>
    <t>cg07583884</t>
  </si>
  <si>
    <t>cg07584845</t>
  </si>
  <si>
    <t>cg07584855</t>
  </si>
  <si>
    <t>cg07586026</t>
  </si>
  <si>
    <t>cg07586725</t>
  </si>
  <si>
    <t>cg07586906</t>
  </si>
  <si>
    <t>cg07588109</t>
  </si>
  <si>
    <t>cg07588857</t>
  </si>
  <si>
    <t>cg07589846</t>
  </si>
  <si>
    <t>cg07590482</t>
  </si>
  <si>
    <t>cg07594474</t>
  </si>
  <si>
    <t>cg07595841</t>
  </si>
  <si>
    <t>cg07597386</t>
  </si>
  <si>
    <t>cg07598082</t>
  </si>
  <si>
    <t>cg07599786</t>
  </si>
  <si>
    <t>cg07599881</t>
  </si>
  <si>
    <t>cg07600211</t>
  </si>
  <si>
    <t>cg07601804</t>
  </si>
  <si>
    <t>cg07602998</t>
  </si>
  <si>
    <t>cg07699311</t>
  </si>
  <si>
    <t>cg07700258</t>
  </si>
  <si>
    <t>cg07700843</t>
  </si>
  <si>
    <t>cg07700962</t>
  </si>
  <si>
    <t>cg07701223</t>
  </si>
  <si>
    <t>cg07702853</t>
  </si>
  <si>
    <t>cg07702888</t>
  </si>
  <si>
    <t>cg07704502</t>
  </si>
  <si>
    <t>cg07706442</t>
  </si>
  <si>
    <t>cg07706810</t>
  </si>
  <si>
    <t>cg07708622</t>
  </si>
  <si>
    <t>cg07719884</t>
  </si>
  <si>
    <t>cg07723921</t>
  </si>
  <si>
    <t>cg07761912</t>
  </si>
  <si>
    <t>cg07766612</t>
  </si>
  <si>
    <t>cg07782002</t>
  </si>
  <si>
    <t>cg07784526</t>
  </si>
  <si>
    <t>cg07785945</t>
  </si>
  <si>
    <t>cg07786256</t>
  </si>
  <si>
    <t>cg07786675</t>
  </si>
  <si>
    <t>cg07788537</t>
  </si>
  <si>
    <t>cg07790079</t>
  </si>
  <si>
    <t>cg07792320</t>
  </si>
  <si>
    <t>cg07793638</t>
  </si>
  <si>
    <t>cg07794500</t>
  </si>
  <si>
    <t>cg07797421</t>
  </si>
  <si>
    <t>cg07802625</t>
  </si>
  <si>
    <t>cg07805730</t>
  </si>
  <si>
    <t>cg07807957</t>
  </si>
  <si>
    <t>cg07808546</t>
  </si>
  <si>
    <t>cg07808555</t>
  </si>
  <si>
    <t>cg07810114</t>
  </si>
  <si>
    <t>cg07810927</t>
  </si>
  <si>
    <t>cg07813495</t>
  </si>
  <si>
    <t>cg07814876</t>
  </si>
  <si>
    <t>cg07817883</t>
  </si>
  <si>
    <t>cg07817892</t>
  </si>
  <si>
    <t>cg07822305</t>
  </si>
  <si>
    <t>cg07823585</t>
  </si>
  <si>
    <t>cg07825681</t>
  </si>
  <si>
    <t>cg07826235</t>
  </si>
  <si>
    <t>cg07830126</t>
  </si>
  <si>
    <t>cg07832006</t>
  </si>
  <si>
    <t>cg07835254</t>
  </si>
  <si>
    <t>cg07835289</t>
  </si>
  <si>
    <t>cg07835293</t>
  </si>
  <si>
    <t>cg07835437</t>
  </si>
  <si>
    <t>cg07835668</t>
  </si>
  <si>
    <t>cg07836663</t>
  </si>
  <si>
    <t>cg07836831</t>
  </si>
  <si>
    <t>cg07838106</t>
  </si>
  <si>
    <t>cg07841371</t>
  </si>
  <si>
    <t>cg07842327</t>
  </si>
  <si>
    <t>cg07898899</t>
  </si>
  <si>
    <t>cg07899451</t>
  </si>
  <si>
    <t>cg07901143</t>
  </si>
  <si>
    <t>cg07905888</t>
  </si>
  <si>
    <t>cg07906828</t>
  </si>
  <si>
    <t>cg07908422</t>
  </si>
  <si>
    <t>cg07908946</t>
  </si>
  <si>
    <t>cg07909059</t>
  </si>
  <si>
    <t>cg07911444</t>
  </si>
  <si>
    <t>cg07911682</t>
  </si>
  <si>
    <t>cg07912402</t>
  </si>
  <si>
    <t>cg07914084</t>
  </si>
  <si>
    <t>cg07915528</t>
  </si>
  <si>
    <t>cg07915981</t>
  </si>
  <si>
    <t>cg07916071</t>
  </si>
  <si>
    <t>cg07916884</t>
  </si>
  <si>
    <t>cg07921092</t>
  </si>
  <si>
    <t>cg07923233</t>
  </si>
  <si>
    <t>cg07923746</t>
  </si>
  <si>
    <t>cg07925615</t>
  </si>
  <si>
    <t>cg07926531</t>
  </si>
  <si>
    <t>cg07944736</t>
  </si>
  <si>
    <t>cg07944863</t>
  </si>
  <si>
    <t>cg07945013</t>
  </si>
  <si>
    <t>cg07948599</t>
  </si>
  <si>
    <t>cg07952381</t>
  </si>
  <si>
    <t>cg07953201</t>
  </si>
  <si>
    <t>cg07954828</t>
  </si>
  <si>
    <t>cg07956247</t>
  </si>
  <si>
    <t>cg07956264</t>
  </si>
  <si>
    <t>cg07958878</t>
  </si>
  <si>
    <t>cg07959491</t>
  </si>
  <si>
    <t>cg07959576</t>
  </si>
  <si>
    <t>cg07961659</t>
  </si>
  <si>
    <t>cg07962812</t>
  </si>
  <si>
    <t>cg07963760</t>
  </si>
  <si>
    <t>cg07972116</t>
  </si>
  <si>
    <t>cg07973655</t>
  </si>
  <si>
    <t>cg07976390</t>
  </si>
  <si>
    <t>cg07976644</t>
  </si>
  <si>
    <t>cg07980460</t>
  </si>
  <si>
    <t>cg07996594</t>
  </si>
  <si>
    <t>cg07996992</t>
  </si>
  <si>
    <t>cg07997941</t>
  </si>
  <si>
    <t>cg07998070</t>
  </si>
  <si>
    <t>cg08004425</t>
  </si>
  <si>
    <t>cg08007338</t>
  </si>
  <si>
    <t>cg08007647</t>
  </si>
  <si>
    <t>cg08008854</t>
  </si>
  <si>
    <t>cg08033383</t>
  </si>
  <si>
    <t>cg08036524</t>
  </si>
  <si>
    <t>cg08037059</t>
  </si>
  <si>
    <t>cg08038078</t>
  </si>
  <si>
    <t>cg08039585</t>
  </si>
  <si>
    <t>cg08061330</t>
  </si>
  <si>
    <t>cg08080029</t>
  </si>
  <si>
    <t>cg08090133</t>
  </si>
  <si>
    <t>cg08104202</t>
  </si>
  <si>
    <t>cg08105352</t>
  </si>
  <si>
    <t>cg08109624</t>
  </si>
  <si>
    <t>cg08114257</t>
  </si>
  <si>
    <t>cg08115172</t>
  </si>
  <si>
    <t>cg08118599</t>
  </si>
  <si>
    <t>cg08121102</t>
  </si>
  <si>
    <t>cg08121453</t>
  </si>
  <si>
    <t>cg08121652</t>
  </si>
  <si>
    <t>cg08125719</t>
  </si>
  <si>
    <t>cg08126203</t>
  </si>
  <si>
    <t>cg08128274</t>
  </si>
  <si>
    <t>cg08128789</t>
  </si>
  <si>
    <t>cg08130630</t>
  </si>
  <si>
    <t>cg08130783</t>
  </si>
  <si>
    <t>cg08135278</t>
  </si>
  <si>
    <t>cg08137080</t>
  </si>
  <si>
    <t>cg08137948</t>
  </si>
  <si>
    <t>cg08138025</t>
  </si>
  <si>
    <t>cg08139234</t>
  </si>
  <si>
    <t>cg08140891</t>
  </si>
  <si>
    <t>cg08141342</t>
  </si>
  <si>
    <t>cg08146495</t>
  </si>
  <si>
    <t>cg08159291</t>
  </si>
  <si>
    <t>cg08160643</t>
  </si>
  <si>
    <t>cg08160862</t>
  </si>
  <si>
    <t>cg08161158</t>
  </si>
  <si>
    <t>cg08164334</t>
  </si>
  <si>
    <t>cg08169827</t>
  </si>
  <si>
    <t>cg08169949</t>
  </si>
  <si>
    <t>cg08171206</t>
  </si>
  <si>
    <t>cg08171276</t>
  </si>
  <si>
    <t>cg08172057</t>
  </si>
  <si>
    <t>cg08185241</t>
  </si>
  <si>
    <t>cg08231251</t>
  </si>
  <si>
    <t>cg08231577</t>
  </si>
  <si>
    <t>cg08231697</t>
  </si>
  <si>
    <t>cg08231710</t>
  </si>
  <si>
    <t>cg08243778</t>
  </si>
  <si>
    <t>cg08244959</t>
  </si>
  <si>
    <t>cg08246520</t>
  </si>
  <si>
    <t>cg08249608</t>
  </si>
  <si>
    <t>cg08258259</t>
  </si>
  <si>
    <t>cg08261032</t>
  </si>
  <si>
    <t>cg08262088</t>
  </si>
  <si>
    <t>cg08262582</t>
  </si>
  <si>
    <t>cg08263226</t>
  </si>
  <si>
    <t>cg08264835</t>
  </si>
  <si>
    <t>cg08265551</t>
  </si>
  <si>
    <t>cg08266565</t>
  </si>
  <si>
    <t>cg08269389</t>
  </si>
  <si>
    <t>cg08271996</t>
  </si>
  <si>
    <t>cg08272731</t>
  </si>
  <si>
    <t>cg08274380</t>
  </si>
  <si>
    <t>cg08277003</t>
  </si>
  <si>
    <t>cg08289140</t>
  </si>
  <si>
    <t>cg08355537</t>
  </si>
  <si>
    <t>cg08367326</t>
  </si>
  <si>
    <t>cg08424167</t>
  </si>
  <si>
    <t>cg08425065</t>
  </si>
  <si>
    <t>cg08438989</t>
  </si>
  <si>
    <t>cg08456859</t>
  </si>
  <si>
    <t>cg08457409</t>
  </si>
  <si>
    <t>cg08458292</t>
  </si>
  <si>
    <t>cg08458912</t>
  </si>
  <si>
    <t>cg08459369</t>
  </si>
  <si>
    <t>cg08460041</t>
  </si>
  <si>
    <t>cg08460435</t>
  </si>
  <si>
    <t>cg08463298</t>
  </si>
  <si>
    <t>cg08464855</t>
  </si>
  <si>
    <t>cg08468599</t>
  </si>
  <si>
    <t>cg08468679</t>
  </si>
  <si>
    <t>cg08468991</t>
  </si>
  <si>
    <t>cg08469215</t>
  </si>
  <si>
    <t>cg08470185</t>
  </si>
  <si>
    <t>cg08471734</t>
  </si>
  <si>
    <t>cg08471800</t>
  </si>
  <si>
    <t>cg08473553</t>
  </si>
  <si>
    <t>cg08474403</t>
  </si>
  <si>
    <t>cg08477740</t>
  </si>
  <si>
    <t>cg08478622</t>
  </si>
  <si>
    <t>cg08479603</t>
  </si>
  <si>
    <t>cg08479688</t>
  </si>
  <si>
    <t>cg08531380</t>
  </si>
  <si>
    <t>cg08532870</t>
  </si>
  <si>
    <t>cg08535928</t>
  </si>
  <si>
    <t>cg08537783</t>
  </si>
  <si>
    <t>cg08544041</t>
  </si>
  <si>
    <t>cg08546856</t>
  </si>
  <si>
    <t>cg08550626</t>
  </si>
  <si>
    <t>cg08598406</t>
  </si>
  <si>
    <t>cg08599259</t>
  </si>
  <si>
    <t>cg08610741</t>
  </si>
  <si>
    <t>cg08611411</t>
  </si>
  <si>
    <t>cg08622517</t>
  </si>
  <si>
    <t>cg08623154</t>
  </si>
  <si>
    <t>cg08623548</t>
  </si>
  <si>
    <t>cg08624093</t>
  </si>
  <si>
    <t>cg08633923</t>
  </si>
  <si>
    <t>cg08635130</t>
  </si>
  <si>
    <t>cg08638320</t>
  </si>
  <si>
    <t>cg08639948</t>
  </si>
  <si>
    <t>cg08640609</t>
  </si>
  <si>
    <t>cg08643472</t>
  </si>
  <si>
    <t>cg08643618</t>
  </si>
  <si>
    <t>cg08643928</t>
  </si>
  <si>
    <t>cg08644993</t>
  </si>
  <si>
    <t>cg08649954</t>
  </si>
  <si>
    <t>cg08652487</t>
  </si>
  <si>
    <t>cg08657424</t>
  </si>
  <si>
    <t>cg08659047</t>
  </si>
  <si>
    <t>cg08663263</t>
  </si>
  <si>
    <t>cg08664617</t>
  </si>
  <si>
    <t>cg08664810</t>
  </si>
  <si>
    <t>cg08703872</t>
  </si>
  <si>
    <t>cg08706837</t>
  </si>
  <si>
    <t>cg08708599</t>
  </si>
  <si>
    <t>cg08709360</t>
  </si>
  <si>
    <t>cg08709672</t>
  </si>
  <si>
    <t>cg08711113</t>
  </si>
  <si>
    <t>cg08713212</t>
  </si>
  <si>
    <t>cg08714895</t>
  </si>
  <si>
    <t>cg08715595</t>
  </si>
  <si>
    <t>cg08716217</t>
  </si>
  <si>
    <t>cg08717488</t>
  </si>
  <si>
    <t>cg08719577</t>
  </si>
  <si>
    <t>cg08721840</t>
  </si>
  <si>
    <t>cg08727443</t>
  </si>
  <si>
    <t>cg08732375</t>
  </si>
  <si>
    <t>cg08732456</t>
  </si>
  <si>
    <t>cg08732526</t>
  </si>
  <si>
    <t>cg08733913</t>
  </si>
  <si>
    <t>cg08734053</t>
  </si>
  <si>
    <t>cg08738570</t>
  </si>
  <si>
    <t>cg08739233</t>
  </si>
  <si>
    <t>cg08755040</t>
  </si>
  <si>
    <t>cg08831354</t>
  </si>
  <si>
    <t>cg08843537</t>
  </si>
  <si>
    <t>cg08844137</t>
  </si>
  <si>
    <t>cg08844387</t>
  </si>
  <si>
    <t>cg08844894</t>
  </si>
  <si>
    <t>cg08844966</t>
  </si>
  <si>
    <t>cg08845123</t>
  </si>
  <si>
    <t>cg08845439</t>
  </si>
  <si>
    <t>cg08845510</t>
  </si>
  <si>
    <t>cg08846011</t>
  </si>
  <si>
    <t>cg08847173</t>
  </si>
  <si>
    <t>cg08847296</t>
  </si>
  <si>
    <t>cg08848865</t>
  </si>
  <si>
    <t>cg08848903</t>
  </si>
  <si>
    <t>cg08854008</t>
  </si>
  <si>
    <t>cg08854582</t>
  </si>
  <si>
    <t>cg08855861</t>
  </si>
  <si>
    <t>cg08857729</t>
  </si>
  <si>
    <t>cg08857906</t>
  </si>
  <si>
    <t>cg08859095</t>
  </si>
  <si>
    <t>cg08864105</t>
  </si>
  <si>
    <t>cg08869383</t>
  </si>
  <si>
    <t>cg08872494</t>
  </si>
  <si>
    <t>cg08876274</t>
  </si>
  <si>
    <t>cg08876437</t>
  </si>
  <si>
    <t>cg08876441</t>
  </si>
  <si>
    <t>cg08876662</t>
  </si>
  <si>
    <t>cg08878450</t>
  </si>
  <si>
    <t>cg08879403</t>
  </si>
  <si>
    <t>cg08883223</t>
  </si>
  <si>
    <t>cg08886036</t>
  </si>
  <si>
    <t>cg08886482</t>
  </si>
  <si>
    <t>cg08888625</t>
  </si>
  <si>
    <t>cg08889373</t>
  </si>
  <si>
    <t>cg08889585</t>
  </si>
  <si>
    <t>cg08890084</t>
  </si>
  <si>
    <t>cg08891920</t>
  </si>
  <si>
    <t>cg08892600</t>
  </si>
  <si>
    <t>cg08893875</t>
  </si>
  <si>
    <t>cg08894131</t>
  </si>
  <si>
    <t>cg08894594</t>
  </si>
  <si>
    <t>cg08899471</t>
  </si>
  <si>
    <t>cg08909930</t>
  </si>
  <si>
    <t>cg08911820</t>
  </si>
  <si>
    <t>cg08912058</t>
  </si>
  <si>
    <t>cg08912801</t>
  </si>
  <si>
    <t>cg08913815</t>
  </si>
  <si>
    <t>cg08917933</t>
  </si>
  <si>
    <t>cg08920121</t>
  </si>
  <si>
    <t>cg08920249</t>
  </si>
  <si>
    <t>cg08920610</t>
  </si>
  <si>
    <t>cg08920748</t>
  </si>
  <si>
    <t>cg08922811</t>
  </si>
  <si>
    <t>cg08923271</t>
  </si>
  <si>
    <t>cg08926982</t>
  </si>
  <si>
    <t>cg08929303</t>
  </si>
  <si>
    <t>cg08930741</t>
  </si>
  <si>
    <t>cg08933505</t>
  </si>
  <si>
    <t>cg08934126</t>
  </si>
  <si>
    <t>cg08938402</t>
  </si>
  <si>
    <t>cg08939008</t>
  </si>
  <si>
    <t>cg08942499</t>
  </si>
  <si>
    <t>cg08943107</t>
  </si>
  <si>
    <t>cg08944935</t>
  </si>
  <si>
    <t>cg08946575</t>
  </si>
  <si>
    <t>cg08947181</t>
  </si>
  <si>
    <t>cg09007163</t>
  </si>
  <si>
    <t>cg09008705</t>
  </si>
  <si>
    <t>cg09008891</t>
  </si>
  <si>
    <t>cg09011576</t>
  </si>
  <si>
    <t>cg09011945</t>
  </si>
  <si>
    <t>cg09021520</t>
  </si>
  <si>
    <t>cg09021712</t>
  </si>
  <si>
    <t>cg09022163</t>
  </si>
  <si>
    <t>cg09022921</t>
  </si>
  <si>
    <t>cg09022943</t>
  </si>
  <si>
    <t>cg09023136</t>
  </si>
  <si>
    <t>cg09025960</t>
  </si>
  <si>
    <t>cg09026722</t>
  </si>
  <si>
    <t>cg09028008</t>
  </si>
  <si>
    <t>cg09030189</t>
  </si>
  <si>
    <t>cg09036220</t>
  </si>
  <si>
    <t>cg09036468</t>
  </si>
  <si>
    <t>cg09060093</t>
  </si>
  <si>
    <t>cg09061216</t>
  </si>
  <si>
    <t>cg09062198</t>
  </si>
  <si>
    <t>cg09062462</t>
  </si>
  <si>
    <t>cg09062638</t>
  </si>
  <si>
    <t>cg09066439</t>
  </si>
  <si>
    <t>cg09067610</t>
  </si>
  <si>
    <t>cg09070503</t>
  </si>
  <si>
    <t>cg09070697</t>
  </si>
  <si>
    <t>cg09071690</t>
  </si>
  <si>
    <t>cg09072162</t>
  </si>
  <si>
    <t>cg09075558</t>
  </si>
  <si>
    <t>cg09107007</t>
  </si>
  <si>
    <t>cg09113768</t>
  </si>
  <si>
    <t>cg09113960</t>
  </si>
  <si>
    <t>cg09117878</t>
  </si>
  <si>
    <t>cg09119797</t>
  </si>
  <si>
    <t>cg09120138</t>
  </si>
  <si>
    <t>cg09123484</t>
  </si>
  <si>
    <t>cg09124081</t>
  </si>
  <si>
    <t>cg09126090</t>
  </si>
  <si>
    <t>cg09133006</t>
  </si>
  <si>
    <t>cg09135113</t>
  </si>
  <si>
    <t>cg09135754</t>
  </si>
  <si>
    <t>cg09136099</t>
  </si>
  <si>
    <t>cg09138445</t>
  </si>
  <si>
    <t>cg09142608</t>
  </si>
  <si>
    <t>cg09143801</t>
  </si>
  <si>
    <t>cg09144709</t>
  </si>
  <si>
    <t>cg09145019</t>
  </si>
  <si>
    <t>cg09148738</t>
  </si>
  <si>
    <t>cg09148975</t>
  </si>
  <si>
    <t>cg09150905</t>
  </si>
  <si>
    <t>cg09152047</t>
  </si>
  <si>
    <t>cg09152582</t>
  </si>
  <si>
    <t>cg09154213</t>
  </si>
  <si>
    <t>cg09159050</t>
  </si>
  <si>
    <t>cg09159285</t>
  </si>
  <si>
    <t>cg09162315</t>
  </si>
  <si>
    <t>cg09166659</t>
  </si>
  <si>
    <t>cg09166705</t>
  </si>
  <si>
    <t>cg09167119</t>
  </si>
  <si>
    <t>cg09167414</t>
  </si>
  <si>
    <t>cg09167553</t>
  </si>
  <si>
    <t>cg09168548</t>
  </si>
  <si>
    <t>cg09169215</t>
  </si>
  <si>
    <t>cg09169938</t>
  </si>
  <si>
    <t>cg09170051</t>
  </si>
  <si>
    <t>cg09174009</t>
  </si>
  <si>
    <t>cg09174674</t>
  </si>
  <si>
    <t>cg09177131</t>
  </si>
  <si>
    <t>cg09177238</t>
  </si>
  <si>
    <t>cg09178529</t>
  </si>
  <si>
    <t>cg09182375</t>
  </si>
  <si>
    <t>cg09182724</t>
  </si>
  <si>
    <t>cg09185809</t>
  </si>
  <si>
    <t>cg09185948</t>
  </si>
  <si>
    <t>cg09186897</t>
  </si>
  <si>
    <t>cg09187007</t>
  </si>
  <si>
    <t>cg09216375</t>
  </si>
  <si>
    <t>cg09223698</t>
  </si>
  <si>
    <t>cg09225230</t>
  </si>
  <si>
    <t>cg09225489</t>
  </si>
  <si>
    <t>cg09227621</t>
  </si>
  <si>
    <t>cg09228562</t>
  </si>
  <si>
    <t>cg09229169</t>
  </si>
  <si>
    <t>cg09229246</t>
  </si>
  <si>
    <t>cg09230763</t>
  </si>
  <si>
    <t>cg09232430</t>
  </si>
  <si>
    <t>cg09235837</t>
  </si>
  <si>
    <t>cg09236098</t>
  </si>
  <si>
    <t>cg09247534</t>
  </si>
  <si>
    <t>cg09248054</t>
  </si>
  <si>
    <t>cg09248345</t>
  </si>
  <si>
    <t>cg09249800</t>
  </si>
  <si>
    <t>cg09251328</t>
  </si>
  <si>
    <t>cg09251600</t>
  </si>
  <si>
    <t>cg09252331</t>
  </si>
  <si>
    <t>cg09252805</t>
  </si>
  <si>
    <t>cg09254142</t>
  </si>
  <si>
    <t>cg09254318</t>
  </si>
  <si>
    <t>cg09255666</t>
  </si>
  <si>
    <t>cg09255966</t>
  </si>
  <si>
    <t>cg09257020</t>
  </si>
  <si>
    <t>cg09257488</t>
  </si>
  <si>
    <t>cg09257635</t>
  </si>
  <si>
    <t>cg09258327</t>
  </si>
  <si>
    <t>cg09259182</t>
  </si>
  <si>
    <t>cg09260603</t>
  </si>
  <si>
    <t>cg09261020</t>
  </si>
  <si>
    <t>cg09262552</t>
  </si>
  <si>
    <t>cg09264065</t>
  </si>
  <si>
    <t>cg09265377</t>
  </si>
  <si>
    <t>cg09265619</t>
  </si>
  <si>
    <t>cg09266149</t>
  </si>
  <si>
    <t>cg09266468</t>
  </si>
  <si>
    <t>cg09267776</t>
  </si>
  <si>
    <t>cg09268800</t>
  </si>
  <si>
    <t>cg09268877</t>
  </si>
  <si>
    <t>cg09269935</t>
  </si>
  <si>
    <t>cg09271882</t>
  </si>
  <si>
    <t>cg09275000</t>
  </si>
  <si>
    <t>cg09275956</t>
  </si>
  <si>
    <t>cg09278904</t>
  </si>
  <si>
    <t>cg09279404</t>
  </si>
  <si>
    <t>cg09312767</t>
  </si>
  <si>
    <t>cg09313801</t>
  </si>
  <si>
    <t>cg09313917</t>
  </si>
  <si>
    <t>cg09315918</t>
  </si>
  <si>
    <t>cg09318375</t>
  </si>
  <si>
    <t>cg09319202</t>
  </si>
  <si>
    <t>cg09319828</t>
  </si>
  <si>
    <t>cg09321097</t>
  </si>
  <si>
    <t>cg09322616</t>
  </si>
  <si>
    <t>cg09322655</t>
  </si>
  <si>
    <t>cg09327714</t>
  </si>
  <si>
    <t>cg09335321</t>
  </si>
  <si>
    <t>cg09352372</t>
  </si>
  <si>
    <t>cg09358240</t>
  </si>
  <si>
    <t>cg09359017</t>
  </si>
  <si>
    <t>cg09361488</t>
  </si>
  <si>
    <t>cg09362543</t>
  </si>
  <si>
    <t>cg09363206</t>
  </si>
  <si>
    <t>cg09363587</t>
  </si>
  <si>
    <t>cg09364122</t>
  </si>
  <si>
    <t>cg09368716</t>
  </si>
  <si>
    <t>cg09369381</t>
  </si>
  <si>
    <t>cg09370867</t>
  </si>
  <si>
    <t>cg09372755</t>
  </si>
  <si>
    <t>cg09372928</t>
  </si>
  <si>
    <t>cg09373211</t>
  </si>
  <si>
    <t>cg09383789</t>
  </si>
  <si>
    <t>cg09413064</t>
  </si>
  <si>
    <t>cg09414045</t>
  </si>
  <si>
    <t>cg09414948</t>
  </si>
  <si>
    <t>cg09415814</t>
  </si>
  <si>
    <t>cg09416928</t>
  </si>
  <si>
    <t>cg09441363</t>
  </si>
  <si>
    <t>cg09470963</t>
  </si>
  <si>
    <t>cg09471221</t>
  </si>
  <si>
    <t>cg09473826</t>
  </si>
  <si>
    <t>cg09473867</t>
  </si>
  <si>
    <t>cg09476130</t>
  </si>
  <si>
    <t>cg09477198</t>
  </si>
  <si>
    <t>cg09478268</t>
  </si>
  <si>
    <t>cg09500475</t>
  </si>
  <si>
    <t>cg09504320</t>
  </si>
  <si>
    <t>cg09506600</t>
  </si>
  <si>
    <t>cg09508770</t>
  </si>
  <si>
    <t>cg09509035</t>
  </si>
  <si>
    <t>cg09510180</t>
  </si>
  <si>
    <t>cg09510979</t>
  </si>
  <si>
    <t>cg09511896</t>
  </si>
  <si>
    <t>cg09512111</t>
  </si>
  <si>
    <t>cg09514055</t>
  </si>
  <si>
    <t>cg09515767</t>
  </si>
  <si>
    <t>cg09517873</t>
  </si>
  <si>
    <t>cg09547767</t>
  </si>
  <si>
    <t>cg09551172</t>
  </si>
  <si>
    <t>cg09554300</t>
  </si>
  <si>
    <t>cg09556632</t>
  </si>
  <si>
    <t>cg09556700</t>
  </si>
  <si>
    <t>cg09556918</t>
  </si>
  <si>
    <t>cg09558034</t>
  </si>
  <si>
    <t>cg09578353</t>
  </si>
  <si>
    <t>cg09579361</t>
  </si>
  <si>
    <t>cg09579933</t>
  </si>
  <si>
    <t>cg09583777</t>
  </si>
  <si>
    <t>cg09583839</t>
  </si>
  <si>
    <t>cg09603935</t>
  </si>
  <si>
    <t>cg09634659</t>
  </si>
  <si>
    <t>cg09637004</t>
  </si>
  <si>
    <t>cg09662747</t>
  </si>
  <si>
    <t>cg09662920</t>
  </si>
  <si>
    <t>cg09668627</t>
  </si>
  <si>
    <t>cg09671258</t>
  </si>
  <si>
    <t>cg09685705</t>
  </si>
  <si>
    <t>cg09686317</t>
  </si>
  <si>
    <t>cg09752264</t>
  </si>
  <si>
    <t>cg09754110</t>
  </si>
  <si>
    <t>cg09754272</t>
  </si>
  <si>
    <t>cg09754868</t>
  </si>
  <si>
    <t>cg09756525</t>
  </si>
  <si>
    <t>cg09763644</t>
  </si>
  <si>
    <t>cg09763865</t>
  </si>
  <si>
    <t>cg09765586</t>
  </si>
  <si>
    <t>cg09767346</t>
  </si>
  <si>
    <t>cg09767587</t>
  </si>
  <si>
    <t>cg09767598</t>
  </si>
  <si>
    <t>cg09769134</t>
  </si>
  <si>
    <t>cg09786013</t>
  </si>
  <si>
    <t>cg09787089</t>
  </si>
  <si>
    <t>cg09787554</t>
  </si>
  <si>
    <t>cg09789536</t>
  </si>
  <si>
    <t>cg09791324</t>
  </si>
  <si>
    <t>cg09791440</t>
  </si>
  <si>
    <t>cg09792881</t>
  </si>
  <si>
    <t>cg09793584</t>
  </si>
  <si>
    <t>cg09795680</t>
  </si>
  <si>
    <t>cg09797031</t>
  </si>
  <si>
    <t>cg09797599</t>
  </si>
  <si>
    <t>cg09798418</t>
  </si>
  <si>
    <t>cg09799432</t>
  </si>
  <si>
    <t>cg09799690</t>
  </si>
  <si>
    <t>cg09801936</t>
  </si>
  <si>
    <t>cg09802627</t>
  </si>
  <si>
    <t>cg09804220</t>
  </si>
  <si>
    <t>cg09806633</t>
  </si>
  <si>
    <t>cg09806671</t>
  </si>
  <si>
    <t>cg09808343</t>
  </si>
  <si>
    <t>cg09809474</t>
  </si>
  <si>
    <t>cg09809932</t>
  </si>
  <si>
    <t>cg09810089</t>
  </si>
  <si>
    <t>cg09819654</t>
  </si>
  <si>
    <t>cg09820321</t>
  </si>
  <si>
    <t>cg09822538</t>
  </si>
  <si>
    <t>cg09824202</t>
  </si>
  <si>
    <t>cg09826002</t>
  </si>
  <si>
    <t>cg09826587</t>
  </si>
  <si>
    <t>cg09827532</t>
  </si>
  <si>
    <t>cg09827752</t>
  </si>
  <si>
    <t>cg09828310</t>
  </si>
  <si>
    <t>cg09845133</t>
  </si>
  <si>
    <t>cg09845488</t>
  </si>
  <si>
    <t>cg09850969</t>
  </si>
  <si>
    <t>cg09852199</t>
  </si>
  <si>
    <t>cg09854088</t>
  </si>
  <si>
    <t>cg09854746</t>
  </si>
  <si>
    <t>cg09857259</t>
  </si>
  <si>
    <t>cg09861631</t>
  </si>
  <si>
    <t>cg09863706</t>
  </si>
  <si>
    <t>cg09864227</t>
  </si>
  <si>
    <t>cg09865676</t>
  </si>
  <si>
    <t>cg09867184</t>
  </si>
  <si>
    <t>cg09867230</t>
  </si>
  <si>
    <t>cg09867531</t>
  </si>
  <si>
    <t>cg09870331</t>
  </si>
  <si>
    <t>cg09871695</t>
  </si>
  <si>
    <t>cg09889216</t>
  </si>
  <si>
    <t>cg09891226</t>
  </si>
  <si>
    <t>cg09892426</t>
  </si>
  <si>
    <t>cg09895009</t>
  </si>
  <si>
    <t>cg09895325</t>
  </si>
  <si>
    <t>cg09896346</t>
  </si>
  <si>
    <t>cg09896412</t>
  </si>
  <si>
    <t>cg09897338</t>
  </si>
  <si>
    <t>cg09897416</t>
  </si>
  <si>
    <t>cg09898154</t>
  </si>
  <si>
    <t>cg09901136</t>
  </si>
  <si>
    <t>cg09901932</t>
  </si>
  <si>
    <t>cg09933215</t>
  </si>
  <si>
    <t>cg09936426</t>
  </si>
  <si>
    <t>cg09936645</t>
  </si>
  <si>
    <t>cg09936845</t>
  </si>
  <si>
    <t>cg09938328</t>
  </si>
  <si>
    <t>cg09940756</t>
  </si>
  <si>
    <t>cg09988062</t>
  </si>
  <si>
    <t>cg09988380</t>
  </si>
  <si>
    <t>cg09989996</t>
  </si>
  <si>
    <t>cg09990962</t>
  </si>
  <si>
    <t>cg09992883</t>
  </si>
  <si>
    <t>cg09993145</t>
  </si>
  <si>
    <t>cg09994391</t>
  </si>
  <si>
    <t>cg10012595</t>
  </si>
  <si>
    <t>cg10012640</t>
  </si>
  <si>
    <t>cg10013316</t>
  </si>
  <si>
    <t>cg10013501</t>
  </si>
  <si>
    <t>cg10014674</t>
  </si>
  <si>
    <t>cg10016770</t>
  </si>
  <si>
    <t>cg10018272</t>
  </si>
  <si>
    <t>cg10019095</t>
  </si>
  <si>
    <t>cg10019916</t>
  </si>
  <si>
    <t>cg10021668</t>
  </si>
  <si>
    <t>cg10022873</t>
  </si>
  <si>
    <t>cg10023272</t>
  </si>
  <si>
    <t>cg10025645</t>
  </si>
  <si>
    <t>cg10025945</t>
  </si>
  <si>
    <t>cg10026317</t>
  </si>
  <si>
    <t>cg10026356</t>
  </si>
  <si>
    <t>cg10026473</t>
  </si>
  <si>
    <t>cg10027085</t>
  </si>
  <si>
    <t>cg10038092</t>
  </si>
  <si>
    <t>cg10046671</t>
  </si>
  <si>
    <t>cg10052561</t>
  </si>
  <si>
    <t>cg10053149</t>
  </si>
  <si>
    <t>cg10055771</t>
  </si>
  <si>
    <t>cg10057252</t>
  </si>
  <si>
    <t>cg10057318</t>
  </si>
  <si>
    <t>cg10057528</t>
  </si>
  <si>
    <t>cg10057631</t>
  </si>
  <si>
    <t>cg10059687</t>
  </si>
  <si>
    <t>cg10062141</t>
  </si>
  <si>
    <t>cg10062258</t>
  </si>
  <si>
    <t>cg10062290</t>
  </si>
  <si>
    <t>cg10064897</t>
  </si>
  <si>
    <t>cg10065209</t>
  </si>
  <si>
    <t>cg10065215</t>
  </si>
  <si>
    <t>cg10074513</t>
  </si>
  <si>
    <t>cg10092158</t>
  </si>
  <si>
    <t>cg10093805</t>
  </si>
  <si>
    <t>cg10093833</t>
  </si>
  <si>
    <t>cg10095226</t>
  </si>
  <si>
    <t>cg10096929</t>
  </si>
  <si>
    <t>cg10101470</t>
  </si>
  <si>
    <t>cg10101749</t>
  </si>
  <si>
    <t>cg10103446</t>
  </si>
  <si>
    <t>cg10103631</t>
  </si>
  <si>
    <t>cg10103857</t>
  </si>
  <si>
    <t>cg10104810</t>
  </si>
  <si>
    <t>cg10105681</t>
  </si>
  <si>
    <t>cg10106804</t>
  </si>
  <si>
    <t>cg10108250</t>
  </si>
  <si>
    <t>cg10108612</t>
  </si>
  <si>
    <t>cg10115022</t>
  </si>
  <si>
    <t>cg10117795</t>
  </si>
  <si>
    <t>cg10117958</t>
  </si>
  <si>
    <t>cg10118002</t>
  </si>
  <si>
    <t>cg10120056</t>
  </si>
  <si>
    <t>cg10121816</t>
  </si>
  <si>
    <t>cg10122302</t>
  </si>
  <si>
    <t>cg10123224</t>
  </si>
  <si>
    <t>cg10124011</t>
  </si>
  <si>
    <t>cg10124710</t>
  </si>
  <si>
    <t>cg10126324</t>
  </si>
  <si>
    <t>cg10126715</t>
  </si>
  <si>
    <t>cg10127479</t>
  </si>
  <si>
    <t>cg10130718</t>
  </si>
  <si>
    <t>cg10143426</t>
  </si>
  <si>
    <t>cg10144434</t>
  </si>
  <si>
    <t>cg10146326</t>
  </si>
  <si>
    <t>cg10146935</t>
  </si>
  <si>
    <t>cg10167378</t>
  </si>
  <si>
    <t>cg10174867</t>
  </si>
  <si>
    <t>cg10176463</t>
  </si>
  <si>
    <t>cg10178263</t>
  </si>
  <si>
    <t>cg10180406</t>
  </si>
  <si>
    <t>cg10195763</t>
  </si>
  <si>
    <t>cg10196290</t>
  </si>
  <si>
    <t>cg10196558</t>
  </si>
  <si>
    <t>cg10197057</t>
  </si>
  <si>
    <t>cg10199164</t>
  </si>
  <si>
    <t>cg10200388</t>
  </si>
  <si>
    <t>cg10201191</t>
  </si>
  <si>
    <t>cg10203375</t>
  </si>
  <si>
    <t>cg10203943</t>
  </si>
  <si>
    <t>cg10204695</t>
  </si>
  <si>
    <t>cg10206452</t>
  </si>
  <si>
    <t>cg10207181</t>
  </si>
  <si>
    <t>cg10207460</t>
  </si>
  <si>
    <t>cg10207527</t>
  </si>
  <si>
    <t>cg10210571</t>
  </si>
  <si>
    <t>cg10210594</t>
  </si>
  <si>
    <t>cg10210806</t>
  </si>
  <si>
    <t>cg10211861</t>
  </si>
  <si>
    <t>cg10212558</t>
  </si>
  <si>
    <t>cg10219816</t>
  </si>
  <si>
    <t>cg10220117</t>
  </si>
  <si>
    <t>cg10221637</t>
  </si>
  <si>
    <t>cg10224098</t>
  </si>
  <si>
    <t>cg10227368</t>
  </si>
  <si>
    <t>cg10228283</t>
  </si>
  <si>
    <t>cg10228777</t>
  </si>
  <si>
    <t>cg10230190</t>
  </si>
  <si>
    <t>cg10231603</t>
  </si>
  <si>
    <t>cg10231742</t>
  </si>
  <si>
    <t>cg10232889</t>
  </si>
  <si>
    <t>cg10236452</t>
  </si>
  <si>
    <t>cg10238603</t>
  </si>
  <si>
    <t>cg10239860</t>
  </si>
  <si>
    <t>cg10240684</t>
  </si>
  <si>
    <t>cg10241280</t>
  </si>
  <si>
    <t>cg10242032</t>
  </si>
  <si>
    <t>cg10245330</t>
  </si>
  <si>
    <t>cg10248492</t>
  </si>
  <si>
    <t>cg10249224</t>
  </si>
  <si>
    <t>cg10283690</t>
  </si>
  <si>
    <t>cg10307600</t>
  </si>
  <si>
    <t>cg10311240</t>
  </si>
  <si>
    <t>cg10313879</t>
  </si>
  <si>
    <t>cg10314909</t>
  </si>
  <si>
    <t>cg10316635</t>
  </si>
  <si>
    <t>cg10317445</t>
  </si>
  <si>
    <t>cg10318121</t>
  </si>
  <si>
    <t>cg10321120</t>
  </si>
  <si>
    <t>cg10322360</t>
  </si>
  <si>
    <t>cg10323725</t>
  </si>
  <si>
    <t>cg10324630</t>
  </si>
  <si>
    <t>cg10325600</t>
  </si>
  <si>
    <t>cg10327276</t>
  </si>
  <si>
    <t>cg10327320</t>
  </si>
  <si>
    <t>cg10328583</t>
  </si>
  <si>
    <t>cg10329345</t>
  </si>
  <si>
    <t>cg10330832</t>
  </si>
  <si>
    <t>cg10333268</t>
  </si>
  <si>
    <t>cg10336578</t>
  </si>
  <si>
    <t>cg10375890</t>
  </si>
  <si>
    <t>cg10376058</t>
  </si>
  <si>
    <t>cg10386298</t>
  </si>
  <si>
    <t>cg10386887</t>
  </si>
  <si>
    <t>cg10387458</t>
  </si>
  <si>
    <t>cg10390736</t>
  </si>
  <si>
    <t>cg10400362</t>
  </si>
  <si>
    <t>cg10409799</t>
  </si>
  <si>
    <t>cg10430904</t>
  </si>
  <si>
    <t>cg10431481</t>
  </si>
  <si>
    <t>cg10432364</t>
  </si>
  <si>
    <t>cg10432422</t>
  </si>
  <si>
    <t>cg10433052</t>
  </si>
  <si>
    <t>cg10433438</t>
  </si>
  <si>
    <t>cg10435967</t>
  </si>
  <si>
    <t>cg10439914</t>
  </si>
  <si>
    <t>cg10441013</t>
  </si>
  <si>
    <t>cg10445421</t>
  </si>
  <si>
    <t>cg10445911</t>
  </si>
  <si>
    <t>cg10483461</t>
  </si>
  <si>
    <t>cg10489986</t>
  </si>
  <si>
    <t>cg10490227</t>
  </si>
  <si>
    <t>cg10491460</t>
  </si>
  <si>
    <t>cg10491652</t>
  </si>
  <si>
    <t>cg10493186</t>
  </si>
  <si>
    <t>cg10494282</t>
  </si>
  <si>
    <t>cg10497692</t>
  </si>
  <si>
    <t>cg10499176</t>
  </si>
  <si>
    <t>cg10500218</t>
  </si>
  <si>
    <t>cg10501310</t>
  </si>
  <si>
    <t>cg10502231</t>
  </si>
  <si>
    <t>cg10504108</t>
  </si>
  <si>
    <t>cg10505247</t>
  </si>
  <si>
    <t>cg10505415</t>
  </si>
  <si>
    <t>cg10508347</t>
  </si>
  <si>
    <t>cg10510935</t>
  </si>
  <si>
    <t>cg10511249</t>
  </si>
  <si>
    <t>cg10512745</t>
  </si>
  <si>
    <t>cg10513702</t>
  </si>
  <si>
    <t>cg10515414</t>
  </si>
  <si>
    <t>cg10518858</t>
  </si>
  <si>
    <t>cg10519004</t>
  </si>
  <si>
    <t>cg10519082</t>
  </si>
  <si>
    <t>cg10519406</t>
  </si>
  <si>
    <t>cg10519631</t>
  </si>
  <si>
    <t>cg10519709</t>
  </si>
  <si>
    <t>cg10523966</t>
  </si>
  <si>
    <t>cg10533103</t>
  </si>
  <si>
    <t>cg10535847</t>
  </si>
  <si>
    <t>cg10535919</t>
  </si>
  <si>
    <t>cg10537450</t>
  </si>
  <si>
    <t>cg10539371</t>
  </si>
  <si>
    <t>cg10539565</t>
  </si>
  <si>
    <t>cg10543797</t>
  </si>
  <si>
    <t>cg10555159</t>
  </si>
  <si>
    <t>cg10555853</t>
  </si>
  <si>
    <t>cg10556861</t>
  </si>
  <si>
    <t>cg10573018</t>
  </si>
  <si>
    <t>cg10574377</t>
  </si>
  <si>
    <t>cg10577937</t>
  </si>
  <si>
    <t>cg10578696</t>
  </si>
  <si>
    <t>cg10578952</t>
  </si>
  <si>
    <t>cg10582871</t>
  </si>
  <si>
    <t>cg10588150</t>
  </si>
  <si>
    <t>cg10588310</t>
  </si>
  <si>
    <t>cg10592245</t>
  </si>
  <si>
    <t>cg10592690</t>
  </si>
  <si>
    <t>cg10593459</t>
  </si>
  <si>
    <t>cg10620434</t>
  </si>
  <si>
    <t>cg10622019</t>
  </si>
  <si>
    <t>cg10622684</t>
  </si>
  <si>
    <t>cg10626236</t>
  </si>
  <si>
    <t>cg10626816</t>
  </si>
  <si>
    <t>cg10628982</t>
  </si>
  <si>
    <t>cg10629420</t>
  </si>
  <si>
    <t>cg10632266</t>
  </si>
  <si>
    <t>cg10634619</t>
  </si>
  <si>
    <t>cg10635194</t>
  </si>
  <si>
    <t>cg10635686</t>
  </si>
  <si>
    <t>cg10636391</t>
  </si>
  <si>
    <t>cg10690677</t>
  </si>
  <si>
    <t>cg10700634</t>
  </si>
  <si>
    <t>cg10701253</t>
  </si>
  <si>
    <t>cg10701282</t>
  </si>
  <si>
    <t>cg10702645</t>
  </si>
  <si>
    <t>cg10703813</t>
  </si>
  <si>
    <t>cg10703826</t>
  </si>
  <si>
    <t>cg10705488</t>
  </si>
  <si>
    <t>cg10706230</t>
  </si>
  <si>
    <t>cg10706454</t>
  </si>
  <si>
    <t>cg10708588</t>
  </si>
  <si>
    <t>cg10709027</t>
  </si>
  <si>
    <t>cg10709343</t>
  </si>
  <si>
    <t>cg10709494</t>
  </si>
  <si>
    <t>cg10710472</t>
  </si>
  <si>
    <t>cg10715265</t>
  </si>
  <si>
    <t>cg10717691</t>
  </si>
  <si>
    <t>cg10718813</t>
  </si>
  <si>
    <t>cg10720997</t>
  </si>
  <si>
    <t>cg10762109</t>
  </si>
  <si>
    <t>cg10773309</t>
  </si>
  <si>
    <t>cg10773982</t>
  </si>
  <si>
    <t>cg10776919</t>
  </si>
  <si>
    <t>cg10777881</t>
  </si>
  <si>
    <t>cg10778407</t>
  </si>
  <si>
    <t>cg10780495</t>
  </si>
  <si>
    <t>cg10781408</t>
  </si>
  <si>
    <t>cg10781972</t>
  </si>
  <si>
    <t>cg10782633</t>
  </si>
  <si>
    <t>cg10796749</t>
  </si>
  <si>
    <t>cg10798048</t>
  </si>
  <si>
    <t>cg10808027</t>
  </si>
  <si>
    <t>cg10810752</t>
  </si>
  <si>
    <t>cg10811340</t>
  </si>
  <si>
    <t>cg10815343</t>
  </si>
  <si>
    <t>cg10815625</t>
  </si>
  <si>
    <t>cg10821136</t>
  </si>
  <si>
    <t>cg10823804</t>
  </si>
  <si>
    <t>cg10824722</t>
  </si>
  <si>
    <t>cg10827460</t>
  </si>
  <si>
    <t>cg10827893</t>
  </si>
  <si>
    <t>cg10829264</t>
  </si>
  <si>
    <t>cg10832495</t>
  </si>
  <si>
    <t>cg10835423</t>
  </si>
  <si>
    <t>cg10836036</t>
  </si>
  <si>
    <t>cg10839663</t>
  </si>
  <si>
    <t>cg10840064</t>
  </si>
  <si>
    <t>cg10840412</t>
  </si>
  <si>
    <t>cg10841756</t>
  </si>
  <si>
    <t>cg10842753</t>
  </si>
  <si>
    <t>cg10877147</t>
  </si>
  <si>
    <t>cg10877797</t>
  </si>
  <si>
    <t>cg10879116</t>
  </si>
  <si>
    <t>cg10881360</t>
  </si>
  <si>
    <t>cg10881514</t>
  </si>
  <si>
    <t>cg10884885</t>
  </si>
  <si>
    <t>cg10888244</t>
  </si>
  <si>
    <t>cg10891259</t>
  </si>
  <si>
    <t>cg10892866</t>
  </si>
  <si>
    <t>cg10893986</t>
  </si>
  <si>
    <t>cg10896623</t>
  </si>
  <si>
    <t>cg10898367</t>
  </si>
  <si>
    <t>cg10943191</t>
  </si>
  <si>
    <t>cg10949451</t>
  </si>
  <si>
    <t>cg10950050</t>
  </si>
  <si>
    <t>cg10950868</t>
  </si>
  <si>
    <t>cg10951736</t>
  </si>
  <si>
    <t>cg10951786</t>
  </si>
  <si>
    <t>cg10952925</t>
  </si>
  <si>
    <t>cg10954985</t>
  </si>
  <si>
    <t>cg10955566</t>
  </si>
  <si>
    <t>cg10959711</t>
  </si>
  <si>
    <t>cg10961323</t>
  </si>
  <si>
    <t>cg10961604</t>
  </si>
  <si>
    <t>cg10962762</t>
  </si>
  <si>
    <t>cg10963061</t>
  </si>
  <si>
    <t>cg10963543</t>
  </si>
  <si>
    <t>cg10965041</t>
  </si>
  <si>
    <t>cg10965178</t>
  </si>
  <si>
    <t>cg10966083</t>
  </si>
  <si>
    <t>cg10971874</t>
  </si>
  <si>
    <t>cg10971895</t>
  </si>
  <si>
    <t>cg10972351</t>
  </si>
  <si>
    <t>cg10975001</t>
  </si>
  <si>
    <t>cg10975057</t>
  </si>
  <si>
    <t>cg10983199</t>
  </si>
  <si>
    <t>cg10983544</t>
  </si>
  <si>
    <t>cg10992267</t>
  </si>
  <si>
    <t>cg10993459</t>
  </si>
  <si>
    <t>cg11018723</t>
  </si>
  <si>
    <t>cg11019437</t>
  </si>
  <si>
    <t>cg11066780</t>
  </si>
  <si>
    <t>cg11067756</t>
  </si>
  <si>
    <t>cg11067964</t>
  </si>
  <si>
    <t>cg11072045</t>
  </si>
  <si>
    <t>cg11073833</t>
  </si>
  <si>
    <t>cg11073926</t>
  </si>
  <si>
    <t>cg11086275</t>
  </si>
  <si>
    <t>cg11089029</t>
  </si>
  <si>
    <t>cg11132352</t>
  </si>
  <si>
    <t>cg11132698</t>
  </si>
  <si>
    <t>cg11135108</t>
  </si>
  <si>
    <t>cg11135720</t>
  </si>
  <si>
    <t>cg11138318</t>
  </si>
  <si>
    <t>cg11138823</t>
  </si>
  <si>
    <t>cg11140287</t>
  </si>
  <si>
    <t>cg11140305</t>
  </si>
  <si>
    <t>cg11141156</t>
  </si>
  <si>
    <t>cg11142506</t>
  </si>
  <si>
    <t>cg11144217</t>
  </si>
  <si>
    <t>cg11145055</t>
  </si>
  <si>
    <t>cg11152223</t>
  </si>
  <si>
    <t>cg11154559</t>
  </si>
  <si>
    <t>cg11155915</t>
  </si>
  <si>
    <t>cg11158057</t>
  </si>
  <si>
    <t>cg11159084</t>
  </si>
  <si>
    <t>cg11159091</t>
  </si>
  <si>
    <t>cg11159519</t>
  </si>
  <si>
    <t>cg11161882</t>
  </si>
  <si>
    <t>cg11163777</t>
  </si>
  <si>
    <t>cg11164537</t>
  </si>
  <si>
    <t>cg11165316</t>
  </si>
  <si>
    <t>cg11166348</t>
  </si>
  <si>
    <t>cg11167537</t>
  </si>
  <si>
    <t>cg11177980</t>
  </si>
  <si>
    <t>cg11185975</t>
  </si>
  <si>
    <t>cg11189532</t>
  </si>
  <si>
    <t>cg11197101</t>
  </si>
  <si>
    <t>cg11199869</t>
  </si>
  <si>
    <t>cg11200797</t>
  </si>
  <si>
    <t>cg11201040</t>
  </si>
  <si>
    <t>cg11201606</t>
  </si>
  <si>
    <t>cg11202785</t>
  </si>
  <si>
    <t>cg11206482</t>
  </si>
  <si>
    <t>cg11207852</t>
  </si>
  <si>
    <t>cg11217193</t>
  </si>
  <si>
    <t>cg11217953</t>
  </si>
  <si>
    <t>cg11218625</t>
  </si>
  <si>
    <t>cg11219407</t>
  </si>
  <si>
    <t>cg11221497</t>
  </si>
  <si>
    <t>cg11222217</t>
  </si>
  <si>
    <t>cg11222527</t>
  </si>
  <si>
    <t>cg11224362</t>
  </si>
  <si>
    <t>cg11224984</t>
  </si>
  <si>
    <t>cg11225745</t>
  </si>
  <si>
    <t>cg11226183</t>
  </si>
  <si>
    <t>cg11227621</t>
  </si>
  <si>
    <t>cg11228876</t>
  </si>
  <si>
    <t>cg11229543</t>
  </si>
  <si>
    <t>cg11235921</t>
  </si>
  <si>
    <t>cg11242303</t>
  </si>
  <si>
    <t>cg11245657</t>
  </si>
  <si>
    <t>cg11246695</t>
  </si>
  <si>
    <t>cg11247289</t>
  </si>
  <si>
    <t>cg11248715</t>
  </si>
  <si>
    <t>cg11250802</t>
  </si>
  <si>
    <t>cg11251232</t>
  </si>
  <si>
    <t>cg11253514</t>
  </si>
  <si>
    <t>cg11257240</t>
  </si>
  <si>
    <t>cg11278262</t>
  </si>
  <si>
    <t>cg11332484</t>
  </si>
  <si>
    <t>cg11333835</t>
  </si>
  <si>
    <t>cg11334709</t>
  </si>
  <si>
    <t>cg11335133</t>
  </si>
  <si>
    <t>cg11335495</t>
  </si>
  <si>
    <t>cg11337018</t>
  </si>
  <si>
    <t>cg11342277</t>
  </si>
  <si>
    <t>cg11343894</t>
  </si>
  <si>
    <t>cg11345438</t>
  </si>
  <si>
    <t>cg11346541</t>
  </si>
  <si>
    <t>cg11349878</t>
  </si>
  <si>
    <t>cg11376198</t>
  </si>
  <si>
    <t>cg11379081</t>
  </si>
  <si>
    <t>cg11379360</t>
  </si>
  <si>
    <t>cg11383397</t>
  </si>
  <si>
    <t>cg11384512</t>
  </si>
  <si>
    <t>cg11386025</t>
  </si>
  <si>
    <t>cg11386686</t>
  </si>
  <si>
    <t>cg11390151</t>
  </si>
  <si>
    <t>cg11395536</t>
  </si>
  <si>
    <t>cg11395919</t>
  </si>
  <si>
    <t>cg11397493</t>
  </si>
  <si>
    <t>cg11400774</t>
  </si>
  <si>
    <t>cg11401257</t>
  </si>
  <si>
    <t>cg11404129</t>
  </si>
  <si>
    <t>cg11404133</t>
  </si>
  <si>
    <t>cg11404489</t>
  </si>
  <si>
    <t>cg11409796</t>
  </si>
  <si>
    <t>cg11411203</t>
  </si>
  <si>
    <t>cg11411904</t>
  </si>
  <si>
    <t>cg11412256</t>
  </si>
  <si>
    <t>cg11412935</t>
  </si>
  <si>
    <t>cg11414913</t>
  </si>
  <si>
    <t>cg11415975</t>
  </si>
  <si>
    <t>cg11416533</t>
  </si>
  <si>
    <t>cg11418036</t>
  </si>
  <si>
    <t>cg11423323</t>
  </si>
  <si>
    <t>cg11424597</t>
  </si>
  <si>
    <t>cg11424962</t>
  </si>
  <si>
    <t>cg11425754</t>
  </si>
  <si>
    <t>cg11428724</t>
  </si>
  <si>
    <t>cg11431055</t>
  </si>
  <si>
    <t>cg11485704</t>
  </si>
  <si>
    <t>cg11503720</t>
  </si>
  <si>
    <t>cg11504517</t>
  </si>
  <si>
    <t>cg11505113</t>
  </si>
  <si>
    <t>cg11516629</t>
  </si>
  <si>
    <t>cg11518509</t>
  </si>
  <si>
    <t>cg11520162</t>
  </si>
  <si>
    <t>cg11521998</t>
  </si>
  <si>
    <t>cg11522610</t>
  </si>
  <si>
    <t>cg11523160</t>
  </si>
  <si>
    <t>cg11523538</t>
  </si>
  <si>
    <t>cg11523685</t>
  </si>
  <si>
    <t>cg11524235</t>
  </si>
  <si>
    <t>cg11528029</t>
  </si>
  <si>
    <t>cg11528978</t>
  </si>
  <si>
    <t>cg11528984</t>
  </si>
  <si>
    <t>cg11528995</t>
  </si>
  <si>
    <t>cg11529190</t>
  </si>
  <si>
    <t>cg11530693</t>
  </si>
  <si>
    <t>cg11531628</t>
  </si>
  <si>
    <t>cg11535529</t>
  </si>
  <si>
    <t>cg11539038</t>
  </si>
  <si>
    <t>cg11573219</t>
  </si>
  <si>
    <t>cg11574975</t>
  </si>
  <si>
    <t>cg11576274</t>
  </si>
  <si>
    <t>cg11580663</t>
  </si>
  <si>
    <t>cg11580676</t>
  </si>
  <si>
    <t>cg11580828</t>
  </si>
  <si>
    <t>cg11581362</t>
  </si>
  <si>
    <t>cg11582116</t>
  </si>
  <si>
    <t>cg11584101</t>
  </si>
  <si>
    <t>cg11586600</t>
  </si>
  <si>
    <t>cg11595545</t>
  </si>
  <si>
    <t>cg11648594</t>
  </si>
  <si>
    <t>cg11648968</t>
  </si>
  <si>
    <t>cg11649821</t>
  </si>
  <si>
    <t>cg11651220</t>
  </si>
  <si>
    <t>cg11653406</t>
  </si>
  <si>
    <t>cg11654904</t>
  </si>
  <si>
    <t>cg11656663</t>
  </si>
  <si>
    <t>cg11659025</t>
  </si>
  <si>
    <t>cg11662891</t>
  </si>
  <si>
    <t>cg11663302</t>
  </si>
  <si>
    <t>cg11663975</t>
  </si>
  <si>
    <t>cg11664456</t>
  </si>
  <si>
    <t>cg11665991</t>
  </si>
  <si>
    <t>cg11666087</t>
  </si>
  <si>
    <t>cg11666924</t>
  </si>
  <si>
    <t>cg11668749</t>
  </si>
  <si>
    <t>cg11669397</t>
  </si>
  <si>
    <t>cg11674844</t>
  </si>
  <si>
    <t>cg11675722</t>
  </si>
  <si>
    <t>cg11677857</t>
  </si>
  <si>
    <t>cg11678423</t>
  </si>
  <si>
    <t>cg11679177</t>
  </si>
  <si>
    <t>cg11681219</t>
  </si>
  <si>
    <t>cg11684022</t>
  </si>
  <si>
    <t>cg11684115</t>
  </si>
  <si>
    <t>cg11684496</t>
  </si>
  <si>
    <t>cg11688616</t>
  </si>
  <si>
    <t>cg11688628</t>
  </si>
  <si>
    <t>cg11688696</t>
  </si>
  <si>
    <t>cg11688768</t>
  </si>
  <si>
    <t>cg11689813</t>
  </si>
  <si>
    <t>cg11694119</t>
  </si>
  <si>
    <t>cg11696475</t>
  </si>
  <si>
    <t>cg11699125</t>
  </si>
  <si>
    <t>cg11699374</t>
  </si>
  <si>
    <t>cg11702145</t>
  </si>
  <si>
    <t>cg11702274</t>
  </si>
  <si>
    <t>cg11704005</t>
  </si>
  <si>
    <t>cg11705208</t>
  </si>
  <si>
    <t>cg11706775</t>
  </si>
  <si>
    <t>cg11706999</t>
  </si>
  <si>
    <t>cg11708495</t>
  </si>
  <si>
    <t>cg11708899</t>
  </si>
  <si>
    <t>cg11709150</t>
  </si>
  <si>
    <t>cg11710123</t>
  </si>
  <si>
    <t>cg11710659</t>
  </si>
  <si>
    <t>cg11712473</t>
  </si>
  <si>
    <t>cg11715725</t>
  </si>
  <si>
    <t>cg11715828</t>
  </si>
  <si>
    <t>cg11715981</t>
  </si>
  <si>
    <t>cg11717506</t>
  </si>
  <si>
    <t>cg11717597</t>
  </si>
  <si>
    <t>cg11719836</t>
  </si>
  <si>
    <t>cg11721177</t>
  </si>
  <si>
    <t>cg11723801</t>
  </si>
  <si>
    <t>cg11725182</t>
  </si>
  <si>
    <t>cg11726631</t>
  </si>
  <si>
    <t>cg11726827</t>
  </si>
  <si>
    <t>cg11727653</t>
  </si>
  <si>
    <t>cg11731671</t>
  </si>
  <si>
    <t>cg11732257</t>
  </si>
  <si>
    <t>cg11733071</t>
  </si>
  <si>
    <t>cg11737742</t>
  </si>
  <si>
    <t>cg11737843</t>
  </si>
  <si>
    <t>cg11739633</t>
  </si>
  <si>
    <t>cg11739721</t>
  </si>
  <si>
    <t>cg11740026</t>
  </si>
  <si>
    <t>cg11741510</t>
  </si>
  <si>
    <t>cg11745357</t>
  </si>
  <si>
    <t>cg11746651</t>
  </si>
  <si>
    <t>cg11747516</t>
  </si>
  <si>
    <t>cg11750116</t>
  </si>
  <si>
    <t>cg11753033</t>
  </si>
  <si>
    <t>cg11753311</t>
  </si>
  <si>
    <t>cg11753771</t>
  </si>
  <si>
    <t>cg11756095</t>
  </si>
  <si>
    <t>cg11758069</t>
  </si>
  <si>
    <t>cg11785465</t>
  </si>
  <si>
    <t>cg11785652</t>
  </si>
  <si>
    <t>cg11786013</t>
  </si>
  <si>
    <t>cg11787288</t>
  </si>
  <si>
    <t>cg11789864</t>
  </si>
  <si>
    <t>cg11791613</t>
  </si>
  <si>
    <t>cg11791847</t>
  </si>
  <si>
    <t>cg11792516</t>
  </si>
  <si>
    <t>cg11793699</t>
  </si>
  <si>
    <t>cg11794881</t>
  </si>
  <si>
    <t>cg11798356</t>
  </si>
  <si>
    <t>cg11798959</t>
  </si>
  <si>
    <t>cg11799600</t>
  </si>
  <si>
    <t>cg11800379</t>
  </si>
  <si>
    <t>cg11800675</t>
  </si>
  <si>
    <t>cg11802765</t>
  </si>
  <si>
    <t>cg11803838</t>
  </si>
  <si>
    <t>cg11806528</t>
  </si>
  <si>
    <t>cg11807529</t>
  </si>
  <si>
    <t>cg11808581</t>
  </si>
  <si>
    <t>cg11809582</t>
  </si>
  <si>
    <t>cg11811705</t>
  </si>
  <si>
    <t>cg11815057</t>
  </si>
  <si>
    <t>cg11817309</t>
  </si>
  <si>
    <t>cg11818631</t>
  </si>
  <si>
    <t>cg11821626</t>
  </si>
  <si>
    <t>cg11823253</t>
  </si>
  <si>
    <t>cg11823463</t>
  </si>
  <si>
    <t>cg11828180</t>
  </si>
  <si>
    <t>cg11828509</t>
  </si>
  <si>
    <t>cg11831004</t>
  </si>
  <si>
    <t>cg11831711</t>
  </si>
  <si>
    <t>cg11832534</t>
  </si>
  <si>
    <t>cg11833275</t>
  </si>
  <si>
    <t>cg11837181</t>
  </si>
  <si>
    <t>cg11837377</t>
  </si>
  <si>
    <t>cg11837766</t>
  </si>
  <si>
    <t>cg11839415</t>
  </si>
  <si>
    <t>cg11843502</t>
  </si>
  <si>
    <t>cg11844079</t>
  </si>
  <si>
    <t>cg11850961</t>
  </si>
  <si>
    <t>cg11852073</t>
  </si>
  <si>
    <t>cg11853788</t>
  </si>
  <si>
    <t>cg11856822</t>
  </si>
  <si>
    <t>cg11856897</t>
  </si>
  <si>
    <t>cg11857246</t>
  </si>
  <si>
    <t>cg11857665</t>
  </si>
  <si>
    <t>cg11904887</t>
  </si>
  <si>
    <t>cg11911250</t>
  </si>
  <si>
    <t>cg11911399</t>
  </si>
  <si>
    <t>cg11912330</t>
  </si>
  <si>
    <t>cg11913218</t>
  </si>
  <si>
    <t>cg11947782</t>
  </si>
  <si>
    <t>cg11948252</t>
  </si>
  <si>
    <t>cg11949207</t>
  </si>
  <si>
    <t>cg11949866</t>
  </si>
  <si>
    <t>cg11950805</t>
  </si>
  <si>
    <t>cg11951427</t>
  </si>
  <si>
    <t>cg11951449</t>
  </si>
  <si>
    <t>cg11953272</t>
  </si>
  <si>
    <t>cg11953775</t>
  </si>
  <si>
    <t>cg11954384</t>
  </si>
  <si>
    <t>cg11955456</t>
  </si>
  <si>
    <t>cg11955474</t>
  </si>
  <si>
    <t>cg11955508</t>
  </si>
  <si>
    <t>cg11965966</t>
  </si>
  <si>
    <t>cg11966583</t>
  </si>
  <si>
    <t>cg11967457</t>
  </si>
  <si>
    <t>cg11969144</t>
  </si>
  <si>
    <t>cg11971027</t>
  </si>
  <si>
    <t>cg11972327</t>
  </si>
  <si>
    <t>cg11973900</t>
  </si>
  <si>
    <t>cg11977326</t>
  </si>
  <si>
    <t>cg11977919</t>
  </si>
  <si>
    <t>cg11978873</t>
  </si>
  <si>
    <t>cg11980800</t>
  </si>
  <si>
    <t>cg11980944</t>
  </si>
  <si>
    <t>cg12028052</t>
  </si>
  <si>
    <t>cg12033075</t>
  </si>
  <si>
    <t>cg12034678</t>
  </si>
  <si>
    <t>cg12035827</t>
  </si>
  <si>
    <t>cg12036877</t>
  </si>
  <si>
    <t>cg12040210</t>
  </si>
  <si>
    <t>cg12042448</t>
  </si>
  <si>
    <t>cg12043622</t>
  </si>
  <si>
    <t>cg12045430</t>
  </si>
  <si>
    <t>cg12046908</t>
  </si>
  <si>
    <t>cg12047012</t>
  </si>
  <si>
    <t>cg12047425</t>
  </si>
  <si>
    <t>cg12048310</t>
  </si>
  <si>
    <t>cg12054521</t>
  </si>
  <si>
    <t>cg12055914</t>
  </si>
  <si>
    <t>cg12057368</t>
  </si>
  <si>
    <t>cg12059112</t>
  </si>
  <si>
    <t>cg12061711</t>
  </si>
  <si>
    <t>cg12062537</t>
  </si>
  <si>
    <t>cg12065228</t>
  </si>
  <si>
    <t>cg12068069</t>
  </si>
  <si>
    <t>cg12068761</t>
  </si>
  <si>
    <t>cg12070152</t>
  </si>
  <si>
    <t>cg12070379</t>
  </si>
  <si>
    <t>cg12070509</t>
  </si>
  <si>
    <t>cg12070724</t>
  </si>
  <si>
    <t>cg12071888</t>
  </si>
  <si>
    <t>cg12072587</t>
  </si>
  <si>
    <t>cg12073436</t>
  </si>
  <si>
    <t>cg12073495</t>
  </si>
  <si>
    <t>cg12073565</t>
  </si>
  <si>
    <t>cg12074084</t>
  </si>
  <si>
    <t>cg12074154</t>
  </si>
  <si>
    <t>cg12081443</t>
  </si>
  <si>
    <t>cg12092561</t>
  </si>
  <si>
    <t>cg12092708</t>
  </si>
  <si>
    <t>cg12092932</t>
  </si>
  <si>
    <t>cg12094420</t>
  </si>
  <si>
    <t>cg12097325</t>
  </si>
  <si>
    <t>cg12100751</t>
  </si>
  <si>
    <t>cg12100965</t>
  </si>
  <si>
    <t>cg12102235</t>
  </si>
  <si>
    <t>cg12102320</t>
  </si>
  <si>
    <t>cg12126344</t>
  </si>
  <si>
    <t>cg12126857</t>
  </si>
  <si>
    <t>cg12127196</t>
  </si>
  <si>
    <t>cg12129117</t>
  </si>
  <si>
    <t>cg12132894</t>
  </si>
  <si>
    <t>cg12133393</t>
  </si>
  <si>
    <t>cg12133425</t>
  </si>
  <si>
    <t>cg12134716</t>
  </si>
  <si>
    <t>cg12135344</t>
  </si>
  <si>
    <t>cg12138346</t>
  </si>
  <si>
    <t>cg12140144</t>
  </si>
  <si>
    <t>cg12140468</t>
  </si>
  <si>
    <t>cg12141340</t>
  </si>
  <si>
    <t>cg12167830</t>
  </si>
  <si>
    <t>cg12178578</t>
  </si>
  <si>
    <t>cg12181634</t>
  </si>
  <si>
    <t>cg12206571</t>
  </si>
  <si>
    <t>cg12213201</t>
  </si>
  <si>
    <t>cg12219123</t>
  </si>
  <si>
    <t>cg12220178</t>
  </si>
  <si>
    <t>cg12222095</t>
  </si>
  <si>
    <t>cg12222459</t>
  </si>
  <si>
    <t>cg12222525</t>
  </si>
  <si>
    <t>cg12222949</t>
  </si>
  <si>
    <t>cg12267222</t>
  </si>
  <si>
    <t>cg12268236</t>
  </si>
  <si>
    <t>cg12270308</t>
  </si>
  <si>
    <t>cg12270738</t>
  </si>
  <si>
    <t>cg12270813</t>
  </si>
  <si>
    <t>cg12271199</t>
  </si>
  <si>
    <t>cg12274407</t>
  </si>
  <si>
    <t>cg12278705</t>
  </si>
  <si>
    <t>cg12284736</t>
  </si>
  <si>
    <t>cg12297374</t>
  </si>
  <si>
    <t>cg12302527</t>
  </si>
  <si>
    <t>cg12302718</t>
  </si>
  <si>
    <t>cg12387700</t>
  </si>
  <si>
    <t>cg12388052</t>
  </si>
  <si>
    <t>cg12390003</t>
  </si>
  <si>
    <t>cg12391232</t>
  </si>
  <si>
    <t>cg12391690</t>
  </si>
  <si>
    <t>cg12391964</t>
  </si>
  <si>
    <t>cg12394168</t>
  </si>
  <si>
    <t>cg12394377</t>
  </si>
  <si>
    <t>cg12396969</t>
  </si>
  <si>
    <t>cg12398314</t>
  </si>
  <si>
    <t>cg12400807</t>
  </si>
  <si>
    <t>cg12401425</t>
  </si>
  <si>
    <t>cg12401731</t>
  </si>
  <si>
    <t>cg12402427</t>
  </si>
  <si>
    <t>cg12403142</t>
  </si>
  <si>
    <t>cg12405785</t>
  </si>
  <si>
    <t>cg12406391</t>
  </si>
  <si>
    <t>cg12407421</t>
  </si>
  <si>
    <t>cg12410921</t>
  </si>
  <si>
    <t>cg12415455</t>
  </si>
  <si>
    <t>cg12417362</t>
  </si>
  <si>
    <t>cg12417372</t>
  </si>
  <si>
    <t>cg12418357</t>
  </si>
  <si>
    <t>cg12419308</t>
  </si>
  <si>
    <t>cg12419491</t>
  </si>
  <si>
    <t>cg12421032</t>
  </si>
  <si>
    <t>cg12426802</t>
  </si>
  <si>
    <t>cg12427029</t>
  </si>
  <si>
    <t>cg12429444</t>
  </si>
  <si>
    <t>cg12431729</t>
  </si>
  <si>
    <t>cg12432552</t>
  </si>
  <si>
    <t>cg12433217</t>
  </si>
  <si>
    <t>cg12435824</t>
  </si>
  <si>
    <t>cg12436612</t>
  </si>
  <si>
    <t>cg12439834</t>
  </si>
  <si>
    <t>cg12441184</t>
  </si>
  <si>
    <t>cg12441221</t>
  </si>
  <si>
    <t>cg12441919</t>
  </si>
  <si>
    <t>cg12444684</t>
  </si>
  <si>
    <t>cg12446722</t>
  </si>
  <si>
    <t>cg12447069</t>
  </si>
  <si>
    <t>cg12450347</t>
  </si>
  <si>
    <t>cg12458866</t>
  </si>
  <si>
    <t>cg12459932</t>
  </si>
  <si>
    <t>cg12461930</t>
  </si>
  <si>
    <t>cg12462858</t>
  </si>
  <si>
    <t>cg12463053</t>
  </si>
  <si>
    <t>cg12469361</t>
  </si>
  <si>
    <t>cg12470011</t>
  </si>
  <si>
    <t>cg12471789</t>
  </si>
  <si>
    <t>cg12475759</t>
  </si>
  <si>
    <t>cg12477165</t>
  </si>
  <si>
    <t>cg12479630</t>
  </si>
  <si>
    <t>cg12479878</t>
  </si>
  <si>
    <t>cg12480034</t>
  </si>
  <si>
    <t>cg12481266</t>
  </si>
  <si>
    <t>cg12486795</t>
  </si>
  <si>
    <t>cg12514620</t>
  </si>
  <si>
    <t>cg12524776</t>
  </si>
  <si>
    <t>cg12525514</t>
  </si>
  <si>
    <t>cg12525736</t>
  </si>
  <si>
    <t>cg12525822</t>
  </si>
  <si>
    <t>cg12526120</t>
  </si>
  <si>
    <t>cg12528016</t>
  </si>
  <si>
    <t>cg12528403</t>
  </si>
  <si>
    <t>cg12528753</t>
  </si>
  <si>
    <t>cg12549268</t>
  </si>
  <si>
    <t>cg12549321</t>
  </si>
  <si>
    <t>cg12549600</t>
  </si>
  <si>
    <t>cg12577372</t>
  </si>
  <si>
    <t>cg12578791</t>
  </si>
  <si>
    <t>cg12578844</t>
  </si>
  <si>
    <t>cg12584865</t>
  </si>
  <si>
    <t>cg12586428</t>
  </si>
  <si>
    <t>cg12587954</t>
  </si>
  <si>
    <t>cg12590063</t>
  </si>
  <si>
    <t>cg12593394</t>
  </si>
  <si>
    <t>cg12593714</t>
  </si>
  <si>
    <t>cg12595647</t>
  </si>
  <si>
    <t>cg12595736</t>
  </si>
  <si>
    <t>cg12596564</t>
  </si>
  <si>
    <t>cg12597281</t>
  </si>
  <si>
    <t>cg12597422</t>
  </si>
  <si>
    <t>cg12598340</t>
  </si>
  <si>
    <t>cg12599982</t>
  </si>
  <si>
    <t>cg12600418</t>
  </si>
  <si>
    <t>cg12601945</t>
  </si>
  <si>
    <t>cg12602703</t>
  </si>
  <si>
    <t>cg12606857</t>
  </si>
  <si>
    <t>cg12608682</t>
  </si>
  <si>
    <t>cg12610061</t>
  </si>
  <si>
    <t>cg12610098</t>
  </si>
  <si>
    <t>cg12610519</t>
  </si>
  <si>
    <t>cg12611135</t>
  </si>
  <si>
    <t>cg12612104</t>
  </si>
  <si>
    <t>cg12616097</t>
  </si>
  <si>
    <t>cg12618546</t>
  </si>
  <si>
    <t>cg12618988</t>
  </si>
  <si>
    <t>cg12619880</t>
  </si>
  <si>
    <t>cg12621203</t>
  </si>
  <si>
    <t>cg12627700</t>
  </si>
  <si>
    <t>cg12628260</t>
  </si>
  <si>
    <t>cg12629448</t>
  </si>
  <si>
    <t>cg12629875</t>
  </si>
  <si>
    <t>cg12630409</t>
  </si>
  <si>
    <t>cg12630522</t>
  </si>
  <si>
    <t>cg12630974</t>
  </si>
  <si>
    <t>cg12632610</t>
  </si>
  <si>
    <t>cg12634306</t>
  </si>
  <si>
    <t>cg12635191</t>
  </si>
  <si>
    <t>cg12638737</t>
  </si>
  <si>
    <t>cg12643226</t>
  </si>
  <si>
    <t>cg12644588</t>
  </si>
  <si>
    <t>cg12644668</t>
  </si>
  <si>
    <t>cg12644885</t>
  </si>
  <si>
    <t>cg12646754</t>
  </si>
  <si>
    <t>cg12647165</t>
  </si>
  <si>
    <t>cg12647302</t>
  </si>
  <si>
    <t>cg12651044</t>
  </si>
  <si>
    <t>cg12654064</t>
  </si>
  <si>
    <t>cg12655251</t>
  </si>
  <si>
    <t>cg12655452</t>
  </si>
  <si>
    <t>cg12657380</t>
  </si>
  <si>
    <t>cg12663321</t>
  </si>
  <si>
    <t>cg12667031</t>
  </si>
  <si>
    <t>cg12667257</t>
  </si>
  <si>
    <t>cg12678006</t>
  </si>
  <si>
    <t>cg12679050</t>
  </si>
  <si>
    <t>cg12687922</t>
  </si>
  <si>
    <t>cg12688215</t>
  </si>
  <si>
    <t>cg12688521</t>
  </si>
  <si>
    <t>cg12699174</t>
  </si>
  <si>
    <t>cg12702097</t>
  </si>
  <si>
    <t>cg12714180</t>
  </si>
  <si>
    <t>cg12714538</t>
  </si>
  <si>
    <t>cg12718519</t>
  </si>
  <si>
    <t>cg12725906</t>
  </si>
  <si>
    <t>cg12726300</t>
  </si>
  <si>
    <t>cg12726784</t>
  </si>
  <si>
    <t>cg12727462</t>
  </si>
  <si>
    <t>cg12728588</t>
  </si>
  <si>
    <t>cg12730853</t>
  </si>
  <si>
    <t>cg12731349</t>
  </si>
  <si>
    <t>cg12731353</t>
  </si>
  <si>
    <t>cg12731400</t>
  </si>
  <si>
    <t>cg12733396</t>
  </si>
  <si>
    <t>cg12733759</t>
  </si>
  <si>
    <t>cg12735263</t>
  </si>
  <si>
    <t>cg12735892</t>
  </si>
  <si>
    <t>cg12736206</t>
  </si>
  <si>
    <t>cg12741345</t>
  </si>
  <si>
    <t>cg12742432</t>
  </si>
  <si>
    <t>cg12743556</t>
  </si>
  <si>
    <t>cg12748849</t>
  </si>
  <si>
    <t>cg12749132</t>
  </si>
  <si>
    <t>cg12753895</t>
  </si>
  <si>
    <t>cg12754571</t>
  </si>
  <si>
    <t>cg12754671</t>
  </si>
  <si>
    <t>cg12756396</t>
  </si>
  <si>
    <t>cg12756753</t>
  </si>
  <si>
    <t>cg12758973</t>
  </si>
  <si>
    <t>cg12759387</t>
  </si>
  <si>
    <t>cg12759997</t>
  </si>
  <si>
    <t>cg12761704</t>
  </si>
  <si>
    <t>cg12762413</t>
  </si>
  <si>
    <t>cg12764034</t>
  </si>
  <si>
    <t>cg12765138</t>
  </si>
  <si>
    <t>cg12768681</t>
  </si>
  <si>
    <t>cg12769657</t>
  </si>
  <si>
    <t>cg12770414</t>
  </si>
  <si>
    <t>cg12771053</t>
  </si>
  <si>
    <t>cg12789062</t>
  </si>
  <si>
    <t>cg12793305</t>
  </si>
  <si>
    <t>cg12796015</t>
  </si>
  <si>
    <t>cg12798035</t>
  </si>
  <si>
    <t>cg12798157</t>
  </si>
  <si>
    <t>cg12798524</t>
  </si>
  <si>
    <t>cg12800122</t>
  </si>
  <si>
    <t>cg12805160</t>
  </si>
  <si>
    <t>cg12805764</t>
  </si>
  <si>
    <t>cg12806613</t>
  </si>
  <si>
    <t>cg12809259</t>
  </si>
  <si>
    <t>cg12813724</t>
  </si>
  <si>
    <t>cg12858300</t>
  </si>
  <si>
    <t>cg12858902</t>
  </si>
  <si>
    <t>cg12888039</t>
  </si>
  <si>
    <t>cg12888113</t>
  </si>
  <si>
    <t>cg12902497</t>
  </si>
  <si>
    <t>cg12904950</t>
  </si>
  <si>
    <t>cg12905085</t>
  </si>
  <si>
    <t>cg12911256</t>
  </si>
  <si>
    <t>cg13048485</t>
  </si>
  <si>
    <t>cg13048512</t>
  </si>
  <si>
    <t>cg13050142</t>
  </si>
  <si>
    <t>cg13053783</t>
  </si>
  <si>
    <t>cg13055374</t>
  </si>
  <si>
    <t>cg13057174</t>
  </si>
  <si>
    <t>cg13057898</t>
  </si>
  <si>
    <t>cg13059411</t>
  </si>
  <si>
    <t>cg13060157</t>
  </si>
  <si>
    <t>cg13060851</t>
  </si>
  <si>
    <t>cg13060902</t>
  </si>
  <si>
    <t>cg13061350</t>
  </si>
  <si>
    <t>cg13063202</t>
  </si>
  <si>
    <t>cg13066703</t>
  </si>
  <si>
    <t>cg13067194</t>
  </si>
  <si>
    <t>cg13067553</t>
  </si>
  <si>
    <t>cg13069100</t>
  </si>
  <si>
    <t>cg13071306</t>
  </si>
  <si>
    <t>cg13071729</t>
  </si>
  <si>
    <t>cg13073141</t>
  </si>
  <si>
    <t>cg13077324</t>
  </si>
  <si>
    <t>cg13077490</t>
  </si>
  <si>
    <t>cg13078232</t>
  </si>
  <si>
    <t>cg13083004</t>
  </si>
  <si>
    <t>cg13085338</t>
  </si>
  <si>
    <t>cg13085530</t>
  </si>
  <si>
    <t>cg13086581</t>
  </si>
  <si>
    <t>cg13089299</t>
  </si>
  <si>
    <t>cg13092405</t>
  </si>
  <si>
    <t>cg13093249</t>
  </si>
  <si>
    <t>cg13098071</t>
  </si>
  <si>
    <t>cg13098379</t>
  </si>
  <si>
    <t>cg13099829</t>
  </si>
  <si>
    <t>cg13100118</t>
  </si>
  <si>
    <t>cg13103143</t>
  </si>
  <si>
    <t>cg13107428</t>
  </si>
  <si>
    <t>cg13110034</t>
  </si>
  <si>
    <t>cg13112903</t>
  </si>
  <si>
    <t>cg13114166</t>
  </si>
  <si>
    <t>cg13114836</t>
  </si>
  <si>
    <t>cg13115616</t>
  </si>
  <si>
    <t>cg13116840</t>
  </si>
  <si>
    <t>cg13131263</t>
  </si>
  <si>
    <t>cg13132577</t>
  </si>
  <si>
    <t>cg13133503</t>
  </si>
  <si>
    <t>cg13134514</t>
  </si>
  <si>
    <t>cg13148469</t>
  </si>
  <si>
    <t>cg13149330</t>
  </si>
  <si>
    <t>cg13168598</t>
  </si>
  <si>
    <t>cg13168877</t>
  </si>
  <si>
    <t>cg13170051</t>
  </si>
  <si>
    <t>cg13170235</t>
  </si>
  <si>
    <t>cg13170450</t>
  </si>
  <si>
    <t>cg13170934</t>
  </si>
  <si>
    <t>cg13174009</t>
  </si>
  <si>
    <t>cg13175786</t>
  </si>
  <si>
    <t>cg13179130</t>
  </si>
  <si>
    <t>cg13180005</t>
  </si>
  <si>
    <t>cg13180787</t>
  </si>
  <si>
    <t>cg13181052</t>
  </si>
  <si>
    <t>cg13182731</t>
  </si>
  <si>
    <t>cg13182809</t>
  </si>
  <si>
    <t>cg13183282</t>
  </si>
  <si>
    <t>cg13183628</t>
  </si>
  <si>
    <t>cg13184177</t>
  </si>
  <si>
    <t>cg13184734</t>
  </si>
  <si>
    <t>cg13184736</t>
  </si>
  <si>
    <t>cg13184886</t>
  </si>
  <si>
    <t>cg13186679</t>
  </si>
  <si>
    <t>cg13193548</t>
  </si>
  <si>
    <t>cg13195218</t>
  </si>
  <si>
    <t>cg13197521</t>
  </si>
  <si>
    <t>cg13197680</t>
  </si>
  <si>
    <t>cg13198269</t>
  </si>
  <si>
    <t>cg13201362</t>
  </si>
  <si>
    <t>cg13204758</t>
  </si>
  <si>
    <t>cg13206411</t>
  </si>
  <si>
    <t>cg13207467</t>
  </si>
  <si>
    <t>cg13207501</t>
  </si>
  <si>
    <t>cg13209113</t>
  </si>
  <si>
    <t>cg13214309</t>
  </si>
  <si>
    <t>cg13217206</t>
  </si>
  <si>
    <t>cg13223182</t>
  </si>
  <si>
    <t>cg13227621</t>
  </si>
  <si>
    <t>cg13229494</t>
  </si>
  <si>
    <t>cg13232021</t>
  </si>
  <si>
    <t>cg13233534</t>
  </si>
  <si>
    <t>cg13234110</t>
  </si>
  <si>
    <t>cg13235366</t>
  </si>
  <si>
    <t>cg13239420</t>
  </si>
  <si>
    <t>cg13239713</t>
  </si>
  <si>
    <t>cg13242070</t>
  </si>
  <si>
    <t>cg13242468</t>
  </si>
  <si>
    <t>cg13243329</t>
  </si>
  <si>
    <t>cg13244315</t>
  </si>
  <si>
    <t>cg13298199</t>
  </si>
  <si>
    <t>cg13298359</t>
  </si>
  <si>
    <t>cg13298734</t>
  </si>
  <si>
    <t>cg13298932</t>
  </si>
  <si>
    <t>cg13300273</t>
  </si>
  <si>
    <t>cg13300757</t>
  </si>
  <si>
    <t>cg13305312</t>
  </si>
  <si>
    <t>cg13305657</t>
  </si>
  <si>
    <t>cg13305883</t>
  </si>
  <si>
    <t>cg13306164</t>
  </si>
  <si>
    <t>cg13322252</t>
  </si>
  <si>
    <t>cg13323097</t>
  </si>
  <si>
    <t>cg13353015</t>
  </si>
  <si>
    <t>cg13354046</t>
  </si>
  <si>
    <t>cg13356427</t>
  </si>
  <si>
    <t>cg13356540</t>
  </si>
  <si>
    <t>cg13356884</t>
  </si>
  <si>
    <t>cg13357518</t>
  </si>
  <si>
    <t>cg13357903</t>
  </si>
  <si>
    <t>cg13359699</t>
  </si>
  <si>
    <t>cg13362546</t>
  </si>
  <si>
    <t>cg13362782</t>
  </si>
  <si>
    <t>cg13365658</t>
  </si>
  <si>
    <t>cg13367647</t>
  </si>
  <si>
    <t>cg13368519</t>
  </si>
  <si>
    <t>cg13371836</t>
  </si>
  <si>
    <t>cg13374701</t>
  </si>
  <si>
    <t>cg13376096</t>
  </si>
  <si>
    <t>cg13382707</t>
  </si>
  <si>
    <t>cg13383591</t>
  </si>
  <si>
    <t>cg13386712</t>
  </si>
  <si>
    <t>cg13387826</t>
  </si>
  <si>
    <t>cg13388025</t>
  </si>
  <si>
    <t>cg13391456</t>
  </si>
  <si>
    <t>cg13392052</t>
  </si>
  <si>
    <t>cg13392150</t>
  </si>
  <si>
    <t>cg13392571</t>
  </si>
  <si>
    <t>cg13393580</t>
  </si>
  <si>
    <t>cg13397345</t>
  </si>
  <si>
    <t>cg13398782</t>
  </si>
  <si>
    <t>cg13399755</t>
  </si>
  <si>
    <t>cg13401911</t>
  </si>
  <si>
    <t>cg13420366</t>
  </si>
  <si>
    <t>cg13420845</t>
  </si>
  <si>
    <t>cg13424097</t>
  </si>
  <si>
    <t>cg13426079</t>
  </si>
  <si>
    <t>cg13426340</t>
  </si>
  <si>
    <t>cg13426876</t>
  </si>
  <si>
    <t>cg13428480</t>
  </si>
  <si>
    <t>cg13430225</t>
  </si>
  <si>
    <t>cg13433694</t>
  </si>
  <si>
    <t>cg13434489</t>
  </si>
  <si>
    <t>cg13435718</t>
  </si>
  <si>
    <t>cg13437164</t>
  </si>
  <si>
    <t>cg13437711</t>
  </si>
  <si>
    <t>cg13438961</t>
  </si>
  <si>
    <t>cg13439596</t>
  </si>
  <si>
    <t>cg13443371</t>
  </si>
  <si>
    <t>cg13443627</t>
  </si>
  <si>
    <t>cg13443938</t>
  </si>
  <si>
    <t>cg13444005</t>
  </si>
  <si>
    <t>cg13446070</t>
  </si>
  <si>
    <t>cg13446200</t>
  </si>
  <si>
    <t>cg13448978</t>
  </si>
  <si>
    <t>cg13449295</t>
  </si>
  <si>
    <t>cg13449778</t>
  </si>
  <si>
    <t>cg13450310</t>
  </si>
  <si>
    <t>cg13451356</t>
  </si>
  <si>
    <t>cg13452258</t>
  </si>
  <si>
    <t>cg13455067</t>
  </si>
  <si>
    <t>cg13457165</t>
  </si>
  <si>
    <t>cg13458596</t>
  </si>
  <si>
    <t>cg13459217</t>
  </si>
  <si>
    <t>cg13461247</t>
  </si>
  <si>
    <t>cg13461447</t>
  </si>
  <si>
    <t>cg13461762</t>
  </si>
  <si>
    <t>cg13463054</t>
  </si>
  <si>
    <t>cg13466383</t>
  </si>
  <si>
    <t>cg13468764</t>
  </si>
  <si>
    <t>cg13469600</t>
  </si>
  <si>
    <t>cg13469748</t>
  </si>
  <si>
    <t>cg13471424</t>
  </si>
  <si>
    <t>cg13471521</t>
  </si>
  <si>
    <t>cg13472192</t>
  </si>
  <si>
    <t>cg13474414</t>
  </si>
  <si>
    <t>cg13475583</t>
  </si>
  <si>
    <t>cg13480614</t>
  </si>
  <si>
    <t>cg13480658</t>
  </si>
  <si>
    <t>cg13484546</t>
  </si>
  <si>
    <t>cg13485746</t>
  </si>
  <si>
    <t>cg13487185</t>
  </si>
  <si>
    <t>cg13488570</t>
  </si>
  <si>
    <t>cg13489958</t>
  </si>
  <si>
    <t>cg13490827</t>
  </si>
  <si>
    <t>cg13492103</t>
  </si>
  <si>
    <t>cg13493781</t>
  </si>
  <si>
    <t>cg13494355</t>
  </si>
  <si>
    <t>cg13494933</t>
  </si>
  <si>
    <t>cg13495205</t>
  </si>
  <si>
    <t>cg13495574</t>
  </si>
  <si>
    <t>cg13496323</t>
  </si>
  <si>
    <t>cg13498757</t>
  </si>
  <si>
    <t>cg13499468</t>
  </si>
  <si>
    <t>cg13501090</t>
  </si>
  <si>
    <t>cg13501359</t>
  </si>
  <si>
    <t>cg13514129</t>
  </si>
  <si>
    <t>cg13546102</t>
  </si>
  <si>
    <t>cg13547132</t>
  </si>
  <si>
    <t>cg13547268</t>
  </si>
  <si>
    <t>cg13547925</t>
  </si>
  <si>
    <t>cg13550542</t>
  </si>
  <si>
    <t>cg13552867</t>
  </si>
  <si>
    <t>cg13554744</t>
  </si>
  <si>
    <t>cg13556604</t>
  </si>
  <si>
    <t>cg13557139</t>
  </si>
  <si>
    <t>cg13559225</t>
  </si>
  <si>
    <t>cg13559233</t>
  </si>
  <si>
    <t>cg13560072</t>
  </si>
  <si>
    <t>cg13560259</t>
  </si>
  <si>
    <t>cg13560871</t>
  </si>
  <si>
    <t>cg13567386</t>
  </si>
  <si>
    <t>cg13570831</t>
  </si>
  <si>
    <t>cg13571388</t>
  </si>
  <si>
    <t>cg13572638</t>
  </si>
  <si>
    <t>cg13574121</t>
  </si>
  <si>
    <t>cg13576006</t>
  </si>
  <si>
    <t>cg13580321</t>
  </si>
  <si>
    <t>cg13620096</t>
  </si>
  <si>
    <t>cg13625205</t>
  </si>
  <si>
    <t>cg13673164</t>
  </si>
  <si>
    <t>cg13675280</t>
  </si>
  <si>
    <t>cg13675469</t>
  </si>
  <si>
    <t>cg13676787</t>
  </si>
  <si>
    <t>cg13678283</t>
  </si>
  <si>
    <t>cg13678973</t>
  </si>
  <si>
    <t>cg13679776</t>
  </si>
  <si>
    <t>cg13682692</t>
  </si>
  <si>
    <t>cg13683282</t>
  </si>
  <si>
    <t>cg13683667</t>
  </si>
  <si>
    <t>cg13685951</t>
  </si>
  <si>
    <t>cg13686104</t>
  </si>
  <si>
    <t>cg13687313</t>
  </si>
  <si>
    <t>cg13687998</t>
  </si>
  <si>
    <t>cg13689831</t>
  </si>
  <si>
    <t>cg13690962</t>
  </si>
  <si>
    <t>cg13693136</t>
  </si>
  <si>
    <t>cg13697378</t>
  </si>
  <si>
    <t>cg13764106</t>
  </si>
  <si>
    <t>cg13779567</t>
  </si>
  <si>
    <t>cg13782884</t>
  </si>
  <si>
    <t>cg13785196</t>
  </si>
  <si>
    <t>cg13786801</t>
  </si>
  <si>
    <t>cg13787193</t>
  </si>
  <si>
    <t>cg13788537</t>
  </si>
  <si>
    <t>cg13788820</t>
  </si>
  <si>
    <t>cg13793178</t>
  </si>
  <si>
    <t>cg13795627</t>
  </si>
  <si>
    <t>cg13797285</t>
  </si>
  <si>
    <t>cg13798290</t>
  </si>
  <si>
    <t>cg13803688</t>
  </si>
  <si>
    <t>cg13806070</t>
  </si>
  <si>
    <t>cg13806793</t>
  </si>
  <si>
    <t>cg13840194</t>
  </si>
  <si>
    <t>cg13841804</t>
  </si>
  <si>
    <t>cg13841901</t>
  </si>
  <si>
    <t>cg13845302</t>
  </si>
  <si>
    <t>cg13847963</t>
  </si>
  <si>
    <t>cg13848568</t>
  </si>
  <si>
    <t>cg13849007</t>
  </si>
  <si>
    <t>cg13849378</t>
  </si>
  <si>
    <t>cg13850606</t>
  </si>
  <si>
    <t>cg13852303</t>
  </si>
  <si>
    <t>cg13854500</t>
  </si>
  <si>
    <t>cg13857689</t>
  </si>
  <si>
    <t>cg13860527</t>
  </si>
  <si>
    <t>cg13860548</t>
  </si>
  <si>
    <t>cg13866204</t>
  </si>
  <si>
    <t>cg13867039</t>
  </si>
  <si>
    <t>cg13868466</t>
  </si>
  <si>
    <t>cg13869341</t>
  </si>
  <si>
    <t>cg13870776</t>
  </si>
  <si>
    <t>cg13872688</t>
  </si>
  <si>
    <t>cg13874287</t>
  </si>
  <si>
    <t>cg13875012</t>
  </si>
  <si>
    <t>cg13876135</t>
  </si>
  <si>
    <t>cg13881199</t>
  </si>
  <si>
    <t>cg13896157</t>
  </si>
  <si>
    <t>cg13897296</t>
  </si>
  <si>
    <t>cg13897675</t>
  </si>
  <si>
    <t>cg13898106</t>
  </si>
  <si>
    <t>cg13898430</t>
  </si>
  <si>
    <t>cg13898470</t>
  </si>
  <si>
    <t>cg13899718</t>
  </si>
  <si>
    <t>cg13900113</t>
  </si>
  <si>
    <t>cg13900327</t>
  </si>
  <si>
    <t>cg13901901</t>
  </si>
  <si>
    <t>cg13902210</t>
  </si>
  <si>
    <t>cg13904493</t>
  </si>
  <si>
    <t>cg13904806</t>
  </si>
  <si>
    <t>cg13906236</t>
  </si>
  <si>
    <t>cg13906377</t>
  </si>
  <si>
    <t>cg13908310</t>
  </si>
  <si>
    <t>cg13912858</t>
  </si>
  <si>
    <t>cg13918058</t>
  </si>
  <si>
    <t>cg13919148</t>
  </si>
  <si>
    <t>cg13921652</t>
  </si>
  <si>
    <t>cg13924635</t>
  </si>
  <si>
    <t>cg13924868</t>
  </si>
  <si>
    <t>cg13930300</t>
  </si>
  <si>
    <t>cg13932286</t>
  </si>
  <si>
    <t>cg13932362</t>
  </si>
  <si>
    <t>cg13934553</t>
  </si>
  <si>
    <t>cg13934830</t>
  </si>
  <si>
    <t>cg13935437</t>
  </si>
  <si>
    <t>cg13935480</t>
  </si>
  <si>
    <t>cg13936452</t>
  </si>
  <si>
    <t>cg13939055</t>
  </si>
  <si>
    <t>cg13939431</t>
  </si>
  <si>
    <t>cg13939721</t>
  </si>
  <si>
    <t>cg13939859</t>
  </si>
  <si>
    <t>cg13941374</t>
  </si>
  <si>
    <t>cg13942136</t>
  </si>
  <si>
    <t>cg13943249</t>
  </si>
  <si>
    <t>cg13944397</t>
  </si>
  <si>
    <t>cg13946767</t>
  </si>
  <si>
    <t>cg13947666</t>
  </si>
  <si>
    <t>cg13947949</t>
  </si>
  <si>
    <t>cg13950948</t>
  </si>
  <si>
    <t>cg13951491</t>
  </si>
  <si>
    <t>cg13962153</t>
  </si>
  <si>
    <t>cg13966159</t>
  </si>
  <si>
    <t>cg13969001</t>
  </si>
  <si>
    <t>cg13978534</t>
  </si>
  <si>
    <t>cg13984393</t>
  </si>
  <si>
    <t>cg13985198</t>
  </si>
  <si>
    <t>cg13985485</t>
  </si>
  <si>
    <t>cg13987712</t>
  </si>
  <si>
    <t>cg13988606</t>
  </si>
  <si>
    <t>cg13993673</t>
  </si>
  <si>
    <t>cg14004477</t>
  </si>
  <si>
    <t>cg14011415</t>
  </si>
  <si>
    <t>cg14018698</t>
  </si>
  <si>
    <t>cg14022530</t>
  </si>
  <si>
    <t>cg14023159</t>
  </si>
  <si>
    <t>cg14024461</t>
  </si>
  <si>
    <t>cg14024780</t>
  </si>
  <si>
    <t>cg14025606</t>
  </si>
  <si>
    <t>cg14026927</t>
  </si>
  <si>
    <t>cg14027288</t>
  </si>
  <si>
    <t>cg14027857</t>
  </si>
  <si>
    <t>cg14028892</t>
  </si>
  <si>
    <t>cg14034757</t>
  </si>
  <si>
    <t>cg14036143</t>
  </si>
  <si>
    <t>cg14036923</t>
  </si>
  <si>
    <t>cg14038482</t>
  </si>
  <si>
    <t>cg14039463</t>
  </si>
  <si>
    <t>cg14073033</t>
  </si>
  <si>
    <t>cg14074351</t>
  </si>
  <si>
    <t>cg14076195</t>
  </si>
  <si>
    <t>cg14082413</t>
  </si>
  <si>
    <t>cg14083421</t>
  </si>
  <si>
    <t>cg14084907</t>
  </si>
  <si>
    <t>cg14086045</t>
  </si>
  <si>
    <t>cg14086160</t>
  </si>
  <si>
    <t>cg14087168</t>
  </si>
  <si>
    <t>cg14089603</t>
  </si>
  <si>
    <t>cg14089881</t>
  </si>
  <si>
    <t>cg14089984</t>
  </si>
  <si>
    <t>cg14093570</t>
  </si>
  <si>
    <t>cg14094639</t>
  </si>
  <si>
    <t>cg14095607</t>
  </si>
  <si>
    <t>cg14095720</t>
  </si>
  <si>
    <t>cg14151682</t>
  </si>
  <si>
    <t>cg14153650</t>
  </si>
  <si>
    <t>cg14156405</t>
  </si>
  <si>
    <t>cg14157073</t>
  </si>
  <si>
    <t>cg14157855</t>
  </si>
  <si>
    <t>cg14158583</t>
  </si>
  <si>
    <t>cg14159522</t>
  </si>
  <si>
    <t>cg14160599</t>
  </si>
  <si>
    <t>cg14160632</t>
  </si>
  <si>
    <t>cg14162927</t>
  </si>
  <si>
    <t>cg14164956</t>
  </si>
  <si>
    <t>cg14166284</t>
  </si>
  <si>
    <t>cg14166458</t>
  </si>
  <si>
    <t>cg14169801</t>
  </si>
  <si>
    <t>cg14170663</t>
  </si>
  <si>
    <t>cg14170756</t>
  </si>
  <si>
    <t>cg14170835</t>
  </si>
  <si>
    <t>cg14171824</t>
  </si>
  <si>
    <t>cg14172633</t>
  </si>
  <si>
    <t>cg14175690</t>
  </si>
  <si>
    <t>cg14178748</t>
  </si>
  <si>
    <t>cg14179389</t>
  </si>
  <si>
    <t>cg14180916</t>
  </si>
  <si>
    <t>cg14181387</t>
  </si>
  <si>
    <t>cg14198950</t>
  </si>
  <si>
    <t>cg14200357</t>
  </si>
  <si>
    <t>cg14200569</t>
  </si>
  <si>
    <t>cg14202380</t>
  </si>
  <si>
    <t>cg14206273</t>
  </si>
  <si>
    <t>cg14210236</t>
  </si>
  <si>
    <t>cg14210634</t>
  </si>
  <si>
    <t>cg14210641</t>
  </si>
  <si>
    <t>cg14211117</t>
  </si>
  <si>
    <t>cg14212631</t>
  </si>
  <si>
    <t>cg14212983</t>
  </si>
  <si>
    <t>cg14216672</t>
  </si>
  <si>
    <t>cg14216876</t>
  </si>
  <si>
    <t>cg14219630</t>
  </si>
  <si>
    <t>cg14220537</t>
  </si>
  <si>
    <t>cg14220628</t>
  </si>
  <si>
    <t>cg14220678</t>
  </si>
  <si>
    <t>cg14252954</t>
  </si>
  <si>
    <t>cg14253939</t>
  </si>
  <si>
    <t>cg14258756</t>
  </si>
  <si>
    <t>cg14264194</t>
  </si>
  <si>
    <t>cg14278893</t>
  </si>
  <si>
    <t>cg14279121</t>
  </si>
  <si>
    <t>cg14280660</t>
  </si>
  <si>
    <t>cg14280964</t>
  </si>
  <si>
    <t>cg14283922</t>
  </si>
  <si>
    <t>cg14284055</t>
  </si>
  <si>
    <t>cg14284289</t>
  </si>
  <si>
    <t>cg14284404</t>
  </si>
  <si>
    <t>cg14285050</t>
  </si>
  <si>
    <t>cg14286274</t>
  </si>
  <si>
    <t>cg14287868</t>
  </si>
  <si>
    <t>cg14288281</t>
  </si>
  <si>
    <t>cg14343890</t>
  </si>
  <si>
    <t>cg14373988</t>
  </si>
  <si>
    <t>cg14375754</t>
  </si>
  <si>
    <t>cg14376275</t>
  </si>
  <si>
    <t>cg14377169</t>
  </si>
  <si>
    <t>cg14377596</t>
  </si>
  <si>
    <t>cg14380230</t>
  </si>
  <si>
    <t>cg14380609</t>
  </si>
  <si>
    <t>cg14415885</t>
  </si>
  <si>
    <t>cg14416284</t>
  </si>
  <si>
    <t>cg14416302</t>
  </si>
  <si>
    <t>cg14417407</t>
  </si>
  <si>
    <t>cg14417498</t>
  </si>
  <si>
    <t>cg14419975</t>
  </si>
  <si>
    <t>cg14420230</t>
  </si>
  <si>
    <t>cg14421860</t>
  </si>
  <si>
    <t>cg14425609</t>
  </si>
  <si>
    <t>cg14455487</t>
  </si>
  <si>
    <t>cg14475554</t>
  </si>
  <si>
    <t>cg14475772</t>
  </si>
  <si>
    <t>cg14477263</t>
  </si>
  <si>
    <t>cg14510359</t>
  </si>
  <si>
    <t>cg14511923</t>
  </si>
  <si>
    <t>cg14512363</t>
  </si>
  <si>
    <t>cg14513226</t>
  </si>
  <si>
    <t>cg14515812</t>
  </si>
  <si>
    <t>cg14520424</t>
  </si>
  <si>
    <t>cg14521523</t>
  </si>
  <si>
    <t>cg14522884</t>
  </si>
  <si>
    <t>cg14524775</t>
  </si>
  <si>
    <t>cg14531564</t>
  </si>
  <si>
    <t>cg14550007</t>
  </si>
  <si>
    <t>cg14559881</t>
  </si>
  <si>
    <t>cg14564939</t>
  </si>
  <si>
    <t>cg14565265</t>
  </si>
  <si>
    <t>cg14565725</t>
  </si>
  <si>
    <t>cg14565781</t>
  </si>
  <si>
    <t>cg14565919</t>
  </si>
  <si>
    <t>cg14599015</t>
  </si>
  <si>
    <t>cg14601938</t>
  </si>
  <si>
    <t>cg14609025</t>
  </si>
  <si>
    <t>cg14609757</t>
  </si>
  <si>
    <t>cg14611745</t>
  </si>
  <si>
    <t>cg14612294</t>
  </si>
  <si>
    <t>cg14615440</t>
  </si>
  <si>
    <t>cg14615868</t>
  </si>
  <si>
    <t>cg14649924</t>
  </si>
  <si>
    <t>cg14651254</t>
  </si>
  <si>
    <t>cg14657520</t>
  </si>
  <si>
    <t>cg14659662</t>
  </si>
  <si>
    <t>cg14661234</t>
  </si>
  <si>
    <t>cg14661383</t>
  </si>
  <si>
    <t>cg14661946</t>
  </si>
  <si>
    <t>cg14662119</t>
  </si>
  <si>
    <t>cg14662970</t>
  </si>
  <si>
    <t>cg14663264</t>
  </si>
  <si>
    <t>cg14666069</t>
  </si>
  <si>
    <t>cg14666476</t>
  </si>
  <si>
    <t>cg14667685</t>
  </si>
  <si>
    <t>cg14669379</t>
  </si>
  <si>
    <t>cg14669515</t>
  </si>
  <si>
    <t>cg14669906</t>
  </si>
  <si>
    <t>cg14709479</t>
  </si>
  <si>
    <t>cg14709691</t>
  </si>
  <si>
    <t>cg14710465</t>
  </si>
  <si>
    <t>cg14711183</t>
  </si>
  <si>
    <t>cg14711690</t>
  </si>
  <si>
    <t>cg14712186</t>
  </si>
  <si>
    <t>cg14743462</t>
  </si>
  <si>
    <t>cg14780540</t>
  </si>
  <si>
    <t>cg14780649</t>
  </si>
  <si>
    <t>cg14783567</t>
  </si>
  <si>
    <t>cg14784113</t>
  </si>
  <si>
    <t>cg14787290</t>
  </si>
  <si>
    <t>cg14788660</t>
  </si>
  <si>
    <t>cg14789568</t>
  </si>
  <si>
    <t>cg14789818</t>
  </si>
  <si>
    <t>cg14790208</t>
  </si>
  <si>
    <t>cg14792081</t>
  </si>
  <si>
    <t>cg14793596</t>
  </si>
  <si>
    <t>cg14795268</t>
  </si>
  <si>
    <t>cg14823007</t>
  </si>
  <si>
    <t>cg14824901</t>
  </si>
  <si>
    <t>cg14825828</t>
  </si>
  <si>
    <t>cg14826401</t>
  </si>
  <si>
    <t>cg14830003</t>
  </si>
  <si>
    <t>cg14830045</t>
  </si>
  <si>
    <t>cg14833008</t>
  </si>
  <si>
    <t>cg14834267</t>
  </si>
  <si>
    <t>cg14834391</t>
  </si>
  <si>
    <t>cg14834760</t>
  </si>
  <si>
    <t>cg14834850</t>
  </si>
  <si>
    <t>cg14836248</t>
  </si>
  <si>
    <t>cg14836522</t>
  </si>
  <si>
    <t>cg14836864</t>
  </si>
  <si>
    <t>cg14837478</t>
  </si>
  <si>
    <t>cg14837635</t>
  </si>
  <si>
    <t>cg14839809</t>
  </si>
  <si>
    <t>cg14841875</t>
  </si>
  <si>
    <t>cg14843080</t>
  </si>
  <si>
    <t>cg14843772</t>
  </si>
  <si>
    <t>cg14844172</t>
  </si>
  <si>
    <t>cg14845385</t>
  </si>
  <si>
    <t>cg14845736</t>
  </si>
  <si>
    <t>cg14846700</t>
  </si>
  <si>
    <t>cg14848383</t>
  </si>
  <si>
    <t>cg14852238</t>
  </si>
  <si>
    <t>cg14852384</t>
  </si>
  <si>
    <t>cg14853169</t>
  </si>
  <si>
    <t>cg14853922</t>
  </si>
  <si>
    <t>cg14856698</t>
  </si>
  <si>
    <t>cg14859204</t>
  </si>
  <si>
    <t>cg14911892</t>
  </si>
  <si>
    <t>cg14912723</t>
  </si>
  <si>
    <t>cg14912727</t>
  </si>
  <si>
    <t>cg14962394</t>
  </si>
  <si>
    <t>cg14962774</t>
  </si>
  <si>
    <t>cg14965477</t>
  </si>
  <si>
    <t>cg14969015</t>
  </si>
  <si>
    <t>cg14969320</t>
  </si>
  <si>
    <t>cg14970096</t>
  </si>
  <si>
    <t>cg14973240</t>
  </si>
  <si>
    <t>cg14974223</t>
  </si>
  <si>
    <t>cg14975138</t>
  </si>
  <si>
    <t>cg14976442</t>
  </si>
  <si>
    <t>cg14976971</t>
  </si>
  <si>
    <t>cg14978304</t>
  </si>
  <si>
    <t>cg14981573</t>
  </si>
  <si>
    <t>cg14985478</t>
  </si>
  <si>
    <t>cg14985987</t>
  </si>
  <si>
    <t>cg14988142</t>
  </si>
  <si>
    <t>cg14988680</t>
  </si>
  <si>
    <t>cg14989462</t>
  </si>
  <si>
    <t>cg14991984</t>
  </si>
  <si>
    <t>cg14993123</t>
  </si>
  <si>
    <t>cg14993530</t>
  </si>
  <si>
    <t>cg14995036</t>
  </si>
  <si>
    <t>cg14995716</t>
  </si>
  <si>
    <t>cg15007228</t>
  </si>
  <si>
    <t>cg15009352</t>
  </si>
  <si>
    <t>cg15012766</t>
  </si>
  <si>
    <t>cg15012981</t>
  </si>
  <si>
    <t>cg15014010</t>
  </si>
  <si>
    <t>cg15015892</t>
  </si>
  <si>
    <t>cg15015913</t>
  </si>
  <si>
    <t>cg15015996</t>
  </si>
  <si>
    <t>cg15026696</t>
  </si>
  <si>
    <t>cg15028578</t>
  </si>
  <si>
    <t>cg15030449</t>
  </si>
  <si>
    <t>cg15030799</t>
  </si>
  <si>
    <t>cg15031661</t>
  </si>
  <si>
    <t>cg15031996</t>
  </si>
  <si>
    <t>cg15036616</t>
  </si>
  <si>
    <t>cg15042692</t>
  </si>
  <si>
    <t>cg15057442</t>
  </si>
  <si>
    <t>cg15058956</t>
  </si>
  <si>
    <t>cg15059257</t>
  </si>
  <si>
    <t>cg15059389</t>
  </si>
  <si>
    <t>cg15061530</t>
  </si>
  <si>
    <t>cg15063322</t>
  </si>
  <si>
    <t>cg15065069</t>
  </si>
  <si>
    <t>cg15068050</t>
  </si>
  <si>
    <t>cg15069758</t>
  </si>
  <si>
    <t>cg15070096</t>
  </si>
  <si>
    <t>cg15071854</t>
  </si>
  <si>
    <t>cg15072319</t>
  </si>
  <si>
    <t>cg15074876</t>
  </si>
  <si>
    <t>cg15076663</t>
  </si>
  <si>
    <t>cg15079326</t>
  </si>
  <si>
    <t>cg15084499</t>
  </si>
  <si>
    <t>cg15084543</t>
  </si>
  <si>
    <t>cg15085390</t>
  </si>
  <si>
    <t>cg15086746</t>
  </si>
  <si>
    <t>cg15089025</t>
  </si>
  <si>
    <t>cg15090083</t>
  </si>
  <si>
    <t>cg15092368</t>
  </si>
  <si>
    <t>cg15096815</t>
  </si>
  <si>
    <t>cg15096829</t>
  </si>
  <si>
    <t>cg15100599</t>
  </si>
  <si>
    <t>cg15103960</t>
  </si>
  <si>
    <t>cg15105996</t>
  </si>
  <si>
    <t>cg15108705</t>
  </si>
  <si>
    <t>cg15114107</t>
  </si>
  <si>
    <t>cg15116327</t>
  </si>
  <si>
    <t>cg15119100</t>
  </si>
  <si>
    <t>cg15120141</t>
  </si>
  <si>
    <t>cg15120454</t>
  </si>
  <si>
    <t>cg15121959</t>
  </si>
  <si>
    <t>cg15123881</t>
  </si>
  <si>
    <t>cg15125762</t>
  </si>
  <si>
    <t>cg15126967</t>
  </si>
  <si>
    <t>cg15130241</t>
  </si>
  <si>
    <t>cg15131647</t>
  </si>
  <si>
    <t>cg15132650</t>
  </si>
  <si>
    <t>cg15138125</t>
  </si>
  <si>
    <t>cg15139482</t>
  </si>
  <si>
    <t>cg15141467</t>
  </si>
  <si>
    <t>cg15153791</t>
  </si>
  <si>
    <t>cg15154191</t>
  </si>
  <si>
    <t>cg15157335</t>
  </si>
  <si>
    <t>cg15157455</t>
  </si>
  <si>
    <t>cg15160081</t>
  </si>
  <si>
    <t>cg15201110</t>
  </si>
  <si>
    <t>cg15202770</t>
  </si>
  <si>
    <t>cg15205204</t>
  </si>
  <si>
    <t>cg15205435</t>
  </si>
  <si>
    <t>cg15206621</t>
  </si>
  <si>
    <t>cg15207993</t>
  </si>
  <si>
    <t>cg15207999</t>
  </si>
  <si>
    <t>cg15293611</t>
  </si>
  <si>
    <t>cg15324448</t>
  </si>
  <si>
    <t>cg15325070</t>
  </si>
  <si>
    <t>cg15328582</t>
  </si>
  <si>
    <t>cg15340874</t>
  </si>
  <si>
    <t>cg15356461</t>
  </si>
  <si>
    <t>cg15359501</t>
  </si>
  <si>
    <t>cg15383719</t>
  </si>
  <si>
    <t>cg15384856</t>
  </si>
  <si>
    <t>cg15386350</t>
  </si>
  <si>
    <t>cg15386434</t>
  </si>
  <si>
    <t>cg15386773</t>
  </si>
  <si>
    <t>cg15390554</t>
  </si>
  <si>
    <t>cg15390560</t>
  </si>
  <si>
    <t>cg15392351</t>
  </si>
  <si>
    <t>cg15393022</t>
  </si>
  <si>
    <t>cg15393441</t>
  </si>
  <si>
    <t>cg15395193</t>
  </si>
  <si>
    <t>cg15447512</t>
  </si>
  <si>
    <t>cg15447913</t>
  </si>
  <si>
    <t>cg15451548</t>
  </si>
  <si>
    <t>cg15452970</t>
  </si>
  <si>
    <t>cg15457058</t>
  </si>
  <si>
    <t>cg15460899</t>
  </si>
  <si>
    <t>cg15465343</t>
  </si>
  <si>
    <t>cg15465571</t>
  </si>
  <si>
    <t>cg15466030</t>
  </si>
  <si>
    <t>cg15466587</t>
  </si>
  <si>
    <t>cg15467646</t>
  </si>
  <si>
    <t>cg15468976</t>
  </si>
  <si>
    <t>cg15469507</t>
  </si>
  <si>
    <t>cg15472574</t>
  </si>
  <si>
    <t>cg15472784</t>
  </si>
  <si>
    <t>cg15481370</t>
  </si>
  <si>
    <t>cg15481636</t>
  </si>
  <si>
    <t>cg15482690</t>
  </si>
  <si>
    <t>cg15482928</t>
  </si>
  <si>
    <t>cg15483964</t>
  </si>
  <si>
    <t>cg15484532</t>
  </si>
  <si>
    <t>cg15487600</t>
  </si>
  <si>
    <t>cg15487867</t>
  </si>
  <si>
    <t>cg15491247</t>
  </si>
  <si>
    <t>cg15492466</t>
  </si>
  <si>
    <t>cg15492552</t>
  </si>
  <si>
    <t>cg15493018</t>
  </si>
  <si>
    <t>cg15496079</t>
  </si>
  <si>
    <t>cg15497761</t>
  </si>
  <si>
    <t>cg15500320</t>
  </si>
  <si>
    <t>cg15503006</t>
  </si>
  <si>
    <t>cg15503098</t>
  </si>
  <si>
    <t>cg15504469</t>
  </si>
  <si>
    <t>cg15515265</t>
  </si>
  <si>
    <t>cg15519786</t>
  </si>
  <si>
    <t>cg15520955</t>
  </si>
  <si>
    <t>cg15524063</t>
  </si>
  <si>
    <t>cg15524239</t>
  </si>
  <si>
    <t>cg15525053</t>
  </si>
  <si>
    <t>cg15525503</t>
  </si>
  <si>
    <t>cg15527168</t>
  </si>
  <si>
    <t>cg15528490</t>
  </si>
  <si>
    <t>cg15543769</t>
  </si>
  <si>
    <t>cg15544650</t>
  </si>
  <si>
    <t>cg15545624</t>
  </si>
  <si>
    <t>cg15545739</t>
  </si>
  <si>
    <t>cg15545772</t>
  </si>
  <si>
    <t>cg15546282</t>
  </si>
  <si>
    <t>cg15551144</t>
  </si>
  <si>
    <t>cg15556553</t>
  </si>
  <si>
    <t>cg15556748</t>
  </si>
  <si>
    <t>cg15558527</t>
  </si>
  <si>
    <t>cg15558634</t>
  </si>
  <si>
    <t>cg15559578</t>
  </si>
  <si>
    <t>cg15561201</t>
  </si>
  <si>
    <t>cg15562706</t>
  </si>
  <si>
    <t>cg15563237</t>
  </si>
  <si>
    <t>cg15564619</t>
  </si>
  <si>
    <t>cg15572086</t>
  </si>
  <si>
    <t>cg15574442</t>
  </si>
  <si>
    <t>cg15575196</t>
  </si>
  <si>
    <t>cg15576492</t>
  </si>
  <si>
    <t>cg15578015</t>
  </si>
  <si>
    <t>cg15578091</t>
  </si>
  <si>
    <t>cg15580417</t>
  </si>
  <si>
    <t>cg15580684</t>
  </si>
  <si>
    <t>cg15583014</t>
  </si>
  <si>
    <t>cg15587508</t>
  </si>
  <si>
    <t>cg15588177</t>
  </si>
  <si>
    <t>cg15591198</t>
  </si>
  <si>
    <t>cg15592945</t>
  </si>
  <si>
    <t>cg15594905</t>
  </si>
  <si>
    <t>cg15597109</t>
  </si>
  <si>
    <t>cg15597480</t>
  </si>
  <si>
    <t>cg15598442</t>
  </si>
  <si>
    <t>cg15598754</t>
  </si>
  <si>
    <t>cg15600987</t>
  </si>
  <si>
    <t>cg15601228</t>
  </si>
  <si>
    <t>cg15604233</t>
  </si>
  <si>
    <t>cg15604693</t>
  </si>
  <si>
    <t>cg15604723</t>
  </si>
  <si>
    <t>cg15605011</t>
  </si>
  <si>
    <t>cg15605704</t>
  </si>
  <si>
    <t>cg15613048</t>
  </si>
  <si>
    <t>cg15617137</t>
  </si>
  <si>
    <t>cg15617155</t>
  </si>
  <si>
    <t>cg15618533</t>
  </si>
  <si>
    <t>cg15619820</t>
  </si>
  <si>
    <t>cg15619966</t>
  </si>
  <si>
    <t>cg15622158</t>
  </si>
  <si>
    <t>cg15622697</t>
  </si>
  <si>
    <t>cg15623149</t>
  </si>
  <si>
    <t>cg15627710</t>
  </si>
  <si>
    <t>cg15628917</t>
  </si>
  <si>
    <t>cg15632325</t>
  </si>
  <si>
    <t>cg15641364</t>
  </si>
  <si>
    <t>cg15642292</t>
  </si>
  <si>
    <t>cg15642329</t>
  </si>
  <si>
    <t>cg15642534</t>
  </si>
  <si>
    <t>cg15642704</t>
  </si>
  <si>
    <t>cg15642772</t>
  </si>
  <si>
    <t>cg15644634</t>
  </si>
  <si>
    <t>cg15644675</t>
  </si>
  <si>
    <t>cg15644742</t>
  </si>
  <si>
    <t>cg15644938</t>
  </si>
  <si>
    <t>cg15645660</t>
  </si>
  <si>
    <t>cg15646763</t>
  </si>
  <si>
    <t>cg15648958</t>
  </si>
  <si>
    <t>cg15650205</t>
  </si>
  <si>
    <t>cg15650240</t>
  </si>
  <si>
    <t>cg15650530</t>
  </si>
  <si>
    <t>cg15651835</t>
  </si>
  <si>
    <t>cg15652014</t>
  </si>
  <si>
    <t>cg15653910</t>
  </si>
  <si>
    <t>cg15654121</t>
  </si>
  <si>
    <t>cg15654259</t>
  </si>
  <si>
    <t>cg15665653</t>
  </si>
  <si>
    <t>cg15672234</t>
  </si>
  <si>
    <t>cg15672675</t>
  </si>
  <si>
    <t>cg15673731</t>
  </si>
  <si>
    <t>cg15676500</t>
  </si>
  <si>
    <t>cg15677368</t>
  </si>
  <si>
    <t>cg15684274</t>
  </si>
  <si>
    <t>cg15684702</t>
  </si>
  <si>
    <t>cg15685834</t>
  </si>
  <si>
    <t>cg15687138</t>
  </si>
  <si>
    <t>cg15687240</t>
  </si>
  <si>
    <t>cg15691862</t>
  </si>
  <si>
    <t>cg15692032</t>
  </si>
  <si>
    <t>cg15692279</t>
  </si>
  <si>
    <t>cg15694180</t>
  </si>
  <si>
    <t>cg15694580</t>
  </si>
  <si>
    <t>cg15695626</t>
  </si>
  <si>
    <t>cg15696662</t>
  </si>
  <si>
    <t>cg15699552</t>
  </si>
  <si>
    <t>cg15700160</t>
  </si>
  <si>
    <t>cg15701440</t>
  </si>
  <si>
    <t>cg15703070</t>
  </si>
  <si>
    <t>cg15705054</t>
  </si>
  <si>
    <t>cg15705071</t>
  </si>
  <si>
    <t>cg15707544</t>
  </si>
  <si>
    <t>cg15712177</t>
  </si>
  <si>
    <t>cg15713103</t>
  </si>
  <si>
    <t>cg15714196</t>
  </si>
  <si>
    <t>cg15714329</t>
  </si>
  <si>
    <t>cg15717853</t>
  </si>
  <si>
    <t>cg15718222</t>
  </si>
  <si>
    <t>cg15719572</t>
  </si>
  <si>
    <t>cg15725228</t>
  </si>
  <si>
    <t>cg15726025</t>
  </si>
  <si>
    <t>cg15727564</t>
  </si>
  <si>
    <t>cg15728256</t>
  </si>
  <si>
    <t>cg15729230</t>
  </si>
  <si>
    <t>cg15730680</t>
  </si>
  <si>
    <t>cg15731035</t>
  </si>
  <si>
    <t>cg15732812</t>
  </si>
  <si>
    <t>cg15732851</t>
  </si>
  <si>
    <t>cg15742605</t>
  </si>
  <si>
    <t>cg15743907</t>
  </si>
  <si>
    <t>cg15800786</t>
  </si>
  <si>
    <t>cg15818358</t>
  </si>
  <si>
    <t>cg15819646</t>
  </si>
  <si>
    <t>cg15820574</t>
  </si>
  <si>
    <t>cg15821544</t>
  </si>
  <si>
    <t>cg15822157</t>
  </si>
  <si>
    <t>cg15823064</t>
  </si>
  <si>
    <t>cg15823180</t>
  </si>
  <si>
    <t>cg15824045</t>
  </si>
  <si>
    <t>cg15824094</t>
  </si>
  <si>
    <t>cg15824543</t>
  </si>
  <si>
    <t>cg15825501</t>
  </si>
  <si>
    <t>cg15825731</t>
  </si>
  <si>
    <t>cg15830449</t>
  </si>
  <si>
    <t>cg15831613</t>
  </si>
  <si>
    <t>cg15834338</t>
  </si>
  <si>
    <t>cg15840462</t>
  </si>
  <si>
    <t>cg15841063</t>
  </si>
  <si>
    <t>cg15842317</t>
  </si>
  <si>
    <t>cg15843385</t>
  </si>
  <si>
    <t>cg15891747</t>
  </si>
  <si>
    <t>cg15893127</t>
  </si>
  <si>
    <t>cg15896098</t>
  </si>
  <si>
    <t>cg15896339</t>
  </si>
  <si>
    <t>cg15896487</t>
  </si>
  <si>
    <t>cg15900248</t>
  </si>
  <si>
    <t>cg15900544</t>
  </si>
  <si>
    <t>cg15900987</t>
  </si>
  <si>
    <t>cg15903666</t>
  </si>
  <si>
    <t>cg15923100</t>
  </si>
  <si>
    <t>cg15923298</t>
  </si>
  <si>
    <t>cg15931557</t>
  </si>
  <si>
    <t>cg15934090</t>
  </si>
  <si>
    <t>cg15934415</t>
  </si>
  <si>
    <t>cg15935121</t>
  </si>
  <si>
    <t>cg15936121</t>
  </si>
  <si>
    <t>cg15955341</t>
  </si>
  <si>
    <t>cg15963463</t>
  </si>
  <si>
    <t>cg15976404</t>
  </si>
  <si>
    <t>cg15976650</t>
  </si>
  <si>
    <t>cg15978276</t>
  </si>
  <si>
    <t>cg15979146</t>
  </si>
  <si>
    <t>cg15985196</t>
  </si>
  <si>
    <t>cg15987211</t>
  </si>
  <si>
    <t>cg15987885</t>
  </si>
  <si>
    <t>cg15988263</t>
  </si>
  <si>
    <t>cg15988345</t>
  </si>
  <si>
    <t>cg15988843</t>
  </si>
  <si>
    <t>cg15988897</t>
  </si>
  <si>
    <t>cg15990192</t>
  </si>
  <si>
    <t>cg15991072</t>
  </si>
  <si>
    <t>cg15992284</t>
  </si>
  <si>
    <t>cg15993652</t>
  </si>
  <si>
    <t>cg15993834</t>
  </si>
  <si>
    <t>cg15994267</t>
  </si>
  <si>
    <t>cg15994321</t>
  </si>
  <si>
    <t>cg15994385</t>
  </si>
  <si>
    <t>cg15995125</t>
  </si>
  <si>
    <t>cg16001793</t>
  </si>
  <si>
    <t>cg16003040</t>
  </si>
  <si>
    <t>cg16003102</t>
  </si>
  <si>
    <t>cg16005818</t>
  </si>
  <si>
    <t>cg16005989</t>
  </si>
  <si>
    <t>cg16007456</t>
  </si>
  <si>
    <t>cg16008609</t>
  </si>
  <si>
    <t>cg16010723</t>
  </si>
  <si>
    <t>cg16010827</t>
  </si>
  <si>
    <t>cg16011258</t>
  </si>
  <si>
    <t>cg16011907</t>
  </si>
  <si>
    <t>cg16013720</t>
  </si>
  <si>
    <t>cg16014989</t>
  </si>
  <si>
    <t>cg16015113</t>
  </si>
  <si>
    <t>cg16016616</t>
  </si>
  <si>
    <t>cg16016766</t>
  </si>
  <si>
    <t>cg16020249</t>
  </si>
  <si>
    <t>cg16020346</t>
  </si>
  <si>
    <t>cg16023122</t>
  </si>
  <si>
    <t>cg16025468</t>
  </si>
  <si>
    <t>cg16026114</t>
  </si>
  <si>
    <t>cg16028201</t>
  </si>
  <si>
    <t>cg16028793</t>
  </si>
  <si>
    <t>cg16029875</t>
  </si>
  <si>
    <t>cg16031338</t>
  </si>
  <si>
    <t>cg16033941</t>
  </si>
  <si>
    <t>cg16034521</t>
  </si>
  <si>
    <t>cg16038327</t>
  </si>
  <si>
    <t>cg16039960</t>
  </si>
  <si>
    <t>cg16040504</t>
  </si>
  <si>
    <t>cg16040838</t>
  </si>
  <si>
    <t>cg16041806</t>
  </si>
  <si>
    <t>cg16049364</t>
  </si>
  <si>
    <t>cg16049941</t>
  </si>
  <si>
    <t>cg16057915</t>
  </si>
  <si>
    <t>cg16058493</t>
  </si>
  <si>
    <t>cg16060635</t>
  </si>
  <si>
    <t>cg16060740</t>
  </si>
  <si>
    <t>cg16094412</t>
  </si>
  <si>
    <t>cg16094925</t>
  </si>
  <si>
    <t>cg16095440</t>
  </si>
  <si>
    <t>cg16095542</t>
  </si>
  <si>
    <t>cg16099036</t>
  </si>
  <si>
    <t>cg16100063</t>
  </si>
  <si>
    <t>cg16101008</t>
  </si>
  <si>
    <t>cg16101101</t>
  </si>
  <si>
    <t>cg16104283</t>
  </si>
  <si>
    <t>cg16110541</t>
  </si>
  <si>
    <t>cg16115720</t>
  </si>
  <si>
    <t>cg16117789</t>
  </si>
  <si>
    <t>cg16119852</t>
  </si>
  <si>
    <t>cg16121685</t>
  </si>
  <si>
    <t>cg16122796</t>
  </si>
  <si>
    <t>cg16124571</t>
  </si>
  <si>
    <t>cg16125762</t>
  </si>
  <si>
    <t>cg16126286</t>
  </si>
  <si>
    <t>cg16128122</t>
  </si>
  <si>
    <t>cg16134717</t>
  </si>
  <si>
    <t>cg16138910</t>
  </si>
  <si>
    <t>cg16140954</t>
  </si>
  <si>
    <t>cg16142265</t>
  </si>
  <si>
    <t>cg16144447</t>
  </si>
  <si>
    <t>cg16145701</t>
  </si>
  <si>
    <t>cg16148416</t>
  </si>
  <si>
    <t>cg16149247</t>
  </si>
  <si>
    <t>cg16161715</t>
  </si>
  <si>
    <t>cg16162536</t>
  </si>
  <si>
    <t>cg16163116</t>
  </si>
  <si>
    <t>cg16163324</t>
  </si>
  <si>
    <t>cg16163697</t>
  </si>
  <si>
    <t>cg16169620</t>
  </si>
  <si>
    <t>cg16174225</t>
  </si>
  <si>
    <t>cg16175479</t>
  </si>
  <si>
    <t>cg16178186</t>
  </si>
  <si>
    <t>cg16178974</t>
  </si>
  <si>
    <t>cg16178998</t>
  </si>
  <si>
    <t>cg16238819</t>
  </si>
  <si>
    <t>cg16247733</t>
  </si>
  <si>
    <t>cg16247817</t>
  </si>
  <si>
    <t>cg16248785</t>
  </si>
  <si>
    <t>cg16250330</t>
  </si>
  <si>
    <t>cg16252637</t>
  </si>
  <si>
    <t>cg16252727</t>
  </si>
  <si>
    <t>cg16254267</t>
  </si>
  <si>
    <t>cg16255156</t>
  </si>
  <si>
    <t>cg16256719</t>
  </si>
  <si>
    <t>cg16258463</t>
  </si>
  <si>
    <t>cg16266669</t>
  </si>
  <si>
    <t>cg16269418</t>
  </si>
  <si>
    <t>cg16269733</t>
  </si>
  <si>
    <t>cg16271002</t>
  </si>
  <si>
    <t>cg16272484</t>
  </si>
  <si>
    <t>cg16272786</t>
  </si>
  <si>
    <t>cg16275483</t>
  </si>
  <si>
    <t>cg16276523</t>
  </si>
  <si>
    <t>cg16277128</t>
  </si>
  <si>
    <t>cg16277479</t>
  </si>
  <si>
    <t>cg16277706</t>
  </si>
  <si>
    <t>cg16278077</t>
  </si>
  <si>
    <t>cg16290275</t>
  </si>
  <si>
    <t>cg16292193</t>
  </si>
  <si>
    <t>cg16296290</t>
  </si>
  <si>
    <t>cg16298481</t>
  </si>
  <si>
    <t>cg16300524</t>
  </si>
  <si>
    <t>cg16304914</t>
  </si>
  <si>
    <t>cg16305186</t>
  </si>
  <si>
    <t>cg16306148</t>
  </si>
  <si>
    <t>cg16306898</t>
  </si>
  <si>
    <t>cg16306900</t>
  </si>
  <si>
    <t>cg16312002</t>
  </si>
  <si>
    <t>cg16314058</t>
  </si>
  <si>
    <t>cg16314291</t>
  </si>
  <si>
    <t>cg16315748</t>
  </si>
  <si>
    <t>cg16318112</t>
  </si>
  <si>
    <t>cg16321030</t>
  </si>
  <si>
    <t>cg16346321</t>
  </si>
  <si>
    <t>cg16348470</t>
  </si>
  <si>
    <t>cg16348807</t>
  </si>
  <si>
    <t>cg16352085</t>
  </si>
  <si>
    <t>cg16355231</t>
  </si>
  <si>
    <t>cg16357661</t>
  </si>
  <si>
    <t>cg16358430</t>
  </si>
  <si>
    <t>cg16358446</t>
  </si>
  <si>
    <t>cg16359517</t>
  </si>
  <si>
    <t>cg16360717</t>
  </si>
  <si>
    <t>cg16361301</t>
  </si>
  <si>
    <t>cg16365973</t>
  </si>
  <si>
    <t>cg16366349</t>
  </si>
  <si>
    <t>cg16368004</t>
  </si>
  <si>
    <t>cg16370586</t>
  </si>
  <si>
    <t>cg16371752</t>
  </si>
  <si>
    <t>cg16374471</t>
  </si>
  <si>
    <t>cg16375948</t>
  </si>
  <si>
    <t>cg16376691</t>
  </si>
  <si>
    <t>cg16378352</t>
  </si>
  <si>
    <t>cg16379885</t>
  </si>
  <si>
    <t>cg16382382</t>
  </si>
  <si>
    <t>cg16383001</t>
  </si>
  <si>
    <t>cg16383389</t>
  </si>
  <si>
    <t>cg16384073</t>
  </si>
  <si>
    <t>cg16384593</t>
  </si>
  <si>
    <t>cg16385763</t>
  </si>
  <si>
    <t>cg16387254</t>
  </si>
  <si>
    <t>cg16388674</t>
  </si>
  <si>
    <t>cg16391955</t>
  </si>
  <si>
    <t>cg16394260</t>
  </si>
  <si>
    <t>cg16395432</t>
  </si>
  <si>
    <t>cg16397638</t>
  </si>
  <si>
    <t>cg16398686</t>
  </si>
  <si>
    <t>cg16400756</t>
  </si>
  <si>
    <t>cg16400794</t>
  </si>
  <si>
    <t>cg16401490</t>
  </si>
  <si>
    <t>cg16402893</t>
  </si>
  <si>
    <t>cg16405019</t>
  </si>
  <si>
    <t>cg16406658</t>
  </si>
  <si>
    <t>cg16406833</t>
  </si>
  <si>
    <t>cg16407604</t>
  </si>
  <si>
    <t>cg16409049</t>
  </si>
  <si>
    <t>cg16409409</t>
  </si>
  <si>
    <t>cg16410524</t>
  </si>
  <si>
    <t>cg16410706</t>
  </si>
  <si>
    <t>cg16410890</t>
  </si>
  <si>
    <t>cg16411216</t>
  </si>
  <si>
    <t>cg16414143</t>
  </si>
  <si>
    <t>cg16414762</t>
  </si>
  <si>
    <t>cg16416718</t>
  </si>
  <si>
    <t>cg16418374</t>
  </si>
  <si>
    <t>cg16419354</t>
  </si>
  <si>
    <t>cg16427321</t>
  </si>
  <si>
    <t>cg16430166</t>
  </si>
  <si>
    <t>cg16430402</t>
  </si>
  <si>
    <t>cg16430505</t>
  </si>
  <si>
    <t>cg16487794</t>
  </si>
  <si>
    <t>cg16488304</t>
  </si>
  <si>
    <t>cg16490096</t>
  </si>
  <si>
    <t>cg16490470</t>
  </si>
  <si>
    <t>cg16491046</t>
  </si>
  <si>
    <t>cg16491274</t>
  </si>
  <si>
    <t>cg16491909</t>
  </si>
  <si>
    <t>cg16508883</t>
  </si>
  <si>
    <t>cg16510040</t>
  </si>
  <si>
    <t>cg16510127</t>
  </si>
  <si>
    <t>cg16511392</t>
  </si>
  <si>
    <t>cg16511983</t>
  </si>
  <si>
    <t>cg16512390</t>
  </si>
  <si>
    <t>cg16516639</t>
  </si>
  <si>
    <t>cg16517702</t>
  </si>
  <si>
    <t>cg16519173</t>
  </si>
  <si>
    <t>cg16519705</t>
  </si>
  <si>
    <t>cg16523380</t>
  </si>
  <si>
    <t>cg16527939</t>
  </si>
  <si>
    <t>cg16531833</t>
  </si>
  <si>
    <t>cg16534233</t>
  </si>
  <si>
    <t>cg16546309</t>
  </si>
  <si>
    <t>cg16546681</t>
  </si>
  <si>
    <t>cg16549308</t>
  </si>
  <si>
    <t>cg16549711</t>
  </si>
  <si>
    <t>cg16552589</t>
  </si>
  <si>
    <t>cg16553083</t>
  </si>
  <si>
    <t>cg16553106</t>
  </si>
  <si>
    <t>cg16553238</t>
  </si>
  <si>
    <t>cg16555184</t>
  </si>
  <si>
    <t>cg16555761</t>
  </si>
  <si>
    <t>cg16557308</t>
  </si>
  <si>
    <t>cg16558908</t>
  </si>
  <si>
    <t>cg16559275</t>
  </si>
  <si>
    <t>cg16563454</t>
  </si>
  <si>
    <t>cg16573178</t>
  </si>
  <si>
    <t>cg16573901</t>
  </si>
  <si>
    <t>cg16575025</t>
  </si>
  <si>
    <t>cg16575248</t>
  </si>
  <si>
    <t>cg16575694</t>
  </si>
  <si>
    <t>cg16577607</t>
  </si>
  <si>
    <t>cg16578267</t>
  </si>
  <si>
    <t>cg16579893</t>
  </si>
  <si>
    <t>cg16580616</t>
  </si>
  <si>
    <t>cg16582156</t>
  </si>
  <si>
    <t>cg16583330</t>
  </si>
  <si>
    <t>cg16585333</t>
  </si>
  <si>
    <t>cg16587623</t>
  </si>
  <si>
    <t>cg16588073</t>
  </si>
  <si>
    <t>cg16590012</t>
  </si>
  <si>
    <t>cg16592623</t>
  </si>
  <si>
    <t>cg16598600</t>
  </si>
  <si>
    <t>cg16599266</t>
  </si>
  <si>
    <t>cg16599770</t>
  </si>
  <si>
    <t>cg16600297</t>
  </si>
  <si>
    <t>cg16600889</t>
  </si>
  <si>
    <t>cg16601171</t>
  </si>
  <si>
    <t>cg16601494</t>
  </si>
  <si>
    <t>cg16632891</t>
  </si>
  <si>
    <t>cg16644764</t>
  </si>
  <si>
    <t>cg16645584</t>
  </si>
  <si>
    <t>cg16650717</t>
  </si>
  <si>
    <t>cg16653138</t>
  </si>
  <si>
    <t>cg16655175</t>
  </si>
  <si>
    <t>cg16657578</t>
  </si>
  <si>
    <t>cg16658130</t>
  </si>
  <si>
    <t>cg16658496</t>
  </si>
  <si>
    <t>cg16660899</t>
  </si>
  <si>
    <t>cg16663855</t>
  </si>
  <si>
    <t>cg16663955</t>
  </si>
  <si>
    <t>cg16664859</t>
  </si>
  <si>
    <t>cg16673712</t>
  </si>
  <si>
    <t>cg16676300</t>
  </si>
  <si>
    <t>cg16676676</t>
  </si>
  <si>
    <t>cg16678185</t>
  </si>
  <si>
    <t>cg16679832</t>
  </si>
  <si>
    <t>cg16680018</t>
  </si>
  <si>
    <t>cg16680438</t>
  </si>
  <si>
    <t>cg16680547</t>
  </si>
  <si>
    <t>cg16680704</t>
  </si>
  <si>
    <t>cg16681083</t>
  </si>
  <si>
    <t>cg16681520</t>
  </si>
  <si>
    <t>cg16683160</t>
  </si>
  <si>
    <t>cg16692196</t>
  </si>
  <si>
    <t>cg16694524</t>
  </si>
  <si>
    <t>cg16695835</t>
  </si>
  <si>
    <t>cg16699316</t>
  </si>
  <si>
    <t>cg16701155</t>
  </si>
  <si>
    <t>cg16701939</t>
  </si>
  <si>
    <t>cg16702520</t>
  </si>
  <si>
    <t>cg16703312</t>
  </si>
  <si>
    <t>cg16704678</t>
  </si>
  <si>
    <t>cg16707128</t>
  </si>
  <si>
    <t>cg16709874</t>
  </si>
  <si>
    <t>cg16711332</t>
  </si>
  <si>
    <t>cg16712094</t>
  </si>
  <si>
    <t>cg16713069</t>
  </si>
  <si>
    <t>cg16716189</t>
  </si>
  <si>
    <t>cg16718920</t>
  </si>
  <si>
    <t>cg16718986</t>
  </si>
  <si>
    <t>cg16720365</t>
  </si>
  <si>
    <t>cg16721191</t>
  </si>
  <si>
    <t>cg16724613</t>
  </si>
  <si>
    <t>cg16728516</t>
  </si>
  <si>
    <t>cg16731157</t>
  </si>
  <si>
    <t>cg16732616</t>
  </si>
  <si>
    <t>cg16740167</t>
  </si>
  <si>
    <t>cg16813892</t>
  </si>
  <si>
    <t>cg16814416</t>
  </si>
  <si>
    <t>cg16815379</t>
  </si>
  <si>
    <t>cg16817668</t>
  </si>
  <si>
    <t>cg16818909</t>
  </si>
  <si>
    <t>cg16822216</t>
  </si>
  <si>
    <t>cg16823083</t>
  </si>
  <si>
    <t>cg16895948</t>
  </si>
  <si>
    <t>cg16897415</t>
  </si>
  <si>
    <t>cg16897608</t>
  </si>
  <si>
    <t>cg16899351</t>
  </si>
  <si>
    <t>cg16899920</t>
  </si>
  <si>
    <t>cg16905527</t>
  </si>
  <si>
    <t>cg16905926</t>
  </si>
  <si>
    <t>cg16907344</t>
  </si>
  <si>
    <t>cg16908156</t>
  </si>
  <si>
    <t>cg16908901</t>
  </si>
  <si>
    <t>cg16909962</t>
  </si>
  <si>
    <t>cg16911228</t>
  </si>
  <si>
    <t>cg16911594</t>
  </si>
  <si>
    <t>cg16912004</t>
  </si>
  <si>
    <t>cg16925766</t>
  </si>
  <si>
    <t>cg16926213</t>
  </si>
  <si>
    <t>cg16964673</t>
  </si>
  <si>
    <t>cg16965475</t>
  </si>
  <si>
    <t>cg16966815</t>
  </si>
  <si>
    <t>cg16968115</t>
  </si>
  <si>
    <t>cg16985259</t>
  </si>
  <si>
    <t>cg16986298</t>
  </si>
  <si>
    <t>cg16987101</t>
  </si>
  <si>
    <t>cg16987305</t>
  </si>
  <si>
    <t>cg16987804</t>
  </si>
  <si>
    <t>cg16989107</t>
  </si>
  <si>
    <t>cg16989714</t>
  </si>
  <si>
    <t>cg16991768</t>
  </si>
  <si>
    <t>cg16993579</t>
  </si>
  <si>
    <t>cg16996661</t>
  </si>
  <si>
    <t>cg16998150</t>
  </si>
  <si>
    <t>cg16998883</t>
  </si>
  <si>
    <t>cg17001101</t>
  </si>
  <si>
    <t>cg17001531</t>
  </si>
  <si>
    <t>cg17001566</t>
  </si>
  <si>
    <t>cg17002774</t>
  </si>
  <si>
    <t>cg17010827</t>
  </si>
  <si>
    <t>cg17012465</t>
  </si>
  <si>
    <t>cg17013132</t>
  </si>
  <si>
    <t>cg17013432</t>
  </si>
  <si>
    <t>cg17014627</t>
  </si>
  <si>
    <t>cg17015897</t>
  </si>
  <si>
    <t>cg17017152</t>
  </si>
  <si>
    <t>cg17023648</t>
  </si>
  <si>
    <t>cg17024258</t>
  </si>
  <si>
    <t>cg17025560</t>
  </si>
  <si>
    <t>cg17025661</t>
  </si>
  <si>
    <t>cg17025688</t>
  </si>
  <si>
    <t>cg17026072</t>
  </si>
  <si>
    <t>cg17026763</t>
  </si>
  <si>
    <t>cg17028105</t>
  </si>
  <si>
    <t>cg17031656</t>
  </si>
  <si>
    <t>cg17036024</t>
  </si>
  <si>
    <t>cg17042926</t>
  </si>
  <si>
    <t>cg17046044</t>
  </si>
  <si>
    <t>cg17057965</t>
  </si>
  <si>
    <t>cg17074213</t>
  </si>
  <si>
    <t>cg17075937</t>
  </si>
  <si>
    <t>cg17077180</t>
  </si>
  <si>
    <t>cg17079378</t>
  </si>
  <si>
    <t>cg17080534</t>
  </si>
  <si>
    <t>cg17080709</t>
  </si>
  <si>
    <t>cg17083411</t>
  </si>
  <si>
    <t>cg17087479</t>
  </si>
  <si>
    <t>cg17092860</t>
  </si>
  <si>
    <t>cg17094363</t>
  </si>
  <si>
    <t>cg17094927</t>
  </si>
  <si>
    <t>cg17098415</t>
  </si>
  <si>
    <t>cg17099671</t>
  </si>
  <si>
    <t>cg17102089</t>
  </si>
  <si>
    <t>cg17104258</t>
  </si>
  <si>
    <t>cg17104843</t>
  </si>
  <si>
    <t>cg17105151</t>
  </si>
  <si>
    <t>cg17105358</t>
  </si>
  <si>
    <t>cg17105834</t>
  </si>
  <si>
    <t>cg17106536</t>
  </si>
  <si>
    <t>cg17110006</t>
  </si>
  <si>
    <t>cg17113008</t>
  </si>
  <si>
    <t>cg17122213</t>
  </si>
  <si>
    <t>cg17123010</t>
  </si>
  <si>
    <t>cg17123676</t>
  </si>
  <si>
    <t>cg17130063</t>
  </si>
  <si>
    <t>cg17131070</t>
  </si>
  <si>
    <t>cg17137424</t>
  </si>
  <si>
    <t>cg17138785</t>
  </si>
  <si>
    <t>cg17138852</t>
  </si>
  <si>
    <t>cg17142371</t>
  </si>
  <si>
    <t>cg17142722</t>
  </si>
  <si>
    <t>cg17142856</t>
  </si>
  <si>
    <t>cg17146638</t>
  </si>
  <si>
    <t>cg17147211</t>
  </si>
  <si>
    <t>cg17147442</t>
  </si>
  <si>
    <t>cg17148556</t>
  </si>
  <si>
    <t>cg17149882</t>
  </si>
  <si>
    <t>cg17153432</t>
  </si>
  <si>
    <t>cg17156855</t>
  </si>
  <si>
    <t>cg17158913</t>
  </si>
  <si>
    <t>cg17160590</t>
  </si>
  <si>
    <t>cg17161388</t>
  </si>
  <si>
    <t>cg17161743</t>
  </si>
  <si>
    <t>cg17163168</t>
  </si>
  <si>
    <t>cg17163527</t>
  </si>
  <si>
    <t>cg17163737</t>
  </si>
  <si>
    <t>cg17167852</t>
  </si>
  <si>
    <t>cg17167924</t>
  </si>
  <si>
    <t>cg17168242</t>
  </si>
  <si>
    <t>cg17168636</t>
  </si>
  <si>
    <t>cg17169489</t>
  </si>
  <si>
    <t>cg17169510</t>
  </si>
  <si>
    <t>cg17170111</t>
  </si>
  <si>
    <t>cg17170458</t>
  </si>
  <si>
    <t>cg17170583</t>
  </si>
  <si>
    <t>cg17173498</t>
  </si>
  <si>
    <t>cg17175208</t>
  </si>
  <si>
    <t>cg17175624</t>
  </si>
  <si>
    <t>cg17178218</t>
  </si>
  <si>
    <t>cg17179875</t>
  </si>
  <si>
    <t>cg17182302</t>
  </si>
  <si>
    <t>cg17183414</t>
  </si>
  <si>
    <t>cg17184491</t>
  </si>
  <si>
    <t>cg17185817</t>
  </si>
  <si>
    <t>cg17210929</t>
  </si>
  <si>
    <t>cg17210938</t>
  </si>
  <si>
    <t>cg17211447</t>
  </si>
  <si>
    <t>cg17215215</t>
  </si>
  <si>
    <t>cg17216478</t>
  </si>
  <si>
    <t>cg17217195</t>
  </si>
  <si>
    <t>cg17217603</t>
  </si>
  <si>
    <t>cg17218029</t>
  </si>
  <si>
    <t>cg17218713</t>
  </si>
  <si>
    <t>cg17219656</t>
  </si>
  <si>
    <t>cg17239057</t>
  </si>
  <si>
    <t>cg17239185</t>
  </si>
  <si>
    <t>cg17239558</t>
  </si>
  <si>
    <t>cg17240499</t>
  </si>
  <si>
    <t>cg17240885</t>
  </si>
  <si>
    <t>cg17243193</t>
  </si>
  <si>
    <t>cg17243540</t>
  </si>
  <si>
    <t>cg17243628</t>
  </si>
  <si>
    <t>cg17243637</t>
  </si>
  <si>
    <t>cg17257175</t>
  </si>
  <si>
    <t>cg17271960</t>
  </si>
  <si>
    <t>cg17272868</t>
  </si>
  <si>
    <t>cg17276021</t>
  </si>
  <si>
    <t>cg17276329</t>
  </si>
  <si>
    <t>cg17277729</t>
  </si>
  <si>
    <t>cg17278771</t>
  </si>
  <si>
    <t>cg17279524</t>
  </si>
  <si>
    <t>cg17282982</t>
  </si>
  <si>
    <t>cg17283139</t>
  </si>
  <si>
    <t>cg17284082</t>
  </si>
  <si>
    <t>cg17284384</t>
  </si>
  <si>
    <t>cg17284804</t>
  </si>
  <si>
    <t>cg17284865</t>
  </si>
  <si>
    <t>cg17296990</t>
  </si>
  <si>
    <t>cg17324198</t>
  </si>
  <si>
    <t>cg17325959</t>
  </si>
  <si>
    <t>cg17326555</t>
  </si>
  <si>
    <t>cg17331738</t>
  </si>
  <si>
    <t>cg17332023</t>
  </si>
  <si>
    <t>cg17332369</t>
  </si>
  <si>
    <t>cg17386433</t>
  </si>
  <si>
    <t>cg17411994</t>
  </si>
  <si>
    <t>cg17416231</t>
  </si>
  <si>
    <t>cg17418304</t>
  </si>
  <si>
    <t>cg17418463</t>
  </si>
  <si>
    <t>cg17419935</t>
  </si>
  <si>
    <t>cg17422926</t>
  </si>
  <si>
    <t>cg17427154</t>
  </si>
  <si>
    <t>cg17427639</t>
  </si>
  <si>
    <t>cg17428043</t>
  </si>
  <si>
    <t>cg17428694</t>
  </si>
  <si>
    <t>cg17429065</t>
  </si>
  <si>
    <t>cg17429900</t>
  </si>
  <si>
    <t>cg17432313</t>
  </si>
  <si>
    <t>cg17436295</t>
  </si>
  <si>
    <t>cg17442776</t>
  </si>
  <si>
    <t>cg17443359</t>
  </si>
  <si>
    <t>cg17446719</t>
  </si>
  <si>
    <t>cg17448109</t>
  </si>
  <si>
    <t>cg17448168</t>
  </si>
  <si>
    <t>cg17449954</t>
  </si>
  <si>
    <t>cg17449969</t>
  </si>
  <si>
    <t>cg17450446</t>
  </si>
  <si>
    <t>cg17451046</t>
  </si>
  <si>
    <t>cg17451471</t>
  </si>
  <si>
    <t>cg17453671</t>
  </si>
  <si>
    <t>cg17454086</t>
  </si>
  <si>
    <t>cg17455847</t>
  </si>
  <si>
    <t>cg17456100</t>
  </si>
  <si>
    <t>cg17459431</t>
  </si>
  <si>
    <t>cg17459893</t>
  </si>
  <si>
    <t>cg17461271</t>
  </si>
  <si>
    <t>cg17462394</t>
  </si>
  <si>
    <t>cg17462478</t>
  </si>
  <si>
    <t>cg17463745</t>
  </si>
  <si>
    <t>cg17465697</t>
  </si>
  <si>
    <t>cg17465881</t>
  </si>
  <si>
    <t>cg17465886</t>
  </si>
  <si>
    <t>cg17469240</t>
  </si>
  <si>
    <t>cg17470061</t>
  </si>
  <si>
    <t>cg17470347</t>
  </si>
  <si>
    <t>cg17471939</t>
  </si>
  <si>
    <t>cg17474422</t>
  </si>
  <si>
    <t>cg17474650</t>
  </si>
  <si>
    <t>cg17474694</t>
  </si>
  <si>
    <t>cg17475085</t>
  </si>
  <si>
    <t>cg17477162</t>
  </si>
  <si>
    <t>cg17478615</t>
  </si>
  <si>
    <t>cg17480077</t>
  </si>
  <si>
    <t>cg17482391</t>
  </si>
  <si>
    <t>cg17483139</t>
  </si>
  <si>
    <t>cg17484671</t>
  </si>
  <si>
    <t>cg17487993</t>
  </si>
  <si>
    <t>cg17490932</t>
  </si>
  <si>
    <t>cg17491368</t>
  </si>
  <si>
    <t>cg17491622</t>
  </si>
  <si>
    <t>cg17491850</t>
  </si>
  <si>
    <t>cg17492718</t>
  </si>
  <si>
    <t>cg17493511</t>
  </si>
  <si>
    <t>cg17495092</t>
  </si>
  <si>
    <t>cg17496659</t>
  </si>
  <si>
    <t>cg17498856</t>
  </si>
  <si>
    <t>cg17499241</t>
  </si>
  <si>
    <t>cg17504584</t>
  </si>
  <si>
    <t>cg17506588</t>
  </si>
  <si>
    <t>cg17513182</t>
  </si>
  <si>
    <t>cg17513542</t>
  </si>
  <si>
    <t>cg17515966</t>
  </si>
  <si>
    <t>cg17516889</t>
  </si>
  <si>
    <t>cg17517854</t>
  </si>
  <si>
    <t>cg17517865</t>
  </si>
  <si>
    <t>cg17518550</t>
  </si>
  <si>
    <t>cg17519449</t>
  </si>
  <si>
    <t>cg17520927</t>
  </si>
  <si>
    <t>cg17521338</t>
  </si>
  <si>
    <t>cg17587023</t>
  </si>
  <si>
    <t>cg17588293</t>
  </si>
  <si>
    <t>cg17589325</t>
  </si>
  <si>
    <t>cg17589384</t>
  </si>
  <si>
    <t>cg17589890</t>
  </si>
  <si>
    <t>cg17590292</t>
  </si>
  <si>
    <t>cg17591741</t>
  </si>
  <si>
    <t>cg17594860</t>
  </si>
  <si>
    <t>cg17595347</t>
  </si>
  <si>
    <t>cg17599471</t>
  </si>
  <si>
    <t>cg17599831</t>
  </si>
  <si>
    <t>cg17602126</t>
  </si>
  <si>
    <t>cg17602885</t>
  </si>
  <si>
    <t>cg17603271</t>
  </si>
  <si>
    <t>cg17603689</t>
  </si>
  <si>
    <t>cg17710804</t>
  </si>
  <si>
    <t>cg17711091</t>
  </si>
  <si>
    <t>cg17712416</t>
  </si>
  <si>
    <t>cg17716617</t>
  </si>
  <si>
    <t>cg17720021</t>
  </si>
  <si>
    <t>cg17720231</t>
  </si>
  <si>
    <t>cg17721249</t>
  </si>
  <si>
    <t>cg17721710</t>
  </si>
  <si>
    <t>cg17722231</t>
  </si>
  <si>
    <t>cg17722719</t>
  </si>
  <si>
    <t>cg17724814</t>
  </si>
  <si>
    <t>cg17725211</t>
  </si>
  <si>
    <t>cg17735028</t>
  </si>
  <si>
    <t>cg17735181</t>
  </si>
  <si>
    <t>cg17739026</t>
  </si>
  <si>
    <t>cg17739555</t>
  </si>
  <si>
    <t>cg17740743</t>
  </si>
  <si>
    <t>cg17742334</t>
  </si>
  <si>
    <t>cg17745088</t>
  </si>
  <si>
    <t>cg17745163</t>
  </si>
  <si>
    <t>cg17745433</t>
  </si>
  <si>
    <t>cg17748167</t>
  </si>
  <si>
    <t>cg17749735</t>
  </si>
  <si>
    <t>cg17751366</t>
  </si>
  <si>
    <t>cg17752030</t>
  </si>
  <si>
    <t>cg17752268</t>
  </si>
  <si>
    <t>cg17755208</t>
  </si>
  <si>
    <t>cg17755923</t>
  </si>
  <si>
    <t>cg17755964</t>
  </si>
  <si>
    <t>cg17759086</t>
  </si>
  <si>
    <t>cg17771854</t>
  </si>
  <si>
    <t>cg17784606</t>
  </si>
  <si>
    <t>cg17786864</t>
  </si>
  <si>
    <t>cg17796330</t>
  </si>
  <si>
    <t>cg17797446</t>
  </si>
  <si>
    <t>cg17798614</t>
  </si>
  <si>
    <t>cg17799946</t>
  </si>
  <si>
    <t>cg17801055</t>
  </si>
  <si>
    <t>cg17801840</t>
  </si>
  <si>
    <t>cg17804348</t>
  </si>
  <si>
    <t>cg17804627</t>
  </si>
  <si>
    <t>cg17806952</t>
  </si>
  <si>
    <t>cg17808635</t>
  </si>
  <si>
    <t>cg17809276</t>
  </si>
  <si>
    <t>cg17812839</t>
  </si>
  <si>
    <t>cg17816394</t>
  </si>
  <si>
    <t>cg17820306</t>
  </si>
  <si>
    <t>cg17820878</t>
  </si>
  <si>
    <t>cg17825156</t>
  </si>
  <si>
    <t>cg17825384</t>
  </si>
  <si>
    <t>cg17826013</t>
  </si>
  <si>
    <t>cg17826324</t>
  </si>
  <si>
    <t>cg17826956</t>
  </si>
  <si>
    <t>cg17827328</t>
  </si>
  <si>
    <t>cg17827850</t>
  </si>
  <si>
    <t>cg17830040</t>
  </si>
  <si>
    <t>cg17831269</t>
  </si>
  <si>
    <t>cg17833303</t>
  </si>
  <si>
    <t>cg17834155</t>
  </si>
  <si>
    <t>cg17838427</t>
  </si>
  <si>
    <t>cg17839226</t>
  </si>
  <si>
    <t>cg17840536</t>
  </si>
  <si>
    <t>cg17841099</t>
  </si>
  <si>
    <t>cg17841541</t>
  </si>
  <si>
    <t>cg17843125</t>
  </si>
  <si>
    <t>cg17848003</t>
  </si>
  <si>
    <t>cg17852594</t>
  </si>
  <si>
    <t>cg17853006</t>
  </si>
  <si>
    <t>cg17853575</t>
  </si>
  <si>
    <t>cg17855428</t>
  </si>
  <si>
    <t>cg17856610</t>
  </si>
  <si>
    <t>cg17857827</t>
  </si>
  <si>
    <t>cg17858328</t>
  </si>
  <si>
    <t>cg17859048</t>
  </si>
  <si>
    <t>cg17860485</t>
  </si>
  <si>
    <t>cg17861791</t>
  </si>
  <si>
    <t>cg17862152</t>
  </si>
  <si>
    <t>cg17864206</t>
  </si>
  <si>
    <t>cg17864958</t>
  </si>
  <si>
    <t>cg17873420</t>
  </si>
  <si>
    <t>cg17873465</t>
  </si>
  <si>
    <t>cg17873612</t>
  </si>
  <si>
    <t>cg17874478</t>
  </si>
  <si>
    <t>cg17875957</t>
  </si>
  <si>
    <t>cg17875988</t>
  </si>
  <si>
    <t>cg17880376</t>
  </si>
  <si>
    <t>cg17881660</t>
  </si>
  <si>
    <t>cg17882959</t>
  </si>
  <si>
    <t>cg17886164</t>
  </si>
  <si>
    <t>cg17886330</t>
  </si>
  <si>
    <t>cg17892328</t>
  </si>
  <si>
    <t>cg17894331</t>
  </si>
  <si>
    <t>cg17900884</t>
  </si>
  <si>
    <t>cg17903627</t>
  </si>
  <si>
    <t>cg17906267</t>
  </si>
  <si>
    <t>cg17906269</t>
  </si>
  <si>
    <t>cg17907238</t>
  </si>
  <si>
    <t>cg17908602</t>
  </si>
  <si>
    <t>cg17918280</t>
  </si>
  <si>
    <t>cg17919206</t>
  </si>
  <si>
    <t>cg17927613</t>
  </si>
  <si>
    <t>cg17928286</t>
  </si>
  <si>
    <t>cg17928651</t>
  </si>
  <si>
    <t>cg17929645</t>
  </si>
  <si>
    <t>cg17930550</t>
  </si>
  <si>
    <t>cg17932598</t>
  </si>
  <si>
    <t>cg17932726</t>
  </si>
  <si>
    <t>cg17933427</t>
  </si>
  <si>
    <t>cg17933765</t>
  </si>
  <si>
    <t>cg17933911</t>
  </si>
  <si>
    <t>cg17934390</t>
  </si>
  <si>
    <t>cg17934824</t>
  </si>
  <si>
    <t>cg17936495</t>
  </si>
  <si>
    <t>cg17939001</t>
  </si>
  <si>
    <t>cg17940268</t>
  </si>
  <si>
    <t>cg17940673</t>
  </si>
  <si>
    <t>cg17941572</t>
  </si>
  <si>
    <t>cg17944001</t>
  </si>
  <si>
    <t>cg17944328</t>
  </si>
  <si>
    <t>cg17949451</t>
  </si>
  <si>
    <t>cg17949727</t>
  </si>
  <si>
    <t>cg17952939</t>
  </si>
  <si>
    <t>cg17966560</t>
  </si>
  <si>
    <t>cg17967071</t>
  </si>
  <si>
    <t>cg17969377</t>
  </si>
  <si>
    <t>cg17971531</t>
  </si>
  <si>
    <t>cg17972631</t>
  </si>
  <si>
    <t>cg17974575</t>
  </si>
  <si>
    <t>cg17975245</t>
  </si>
  <si>
    <t>cg17986992</t>
  </si>
  <si>
    <t>cg18017109</t>
  </si>
  <si>
    <t>cg18017573</t>
  </si>
  <si>
    <t>cg18017761</t>
  </si>
  <si>
    <t>cg18018245</t>
  </si>
  <si>
    <t>cg18021393</t>
  </si>
  <si>
    <t>cg18022324</t>
  </si>
  <si>
    <t>cg18023909</t>
  </si>
  <si>
    <t>cg18024113</t>
  </si>
  <si>
    <t>cg18024358</t>
  </si>
  <si>
    <t>cg18024631</t>
  </si>
  <si>
    <t>cg18025438</t>
  </si>
  <si>
    <t>cg18027784</t>
  </si>
  <si>
    <t>cg18081940</t>
  </si>
  <si>
    <t>cg18082680</t>
  </si>
  <si>
    <t>cg18085070</t>
  </si>
  <si>
    <t>cg18085998</t>
  </si>
  <si>
    <t>cg18086187</t>
  </si>
  <si>
    <t>cg18086761</t>
  </si>
  <si>
    <t>cg18088494</t>
  </si>
  <si>
    <t>cg18106171</t>
  </si>
  <si>
    <t>cg18106370</t>
  </si>
  <si>
    <t>cg18108008</t>
  </si>
  <si>
    <t>cg18117094</t>
  </si>
  <si>
    <t>cg18117228</t>
  </si>
  <si>
    <t>cg18120323</t>
  </si>
  <si>
    <t>cg18122419</t>
  </si>
  <si>
    <t>cg18123911</t>
  </si>
  <si>
    <t>cg18124616</t>
  </si>
  <si>
    <t>cg18125208</t>
  </si>
  <si>
    <t>cg18125865</t>
  </si>
  <si>
    <t>cg18127191</t>
  </si>
  <si>
    <t>cg18129198</t>
  </si>
  <si>
    <t>cg18130800</t>
  </si>
  <si>
    <t>cg18131141</t>
  </si>
  <si>
    <t>cg18132611</t>
  </si>
  <si>
    <t>cg18133961</t>
  </si>
  <si>
    <t>cg18136681</t>
  </si>
  <si>
    <t>cg18138172</t>
  </si>
  <si>
    <t>cg18138866</t>
  </si>
  <si>
    <t>cg18139020</t>
  </si>
  <si>
    <t>cg18141532</t>
  </si>
  <si>
    <t>cg18141828</t>
  </si>
  <si>
    <t>cg18142940</t>
  </si>
  <si>
    <t>cg18143535</t>
  </si>
  <si>
    <t>cg18146737</t>
  </si>
  <si>
    <t>cg18146843</t>
  </si>
  <si>
    <t>cg18147280</t>
  </si>
  <si>
    <t>cg18147366</t>
  </si>
  <si>
    <t>cg18149508</t>
  </si>
  <si>
    <t>cg18155888</t>
  </si>
  <si>
    <t>cg18157027</t>
  </si>
  <si>
    <t>cg18157738</t>
  </si>
  <si>
    <t>cg18158385</t>
  </si>
  <si>
    <t>cg18159230</t>
  </si>
  <si>
    <t>cg18159850</t>
  </si>
  <si>
    <t>cg18162120</t>
  </si>
  <si>
    <t>cg18163252</t>
  </si>
  <si>
    <t>cg18164313</t>
  </si>
  <si>
    <t>cg18164611</t>
  </si>
  <si>
    <t>cg18166862</t>
  </si>
  <si>
    <t>cg18174052</t>
  </si>
  <si>
    <t>cg18174258</t>
  </si>
  <si>
    <t>cg18175808</t>
  </si>
  <si>
    <t>cg18181229</t>
  </si>
  <si>
    <t>cg18182148</t>
  </si>
  <si>
    <t>cg18183014</t>
  </si>
  <si>
    <t>cg18186394</t>
  </si>
  <si>
    <t>cg18187148</t>
  </si>
  <si>
    <t>cg18188585</t>
  </si>
  <si>
    <t>cg18192083</t>
  </si>
  <si>
    <t>cg18194353</t>
  </si>
  <si>
    <t>cg18194393</t>
  </si>
  <si>
    <t>cg18194483</t>
  </si>
  <si>
    <t>cg18198730</t>
  </si>
  <si>
    <t>cg18199753</t>
  </si>
  <si>
    <t>cg18201679</t>
  </si>
  <si>
    <t>cg18202502</t>
  </si>
  <si>
    <t>cg18202521</t>
  </si>
  <si>
    <t>cg18216292</t>
  </si>
  <si>
    <t>cg18219212</t>
  </si>
  <si>
    <t>cg18221467</t>
  </si>
  <si>
    <t>cg18224445</t>
  </si>
  <si>
    <t>cg18224588</t>
  </si>
  <si>
    <t>cg18226478</t>
  </si>
  <si>
    <t>cg18227129</t>
  </si>
  <si>
    <t>cg18228326</t>
  </si>
  <si>
    <t>cg18230417</t>
  </si>
  <si>
    <t>cg18231054</t>
  </si>
  <si>
    <t>cg18232980</t>
  </si>
  <si>
    <t>cg18233942</t>
  </si>
  <si>
    <t>cg18234561</t>
  </si>
  <si>
    <t>cg18235734</t>
  </si>
  <si>
    <t>cg18235937</t>
  </si>
  <si>
    <t>cg18236421</t>
  </si>
  <si>
    <t>cg18237618</t>
  </si>
  <si>
    <t>cg18242427</t>
  </si>
  <si>
    <t>cg18263059</t>
  </si>
  <si>
    <t>cg18263451</t>
  </si>
  <si>
    <t>cg18265147</t>
  </si>
  <si>
    <t>cg18267790</t>
  </si>
  <si>
    <t>cg18270627</t>
  </si>
  <si>
    <t>cg18271025</t>
  </si>
  <si>
    <t>cg18271913</t>
  </si>
  <si>
    <t>cg18272461</t>
  </si>
  <si>
    <t>cg18272703</t>
  </si>
  <si>
    <t>cg18273408</t>
  </si>
  <si>
    <t>cg18273417</t>
  </si>
  <si>
    <t>cg18275321</t>
  </si>
  <si>
    <t>cg18276638</t>
  </si>
  <si>
    <t>cg18277007</t>
  </si>
  <si>
    <t>cg18277682</t>
  </si>
  <si>
    <t>cg18279094</t>
  </si>
  <si>
    <t>cg18279839</t>
  </si>
  <si>
    <t>cg18280007</t>
  </si>
  <si>
    <t>cg18280463</t>
  </si>
  <si>
    <t>cg18281101</t>
  </si>
  <si>
    <t>cg18289048</t>
  </si>
  <si>
    <t>cg18312113</t>
  </si>
  <si>
    <t>cg18312997</t>
  </si>
  <si>
    <t>cg18313106</t>
  </si>
  <si>
    <t>cg18313583</t>
  </si>
  <si>
    <t>cg18315935</t>
  </si>
  <si>
    <t>cg18316974</t>
  </si>
  <si>
    <t>cg18318878</t>
  </si>
  <si>
    <t>cg18322569</t>
  </si>
  <si>
    <t>cg18323922</t>
  </si>
  <si>
    <t>cg18324862</t>
  </si>
  <si>
    <t>cg18325794</t>
  </si>
  <si>
    <t>cg18326115</t>
  </si>
  <si>
    <t>cg18328206</t>
  </si>
  <si>
    <t>cg18342253</t>
  </si>
  <si>
    <t>cg18343658</t>
  </si>
  <si>
    <t>cg18344652</t>
  </si>
  <si>
    <t>cg18346784</t>
  </si>
  <si>
    <t>cg18348086</t>
  </si>
  <si>
    <t>cg18348226</t>
  </si>
  <si>
    <t>cg18368411</t>
  </si>
  <si>
    <t>cg18370318</t>
  </si>
  <si>
    <t>cg18375860</t>
  </si>
  <si>
    <t>cg18380175</t>
  </si>
  <si>
    <t>cg18380490</t>
  </si>
  <si>
    <t>cg18382341</t>
  </si>
  <si>
    <t>cg18382599</t>
  </si>
  <si>
    <t>cg18383585</t>
  </si>
  <si>
    <t>cg18387343</t>
  </si>
  <si>
    <t>cg18388270</t>
  </si>
  <si>
    <t>cg18394216</t>
  </si>
  <si>
    <t>cg18395078</t>
  </si>
  <si>
    <t>cg18395233</t>
  </si>
  <si>
    <t>cg18396811</t>
  </si>
  <si>
    <t>cg18397023</t>
  </si>
  <si>
    <t>cg18397157</t>
  </si>
  <si>
    <t>cg18397998</t>
  </si>
  <si>
    <t>cg18435782</t>
  </si>
  <si>
    <t>cg18436758</t>
  </si>
  <si>
    <t>cg18438124</t>
  </si>
  <si>
    <t>cg18451114</t>
  </si>
  <si>
    <t>cg18533397</t>
  </si>
  <si>
    <t>cg18533966</t>
  </si>
  <si>
    <t>cg18534318</t>
  </si>
  <si>
    <t>cg18539461</t>
  </si>
  <si>
    <t>cg18539474</t>
  </si>
  <si>
    <t>cg18539546</t>
  </si>
  <si>
    <t>cg18540492</t>
  </si>
  <si>
    <t>cg18561676</t>
  </si>
  <si>
    <t>cg18563336</t>
  </si>
  <si>
    <t>cg18564989</t>
  </si>
  <si>
    <t>cg18565264</t>
  </si>
  <si>
    <t>cg18577128</t>
  </si>
  <si>
    <t>cg18580491</t>
  </si>
  <si>
    <t>cg18590590</t>
  </si>
  <si>
    <t>cg18593717</t>
  </si>
  <si>
    <t>cg18594482</t>
  </si>
  <si>
    <t>cg18643958</t>
  </si>
  <si>
    <t>cg18649601</t>
  </si>
  <si>
    <t>cg18755581</t>
  </si>
  <si>
    <t>cg18757242</t>
  </si>
  <si>
    <t>cg18758585</t>
  </si>
  <si>
    <t>cg18759102</t>
  </si>
  <si>
    <t>cg18760729</t>
  </si>
  <si>
    <t>cg18761929</t>
  </si>
  <si>
    <t>cg18762736</t>
  </si>
  <si>
    <t>cg18763089</t>
  </si>
  <si>
    <t>cg18765678</t>
  </si>
  <si>
    <t>cg18766056</t>
  </si>
  <si>
    <t>cg18768400</t>
  </si>
  <si>
    <t>cg18769103</t>
  </si>
  <si>
    <t>cg18770350</t>
  </si>
  <si>
    <t>cg18786479</t>
  </si>
  <si>
    <t>cg18786873</t>
  </si>
  <si>
    <t>cg18787908</t>
  </si>
  <si>
    <t>cg18789663</t>
  </si>
  <si>
    <t>cg18792022</t>
  </si>
  <si>
    <t>cg18792131</t>
  </si>
  <si>
    <t>cg18792146</t>
  </si>
  <si>
    <t>cg18794145</t>
  </si>
  <si>
    <t>cg18794839</t>
  </si>
  <si>
    <t>cg18795461</t>
  </si>
  <si>
    <t>cg18800085</t>
  </si>
  <si>
    <t>cg18800322</t>
  </si>
  <si>
    <t>cg18800479</t>
  </si>
  <si>
    <t>cg18803110</t>
  </si>
  <si>
    <t>cg18810133</t>
  </si>
  <si>
    <t>cg18813989</t>
  </si>
  <si>
    <t>cg18815943</t>
  </si>
  <si>
    <t>cg18816107</t>
  </si>
  <si>
    <t>cg18818048</t>
  </si>
  <si>
    <t>cg18825999</t>
  </si>
  <si>
    <t>cg18830459</t>
  </si>
  <si>
    <t>cg18860787</t>
  </si>
  <si>
    <t>cg18861810</t>
  </si>
  <si>
    <t>cg18863135</t>
  </si>
  <si>
    <t>cg18873878</t>
  </si>
  <si>
    <t>cg18874953</t>
  </si>
  <si>
    <t>cg18877635</t>
  </si>
  <si>
    <t>cg18878095</t>
  </si>
  <si>
    <t>cg18879646</t>
  </si>
  <si>
    <t>cg18881764</t>
  </si>
  <si>
    <t>cg18885107</t>
  </si>
  <si>
    <t>cg18890544</t>
  </si>
  <si>
    <t>cg18891020</t>
  </si>
  <si>
    <t>cg18930928</t>
  </si>
  <si>
    <t>cg18943693</t>
  </si>
  <si>
    <t>cg18945467</t>
  </si>
  <si>
    <t>cg18947305</t>
  </si>
  <si>
    <t>cg18947360</t>
  </si>
  <si>
    <t>cg18947553</t>
  </si>
  <si>
    <t>cg18948743</t>
  </si>
  <si>
    <t>cg18948941</t>
  </si>
  <si>
    <t>cg18964375</t>
  </si>
  <si>
    <t>cg18965620</t>
  </si>
  <si>
    <t>cg18972349</t>
  </si>
  <si>
    <t>cg18972998</t>
  </si>
  <si>
    <t>cg18976437</t>
  </si>
  <si>
    <t>cg19019214</t>
  </si>
  <si>
    <t>cg19022697</t>
  </si>
  <si>
    <t>cg19022814</t>
  </si>
  <si>
    <t>cg19025525</t>
  </si>
  <si>
    <t>cg19029696</t>
  </si>
  <si>
    <t>cg19081571</t>
  </si>
  <si>
    <t>cg19082003</t>
  </si>
  <si>
    <t>cg19083779</t>
  </si>
  <si>
    <t>cg19084726</t>
  </si>
  <si>
    <t>cg19085554</t>
  </si>
  <si>
    <t>cg19085699</t>
  </si>
  <si>
    <t>cg19088856</t>
  </si>
  <si>
    <t>cg19089033</t>
  </si>
  <si>
    <t>cg19090068</t>
  </si>
  <si>
    <t>cg19091116</t>
  </si>
  <si>
    <t>cg19092248</t>
  </si>
  <si>
    <t>cg19092368</t>
  </si>
  <si>
    <t>cg19092396</t>
  </si>
  <si>
    <t>cg19092620</t>
  </si>
  <si>
    <t>cg19098763</t>
  </si>
  <si>
    <t>cg19098932</t>
  </si>
  <si>
    <t>cg19099833</t>
  </si>
  <si>
    <t>cg19099983</t>
  </si>
  <si>
    <t>cg19158176</t>
  </si>
  <si>
    <t>cg19158553</t>
  </si>
  <si>
    <t>cg19159602</t>
  </si>
  <si>
    <t>cg19160754</t>
  </si>
  <si>
    <t>cg19164253</t>
  </si>
  <si>
    <t>cg19165249</t>
  </si>
  <si>
    <t>cg19166660</t>
  </si>
  <si>
    <t>cg19205994</t>
  </si>
  <si>
    <t>cg19206040</t>
  </si>
  <si>
    <t>cg19224645</t>
  </si>
  <si>
    <t>cg19233769</t>
  </si>
  <si>
    <t>cg19234509</t>
  </si>
  <si>
    <t>cg19234591</t>
  </si>
  <si>
    <t>cg19235966</t>
  </si>
  <si>
    <t>cg19237691</t>
  </si>
  <si>
    <t>cg19238422</t>
  </si>
  <si>
    <t>cg19240319</t>
  </si>
  <si>
    <t>cg19244640</t>
  </si>
  <si>
    <t>cg19247124</t>
  </si>
  <si>
    <t>cg19248302</t>
  </si>
  <si>
    <t>cg19250177</t>
  </si>
  <si>
    <t>cg19251242</t>
  </si>
  <si>
    <t>cg19251740</t>
  </si>
  <si>
    <t>cg19252551</t>
  </si>
  <si>
    <t>cg19254479</t>
  </si>
  <si>
    <t>cg19255477</t>
  </si>
  <si>
    <t>cg19257356</t>
  </si>
  <si>
    <t>cg19259649</t>
  </si>
  <si>
    <t>cg19260885</t>
  </si>
  <si>
    <t>cg19265480</t>
  </si>
  <si>
    <t>cg19266779</t>
  </si>
  <si>
    <t>cg19267259</t>
  </si>
  <si>
    <t>cg19267867</t>
  </si>
  <si>
    <t>cg19268708</t>
  </si>
  <si>
    <t>cg19270505</t>
  </si>
  <si>
    <t>cg19273316</t>
  </si>
  <si>
    <t>cg19275040</t>
  </si>
  <si>
    <t>cg19282714</t>
  </si>
  <si>
    <t>cg19301058</t>
  </si>
  <si>
    <t>cg19304150</t>
  </si>
  <si>
    <t>cg19305147</t>
  </si>
  <si>
    <t>cg19307233</t>
  </si>
  <si>
    <t>cg19312536</t>
  </si>
  <si>
    <t>cg19314945</t>
  </si>
  <si>
    <t>cg19315508</t>
  </si>
  <si>
    <t>cg19317333</t>
  </si>
  <si>
    <t>cg19317413</t>
  </si>
  <si>
    <t>cg19318393</t>
  </si>
  <si>
    <t>cg19321142</t>
  </si>
  <si>
    <t>cg19356825</t>
  </si>
  <si>
    <t>cg19358202</t>
  </si>
  <si>
    <t>cg19358594</t>
  </si>
  <si>
    <t>cg19359929</t>
  </si>
  <si>
    <t>cg19362328</t>
  </si>
  <si>
    <t>cg19364137</t>
  </si>
  <si>
    <t>cg19368701</t>
  </si>
  <si>
    <t>cg19368966</t>
  </si>
  <si>
    <t>cg19370166</t>
  </si>
  <si>
    <t>cg19370322</t>
  </si>
  <si>
    <t>cg19370684</t>
  </si>
  <si>
    <t>cg19373545</t>
  </si>
  <si>
    <t>cg19374457</t>
  </si>
  <si>
    <t>cg19375537</t>
  </si>
  <si>
    <t>cg19376709</t>
  </si>
  <si>
    <t>cg19380001</t>
  </si>
  <si>
    <t>cg19400000</t>
  </si>
  <si>
    <t>cg19403103</t>
  </si>
  <si>
    <t>cg19403269</t>
  </si>
  <si>
    <t>cg19403496</t>
  </si>
  <si>
    <t>cg19403720</t>
  </si>
  <si>
    <t>cg19404896</t>
  </si>
  <si>
    <t>cg19406040</t>
  </si>
  <si>
    <t>cg19406259</t>
  </si>
  <si>
    <t>cg19406511</t>
  </si>
  <si>
    <t>cg19406975</t>
  </si>
  <si>
    <t>cg19408915</t>
  </si>
  <si>
    <t>cg19411708</t>
  </si>
  <si>
    <t>cg19413799</t>
  </si>
  <si>
    <t>cg19414071</t>
  </si>
  <si>
    <t>cg19414591</t>
  </si>
  <si>
    <t>cg19496155</t>
  </si>
  <si>
    <t>cg19497548</t>
  </si>
  <si>
    <t>cg19502417</t>
  </si>
  <si>
    <t>cg19507727</t>
  </si>
  <si>
    <t>cg19507893</t>
  </si>
  <si>
    <t>cg19508900</t>
  </si>
  <si>
    <t>cg19510057</t>
  </si>
  <si>
    <t>cg19516105</t>
  </si>
  <si>
    <t>cg19516647</t>
  </si>
  <si>
    <t>cg19517490</t>
  </si>
  <si>
    <t>cg19519630</t>
  </si>
  <si>
    <t>cg19519737</t>
  </si>
  <si>
    <t>cg19587105</t>
  </si>
  <si>
    <t>cg19588399</t>
  </si>
  <si>
    <t>cg19589795</t>
  </si>
  <si>
    <t>cg19590227</t>
  </si>
  <si>
    <t>cg19594360</t>
  </si>
  <si>
    <t>cg19595850</t>
  </si>
  <si>
    <t>cg19595912</t>
  </si>
  <si>
    <t>cg19596493</t>
  </si>
  <si>
    <t>cg19597652</t>
  </si>
  <si>
    <t>cg19598416</t>
  </si>
  <si>
    <t>cg19601664</t>
  </si>
  <si>
    <t>cg19602374</t>
  </si>
  <si>
    <t>cg19602920</t>
  </si>
  <si>
    <t>cg19622078</t>
  </si>
  <si>
    <t>cg19622360</t>
  </si>
  <si>
    <t>cg19623875</t>
  </si>
  <si>
    <t>cg19624799</t>
  </si>
  <si>
    <t>cg19624849</t>
  </si>
  <si>
    <t>cg19624873</t>
  </si>
  <si>
    <t>cg19628225</t>
  </si>
  <si>
    <t>cg19628758</t>
  </si>
  <si>
    <t>cg19631585</t>
  </si>
  <si>
    <t>cg19633487</t>
  </si>
  <si>
    <t>cg19633675</t>
  </si>
  <si>
    <t>cg19635158</t>
  </si>
  <si>
    <t>cg19637330</t>
  </si>
  <si>
    <t>cg19639479</t>
  </si>
  <si>
    <t>cg19640303</t>
  </si>
  <si>
    <t>cg19640439</t>
  </si>
  <si>
    <t>cg19641395</t>
  </si>
  <si>
    <t>cg19643665</t>
  </si>
  <si>
    <t>cg19644445</t>
  </si>
  <si>
    <t>cg19646445</t>
  </si>
  <si>
    <t>cg19647058</t>
  </si>
  <si>
    <t>cg19676238</t>
  </si>
  <si>
    <t>cg19678564</t>
  </si>
  <si>
    <t>cg19682514</t>
  </si>
  <si>
    <t>cg19694770</t>
  </si>
  <si>
    <t>cg19694957</t>
  </si>
  <si>
    <t>cg19694978</t>
  </si>
  <si>
    <t>cg19695415</t>
  </si>
  <si>
    <t>cg19696441</t>
  </si>
  <si>
    <t>cg19697085</t>
  </si>
  <si>
    <t>cg19697382</t>
  </si>
  <si>
    <t>cg19697558</t>
  </si>
  <si>
    <t>cg19706390</t>
  </si>
  <si>
    <t>cg19706449</t>
  </si>
  <si>
    <t>cg19706803</t>
  </si>
  <si>
    <t>cg19707638</t>
  </si>
  <si>
    <t>cg19708306</t>
  </si>
  <si>
    <t>cg19709585</t>
  </si>
  <si>
    <t>cg19711007</t>
  </si>
  <si>
    <t>cg19712965</t>
  </si>
  <si>
    <t>cg19714913</t>
  </si>
  <si>
    <t>cg19716902</t>
  </si>
  <si>
    <t>cg19720805</t>
  </si>
  <si>
    <t>cg19724668</t>
  </si>
  <si>
    <t>cg19726343</t>
  </si>
  <si>
    <t>cg19727059</t>
  </si>
  <si>
    <t>cg19727439</t>
  </si>
  <si>
    <t>cg19729672</t>
  </si>
  <si>
    <t>cg19730691</t>
  </si>
  <si>
    <t>cg19732653</t>
  </si>
  <si>
    <t>cg19735739</t>
  </si>
  <si>
    <t>cg19738576</t>
  </si>
  <si>
    <t>cg19741500</t>
  </si>
  <si>
    <t>cg19745637</t>
  </si>
  <si>
    <t>cg19746874</t>
  </si>
  <si>
    <t>cg19749688</t>
  </si>
  <si>
    <t>cg19751897</t>
  </si>
  <si>
    <t>cg19753255</t>
  </si>
  <si>
    <t>cg19754013</t>
  </si>
  <si>
    <t>cg19755069</t>
  </si>
  <si>
    <t>cg19755544</t>
  </si>
  <si>
    <t>cg19756430</t>
  </si>
  <si>
    <t>cg19756726</t>
  </si>
  <si>
    <t>cg19756947</t>
  </si>
  <si>
    <t>cg19757176</t>
  </si>
  <si>
    <t>cg19757631</t>
  </si>
  <si>
    <t>cg19758033</t>
  </si>
  <si>
    <t>cg19760243</t>
  </si>
  <si>
    <t>cg19764421</t>
  </si>
  <si>
    <t>cg19764599</t>
  </si>
  <si>
    <t>cg19765451</t>
  </si>
  <si>
    <t>cg19768329</t>
  </si>
  <si>
    <t>cg19769760</t>
  </si>
  <si>
    <t>cg19769989</t>
  </si>
  <si>
    <t>cg19774846</t>
  </si>
  <si>
    <t>cg19775916</t>
  </si>
  <si>
    <t>cg19778201</t>
  </si>
  <si>
    <t>cg19779116</t>
  </si>
  <si>
    <t>cg19781248</t>
  </si>
  <si>
    <t>cg19783114</t>
  </si>
  <si>
    <t>cg19802390</t>
  </si>
  <si>
    <t>cg19806021</t>
  </si>
  <si>
    <t>cg19806849</t>
  </si>
  <si>
    <t>cg19807257</t>
  </si>
  <si>
    <t>cg19808620</t>
  </si>
  <si>
    <t>cg19808825</t>
  </si>
  <si>
    <t>cg19809453</t>
  </si>
  <si>
    <t>cg19809499</t>
  </si>
  <si>
    <t>cg19809791</t>
  </si>
  <si>
    <t>cg19809977</t>
  </si>
  <si>
    <t>cg19810598</t>
  </si>
  <si>
    <t>cg19811087</t>
  </si>
  <si>
    <t>cg19812272</t>
  </si>
  <si>
    <t>cg19812400</t>
  </si>
  <si>
    <t>cg19820919</t>
  </si>
  <si>
    <t>cg19824396</t>
  </si>
  <si>
    <t>cg19825186</t>
  </si>
  <si>
    <t>cg19826439</t>
  </si>
  <si>
    <t>cg19827167</t>
  </si>
  <si>
    <t>cg19827787</t>
  </si>
  <si>
    <t>cg19827875</t>
  </si>
  <si>
    <t>cg19856139</t>
  </si>
  <si>
    <t>cg19856606</t>
  </si>
  <si>
    <t>cg19856705</t>
  </si>
  <si>
    <t>cg19857071</t>
  </si>
  <si>
    <t>cg19857564</t>
  </si>
  <si>
    <t>cg19866325</t>
  </si>
  <si>
    <t>cg19866866</t>
  </si>
  <si>
    <t>cg19871494</t>
  </si>
  <si>
    <t>cg19896612</t>
  </si>
  <si>
    <t>cg19897113</t>
  </si>
  <si>
    <t>cg19898230</t>
  </si>
  <si>
    <t>cg19899395</t>
  </si>
  <si>
    <t>cg19901191</t>
  </si>
  <si>
    <t>cg19903298</t>
  </si>
  <si>
    <t>cg19906608</t>
  </si>
  <si>
    <t>cg19908139</t>
  </si>
  <si>
    <t>cg19911801</t>
  </si>
  <si>
    <t>cg19911969</t>
  </si>
  <si>
    <t>cg19915020</t>
  </si>
  <si>
    <t>cg19915466</t>
  </si>
  <si>
    <t>cg19917714</t>
  </si>
  <si>
    <t>cg19918821</t>
  </si>
  <si>
    <t>cg19920191</t>
  </si>
  <si>
    <t>cg19921279</t>
  </si>
  <si>
    <t>cg19922137</t>
  </si>
  <si>
    <t>cg19924025</t>
  </si>
  <si>
    <t>cg19925772</t>
  </si>
  <si>
    <t>cg19927691</t>
  </si>
  <si>
    <t>cg19927780</t>
  </si>
  <si>
    <t>cg19928739</t>
  </si>
  <si>
    <t>cg19930569</t>
  </si>
  <si>
    <t>cg19936157</t>
  </si>
  <si>
    <t>cg19937480</t>
  </si>
  <si>
    <t>cg19939503</t>
  </si>
  <si>
    <t>cg19939555</t>
  </si>
  <si>
    <t>cg19940077</t>
  </si>
  <si>
    <t>cg20000946</t>
  </si>
  <si>
    <t>cg20003295</t>
  </si>
  <si>
    <t>cg20003692</t>
  </si>
  <si>
    <t>cg20011075</t>
  </si>
  <si>
    <t>cg20011248</t>
  </si>
  <si>
    <t>cg20013286</t>
  </si>
  <si>
    <t>cg20014094</t>
  </si>
  <si>
    <t>cg20014778</t>
  </si>
  <si>
    <t>cg20016673</t>
  </si>
  <si>
    <t>cg20018234</t>
  </si>
  <si>
    <t>cg20059467</t>
  </si>
  <si>
    <t>cg20062737</t>
  </si>
  <si>
    <t>cg20064047</t>
  </si>
  <si>
    <t>cg20136584</t>
  </si>
  <si>
    <t>cg20136738</t>
  </si>
  <si>
    <t>cg20139898</t>
  </si>
  <si>
    <t>cg20141398</t>
  </si>
  <si>
    <t>cg20141910</t>
  </si>
  <si>
    <t>cg20143895</t>
  </si>
  <si>
    <t>cg20144521</t>
  </si>
  <si>
    <t>cg20145426</t>
  </si>
  <si>
    <t>cg20145692</t>
  </si>
  <si>
    <t>cg20146541</t>
  </si>
  <si>
    <t>cg20149757</t>
  </si>
  <si>
    <t>cg20149956</t>
  </si>
  <si>
    <t>cg20154143</t>
  </si>
  <si>
    <t>cg20155988</t>
  </si>
  <si>
    <t>cg20157693</t>
  </si>
  <si>
    <t>cg20159777</t>
  </si>
  <si>
    <t>cg20160182</t>
  </si>
  <si>
    <t>cg20163085</t>
  </si>
  <si>
    <t>cg20164068</t>
  </si>
  <si>
    <t>cg20164915</t>
  </si>
  <si>
    <t>cg20165381</t>
  </si>
  <si>
    <t>cg20168230</t>
  </si>
  <si>
    <t>cg20169506</t>
  </si>
  <si>
    <t>cg20236831</t>
  </si>
  <si>
    <t>cg20239099</t>
  </si>
  <si>
    <t>cg20239527</t>
  </si>
  <si>
    <t>cg20240347</t>
  </si>
  <si>
    <t>cg20242752</t>
  </si>
  <si>
    <t>cg20243285</t>
  </si>
  <si>
    <t>cg20248954</t>
  </si>
  <si>
    <t>cg20249584</t>
  </si>
  <si>
    <t>cg20251008</t>
  </si>
  <si>
    <t>cg20251225</t>
  </si>
  <si>
    <t>cg20253172</t>
  </si>
  <si>
    <t>cg20255817</t>
  </si>
  <si>
    <t>cg20263392</t>
  </si>
  <si>
    <t>cg20263885</t>
  </si>
  <si>
    <t>cg20266883</t>
  </si>
  <si>
    <t>cg20270863</t>
  </si>
  <si>
    <t>cg20271029</t>
  </si>
  <si>
    <t>cg20272604</t>
  </si>
  <si>
    <t>cg20274267</t>
  </si>
  <si>
    <t>cg20275889</t>
  </si>
  <si>
    <t>cg20279402</t>
  </si>
  <si>
    <t>cg20282741</t>
  </si>
  <si>
    <t>cg20284025</t>
  </si>
  <si>
    <t>cg20285514</t>
  </si>
  <si>
    <t>cg20285559</t>
  </si>
  <si>
    <t>cg20286956</t>
  </si>
  <si>
    <t>cg20288000</t>
  </si>
  <si>
    <t>cg20288655</t>
  </si>
  <si>
    <t>cg20290360</t>
  </si>
  <si>
    <t>cg20293609</t>
  </si>
  <si>
    <t>cg20296524</t>
  </si>
  <si>
    <t>cg20297940</t>
  </si>
  <si>
    <t>cg20298273</t>
  </si>
  <si>
    <t>cg20301722</t>
  </si>
  <si>
    <t>cg20302420</t>
  </si>
  <si>
    <t>cg20303021</t>
  </si>
  <si>
    <t>cg20304811</t>
  </si>
  <si>
    <t>cg20308213</t>
  </si>
  <si>
    <t>cg20309606</t>
  </si>
  <si>
    <t>cg20311863</t>
  </si>
  <si>
    <t>cg20313496</t>
  </si>
  <si>
    <t>cg20314038</t>
  </si>
  <si>
    <t>cg20317417</t>
  </si>
  <si>
    <t>cg20317738</t>
  </si>
  <si>
    <t>cg20318608</t>
  </si>
  <si>
    <t>cg20318713</t>
  </si>
  <si>
    <t>cg20320717</t>
  </si>
  <si>
    <t>cg20321153</t>
  </si>
  <si>
    <t>cg20326928</t>
  </si>
  <si>
    <t>cg20327061</t>
  </si>
  <si>
    <t>cg20328160</t>
  </si>
  <si>
    <t>cg20329084</t>
  </si>
  <si>
    <t>cg20329210</t>
  </si>
  <si>
    <t>cg20330021</t>
  </si>
  <si>
    <t>cg20332660</t>
  </si>
  <si>
    <t>cg20332866</t>
  </si>
  <si>
    <t>cg20335309</t>
  </si>
  <si>
    <t>cg20335425</t>
  </si>
  <si>
    <t>cg20345840</t>
  </si>
  <si>
    <t>cg20382344</t>
  </si>
  <si>
    <t>cg20385686</t>
  </si>
  <si>
    <t>cg20386875</t>
  </si>
  <si>
    <t>cg20387569</t>
  </si>
  <si>
    <t>cg20387712</t>
  </si>
  <si>
    <t>cg20388062</t>
  </si>
  <si>
    <t>cg20388123</t>
  </si>
  <si>
    <t>cg20390741</t>
  </si>
  <si>
    <t>cg20406347</t>
  </si>
  <si>
    <t>cg20410415</t>
  </si>
  <si>
    <t>cg20410537</t>
  </si>
  <si>
    <t>cg20412250</t>
  </si>
  <si>
    <t>cg20413923</t>
  </si>
  <si>
    <t>cg20418507</t>
  </si>
  <si>
    <t>cg20420867</t>
  </si>
  <si>
    <t>cg20430773</t>
  </si>
  <si>
    <t>cg20430847</t>
  </si>
  <si>
    <t>cg20431191</t>
  </si>
  <si>
    <t>cg20432200</t>
  </si>
  <si>
    <t>cg20433275</t>
  </si>
  <si>
    <t>cg20449648</t>
  </si>
  <si>
    <t>cg20452714</t>
  </si>
  <si>
    <t>cg20457394</t>
  </si>
  <si>
    <t>cg20457594</t>
  </si>
  <si>
    <t>cg20458812</t>
  </si>
  <si>
    <t>cg20462360</t>
  </si>
  <si>
    <t>cg20462449</t>
  </si>
  <si>
    <t>cg20462899</t>
  </si>
  <si>
    <t>cg20463526</t>
  </si>
  <si>
    <t>cg20464246</t>
  </si>
  <si>
    <t>cg20466166</t>
  </si>
  <si>
    <t>cg20467168</t>
  </si>
  <si>
    <t>cg20478514</t>
  </si>
  <si>
    <t>cg20482698</t>
  </si>
  <si>
    <t>cg20489026</t>
  </si>
  <si>
    <t>cg20489272</t>
  </si>
  <si>
    <t>cg20489289</t>
  </si>
  <si>
    <t>cg20490126</t>
  </si>
  <si>
    <t>cg20491991</t>
  </si>
  <si>
    <t>cg20510207</t>
  </si>
  <si>
    <t>cg20511534</t>
  </si>
  <si>
    <t>cg20567404</t>
  </si>
  <si>
    <t>cg20569141</t>
  </si>
  <si>
    <t>cg20569855</t>
  </si>
  <si>
    <t>cg20577479</t>
  </si>
  <si>
    <t>cg20593826</t>
  </si>
  <si>
    <t>cg20594982</t>
  </si>
  <si>
    <t>cg20598768</t>
  </si>
  <si>
    <t>cg20607106</t>
  </si>
  <si>
    <t>cg20611680</t>
  </si>
  <si>
    <t>cg20611882</t>
  </si>
  <si>
    <t>cg20613337</t>
  </si>
  <si>
    <t>cg20613432</t>
  </si>
  <si>
    <t>cg20616919</t>
  </si>
  <si>
    <t>cg20619296</t>
  </si>
  <si>
    <t>cg20628743</t>
  </si>
  <si>
    <t>cg20630560</t>
  </si>
  <si>
    <t>cg20632873</t>
  </si>
  <si>
    <t>cg20674014</t>
  </si>
  <si>
    <t>cg20674490</t>
  </si>
  <si>
    <t>cg20677058</t>
  </si>
  <si>
    <t>cg20677143</t>
  </si>
  <si>
    <t>cg20677901</t>
  </si>
  <si>
    <t>cg20678082</t>
  </si>
  <si>
    <t>cg20678442</t>
  </si>
  <si>
    <t>cg20681653</t>
  </si>
  <si>
    <t>cg20682146</t>
  </si>
  <si>
    <t>cg20683799</t>
  </si>
  <si>
    <t>cg20685713</t>
  </si>
  <si>
    <t>cg20686963</t>
  </si>
  <si>
    <t>cg20690488</t>
  </si>
  <si>
    <t>cg20690919</t>
  </si>
  <si>
    <t>cg20694461</t>
  </si>
  <si>
    <t>cg20695057</t>
  </si>
  <si>
    <t>cg20697630</t>
  </si>
  <si>
    <t>cg20699586</t>
  </si>
  <si>
    <t>cg20700740</t>
  </si>
  <si>
    <t>cg20703523</t>
  </si>
  <si>
    <t>cg20704215</t>
  </si>
  <si>
    <t>cg20704560</t>
  </si>
  <si>
    <t>cg20705469</t>
  </si>
  <si>
    <t>cg20706316</t>
  </si>
  <si>
    <t>cg20707222</t>
  </si>
  <si>
    <t>cg20740769</t>
  </si>
  <si>
    <t>cg20741134</t>
  </si>
  <si>
    <t>cg20771287</t>
  </si>
  <si>
    <t>cg20771670</t>
  </si>
  <si>
    <t>cg20773694</t>
  </si>
  <si>
    <t>cg20773915</t>
  </si>
  <si>
    <t>cg20773956</t>
  </si>
  <si>
    <t>cg20775044</t>
  </si>
  <si>
    <t>cg20783262</t>
  </si>
  <si>
    <t>cg20787153</t>
  </si>
  <si>
    <t>cg20787340</t>
  </si>
  <si>
    <t>cg20792512</t>
  </si>
  <si>
    <t>cg20794273</t>
  </si>
  <si>
    <t>cg20795117</t>
  </si>
  <si>
    <t>cg20795569</t>
  </si>
  <si>
    <t>cg20796294</t>
  </si>
  <si>
    <t>cg20798164</t>
  </si>
  <si>
    <t>cg20798872</t>
  </si>
  <si>
    <t>cg20799547</t>
  </si>
  <si>
    <t>cg20800296</t>
  </si>
  <si>
    <t>cg20801718</t>
  </si>
  <si>
    <t>cg20803076</t>
  </si>
  <si>
    <t>cg20803783</t>
  </si>
  <si>
    <t>cg20806172</t>
  </si>
  <si>
    <t>cg20806274</t>
  </si>
  <si>
    <t>cg20806427</t>
  </si>
  <si>
    <t>cg20809693</t>
  </si>
  <si>
    <t>cg20809997</t>
  </si>
  <si>
    <t>cg20810288</t>
  </si>
  <si>
    <t>cg20811730</t>
  </si>
  <si>
    <t>cg20811840</t>
  </si>
  <si>
    <t>cg20811856</t>
  </si>
  <si>
    <t>cg20813081</t>
  </si>
  <si>
    <t>cg20815701</t>
  </si>
  <si>
    <t>cg20817062</t>
  </si>
  <si>
    <t>cg20826345</t>
  </si>
  <si>
    <t>cg20826792</t>
  </si>
  <si>
    <t>cg20841596</t>
  </si>
  <si>
    <t>cg20845805</t>
  </si>
  <si>
    <t>cg20846236</t>
  </si>
  <si>
    <t>cg20846447</t>
  </si>
  <si>
    <t>cg20847090</t>
  </si>
  <si>
    <t>cg20848343</t>
  </si>
  <si>
    <t>cg20849692</t>
  </si>
  <si>
    <t>cg20849957</t>
  </si>
  <si>
    <t>cg20868518</t>
  </si>
  <si>
    <t>cg20869257</t>
  </si>
  <si>
    <t>cg20871243</t>
  </si>
  <si>
    <t>cg20873046</t>
  </si>
  <si>
    <t>cg20913782</t>
  </si>
  <si>
    <t>cg20931951</t>
  </si>
  <si>
    <t>cg20932440</t>
  </si>
  <si>
    <t>cg20940459</t>
  </si>
  <si>
    <t>cg20942867</t>
  </si>
  <si>
    <t>cg20947082</t>
  </si>
  <si>
    <t>cg20947259</t>
  </si>
  <si>
    <t>cg20949223</t>
  </si>
  <si>
    <t>cg20950465</t>
  </si>
  <si>
    <t>cg20962901</t>
  </si>
  <si>
    <t>cg20963995</t>
  </si>
  <si>
    <t>cg20967975</t>
  </si>
  <si>
    <t>cg20971342</t>
  </si>
  <si>
    <t>cg20971527</t>
  </si>
  <si>
    <t>cg20973421</t>
  </si>
  <si>
    <t>cg20975182</t>
  </si>
  <si>
    <t>cg20978923</t>
  </si>
  <si>
    <t>cg20980112</t>
  </si>
  <si>
    <t>cg20985028</t>
  </si>
  <si>
    <t>cg20985075</t>
  </si>
  <si>
    <t>cg20988549</t>
  </si>
  <si>
    <t>cg20995689</t>
  </si>
  <si>
    <t>cg20996351</t>
  </si>
  <si>
    <t>cg21000072</t>
  </si>
  <si>
    <t>cg21003981</t>
  </si>
  <si>
    <t>cg21005416</t>
  </si>
  <si>
    <t>cg21010450</t>
  </si>
  <si>
    <t>cg21010646</t>
  </si>
  <si>
    <t>cg21010995</t>
  </si>
  <si>
    <t>cg21011110</t>
  </si>
  <si>
    <t>cg21062931</t>
  </si>
  <si>
    <t>cg21101726</t>
  </si>
  <si>
    <t>cg21106418</t>
  </si>
  <si>
    <t>cg21106486</t>
  </si>
  <si>
    <t>cg21107924</t>
  </si>
  <si>
    <t>cg21109485</t>
  </si>
  <si>
    <t>cg21112485</t>
  </si>
  <si>
    <t>cg21113740</t>
  </si>
  <si>
    <t>cg21115433</t>
  </si>
  <si>
    <t>cg21124756</t>
  </si>
  <si>
    <t>cg21139076</t>
  </si>
  <si>
    <t>cg21141354</t>
  </si>
  <si>
    <t>cg21142904</t>
  </si>
  <si>
    <t>cg21142984</t>
  </si>
  <si>
    <t>cg21143197</t>
  </si>
  <si>
    <t>cg21144493</t>
  </si>
  <si>
    <t>cg21144922</t>
  </si>
  <si>
    <t>cg21145284</t>
  </si>
  <si>
    <t>cg21147983</t>
  </si>
  <si>
    <t>cg21148737</t>
  </si>
  <si>
    <t>cg21149807</t>
  </si>
  <si>
    <t>cg21159128</t>
  </si>
  <si>
    <t>cg21160472</t>
  </si>
  <si>
    <t>cg21161394</t>
  </si>
  <si>
    <t>cg21164697</t>
  </si>
  <si>
    <t>cg21164723</t>
  </si>
  <si>
    <t>cg21165064</t>
  </si>
  <si>
    <t>cg21167817</t>
  </si>
  <si>
    <t>cg21170029</t>
  </si>
  <si>
    <t>cg21173317</t>
  </si>
  <si>
    <t>cg21197365</t>
  </si>
  <si>
    <t>cg21197375</t>
  </si>
  <si>
    <t>cg21204139</t>
  </si>
  <si>
    <t>cg21204904</t>
  </si>
  <si>
    <t>cg21205071</t>
  </si>
  <si>
    <t>cg21205468</t>
  </si>
  <si>
    <t>cg21210531</t>
  </si>
  <si>
    <t>cg21211271</t>
  </si>
  <si>
    <t>cg21212494</t>
  </si>
  <si>
    <t>cg21214613</t>
  </si>
  <si>
    <t>cg21215218</t>
  </si>
  <si>
    <t>cg21220708</t>
  </si>
  <si>
    <t>cg21220721</t>
  </si>
  <si>
    <t>cg21262776</t>
  </si>
  <si>
    <t>cg21265287</t>
  </si>
  <si>
    <t>cg21269758</t>
  </si>
  <si>
    <t>cg21270743</t>
  </si>
  <si>
    <t>cg21271015</t>
  </si>
  <si>
    <t>cg21273275</t>
  </si>
  <si>
    <t>cg21281234</t>
  </si>
  <si>
    <t>cg21282837</t>
  </si>
  <si>
    <t>cg21283714</t>
  </si>
  <si>
    <t>cg21284376</t>
  </si>
  <si>
    <t>cg21285782</t>
  </si>
  <si>
    <t>cg21285895</t>
  </si>
  <si>
    <t>cg21286402</t>
  </si>
  <si>
    <t>cg21290042</t>
  </si>
  <si>
    <t>cg21290290</t>
  </si>
  <si>
    <t>cg21290647</t>
  </si>
  <si>
    <t>cg21291759</t>
  </si>
  <si>
    <t>cg21294209</t>
  </si>
  <si>
    <t>cg21295088</t>
  </si>
  <si>
    <t>cg21296749</t>
  </si>
  <si>
    <t>cg21297493</t>
  </si>
  <si>
    <t>cg21297673</t>
  </si>
  <si>
    <t>cg21299491</t>
  </si>
  <si>
    <t>cg21304211</t>
  </si>
  <si>
    <t>cg21306240</t>
  </si>
  <si>
    <t>cg21306294</t>
  </si>
  <si>
    <t>cg21307775</t>
  </si>
  <si>
    <t>cg21319693</t>
  </si>
  <si>
    <t>cg21319745</t>
  </si>
  <si>
    <t>cg21363943</t>
  </si>
  <si>
    <t>cg21382847</t>
  </si>
  <si>
    <t>cg21383687</t>
  </si>
  <si>
    <t>cg21384371</t>
  </si>
  <si>
    <t>cg21384718</t>
  </si>
  <si>
    <t>cg21385047</t>
  </si>
  <si>
    <t>cg21386140</t>
  </si>
  <si>
    <t>cg21387238</t>
  </si>
  <si>
    <t>cg21391741</t>
  </si>
  <si>
    <t>cg21392341</t>
  </si>
  <si>
    <t>cg21393421</t>
  </si>
  <si>
    <t>cg21395152</t>
  </si>
  <si>
    <t>cg21396127</t>
  </si>
  <si>
    <t>cg21396487</t>
  </si>
  <si>
    <t>cg21396539</t>
  </si>
  <si>
    <t>cg21397993</t>
  </si>
  <si>
    <t>cg21399703</t>
  </si>
  <si>
    <t>cg21400344</t>
  </si>
  <si>
    <t>cg21403912</t>
  </si>
  <si>
    <t>cg21404476</t>
  </si>
  <si>
    <t>cg21405929</t>
  </si>
  <si>
    <t>cg21406113</t>
  </si>
  <si>
    <t>cg21409519</t>
  </si>
  <si>
    <t>cg21409829</t>
  </si>
  <si>
    <t>cg21410961</t>
  </si>
  <si>
    <t>cg21410994</t>
  </si>
  <si>
    <t>cg21411233</t>
  </si>
  <si>
    <t>cg21415643</t>
  </si>
  <si>
    <t>cg21416968</t>
  </si>
  <si>
    <t>cg21417192</t>
  </si>
  <si>
    <t>cg21417843</t>
  </si>
  <si>
    <t>cg21421278</t>
  </si>
  <si>
    <t>cg21421701</t>
  </si>
  <si>
    <t>cg21438192</t>
  </si>
  <si>
    <t>cg21439539</t>
  </si>
  <si>
    <t>cg21440584</t>
  </si>
  <si>
    <t>cg21445541</t>
  </si>
  <si>
    <t>cg21449450</t>
  </si>
  <si>
    <t>cg21455438</t>
  </si>
  <si>
    <t>cg21455485</t>
  </si>
  <si>
    <t>cg21460053</t>
  </si>
  <si>
    <t>cg21472468</t>
  </si>
  <si>
    <t>cg21472517</t>
  </si>
  <si>
    <t>cg21474509</t>
  </si>
  <si>
    <t>cg21523908</t>
  </si>
  <si>
    <t>cg21525592</t>
  </si>
  <si>
    <t>cg21526205</t>
  </si>
  <si>
    <t>cg21527621</t>
  </si>
  <si>
    <t>cg21528273</t>
  </si>
  <si>
    <t>cg21528620</t>
  </si>
  <si>
    <t>cg21534623</t>
  </si>
  <si>
    <t>cg21535942</t>
  </si>
  <si>
    <t>cg21538190</t>
  </si>
  <si>
    <t>cg21538511</t>
  </si>
  <si>
    <t>cg21539371</t>
  </si>
  <si>
    <t>cg21540765</t>
  </si>
  <si>
    <t>cg21543899</t>
  </si>
  <si>
    <t>cg21545977</t>
  </si>
  <si>
    <t>cg21546874</t>
  </si>
  <si>
    <t>cg21546996</t>
  </si>
  <si>
    <t>cg21547845</t>
  </si>
  <si>
    <t>cg21573263</t>
  </si>
  <si>
    <t>cg21575283</t>
  </si>
  <si>
    <t>cg21576698</t>
  </si>
  <si>
    <t>cg21577121</t>
  </si>
  <si>
    <t>cg21577836</t>
  </si>
  <si>
    <t>cg21580588</t>
  </si>
  <si>
    <t>cg21582570</t>
  </si>
  <si>
    <t>cg21582695</t>
  </si>
  <si>
    <t>cg21583850</t>
  </si>
  <si>
    <t>cg21584823</t>
  </si>
  <si>
    <t>cg21606780</t>
  </si>
  <si>
    <t>cg21609640</t>
  </si>
  <si>
    <t>cg21647780</t>
  </si>
  <si>
    <t>cg21649051</t>
  </si>
  <si>
    <t>cg21680222</t>
  </si>
  <si>
    <t>cg21680327</t>
  </si>
  <si>
    <t>cg21680979</t>
  </si>
  <si>
    <t>cg21681396</t>
  </si>
  <si>
    <t>cg21682432</t>
  </si>
  <si>
    <t>cg21683105</t>
  </si>
  <si>
    <t>cg21685663</t>
  </si>
  <si>
    <t>cg21687365</t>
  </si>
  <si>
    <t>cg21687740</t>
  </si>
  <si>
    <t>cg21689812</t>
  </si>
  <si>
    <t>cg21690979</t>
  </si>
  <si>
    <t>cg21691089</t>
  </si>
  <si>
    <t>cg21692930</t>
  </si>
  <si>
    <t>cg21694350</t>
  </si>
  <si>
    <t>cg21695487</t>
  </si>
  <si>
    <t>cg21773314</t>
  </si>
  <si>
    <t>cg21774736</t>
  </si>
  <si>
    <t>cg21775279</t>
  </si>
  <si>
    <t>cg21778193</t>
  </si>
  <si>
    <t>cg21786227</t>
  </si>
  <si>
    <t>cg21786289</t>
  </si>
  <si>
    <t>cg21789564</t>
  </si>
  <si>
    <t>cg21809257</t>
  </si>
  <si>
    <t>cg21810793</t>
  </si>
  <si>
    <t>cg21811896</t>
  </si>
  <si>
    <t>cg21813377</t>
  </si>
  <si>
    <t>cg21815047</t>
  </si>
  <si>
    <t>cg21816308</t>
  </si>
  <si>
    <t>cg21818533</t>
  </si>
  <si>
    <t>cg21819468</t>
  </si>
  <si>
    <t>cg21822905</t>
  </si>
  <si>
    <t>cg21826784</t>
  </si>
  <si>
    <t>cg21831501</t>
  </si>
  <si>
    <t>cg21831898</t>
  </si>
  <si>
    <t>cg21834207</t>
  </si>
  <si>
    <t>cg21848143</t>
  </si>
  <si>
    <t>cg21849812</t>
  </si>
  <si>
    <t>cg21851530</t>
  </si>
  <si>
    <t>cg21851672</t>
  </si>
  <si>
    <t>cg21852503</t>
  </si>
  <si>
    <t>cg21852905</t>
  </si>
  <si>
    <t>cg21859019</t>
  </si>
  <si>
    <t>cg21859337</t>
  </si>
  <si>
    <t>cg21859597</t>
  </si>
  <si>
    <t>cg21860629</t>
  </si>
  <si>
    <t>cg21862126</t>
  </si>
  <si>
    <t>cg21863110</t>
  </si>
  <si>
    <t>cg21865157</t>
  </si>
  <si>
    <t>cg21868050</t>
  </si>
  <si>
    <t>cg21868134</t>
  </si>
  <si>
    <t>cg21868703</t>
  </si>
  <si>
    <t>cg21869174</t>
  </si>
  <si>
    <t>cg21869951</t>
  </si>
  <si>
    <t>cg21870545</t>
  </si>
  <si>
    <t>cg21870784</t>
  </si>
  <si>
    <t>cg21871151</t>
  </si>
  <si>
    <t>cg21871952</t>
  </si>
  <si>
    <t>cg21875080</t>
  </si>
  <si>
    <t>cg21877005</t>
  </si>
  <si>
    <t>cg21877201</t>
  </si>
  <si>
    <t>cg21877974</t>
  </si>
  <si>
    <t>cg21878149</t>
  </si>
  <si>
    <t>cg21879320</t>
  </si>
  <si>
    <t>cg21906083</t>
  </si>
  <si>
    <t>cg21906605</t>
  </si>
  <si>
    <t>cg21907663</t>
  </si>
  <si>
    <t>cg21907877</t>
  </si>
  <si>
    <t>cg21908208</t>
  </si>
  <si>
    <t>cg21908235</t>
  </si>
  <si>
    <t>cg21910613</t>
  </si>
  <si>
    <t>cg21911557</t>
  </si>
  <si>
    <t>cg21915639</t>
  </si>
  <si>
    <t>cg21921513</t>
  </si>
  <si>
    <t>cg21929771</t>
  </si>
  <si>
    <t>cg21930399</t>
  </si>
  <si>
    <t>cg21931991</t>
  </si>
  <si>
    <t>cg21932983</t>
  </si>
  <si>
    <t>cg21936179</t>
  </si>
  <si>
    <t>cg21942218</t>
  </si>
  <si>
    <t>cg21944557</t>
  </si>
  <si>
    <t>cg21950196</t>
  </si>
  <si>
    <t>cg21950720</t>
  </si>
  <si>
    <t>cg21959316</t>
  </si>
  <si>
    <t>cg21959334</t>
  </si>
  <si>
    <t>cg21961270</t>
  </si>
  <si>
    <t>cg21961336</t>
  </si>
  <si>
    <t>cg21963643</t>
  </si>
  <si>
    <t>cg21964551</t>
  </si>
  <si>
    <t>cg21983178</t>
  </si>
  <si>
    <t>cg21996134</t>
  </si>
  <si>
    <t>cg21996227</t>
  </si>
  <si>
    <t>cg21998473</t>
  </si>
  <si>
    <t>cg22007227</t>
  </si>
  <si>
    <t>cg22012230</t>
  </si>
  <si>
    <t>cg22015030</t>
  </si>
  <si>
    <t>cg22017581</t>
  </si>
  <si>
    <t>cg22019094</t>
  </si>
  <si>
    <t>cg22021644</t>
  </si>
  <si>
    <t>cg22024145</t>
  </si>
  <si>
    <t>cg22031783</t>
  </si>
  <si>
    <t>cg22033189</t>
  </si>
  <si>
    <t>cg22033754</t>
  </si>
  <si>
    <t>cg22039909</t>
  </si>
  <si>
    <t>cg22040431</t>
  </si>
  <si>
    <t>cg22040963</t>
  </si>
  <si>
    <t>cg22041507</t>
  </si>
  <si>
    <t>cg22042144</t>
  </si>
  <si>
    <t>cg22045340</t>
  </si>
  <si>
    <t>cg22048546</t>
  </si>
  <si>
    <t>cg22063989</t>
  </si>
  <si>
    <t>cg22076757</t>
  </si>
  <si>
    <t>cg22080061</t>
  </si>
  <si>
    <t>cg22082145</t>
  </si>
  <si>
    <t>cg22082216</t>
  </si>
  <si>
    <t>cg22083815</t>
  </si>
  <si>
    <t>cg22109056</t>
  </si>
  <si>
    <t>cg22109331</t>
  </si>
  <si>
    <t>cg22111082</t>
  </si>
  <si>
    <t>cg22112564</t>
  </si>
  <si>
    <t>cg22122680</t>
  </si>
  <si>
    <t>cg22123309</t>
  </si>
  <si>
    <t>cg22123915</t>
  </si>
  <si>
    <t>cg22127730</t>
  </si>
  <si>
    <t>cg22153745</t>
  </si>
  <si>
    <t>cg22157239</t>
  </si>
  <si>
    <t>cg22158475</t>
  </si>
  <si>
    <t>cg22159133</t>
  </si>
  <si>
    <t>cg22159947</t>
  </si>
  <si>
    <t>cg22163199</t>
  </si>
  <si>
    <t>cg22166703</t>
  </si>
  <si>
    <t>cg22166728</t>
  </si>
  <si>
    <t>cg22167515</t>
  </si>
  <si>
    <t>cg22168255</t>
  </si>
  <si>
    <t>cg22168480</t>
  </si>
  <si>
    <t>cg22174844</t>
  </si>
  <si>
    <t>cg22176566</t>
  </si>
  <si>
    <t>cg22190291</t>
  </si>
  <si>
    <t>cg22218911</t>
  </si>
  <si>
    <t>cg22219083</t>
  </si>
  <si>
    <t>cg22220310</t>
  </si>
  <si>
    <t>cg22221490</t>
  </si>
  <si>
    <t>cg22221669</t>
  </si>
  <si>
    <t>cg22223430</t>
  </si>
  <si>
    <t>cg22223531</t>
  </si>
  <si>
    <t>cg22224989</t>
  </si>
  <si>
    <t>cg22225065</t>
  </si>
  <si>
    <t>cg22225207</t>
  </si>
  <si>
    <t>cg22225258</t>
  </si>
  <si>
    <t>cg22228373</t>
  </si>
  <si>
    <t>cg22234529</t>
  </si>
  <si>
    <t>cg22234827</t>
  </si>
  <si>
    <t>cg22235012</t>
  </si>
  <si>
    <t>cg22237459</t>
  </si>
  <si>
    <t>cg22238104</t>
  </si>
  <si>
    <t>cg22284302</t>
  </si>
  <si>
    <t>cg22332891</t>
  </si>
  <si>
    <t>cg22333214</t>
  </si>
  <si>
    <t>cg22333836</t>
  </si>
  <si>
    <t>cg22333960</t>
  </si>
  <si>
    <t>cg22334684</t>
  </si>
  <si>
    <t>cg22334962</t>
  </si>
  <si>
    <t>cg22337509</t>
  </si>
  <si>
    <t>cg22337605</t>
  </si>
  <si>
    <t>cg22341256</t>
  </si>
  <si>
    <t>cg22346119</t>
  </si>
  <si>
    <t>cg22348752</t>
  </si>
  <si>
    <t>cg22350160</t>
  </si>
  <si>
    <t>cg22350171</t>
  </si>
  <si>
    <t>cg22351924</t>
  </si>
  <si>
    <t>cg22354782</t>
  </si>
  <si>
    <t>cg22356593</t>
  </si>
  <si>
    <t>cg22356839</t>
  </si>
  <si>
    <t>cg22358708</t>
  </si>
  <si>
    <t>cg22359362</t>
  </si>
  <si>
    <t>cg22364729</t>
  </si>
  <si>
    <t>cg22364869</t>
  </si>
  <si>
    <t>cg22365063</t>
  </si>
  <si>
    <t>cg22368007</t>
  </si>
  <si>
    <t>cg22368208</t>
  </si>
  <si>
    <t>cg22369954</t>
  </si>
  <si>
    <t>cg22372182</t>
  </si>
  <si>
    <t>cg22373622</t>
  </si>
  <si>
    <t>cg22374940</t>
  </si>
  <si>
    <t>cg22375720</t>
  </si>
  <si>
    <t>cg22377027</t>
  </si>
  <si>
    <t>cg22377913</t>
  </si>
  <si>
    <t>cg22380385</t>
  </si>
  <si>
    <t>cg22381300</t>
  </si>
  <si>
    <t>cg22384883</t>
  </si>
  <si>
    <t>cg22384904</t>
  </si>
  <si>
    <t>cg22386646</t>
  </si>
  <si>
    <t>cg22388161</t>
  </si>
  <si>
    <t>cg22388472</t>
  </si>
  <si>
    <t>cg22388653</t>
  </si>
  <si>
    <t>cg22389730</t>
  </si>
  <si>
    <t>cg22391718</t>
  </si>
  <si>
    <t>cg22391883</t>
  </si>
  <si>
    <t>cg22394869</t>
  </si>
  <si>
    <t>cg22396279</t>
  </si>
  <si>
    <t>cg22396755</t>
  </si>
  <si>
    <t>cg22397446</t>
  </si>
  <si>
    <t>cg22397520</t>
  </si>
  <si>
    <t>cg22397910</t>
  </si>
  <si>
    <t>cg22399023</t>
  </si>
  <si>
    <t>cg22401419</t>
  </si>
  <si>
    <t>cg22426139</t>
  </si>
  <si>
    <t>cg22428023</t>
  </si>
  <si>
    <t>cg22428961</t>
  </si>
  <si>
    <t>cg22429776</t>
  </si>
  <si>
    <t>cg22429822</t>
  </si>
  <si>
    <t>cg22431433</t>
  </si>
  <si>
    <t>cg22432982</t>
  </si>
  <si>
    <t>cg22433862</t>
  </si>
  <si>
    <t>cg22438763</t>
  </si>
  <si>
    <t>cg22442430</t>
  </si>
  <si>
    <t>cg22443241</t>
  </si>
  <si>
    <t>cg22449766</t>
  </si>
  <si>
    <t>cg22451356</t>
  </si>
  <si>
    <t>cg22454660</t>
  </si>
  <si>
    <t>cg22456539</t>
  </si>
  <si>
    <t>cg22456975</t>
  </si>
  <si>
    <t>cg22481448</t>
  </si>
  <si>
    <t>cg22482746</t>
  </si>
  <si>
    <t>cg22483742</t>
  </si>
  <si>
    <t>cg22484084</t>
  </si>
  <si>
    <t>cg22485350</t>
  </si>
  <si>
    <t>cg22487367</t>
  </si>
  <si>
    <t>cg22487624</t>
  </si>
  <si>
    <t>cg22488568</t>
  </si>
  <si>
    <t>cg22488975</t>
  </si>
  <si>
    <t>cg22488998</t>
  </si>
  <si>
    <t>cg22489498</t>
  </si>
  <si>
    <t>cg22492252</t>
  </si>
  <si>
    <t>cg22494505</t>
  </si>
  <si>
    <t>cg22495848</t>
  </si>
  <si>
    <t>cg22497741</t>
  </si>
  <si>
    <t>cg22500102</t>
  </si>
  <si>
    <t>cg22500132</t>
  </si>
  <si>
    <t>cg22500151</t>
  </si>
  <si>
    <t>cg22502001</t>
  </si>
  <si>
    <t>cg22505746</t>
  </si>
  <si>
    <t>cg22506548</t>
  </si>
  <si>
    <t>cg22506841</t>
  </si>
  <si>
    <t>cg22507154</t>
  </si>
  <si>
    <t>cg22508172</t>
  </si>
  <si>
    <t>cg22508530</t>
  </si>
  <si>
    <t>cg22513511</t>
  </si>
  <si>
    <t>cg22516213</t>
  </si>
  <si>
    <t>cg22517356</t>
  </si>
  <si>
    <t>cg22518696</t>
  </si>
  <si>
    <t>cg22519151</t>
  </si>
  <si>
    <t>cg22519756</t>
  </si>
  <si>
    <t>cg22519947</t>
  </si>
  <si>
    <t>cg22524657</t>
  </si>
  <si>
    <t>cg22529900</t>
  </si>
  <si>
    <t>cg22533517</t>
  </si>
  <si>
    <t>cg22536808</t>
  </si>
  <si>
    <t>cg22560020</t>
  </si>
  <si>
    <t>cg22560197</t>
  </si>
  <si>
    <t>cg22594309</t>
  </si>
  <si>
    <t>cg22597783</t>
  </si>
  <si>
    <t>cg22600394</t>
  </si>
  <si>
    <t>cg22602002</t>
  </si>
  <si>
    <t>cg22603815</t>
  </si>
  <si>
    <t>cg22604123</t>
  </si>
  <si>
    <t>cg22604218</t>
  </si>
  <si>
    <t>cg22608265</t>
  </si>
  <si>
    <t>cg22609277</t>
  </si>
  <si>
    <t>cg22615819</t>
  </si>
  <si>
    <t>cg22617819</t>
  </si>
  <si>
    <t>cg22618350</t>
  </si>
  <si>
    <t>cg22619719</t>
  </si>
  <si>
    <t>cg22621686</t>
  </si>
  <si>
    <t>cg22622472</t>
  </si>
  <si>
    <t>cg22622886</t>
  </si>
  <si>
    <t>cg22627866</t>
  </si>
  <si>
    <t>cg22629266</t>
  </si>
  <si>
    <t>cg22671717</t>
  </si>
  <si>
    <t>cg22679890</t>
  </si>
  <si>
    <t>cg22682031</t>
  </si>
  <si>
    <t>cg22683038</t>
  </si>
  <si>
    <t>cg22684843</t>
  </si>
  <si>
    <t>cg22685052</t>
  </si>
  <si>
    <t>cg22685226</t>
  </si>
  <si>
    <t>cg22690212</t>
  </si>
  <si>
    <t>cg22691336</t>
  </si>
  <si>
    <t>cg22693570</t>
  </si>
  <si>
    <t>cg22694153</t>
  </si>
  <si>
    <t>cg22694818</t>
  </si>
  <si>
    <t>cg22695389</t>
  </si>
  <si>
    <t>cg22697574</t>
  </si>
  <si>
    <t>cg22698272</t>
  </si>
  <si>
    <t>cg22698996</t>
  </si>
  <si>
    <t>cg22699361</t>
  </si>
  <si>
    <t>cg22700015</t>
  </si>
  <si>
    <t>cg22704068</t>
  </si>
  <si>
    <t>cg22706424</t>
  </si>
  <si>
    <t>cg22708961</t>
  </si>
  <si>
    <t>cg22711792</t>
  </si>
  <si>
    <t>cg22712329</t>
  </si>
  <si>
    <t>cg22712703</t>
  </si>
  <si>
    <t>cg22714290</t>
  </si>
  <si>
    <t>cg22718050</t>
  </si>
  <si>
    <t>cg22718189</t>
  </si>
  <si>
    <t>cg22720392</t>
  </si>
  <si>
    <t>cg22727761</t>
  </si>
  <si>
    <t>cg22728639</t>
  </si>
  <si>
    <t>cg22730967</t>
  </si>
  <si>
    <t>cg22733051</t>
  </si>
  <si>
    <t>cg22736444</t>
  </si>
  <si>
    <t>cg22736787</t>
  </si>
  <si>
    <t>cg22780428</t>
  </si>
  <si>
    <t>cg22788606</t>
  </si>
  <si>
    <t>cg22789254</t>
  </si>
  <si>
    <t>cg22789900</t>
  </si>
  <si>
    <t>cg22790257</t>
  </si>
  <si>
    <t>cg22790377</t>
  </si>
  <si>
    <t>cg22790758</t>
  </si>
  <si>
    <t>cg22795586</t>
  </si>
  <si>
    <t>cg22796507</t>
  </si>
  <si>
    <t>cg22799212</t>
  </si>
  <si>
    <t>cg22800477</t>
  </si>
  <si>
    <t>cg22802167</t>
  </si>
  <si>
    <t>cg22802720</t>
  </si>
  <si>
    <t>cg22802773</t>
  </si>
  <si>
    <t>cg22808713</t>
  </si>
  <si>
    <t>cg22812770</t>
  </si>
  <si>
    <t>cg22814417</t>
  </si>
  <si>
    <t>cg22814737</t>
  </si>
  <si>
    <t>cg22816091</t>
  </si>
  <si>
    <t>cg22817271</t>
  </si>
  <si>
    <t>cg22817352</t>
  </si>
  <si>
    <t>cg22817993</t>
  </si>
  <si>
    <t>cg22820285</t>
  </si>
  <si>
    <t>cg22821026</t>
  </si>
  <si>
    <t>cg22822919</t>
  </si>
  <si>
    <t>cg22850304</t>
  </si>
  <si>
    <t>cg22850968</t>
  </si>
  <si>
    <t>cg22851420</t>
  </si>
  <si>
    <t>cg22851880</t>
  </si>
  <si>
    <t>cg22855438</t>
  </si>
  <si>
    <t>cg22856539</t>
  </si>
  <si>
    <t>cg22857999</t>
  </si>
  <si>
    <t>cg22860181</t>
  </si>
  <si>
    <t>cg22860233</t>
  </si>
  <si>
    <t>cg22861340</t>
  </si>
  <si>
    <t>cg22863889</t>
  </si>
  <si>
    <t>cg22864244</t>
  </si>
  <si>
    <t>cg22868225</t>
  </si>
  <si>
    <t>cg22868409</t>
  </si>
  <si>
    <t>cg22868433</t>
  </si>
  <si>
    <t>cg22871801</t>
  </si>
  <si>
    <t>cg22871908</t>
  </si>
  <si>
    <t>cg22873177</t>
  </si>
  <si>
    <t>cg22875872</t>
  </si>
  <si>
    <t>cg22876327</t>
  </si>
  <si>
    <t>cg22876643</t>
  </si>
  <si>
    <t>cg22880518</t>
  </si>
  <si>
    <t>cg22942532</t>
  </si>
  <si>
    <t>cg22944360</t>
  </si>
  <si>
    <t>cg22944368</t>
  </si>
  <si>
    <t>cg22945302</t>
  </si>
  <si>
    <t>cg22945605</t>
  </si>
  <si>
    <t>cg22949832</t>
  </si>
  <si>
    <t>cg22950210</t>
  </si>
  <si>
    <t>cg23002761</t>
  </si>
  <si>
    <t>cg23010344</t>
  </si>
  <si>
    <t>cg23014549</t>
  </si>
  <si>
    <t>cg23014747</t>
  </si>
  <si>
    <t>cg23016766</t>
  </si>
  <si>
    <t>cg23020486</t>
  </si>
  <si>
    <t>cg23021014</t>
  </si>
  <si>
    <t>cg23021237</t>
  </si>
  <si>
    <t>cg23022656</t>
  </si>
  <si>
    <t>cg23022783</t>
  </si>
  <si>
    <t>cg23023044</t>
  </si>
  <si>
    <t>cg23026211</t>
  </si>
  <si>
    <t>cg23027521</t>
  </si>
  <si>
    <t>cg23028755</t>
  </si>
  <si>
    <t>cg23029526</t>
  </si>
  <si>
    <t>cg23029546</t>
  </si>
  <si>
    <t>cg23032045</t>
  </si>
  <si>
    <t>cg23035053</t>
  </si>
  <si>
    <t>cg23036947</t>
  </si>
  <si>
    <t>cg23037132</t>
  </si>
  <si>
    <t>cg23038277</t>
  </si>
  <si>
    <t>cg23040649</t>
  </si>
  <si>
    <t>cg23043218</t>
  </si>
  <si>
    <t>cg23045255</t>
  </si>
  <si>
    <t>cg23048481</t>
  </si>
  <si>
    <t>cg23049458</t>
  </si>
  <si>
    <t>cg23050300</t>
  </si>
  <si>
    <t>cg23053407</t>
  </si>
  <si>
    <t>cg23053573</t>
  </si>
  <si>
    <t>cg23054189</t>
  </si>
  <si>
    <t>cg23056823</t>
  </si>
  <si>
    <t>cg23058319</t>
  </si>
  <si>
    <t>cg23068701</t>
  </si>
  <si>
    <t>cg23069677</t>
  </si>
  <si>
    <t>cg23075983</t>
  </si>
  <si>
    <t>cg23082845</t>
  </si>
  <si>
    <t>cg23085167</t>
  </si>
  <si>
    <t>cg23086843</t>
  </si>
  <si>
    <t>cg23087108</t>
  </si>
  <si>
    <t>cg23087691</t>
  </si>
  <si>
    <t>cg23092576</t>
  </si>
  <si>
    <t>cg23095043</t>
  </si>
  <si>
    <t>cg23097402</t>
  </si>
  <si>
    <t>cg23097509</t>
  </si>
  <si>
    <t>cg23098168</t>
  </si>
  <si>
    <t>cg23109424</t>
  </si>
  <si>
    <t>cg23109867</t>
  </si>
  <si>
    <t>cg23110891</t>
  </si>
  <si>
    <t>cg23112651</t>
  </si>
  <si>
    <t>cg23114616</t>
  </si>
  <si>
    <t>cg23114771</t>
  </si>
  <si>
    <t>cg23115219</t>
  </si>
  <si>
    <t>cg23115387</t>
  </si>
  <si>
    <t>cg23164993</t>
  </si>
  <si>
    <t>cg23166787</t>
  </si>
  <si>
    <t>cg23166857</t>
  </si>
  <si>
    <t>cg23166865</t>
  </si>
  <si>
    <t>cg23167456</t>
  </si>
  <si>
    <t>cg23173402</t>
  </si>
  <si>
    <t>cg23205003</t>
  </si>
  <si>
    <t>cg23205692</t>
  </si>
  <si>
    <t>cg23214787</t>
  </si>
  <si>
    <t>cg23216745</t>
  </si>
  <si>
    <t>cg23217622</t>
  </si>
  <si>
    <t>cg23218354</t>
  </si>
  <si>
    <t>cg23219859</t>
  </si>
  <si>
    <t>cg23219925</t>
  </si>
  <si>
    <t>cg23227500</t>
  </si>
  <si>
    <t>cg23228418</t>
  </si>
  <si>
    <t>cg23231093</t>
  </si>
  <si>
    <t>cg23231666</t>
  </si>
  <si>
    <t>cg23231974</t>
  </si>
  <si>
    <t>cg23232056</t>
  </si>
  <si>
    <t>cg23233141</t>
  </si>
  <si>
    <t>cg23236404</t>
  </si>
  <si>
    <t>cg23237225</t>
  </si>
  <si>
    <t>cg23237611</t>
  </si>
  <si>
    <t>cg23237634</t>
  </si>
  <si>
    <t>cg23237976</t>
  </si>
  <si>
    <t>cg23241335</t>
  </si>
  <si>
    <t>cg23241429</t>
  </si>
  <si>
    <t>cg23243867</t>
  </si>
  <si>
    <t>cg23244095</t>
  </si>
  <si>
    <t>cg23247704</t>
  </si>
  <si>
    <t>cg23250288</t>
  </si>
  <si>
    <t>cg23251970</t>
  </si>
  <si>
    <t>cg23252848</t>
  </si>
  <si>
    <t>cg23257934</t>
  </si>
  <si>
    <t>cg23258881</t>
  </si>
  <si>
    <t>cg23260635</t>
  </si>
  <si>
    <t>cg23262827</t>
  </si>
  <si>
    <t>cg23267042</t>
  </si>
  <si>
    <t>cg23267160</t>
  </si>
  <si>
    <t>cg23267217</t>
  </si>
  <si>
    <t>cg23267872</t>
  </si>
  <si>
    <t>cg23269169</t>
  </si>
  <si>
    <t>cg23273023</t>
  </si>
  <si>
    <t>cg23274123</t>
  </si>
  <si>
    <t>cg23274604</t>
  </si>
  <si>
    <t>cg23278267</t>
  </si>
  <si>
    <t>cg23279117</t>
  </si>
  <si>
    <t>cg23281018</t>
  </si>
  <si>
    <t>cg23281527</t>
  </si>
  <si>
    <t>cg23281714</t>
  </si>
  <si>
    <t>cg23283076</t>
  </si>
  <si>
    <t>cg23288653</t>
  </si>
  <si>
    <t>cg23291161</t>
  </si>
  <si>
    <t>cg23394391</t>
  </si>
  <si>
    <t>cg23440882</t>
  </si>
  <si>
    <t>cg23441090</t>
  </si>
  <si>
    <t>cg23442955</t>
  </si>
  <si>
    <t>cg23452443</t>
  </si>
  <si>
    <t>cg23463742</t>
  </si>
  <si>
    <t>cg23508540</t>
  </si>
  <si>
    <t>cg23589045</t>
  </si>
  <si>
    <t>cg23590525</t>
  </si>
  <si>
    <t>cg23592638</t>
  </si>
  <si>
    <t>cg23593145</t>
  </si>
  <si>
    <t>cg23593167</t>
  </si>
  <si>
    <t>cg23593528</t>
  </si>
  <si>
    <t>cg23597629</t>
  </si>
  <si>
    <t>cg23599104</t>
  </si>
  <si>
    <t>cg23599683</t>
  </si>
  <si>
    <t>cg23599716</t>
  </si>
  <si>
    <t>cg23602453</t>
  </si>
  <si>
    <t>cg23603891</t>
  </si>
  <si>
    <t>cg23606286</t>
  </si>
  <si>
    <t>cg23606758</t>
  </si>
  <si>
    <t>cg23609082</t>
  </si>
  <si>
    <t>cg23609985</t>
  </si>
  <si>
    <t>cg23612222</t>
  </si>
  <si>
    <t>cg23613205</t>
  </si>
  <si>
    <t>cg23614413</t>
  </si>
  <si>
    <t>cg23615016</t>
  </si>
  <si>
    <t>cg23615248</t>
  </si>
  <si>
    <t>cg23615262</t>
  </si>
  <si>
    <t>cg23616100</t>
  </si>
  <si>
    <t>cg23618179</t>
  </si>
  <si>
    <t>cg23618323</t>
  </si>
  <si>
    <t>cg23618632</t>
  </si>
  <si>
    <t>cg23620228</t>
  </si>
  <si>
    <t>cg23620340</t>
  </si>
  <si>
    <t>cg23621967</t>
  </si>
  <si>
    <t>cg23622235</t>
  </si>
  <si>
    <t>cg23624008</t>
  </si>
  <si>
    <t>cg23625715</t>
  </si>
  <si>
    <t>cg23626733</t>
  </si>
  <si>
    <t>cg23629166</t>
  </si>
  <si>
    <t>cg23630468</t>
  </si>
  <si>
    <t>cg23631229</t>
  </si>
  <si>
    <t>cg23632752</t>
  </si>
  <si>
    <t>cg23634417</t>
  </si>
  <si>
    <t>cg23636324</t>
  </si>
  <si>
    <t>cg23637314</t>
  </si>
  <si>
    <t>cg23639308</t>
  </si>
  <si>
    <t>cg23641672</t>
  </si>
  <si>
    <t>cg23641677</t>
  </si>
  <si>
    <t>cg23643151</t>
  </si>
  <si>
    <t>cg23645476</t>
  </si>
  <si>
    <t>cg23645831</t>
  </si>
  <si>
    <t>cg23647191</t>
  </si>
  <si>
    <t>cg23647410</t>
  </si>
  <si>
    <t>cg23649784</t>
  </si>
  <si>
    <t>cg23651812</t>
  </si>
  <si>
    <t>cg23653835</t>
  </si>
  <si>
    <t>cg23658744</t>
  </si>
  <si>
    <t>cg23659592</t>
  </si>
  <si>
    <t>cg23660064</t>
  </si>
  <si>
    <t>cg23660154</t>
  </si>
  <si>
    <t>cg23662453</t>
  </si>
  <si>
    <t>cg23664334</t>
  </si>
  <si>
    <t>cg23665250</t>
  </si>
  <si>
    <t>cg23666378</t>
  </si>
  <si>
    <t>cg23668539</t>
  </si>
  <si>
    <t>cg23671221</t>
  </si>
  <si>
    <t>cg23671600</t>
  </si>
  <si>
    <t>cg23673553</t>
  </si>
  <si>
    <t>cg23674469</t>
  </si>
  <si>
    <t>cg23675362</t>
  </si>
  <si>
    <t>cg23675441</t>
  </si>
  <si>
    <t>cg23677039</t>
  </si>
  <si>
    <t>cg23677911</t>
  </si>
  <si>
    <t>cg23679662</t>
  </si>
  <si>
    <t>cg23687319</t>
  </si>
  <si>
    <t>cg23688809</t>
  </si>
  <si>
    <t>cg23691220</t>
  </si>
  <si>
    <t>cg23695504</t>
  </si>
  <si>
    <t>cg23698058</t>
  </si>
  <si>
    <t>cg23713008</t>
  </si>
  <si>
    <t>cg23719938</t>
  </si>
  <si>
    <t>cg23730181</t>
  </si>
  <si>
    <t>cg23731742</t>
  </si>
  <si>
    <t>cg23734759</t>
  </si>
  <si>
    <t>cg23736359</t>
  </si>
  <si>
    <t>cg23752923</t>
  </si>
  <si>
    <t>cg23779106</t>
  </si>
  <si>
    <t>cg23802451</t>
  </si>
  <si>
    <t>cg23807354</t>
  </si>
  <si>
    <t>cg23807924</t>
  </si>
  <si>
    <t>cg23808931</t>
  </si>
  <si>
    <t>cg23811122</t>
  </si>
  <si>
    <t>cg23811540</t>
  </si>
  <si>
    <t>cg23812393</t>
  </si>
  <si>
    <t>cg23814129</t>
  </si>
  <si>
    <t>cg23814144</t>
  </si>
  <si>
    <t>cg23815582</t>
  </si>
  <si>
    <t>cg23821082</t>
  </si>
  <si>
    <t>cg23821590</t>
  </si>
  <si>
    <t>cg23839556</t>
  </si>
  <si>
    <t>cg23841819</t>
  </si>
  <si>
    <t>cg23841903</t>
  </si>
  <si>
    <t>cg23842386</t>
  </si>
  <si>
    <t>cg23842796</t>
  </si>
  <si>
    <t>cg23843414</t>
  </si>
  <si>
    <t>cg23844174</t>
  </si>
  <si>
    <t>cg23844904</t>
  </si>
  <si>
    <t>cg23845507</t>
  </si>
  <si>
    <t>cg23847109</t>
  </si>
  <si>
    <t>cg23848152</t>
  </si>
  <si>
    <t>cg23881601</t>
  </si>
  <si>
    <t>cg23886974</t>
  </si>
  <si>
    <t>cg23888281</t>
  </si>
  <si>
    <t>cg23888776</t>
  </si>
  <si>
    <t>cg23889117</t>
  </si>
  <si>
    <t>cg23890506</t>
  </si>
  <si>
    <t>cg23891190</t>
  </si>
  <si>
    <t>cg23891364</t>
  </si>
  <si>
    <t>cg23894320</t>
  </si>
  <si>
    <t>cg23895234</t>
  </si>
  <si>
    <t>cg23912171</t>
  </si>
  <si>
    <t>cg23921145</t>
  </si>
  <si>
    <t>cg23929381</t>
  </si>
  <si>
    <t>cg23931558</t>
  </si>
  <si>
    <t>cg23931819</t>
  </si>
  <si>
    <t>cg23933399</t>
  </si>
  <si>
    <t>cg23935120</t>
  </si>
  <si>
    <t>cg23936745</t>
  </si>
  <si>
    <t>cg23950691</t>
  </si>
  <si>
    <t>cg23951618</t>
  </si>
  <si>
    <t>cg23952195</t>
  </si>
  <si>
    <t>cg23952663</t>
  </si>
  <si>
    <t>cg23954153</t>
  </si>
  <si>
    <t>cg23954953</t>
  </si>
  <si>
    <t>cg23956119</t>
  </si>
  <si>
    <t>cg23962483</t>
  </si>
  <si>
    <t>cg23962560</t>
  </si>
  <si>
    <t>cg23963070</t>
  </si>
  <si>
    <t>cg23969554</t>
  </si>
  <si>
    <t>cg23969559</t>
  </si>
  <si>
    <t>cg23971170</t>
  </si>
  <si>
    <t>cg23972301</t>
  </si>
  <si>
    <t>cg23977954</t>
  </si>
  <si>
    <t>cg23978062</t>
  </si>
  <si>
    <t>cg23978657</t>
  </si>
  <si>
    <t>cg23979451</t>
  </si>
  <si>
    <t>cg23981150</t>
  </si>
  <si>
    <t>cg23983334</t>
  </si>
  <si>
    <t>cg23986385</t>
  </si>
  <si>
    <t>cg23987054</t>
  </si>
  <si>
    <t>cg23987789</t>
  </si>
  <si>
    <t>cg23987876</t>
  </si>
  <si>
    <t>cg23989110</t>
  </si>
  <si>
    <t>cg23990929</t>
  </si>
  <si>
    <t>cg23990949</t>
  </si>
  <si>
    <t>cg23992410</t>
  </si>
  <si>
    <t>cg23992624</t>
  </si>
  <si>
    <t>cg23995744</t>
  </si>
  <si>
    <t>cg23995917</t>
  </si>
  <si>
    <t>cg23996829</t>
  </si>
  <si>
    <t>cg23996948</t>
  </si>
  <si>
    <t>cg24000232</t>
  </si>
  <si>
    <t>cg24002071</t>
  </si>
  <si>
    <t>cg24003749</t>
  </si>
  <si>
    <t>cg24003898</t>
  </si>
  <si>
    <t>cg24004330</t>
  </si>
  <si>
    <t>cg24006721</t>
  </si>
  <si>
    <t>cg24034429</t>
  </si>
  <si>
    <t>cg24034841</t>
  </si>
  <si>
    <t>cg24035245</t>
  </si>
  <si>
    <t>cg24035898</t>
  </si>
  <si>
    <t>cg24040382</t>
  </si>
  <si>
    <t>cg24040570</t>
  </si>
  <si>
    <t>cg24040576</t>
  </si>
  <si>
    <t>cg24043628</t>
  </si>
  <si>
    <t>cg24044762</t>
  </si>
  <si>
    <t>cg24045378</t>
  </si>
  <si>
    <t>cg24045590</t>
  </si>
  <si>
    <t>cg24046927</t>
  </si>
  <si>
    <t>cg24047311</t>
  </si>
  <si>
    <t>cg24047689</t>
  </si>
  <si>
    <t>cg24048759</t>
  </si>
  <si>
    <t>cg24050519</t>
  </si>
  <si>
    <t>cg24051554</t>
  </si>
  <si>
    <t>cg24052530</t>
  </si>
  <si>
    <t>cg24054215</t>
  </si>
  <si>
    <t>cg24054272</t>
  </si>
  <si>
    <t>cg24054508</t>
  </si>
  <si>
    <t>cg24054683</t>
  </si>
  <si>
    <t>cg24054938</t>
  </si>
  <si>
    <t>cg24056223</t>
  </si>
  <si>
    <t>cg24058025</t>
  </si>
  <si>
    <t>cg24058805</t>
  </si>
  <si>
    <t>cg24059976</t>
  </si>
  <si>
    <t>cg24073122</t>
  </si>
  <si>
    <t>cg24073777</t>
  </si>
  <si>
    <t>cg24074480</t>
  </si>
  <si>
    <t>cg24075852</t>
  </si>
  <si>
    <t>cg24078387</t>
  </si>
  <si>
    <t>cg24082630</t>
  </si>
  <si>
    <t>cg24085809</t>
  </si>
  <si>
    <t>cg24087783</t>
  </si>
  <si>
    <t>cg24089723</t>
  </si>
  <si>
    <t>cg24090393</t>
  </si>
  <si>
    <t>cg24091371</t>
  </si>
  <si>
    <t>cg24102266</t>
  </si>
  <si>
    <t>cg24102570</t>
  </si>
  <si>
    <t>cg24102726</t>
  </si>
  <si>
    <t>cg24103979</t>
  </si>
  <si>
    <t>cg24104045</t>
  </si>
  <si>
    <t>cg24107728</t>
  </si>
  <si>
    <t>cg24108215</t>
  </si>
  <si>
    <t>cg24115558</t>
  </si>
  <si>
    <t>cg24116222</t>
  </si>
  <si>
    <t>cg24117274</t>
  </si>
  <si>
    <t>cg24117915</t>
  </si>
  <si>
    <t>cg24118052</t>
  </si>
  <si>
    <t>cg24119085</t>
  </si>
  <si>
    <t>cg24140574</t>
  </si>
  <si>
    <t>cg24141078</t>
  </si>
  <si>
    <t>cg24141115</t>
  </si>
  <si>
    <t>cg24141233</t>
  </si>
  <si>
    <t>cg24143129</t>
  </si>
  <si>
    <t>cg24143933</t>
  </si>
  <si>
    <t>cg24151926</t>
  </si>
  <si>
    <t>cg24152353</t>
  </si>
  <si>
    <t>cg24153003</t>
  </si>
  <si>
    <t>cg24153044</t>
  </si>
  <si>
    <t>cg24158844</t>
  </si>
  <si>
    <t>cg24161615</t>
  </si>
  <si>
    <t>cg24162367</t>
  </si>
  <si>
    <t>cg24196923</t>
  </si>
  <si>
    <t>cg24250374</t>
  </si>
  <si>
    <t>cg24250902</t>
  </si>
  <si>
    <t>cg24251193</t>
  </si>
  <si>
    <t>cg24253618</t>
  </si>
  <si>
    <t>cg24254517</t>
  </si>
  <si>
    <t>cg24256782</t>
  </si>
  <si>
    <t>cg24277313</t>
  </si>
  <si>
    <t>cg24294159</t>
  </si>
  <si>
    <t>cg24294989</t>
  </si>
  <si>
    <t>cg24299149</t>
  </si>
  <si>
    <t>cg24299847</t>
  </si>
  <si>
    <t>cg24300981</t>
  </si>
  <si>
    <t>cg24302688</t>
  </si>
  <si>
    <t>cg24304972</t>
  </si>
  <si>
    <t>cg24305835</t>
  </si>
  <si>
    <t>cg24306982</t>
  </si>
  <si>
    <t>cg24310460</t>
  </si>
  <si>
    <t>cg24310461</t>
  </si>
  <si>
    <t>cg24311947</t>
  </si>
  <si>
    <t>cg24312492</t>
  </si>
  <si>
    <t>cg24312771</t>
  </si>
  <si>
    <t>cg24314057</t>
  </si>
  <si>
    <t>cg24314279</t>
  </si>
  <si>
    <t>cg24315049</t>
  </si>
  <si>
    <t>cg24317585</t>
  </si>
  <si>
    <t>cg24323341</t>
  </si>
  <si>
    <t>cg24324755</t>
  </si>
  <si>
    <t>cg24326501</t>
  </si>
  <si>
    <t>cg24326661</t>
  </si>
  <si>
    <t>cg24327491</t>
  </si>
  <si>
    <t>cg24327542</t>
  </si>
  <si>
    <t>cg24328740</t>
  </si>
  <si>
    <t>cg24329521</t>
  </si>
  <si>
    <t>cg24332389</t>
  </si>
  <si>
    <t>cg24334174</t>
  </si>
  <si>
    <t>cg24334803</t>
  </si>
  <si>
    <t>cg24335302</t>
  </si>
  <si>
    <t>cg24335600</t>
  </si>
  <si>
    <t>cg24336278</t>
  </si>
  <si>
    <t>cg24338513</t>
  </si>
  <si>
    <t>cg24344221</t>
  </si>
  <si>
    <t>cg24347994</t>
  </si>
  <si>
    <t>cg24348240</t>
  </si>
  <si>
    <t>cg24350011</t>
  </si>
  <si>
    <t>cg24351819</t>
  </si>
  <si>
    <t>cg24352281</t>
  </si>
  <si>
    <t>cg24352618</t>
  </si>
  <si>
    <t>cg24352938</t>
  </si>
  <si>
    <t>cg24354901</t>
  </si>
  <si>
    <t>cg24356321</t>
  </si>
  <si>
    <t>cg24358529</t>
  </si>
  <si>
    <t>cg24360269</t>
  </si>
  <si>
    <t>cg24360513</t>
  </si>
  <si>
    <t>cg24361162</t>
  </si>
  <si>
    <t>cg24364143</t>
  </si>
  <si>
    <t>cg24367016</t>
  </si>
  <si>
    <t>cg24367628</t>
  </si>
  <si>
    <t>cg24368383</t>
  </si>
  <si>
    <t>cg24368899</t>
  </si>
  <si>
    <t>cg24371425</t>
  </si>
  <si>
    <t>cg24371534</t>
  </si>
  <si>
    <t>cg24372299</t>
  </si>
  <si>
    <t>cg24373735</t>
  </si>
  <si>
    <t>cg24374583</t>
  </si>
  <si>
    <t>cg24375409</t>
  </si>
  <si>
    <t>cg24378597</t>
  </si>
  <si>
    <t>cg24379252</t>
  </si>
  <si>
    <t>cg24385733</t>
  </si>
  <si>
    <t>cg24395386</t>
  </si>
  <si>
    <t>cg24396691</t>
  </si>
  <si>
    <t>cg24397815</t>
  </si>
  <si>
    <t>cg24400488</t>
  </si>
  <si>
    <t>cg24400630</t>
  </si>
  <si>
    <t>cg24402755</t>
  </si>
  <si>
    <t>cg24404823</t>
  </si>
  <si>
    <t>cg24405179</t>
  </si>
  <si>
    <t>cg24405951</t>
  </si>
  <si>
    <t>cg24406116</t>
  </si>
  <si>
    <t>cg24407827</t>
  </si>
  <si>
    <t>cg24408347</t>
  </si>
  <si>
    <t>cg24408603</t>
  </si>
  <si>
    <t>cg24408776</t>
  </si>
  <si>
    <t>cg24409107</t>
  </si>
  <si>
    <t>cg24411314</t>
  </si>
  <si>
    <t>cg24412469</t>
  </si>
  <si>
    <t>cg24425829</t>
  </si>
  <si>
    <t>cg24425838</t>
  </si>
  <si>
    <t>cg24426536</t>
  </si>
  <si>
    <t>cg24426733</t>
  </si>
  <si>
    <t>cg24434800</t>
  </si>
  <si>
    <t>cg24435747</t>
  </si>
  <si>
    <t>cg24435866</t>
  </si>
  <si>
    <t>cg24437737</t>
  </si>
  <si>
    <t>cg24439334</t>
  </si>
  <si>
    <t>cg24441324</t>
  </si>
  <si>
    <t>cg24441975</t>
  </si>
  <si>
    <t>cg24442740</t>
  </si>
  <si>
    <t>cg24444188</t>
  </si>
  <si>
    <t>cg24444923</t>
  </si>
  <si>
    <t>cg24446923</t>
  </si>
  <si>
    <t>cg24447680</t>
  </si>
  <si>
    <t>cg24448326</t>
  </si>
  <si>
    <t>cg24448849</t>
  </si>
  <si>
    <t>cg24450312</t>
  </si>
  <si>
    <t>cg24451422</t>
  </si>
  <si>
    <t>cg24453836</t>
  </si>
  <si>
    <t>cg24455365</t>
  </si>
  <si>
    <t>cg24458329</t>
  </si>
  <si>
    <t>cg24458400</t>
  </si>
  <si>
    <t>cg24460126</t>
  </si>
  <si>
    <t>cg24466241</t>
  </si>
  <si>
    <t>cg24467349</t>
  </si>
  <si>
    <t>cg24469980</t>
  </si>
  <si>
    <t>cg24470133</t>
  </si>
  <si>
    <t>cg24473622</t>
  </si>
  <si>
    <t>cg24475622</t>
  </si>
  <si>
    <t>cg24475782</t>
  </si>
  <si>
    <t>cg24477193</t>
  </si>
  <si>
    <t>cg24481891</t>
  </si>
  <si>
    <t>cg24483655</t>
  </si>
  <si>
    <t>cg24484895</t>
  </si>
  <si>
    <t>cg24485408</t>
  </si>
  <si>
    <t>cg24486037</t>
  </si>
  <si>
    <t>cg24487361</t>
  </si>
  <si>
    <t>cg24490542</t>
  </si>
  <si>
    <t>cg24500304</t>
  </si>
  <si>
    <t>cg24501027</t>
  </si>
  <si>
    <t>cg24502334</t>
  </si>
  <si>
    <t>cg24505556</t>
  </si>
  <si>
    <t>cg24508065</t>
  </si>
  <si>
    <t>cg24508996</t>
  </si>
  <si>
    <t>cg24509398</t>
  </si>
  <si>
    <t>cg24512132</t>
  </si>
  <si>
    <t>cg24514954</t>
  </si>
  <si>
    <t>cg24515270</t>
  </si>
  <si>
    <t>cg24517252</t>
  </si>
  <si>
    <t>cg24517863</t>
  </si>
  <si>
    <t>cg24523535</t>
  </si>
  <si>
    <t>cg24524366</t>
  </si>
  <si>
    <t>cg24524850</t>
  </si>
  <si>
    <t>cg24526499</t>
  </si>
  <si>
    <t>cg24529230</t>
  </si>
  <si>
    <t>cg24529392</t>
  </si>
  <si>
    <t>cg24532665</t>
  </si>
  <si>
    <t>cg24533678</t>
  </si>
  <si>
    <t>cg24535622</t>
  </si>
  <si>
    <t>cg24536474</t>
  </si>
  <si>
    <t>cg24537383</t>
  </si>
  <si>
    <t>cg24539455</t>
  </si>
  <si>
    <t>cg24539779</t>
  </si>
  <si>
    <t>cg24540521</t>
  </si>
  <si>
    <t>cg24541835</t>
  </si>
  <si>
    <t>cg24544309</t>
  </si>
  <si>
    <t>cg24544320</t>
  </si>
  <si>
    <t>cg24544490</t>
  </si>
  <si>
    <t>cg24545495</t>
  </si>
  <si>
    <t>cg24546083</t>
  </si>
  <si>
    <t>cg24546153</t>
  </si>
  <si>
    <t>cg24547565</t>
  </si>
  <si>
    <t>cg24547755</t>
  </si>
  <si>
    <t>cg24550149</t>
  </si>
  <si>
    <t>cg24550298</t>
  </si>
  <si>
    <t>cg24551539</t>
  </si>
  <si>
    <t>cg24551579</t>
  </si>
  <si>
    <t>cg24554319</t>
  </si>
  <si>
    <t>cg24554458</t>
  </si>
  <si>
    <t>cg24556854</t>
  </si>
  <si>
    <t>cg24557133</t>
  </si>
  <si>
    <t>cg24557248</t>
  </si>
  <si>
    <t>cg24576260</t>
  </si>
  <si>
    <t>cg24577933</t>
  </si>
  <si>
    <t>cg24578075</t>
  </si>
  <si>
    <t>cg24579224</t>
  </si>
  <si>
    <t>cg24583305</t>
  </si>
  <si>
    <t>cg24588482</t>
  </si>
  <si>
    <t>cg24591969</t>
  </si>
  <si>
    <t>cg24592462</t>
  </si>
  <si>
    <t>cg24593630</t>
  </si>
  <si>
    <t>cg24596729</t>
  </si>
  <si>
    <t>cg24597774</t>
  </si>
  <si>
    <t>cg24598449</t>
  </si>
  <si>
    <t>cg24599205</t>
  </si>
  <si>
    <t>cg24602552</t>
  </si>
  <si>
    <t>cg24605830</t>
  </si>
  <si>
    <t>cg24610274</t>
  </si>
  <si>
    <t>cg24623497</t>
  </si>
  <si>
    <t>cg24629380</t>
  </si>
  <si>
    <t>cg24630419</t>
  </si>
  <si>
    <t>cg24634568</t>
  </si>
  <si>
    <t>cg24635257</t>
  </si>
  <si>
    <t>cg24635754</t>
  </si>
  <si>
    <t>cg24637364</t>
  </si>
  <si>
    <t>cg24638326</t>
  </si>
  <si>
    <t>cg24640001</t>
  </si>
  <si>
    <t>cg24641417</t>
  </si>
  <si>
    <t>cg24642196</t>
  </si>
  <si>
    <t>cg24657977</t>
  </si>
  <si>
    <t>cg24658158</t>
  </si>
  <si>
    <t>cg24662698</t>
  </si>
  <si>
    <t>cg24664312</t>
  </si>
  <si>
    <t>cg24667304</t>
  </si>
  <si>
    <t>cg24669191</t>
  </si>
  <si>
    <t>cg24669728</t>
  </si>
  <si>
    <t>cg24671344</t>
  </si>
  <si>
    <t>cg24672056</t>
  </si>
  <si>
    <t>cg24678113</t>
  </si>
  <si>
    <t>cg24680497</t>
  </si>
  <si>
    <t>cg24682307</t>
  </si>
  <si>
    <t>cg24683414</t>
  </si>
  <si>
    <t>cg24685006</t>
  </si>
  <si>
    <t>cg24685601</t>
  </si>
  <si>
    <t>cg24688471</t>
  </si>
  <si>
    <t>cg24690231</t>
  </si>
  <si>
    <t>cg24690236</t>
  </si>
  <si>
    <t>cg24690722</t>
  </si>
  <si>
    <t>cg24692872</t>
  </si>
  <si>
    <t>cg24694326</t>
  </si>
  <si>
    <t>cg24694502</t>
  </si>
  <si>
    <t>cg24694675</t>
  </si>
  <si>
    <t>cg24695281</t>
  </si>
  <si>
    <t>cg24695972</t>
  </si>
  <si>
    <t>cg24704182</t>
  </si>
  <si>
    <t>cg24704476</t>
  </si>
  <si>
    <t>cg24709167</t>
  </si>
  <si>
    <t>cg24709511</t>
  </si>
  <si>
    <t>cg24713343</t>
  </si>
  <si>
    <t>cg24713770</t>
  </si>
  <si>
    <t>cg24714913</t>
  </si>
  <si>
    <t>cg24715767</t>
  </si>
  <si>
    <t>cg24716879</t>
  </si>
  <si>
    <t>cg24719487</t>
  </si>
  <si>
    <t>cg24721630</t>
  </si>
  <si>
    <t>cg24722365</t>
  </si>
  <si>
    <t>cg24722749</t>
  </si>
  <si>
    <t>cg24723716</t>
  </si>
  <si>
    <t>cg24724460</t>
  </si>
  <si>
    <t>cg24724877</t>
  </si>
  <si>
    <t>cg24729481</t>
  </si>
  <si>
    <t>cg24729577</t>
  </si>
  <si>
    <t>cg24729617</t>
  </si>
  <si>
    <t>cg24730157</t>
  </si>
  <si>
    <t>cg24730892</t>
  </si>
  <si>
    <t>cg24731597</t>
  </si>
  <si>
    <t>cg24740868</t>
  </si>
  <si>
    <t>cg24741158</t>
  </si>
  <si>
    <t>cg24744425</t>
  </si>
  <si>
    <t>cg24806893</t>
  </si>
  <si>
    <t>cg24808280</t>
  </si>
  <si>
    <t>cg24808412</t>
  </si>
  <si>
    <t>cg24810019</t>
  </si>
  <si>
    <t>cg24830619</t>
  </si>
  <si>
    <t>cg24833425</t>
  </si>
  <si>
    <t>cg24838029</t>
  </si>
  <si>
    <t>cg24838391</t>
  </si>
  <si>
    <t>cg24839533</t>
  </si>
  <si>
    <t>cg24841511</t>
  </si>
  <si>
    <t>cg24842967</t>
  </si>
  <si>
    <t>cg24843474</t>
  </si>
  <si>
    <t>cg24845595</t>
  </si>
  <si>
    <t>cg24846594</t>
  </si>
  <si>
    <t>cg24846680</t>
  </si>
  <si>
    <t>cg24847154</t>
  </si>
  <si>
    <t>cg24847481</t>
  </si>
  <si>
    <t>cg24848594</t>
  </si>
  <si>
    <t>cg24850219</t>
  </si>
  <si>
    <t>cg24851370</t>
  </si>
  <si>
    <t>cg24853765</t>
  </si>
  <si>
    <t>cg24854095</t>
  </si>
  <si>
    <t>cg24854435</t>
  </si>
  <si>
    <t>cg24859236</t>
  </si>
  <si>
    <t>cg24859316</t>
  </si>
  <si>
    <t>cg24860169</t>
  </si>
  <si>
    <t>cg24860819</t>
  </si>
  <si>
    <t>cg24862510</t>
  </si>
  <si>
    <t>cg24863642</t>
  </si>
  <si>
    <t>cg24864683</t>
  </si>
  <si>
    <t>cg24865406</t>
  </si>
  <si>
    <t>cg24867146</t>
  </si>
  <si>
    <t>cg24868054</t>
  </si>
  <si>
    <t>cg24870568</t>
  </si>
  <si>
    <t>cg24870738</t>
  </si>
  <si>
    <t>cg24873695</t>
  </si>
  <si>
    <t>cg24876118</t>
  </si>
  <si>
    <t>cg24877558</t>
  </si>
  <si>
    <t>cg24878594</t>
  </si>
  <si>
    <t>cg24878868</t>
  </si>
  <si>
    <t>cg24879143</t>
  </si>
  <si>
    <t>cg24879809</t>
  </si>
  <si>
    <t>cg24880044</t>
  </si>
  <si>
    <t>cg24880818</t>
  </si>
  <si>
    <t>cg24884142</t>
  </si>
  <si>
    <t>cg24884190</t>
  </si>
  <si>
    <t>cg24884703</t>
  </si>
  <si>
    <t>cg24884961</t>
  </si>
  <si>
    <t>cg24885126</t>
  </si>
  <si>
    <t>cg24930443</t>
  </si>
  <si>
    <t>cg24931596</t>
  </si>
  <si>
    <t>cg24932457</t>
  </si>
  <si>
    <t>cg24932816</t>
  </si>
  <si>
    <t>cg24933645</t>
  </si>
  <si>
    <t>cg24934561</t>
  </si>
  <si>
    <t>cg24937136</t>
  </si>
  <si>
    <t>cg24938077</t>
  </si>
  <si>
    <t>cg24939845</t>
  </si>
  <si>
    <t>cg24940499</t>
  </si>
  <si>
    <t>cg24941513</t>
  </si>
  <si>
    <t>cg24953506</t>
  </si>
  <si>
    <t>cg24998527</t>
  </si>
  <si>
    <t>cg25001102</t>
  </si>
  <si>
    <t>cg25003565</t>
  </si>
  <si>
    <t>cg25004270</t>
  </si>
  <si>
    <t>cg25005345</t>
  </si>
  <si>
    <t>cg25005515</t>
  </si>
  <si>
    <t>cg25007939</t>
  </si>
  <si>
    <t>cg25009258</t>
  </si>
  <si>
    <t>cg25010788</t>
  </si>
  <si>
    <t>cg25011368</t>
  </si>
  <si>
    <t>cg25012864</t>
  </si>
  <si>
    <t>cg25013451</t>
  </si>
  <si>
    <t>cg25017777</t>
  </si>
  <si>
    <t>cg25017976</t>
  </si>
  <si>
    <t>cg25018357</t>
  </si>
  <si>
    <t>cg25018801</t>
  </si>
  <si>
    <t>cg25019631</t>
  </si>
  <si>
    <t>cg25020286</t>
  </si>
  <si>
    <t>cg25020373</t>
  </si>
  <si>
    <t>cg25022560</t>
  </si>
  <si>
    <t>cg25023241</t>
  </si>
  <si>
    <t>cg25026898</t>
  </si>
  <si>
    <t>cg25027091</t>
  </si>
  <si>
    <t>cg25028206</t>
  </si>
  <si>
    <t>cg25029022</t>
  </si>
  <si>
    <t>cg25029986</t>
  </si>
  <si>
    <t>cg25031777</t>
  </si>
  <si>
    <t>cg25034947</t>
  </si>
  <si>
    <t>cg25035631</t>
  </si>
  <si>
    <t>cg25035908</t>
  </si>
  <si>
    <t>cg25062542</t>
  </si>
  <si>
    <t>cg25063151</t>
  </si>
  <si>
    <t>cg25063733</t>
  </si>
  <si>
    <t>cg25064552</t>
  </si>
  <si>
    <t>cg25067242</t>
  </si>
  <si>
    <t>cg25095697</t>
  </si>
  <si>
    <t>cg25095934</t>
  </si>
  <si>
    <t>cg25096313</t>
  </si>
  <si>
    <t>cg25100848</t>
  </si>
  <si>
    <t>cg25101405</t>
  </si>
  <si>
    <t>cg25103766</t>
  </si>
  <si>
    <t>cg25104105</t>
  </si>
  <si>
    <t>cg25104186</t>
  </si>
  <si>
    <t>cg25106100</t>
  </si>
  <si>
    <t>cg25107608</t>
  </si>
  <si>
    <t>cg25107717</t>
  </si>
  <si>
    <t>cg25108841</t>
  </si>
  <si>
    <t>cg25109252</t>
  </si>
  <si>
    <t>cg25130381</t>
  </si>
  <si>
    <t>cg25135004</t>
  </si>
  <si>
    <t>cg25137711</t>
  </si>
  <si>
    <t>cg25140345</t>
  </si>
  <si>
    <t>cg25140945</t>
  </si>
  <si>
    <t>cg25141181</t>
  </si>
  <si>
    <t>cg25143070</t>
  </si>
  <si>
    <t>cg25143235</t>
  </si>
  <si>
    <t>cg25147376</t>
  </si>
  <si>
    <t>cg25147866</t>
  </si>
  <si>
    <t>cg25149069</t>
  </si>
  <si>
    <t>cg25149396</t>
  </si>
  <si>
    <t>cg25151638</t>
  </si>
  <si>
    <t>cg25152368</t>
  </si>
  <si>
    <t>cg25153669</t>
  </si>
  <si>
    <t>cg25154447</t>
  </si>
  <si>
    <t>cg25167447</t>
  </si>
  <si>
    <t>cg25177113</t>
  </si>
  <si>
    <t>cg25187622</t>
  </si>
  <si>
    <t>cg25190491</t>
  </si>
  <si>
    <t>cg25191628</t>
  </si>
  <si>
    <t>cg25191850</t>
  </si>
  <si>
    <t>cg25192855</t>
  </si>
  <si>
    <t>cg25192948</t>
  </si>
  <si>
    <t>cg25193484</t>
  </si>
  <si>
    <t>cg25196088</t>
  </si>
  <si>
    <t>cg25197698</t>
  </si>
  <si>
    <t>cg25198049</t>
  </si>
  <si>
    <t>cg25201881</t>
  </si>
  <si>
    <t>cg25203031</t>
  </si>
  <si>
    <t>cg25204088</t>
  </si>
  <si>
    <t>cg25207052</t>
  </si>
  <si>
    <t>cg25207248</t>
  </si>
  <si>
    <t>cg25208017</t>
  </si>
  <si>
    <t>cg25208724</t>
  </si>
  <si>
    <t>cg25210835</t>
  </si>
  <si>
    <t>cg25211006</t>
  </si>
  <si>
    <t>cg25214684</t>
  </si>
  <si>
    <t>cg25215298</t>
  </si>
  <si>
    <t>cg25215654</t>
  </si>
  <si>
    <t>cg25216613</t>
  </si>
  <si>
    <t>cg25219318</t>
  </si>
  <si>
    <t>cg25221196</t>
  </si>
  <si>
    <t>cg25221984</t>
  </si>
  <si>
    <t>cg25271147</t>
  </si>
  <si>
    <t>cg25271930</t>
  </si>
  <si>
    <t>cg25272655</t>
  </si>
  <si>
    <t>cg25274598</t>
  </si>
  <si>
    <t>cg25275331</t>
  </si>
  <si>
    <t>cg25276149</t>
  </si>
  <si>
    <t>cg25277534</t>
  </si>
  <si>
    <t>cg25277868</t>
  </si>
  <si>
    <t>cg25279778</t>
  </si>
  <si>
    <t>cg25279922</t>
  </si>
  <si>
    <t>cg25284075</t>
  </si>
  <si>
    <t>cg25284512</t>
  </si>
  <si>
    <t>cg25285237</t>
  </si>
  <si>
    <t>cg25286333</t>
  </si>
  <si>
    <t>cg25288420</t>
  </si>
  <si>
    <t>cg25306584</t>
  </si>
  <si>
    <t>cg25307881</t>
  </si>
  <si>
    <t>cg25309558</t>
  </si>
  <si>
    <t>cg25310909</t>
  </si>
  <si>
    <t>cg25311330</t>
  </si>
  <si>
    <t>cg25312481</t>
  </si>
  <si>
    <t>cg25314315</t>
  </si>
  <si>
    <t>cg25317664</t>
  </si>
  <si>
    <t>cg25318301</t>
  </si>
  <si>
    <t>cg25319188</t>
  </si>
  <si>
    <t>cg25320115</t>
  </si>
  <si>
    <t>cg25320668</t>
  </si>
  <si>
    <t>cg25325159</t>
  </si>
  <si>
    <t>cg25339566</t>
  </si>
  <si>
    <t>cg25340966</t>
  </si>
  <si>
    <t>cg25341338</t>
  </si>
  <si>
    <t>cg25345767</t>
  </si>
  <si>
    <t>cg25346059</t>
  </si>
  <si>
    <t>cg25347098</t>
  </si>
  <si>
    <t>cg25349729</t>
  </si>
  <si>
    <t>cg25350057</t>
  </si>
  <si>
    <t>cg25353308</t>
  </si>
  <si>
    <t>cg25362248</t>
  </si>
  <si>
    <t>cg25363807</t>
  </si>
  <si>
    <t>cg25367926</t>
  </si>
  <si>
    <t>cg25368049</t>
  </si>
  <si>
    <t>cg25369015</t>
  </si>
  <si>
    <t>cg25370592</t>
  </si>
  <si>
    <t>cg25371449</t>
  </si>
  <si>
    <t>cg25372239</t>
  </si>
  <si>
    <t>cg25372275</t>
  </si>
  <si>
    <t>cg25373063</t>
  </si>
  <si>
    <t>cg25375340</t>
  </si>
  <si>
    <t>cg25377475</t>
  </si>
  <si>
    <t>cg25379026</t>
  </si>
  <si>
    <t>cg25379116</t>
  </si>
  <si>
    <t>cg25381775</t>
  </si>
  <si>
    <t>cg25382472</t>
  </si>
  <si>
    <t>cg25384089</t>
  </si>
  <si>
    <t>cg25385412</t>
  </si>
  <si>
    <t>cg25386802</t>
  </si>
  <si>
    <t>cg25389462</t>
  </si>
  <si>
    <t>cg25392584</t>
  </si>
  <si>
    <t>cg25407979</t>
  </si>
  <si>
    <t>cg25408237</t>
  </si>
  <si>
    <t>cg25410842</t>
  </si>
  <si>
    <t>cg25463742</t>
  </si>
  <si>
    <t>cg25463822</t>
  </si>
  <si>
    <t>cg25464921</t>
  </si>
  <si>
    <t>cg25465938</t>
  </si>
  <si>
    <t>cg25466090</t>
  </si>
  <si>
    <t>cg25466974</t>
  </si>
  <si>
    <t>cg25469212</t>
  </si>
  <si>
    <t>cg25469418</t>
  </si>
  <si>
    <t>cg25470758</t>
  </si>
  <si>
    <t>cg25479082</t>
  </si>
  <si>
    <t>cg25549141</t>
  </si>
  <si>
    <t>cg25552937</t>
  </si>
  <si>
    <t>cg25590392</t>
  </si>
  <si>
    <t>cg25593631</t>
  </si>
  <si>
    <t>cg25593794</t>
  </si>
  <si>
    <t>cg25593916</t>
  </si>
  <si>
    <t>cg25594636</t>
  </si>
  <si>
    <t>cg25594899</t>
  </si>
  <si>
    <t>cg25594980</t>
  </si>
  <si>
    <t>cg25595218</t>
  </si>
  <si>
    <t>cg25600478</t>
  </si>
  <si>
    <t>cg25601229</t>
  </si>
  <si>
    <t>cg25604536</t>
  </si>
  <si>
    <t>cg25605771</t>
  </si>
  <si>
    <t>cg25610515</t>
  </si>
  <si>
    <t>cg25613247</t>
  </si>
  <si>
    <t>cg25613251</t>
  </si>
  <si>
    <t>cg25616684</t>
  </si>
  <si>
    <t>cg25621096</t>
  </si>
  <si>
    <t>cg25622154</t>
  </si>
  <si>
    <t>cg25623271</t>
  </si>
  <si>
    <t>cg25623721</t>
  </si>
  <si>
    <t>cg25626704</t>
  </si>
  <si>
    <t>cg25637824</t>
  </si>
  <si>
    <t>cg25683325</t>
  </si>
  <si>
    <t>cg25706373</t>
  </si>
  <si>
    <t>cg25722198</t>
  </si>
  <si>
    <t>cg25723050</t>
  </si>
  <si>
    <t>cg25725117</t>
  </si>
  <si>
    <t>cg25726269</t>
  </si>
  <si>
    <t>cg25729922</t>
  </si>
  <si>
    <t>cg25730356</t>
  </si>
  <si>
    <t>cg25730577</t>
  </si>
  <si>
    <t>cg25730685</t>
  </si>
  <si>
    <t>cg25732282</t>
  </si>
  <si>
    <t>cg25734842</t>
  </si>
  <si>
    <t>cg25741794</t>
  </si>
  <si>
    <t>cg25742246</t>
  </si>
  <si>
    <t>cg25746764</t>
  </si>
  <si>
    <t>cg25754958</t>
  </si>
  <si>
    <t>cg25757115</t>
  </si>
  <si>
    <t>cg25758134</t>
  </si>
  <si>
    <t>cg25761793</t>
  </si>
  <si>
    <t>cg25764899</t>
  </si>
  <si>
    <t>cg25766537</t>
  </si>
  <si>
    <t>cg25768250</t>
  </si>
  <si>
    <t>cg25769755</t>
  </si>
  <si>
    <t>cg25770995</t>
  </si>
  <si>
    <t>cg25772221</t>
  </si>
  <si>
    <t>cg25772341</t>
  </si>
  <si>
    <t>cg25772827</t>
  </si>
  <si>
    <t>cg25773262</t>
  </si>
  <si>
    <t>cg25774148</t>
  </si>
  <si>
    <t>cg25775742</t>
  </si>
  <si>
    <t>cg25806492</t>
  </si>
  <si>
    <t>cg25837719</t>
  </si>
  <si>
    <t>cg25837803</t>
  </si>
  <si>
    <t>cg25841634</t>
  </si>
  <si>
    <t>cg25844162</t>
  </si>
  <si>
    <t>cg25844211</t>
  </si>
  <si>
    <t>cg25844639</t>
  </si>
  <si>
    <t>cg25845431</t>
  </si>
  <si>
    <t>cg25847024</t>
  </si>
  <si>
    <t>cg25847484</t>
  </si>
  <si>
    <t>cg25848557</t>
  </si>
  <si>
    <t>cg25849281</t>
  </si>
  <si>
    <t>cg25849876</t>
  </si>
  <si>
    <t>cg25851425</t>
  </si>
  <si>
    <t>cg25851789</t>
  </si>
  <si>
    <t>cg25851842</t>
  </si>
  <si>
    <t>cg25875824</t>
  </si>
  <si>
    <t>cg25876608</t>
  </si>
  <si>
    <t>cg25880288</t>
  </si>
  <si>
    <t>cg25880537</t>
  </si>
  <si>
    <t>cg25885108</t>
  </si>
  <si>
    <t>cg25893869</t>
  </si>
  <si>
    <t>cg25939380</t>
  </si>
  <si>
    <t>cg25939543</t>
  </si>
  <si>
    <t>cg25940827</t>
  </si>
  <si>
    <t>cg25947945</t>
  </si>
  <si>
    <t>cg25970533</t>
  </si>
  <si>
    <t>cg25972499</t>
  </si>
  <si>
    <t>cg25974897</t>
  </si>
  <si>
    <t>cg25975626</t>
  </si>
  <si>
    <t>cg25977304</t>
  </si>
  <si>
    <t>cg25979543</t>
  </si>
  <si>
    <t>cg25980637</t>
  </si>
  <si>
    <t>cg26000554</t>
  </si>
  <si>
    <t>cg26002253</t>
  </si>
  <si>
    <t>cg26003818</t>
  </si>
  <si>
    <t>cg26004771</t>
  </si>
  <si>
    <t>cg26008365</t>
  </si>
  <si>
    <t>cg26009245</t>
  </si>
  <si>
    <t>cg26010095</t>
  </si>
  <si>
    <t>cg26010562</t>
  </si>
  <si>
    <t>cg26011014</t>
  </si>
  <si>
    <t>cg26011199</t>
  </si>
  <si>
    <t>cg26011771</t>
  </si>
  <si>
    <t>cg26013553</t>
  </si>
  <si>
    <t>cg26016074</t>
  </si>
  <si>
    <t>cg26017930</t>
  </si>
  <si>
    <t>cg26022183</t>
  </si>
  <si>
    <t>cg26022992</t>
  </si>
  <si>
    <t>cg26026567</t>
  </si>
  <si>
    <t>cg26029682</t>
  </si>
  <si>
    <t>cg26029744</t>
  </si>
  <si>
    <t>cg26030610</t>
  </si>
  <si>
    <t>cg26034375</t>
  </si>
  <si>
    <t>cg26035323</t>
  </si>
  <si>
    <t>cg26036199</t>
  </si>
  <si>
    <t>cg26036626</t>
  </si>
  <si>
    <t>cg26038582</t>
  </si>
  <si>
    <t>cg26038649</t>
  </si>
  <si>
    <t>cg26039092</t>
  </si>
  <si>
    <t>cg26040332</t>
  </si>
  <si>
    <t>cg26044038</t>
  </si>
  <si>
    <t>cg26047345</t>
  </si>
  <si>
    <t>cg26049379</t>
  </si>
  <si>
    <t>cg26054395</t>
  </si>
  <si>
    <t>cg26055420</t>
  </si>
  <si>
    <t>cg26055950</t>
  </si>
  <si>
    <t>cg26057754</t>
  </si>
  <si>
    <t>cg26065580</t>
  </si>
  <si>
    <t>cg26066912</t>
  </si>
  <si>
    <t>cg26067203</t>
  </si>
  <si>
    <t>cg26068551</t>
  </si>
  <si>
    <t>cg26073933</t>
  </si>
  <si>
    <t>cg26100711</t>
  </si>
  <si>
    <t>cg26104816</t>
  </si>
  <si>
    <t>cg26105280</t>
  </si>
  <si>
    <t>cg26107850</t>
  </si>
  <si>
    <t>cg26108836</t>
  </si>
  <si>
    <t>cg26114324</t>
  </si>
  <si>
    <t>cg26115312</t>
  </si>
  <si>
    <t>cg26115470</t>
  </si>
  <si>
    <t>cg26117986</t>
  </si>
  <si>
    <t>cg26119331</t>
  </si>
  <si>
    <t>cg26144437</t>
  </si>
  <si>
    <t>cg26144567</t>
  </si>
  <si>
    <t>cg26145502</t>
  </si>
  <si>
    <t>cg26145926</t>
  </si>
  <si>
    <t>cg26146390</t>
  </si>
  <si>
    <t>cg26148135</t>
  </si>
  <si>
    <t>cg26150071</t>
  </si>
  <si>
    <t>cg26151283</t>
  </si>
  <si>
    <t>cg26152427</t>
  </si>
  <si>
    <t>cg26153096</t>
  </si>
  <si>
    <t>cg26155217</t>
  </si>
  <si>
    <t>cg26155475</t>
  </si>
  <si>
    <t>cg26157385</t>
  </si>
  <si>
    <t>cg26160235</t>
  </si>
  <si>
    <t>cg26162147</t>
  </si>
  <si>
    <t>cg26162836</t>
  </si>
  <si>
    <t>cg26163375</t>
  </si>
  <si>
    <t>cg26163855</t>
  </si>
  <si>
    <t>cg26164879</t>
  </si>
  <si>
    <t>cg26185843</t>
  </si>
  <si>
    <t>cg26187514</t>
  </si>
  <si>
    <t>cg26190476</t>
  </si>
  <si>
    <t>cg26218412</t>
  </si>
  <si>
    <t>cg26218804</t>
  </si>
  <si>
    <t>cg26218805</t>
  </si>
  <si>
    <t>cg26220061</t>
  </si>
  <si>
    <t>cg26220259</t>
  </si>
  <si>
    <t>cg26220673</t>
  </si>
  <si>
    <t>cg26221719</t>
  </si>
  <si>
    <t>cg26222311</t>
  </si>
  <si>
    <t>cg26226110</t>
  </si>
  <si>
    <t>cg26227186</t>
  </si>
  <si>
    <t>cg26227225</t>
  </si>
  <si>
    <t>cg26228266</t>
  </si>
  <si>
    <t>cg26228351</t>
  </si>
  <si>
    <t>cg26228696</t>
  </si>
  <si>
    <t>cg26233468</t>
  </si>
  <si>
    <t>cg26246897</t>
  </si>
  <si>
    <t>cg26246928</t>
  </si>
  <si>
    <t>cg26248091</t>
  </si>
  <si>
    <t>cg26250664</t>
  </si>
  <si>
    <t>cg26251909</t>
  </si>
  <si>
    <t>cg26252027</t>
  </si>
  <si>
    <t>cg26253438</t>
  </si>
  <si>
    <t>cg26254453</t>
  </si>
  <si>
    <t>cg26255011</t>
  </si>
  <si>
    <t>cg26256999</t>
  </si>
  <si>
    <t>cg26257210</t>
  </si>
  <si>
    <t>cg26258877</t>
  </si>
  <si>
    <t>cg26259001</t>
  </si>
  <si>
    <t>cg26260588</t>
  </si>
  <si>
    <t>cg26262605</t>
  </si>
  <si>
    <t>cg26267852</t>
  </si>
  <si>
    <t>cg26268636</t>
  </si>
  <si>
    <t>cg26272214</t>
  </si>
  <si>
    <t>cg26272228</t>
  </si>
  <si>
    <t>cg26272893</t>
  </si>
  <si>
    <t>cg26273958</t>
  </si>
  <si>
    <t>cg26275242</t>
  </si>
  <si>
    <t>cg26275371</t>
  </si>
  <si>
    <t>cg26296762</t>
  </si>
  <si>
    <t>cg26297866</t>
  </si>
  <si>
    <t>cg26299763</t>
  </si>
  <si>
    <t>cg26303165</t>
  </si>
  <si>
    <t>cg26303861</t>
  </si>
  <si>
    <t>cg26308425</t>
  </si>
  <si>
    <t>cg26308942</t>
  </si>
  <si>
    <t>cg26309655</t>
  </si>
  <si>
    <t>cg26309691</t>
  </si>
  <si>
    <t>cg26309987</t>
  </si>
  <si>
    <t>cg26311208</t>
  </si>
  <si>
    <t>cg26313349</t>
  </si>
  <si>
    <t>cg26313647</t>
  </si>
  <si>
    <t>cg26314055</t>
  </si>
  <si>
    <t>cg26314868</t>
  </si>
  <si>
    <t>cg26315753</t>
  </si>
  <si>
    <t>cg26328483</t>
  </si>
  <si>
    <t>cg26330135</t>
  </si>
  <si>
    <t>cg26331172</t>
  </si>
  <si>
    <t>cg26332488</t>
  </si>
  <si>
    <t>cg26332740</t>
  </si>
  <si>
    <t>cg26335527</t>
  </si>
  <si>
    <t>cg26336773</t>
  </si>
  <si>
    <t>cg26341619</t>
  </si>
  <si>
    <t>cg26342398</t>
  </si>
  <si>
    <t>cg26342907</t>
  </si>
  <si>
    <t>cg26345105</t>
  </si>
  <si>
    <t>cg26345888</t>
  </si>
  <si>
    <t>cg26347197</t>
  </si>
  <si>
    <t>cg26347746</t>
  </si>
  <si>
    <t>cg26348447</t>
  </si>
  <si>
    <t>cg26348575</t>
  </si>
  <si>
    <t>cg26349606</t>
  </si>
  <si>
    <t>cg26349672</t>
  </si>
  <si>
    <t>cg26351554</t>
  </si>
  <si>
    <t>cg26352811</t>
  </si>
  <si>
    <t>cg26354173</t>
  </si>
  <si>
    <t>cg26354228</t>
  </si>
  <si>
    <t>cg26354882</t>
  </si>
  <si>
    <t>cg26362576</t>
  </si>
  <si>
    <t>cg26363634</t>
  </si>
  <si>
    <t>cg26368718</t>
  </si>
  <si>
    <t>cg26369133</t>
  </si>
  <si>
    <t>cg26371731</t>
  </si>
  <si>
    <t>cg26396086</t>
  </si>
  <si>
    <t>cg26397881</t>
  </si>
  <si>
    <t>cg26404511</t>
  </si>
  <si>
    <t>cg26408861</t>
  </si>
  <si>
    <t>cg26410483</t>
  </si>
  <si>
    <t>cg26411261</t>
  </si>
  <si>
    <t>cg26411549</t>
  </si>
  <si>
    <t>cg26412603</t>
  </si>
  <si>
    <t>cg26418147</t>
  </si>
  <si>
    <t>cg26419880</t>
  </si>
  <si>
    <t>cg26420739</t>
  </si>
  <si>
    <t>cg26421310</t>
  </si>
  <si>
    <t>cg26422129</t>
  </si>
  <si>
    <t>cg26422458</t>
  </si>
  <si>
    <t>cg26422975</t>
  </si>
  <si>
    <t>cg26425064</t>
  </si>
  <si>
    <t>cg26425477</t>
  </si>
  <si>
    <t>cg26426080</t>
  </si>
  <si>
    <t>cg26426745</t>
  </si>
  <si>
    <t>cg26428731</t>
  </si>
  <si>
    <t>cg26429856</t>
  </si>
  <si>
    <t>cg26430083</t>
  </si>
  <si>
    <t>cg26430382</t>
  </si>
  <si>
    <t>cg26431312</t>
  </si>
  <si>
    <t>cg26433208</t>
  </si>
  <si>
    <t>cg26434800</t>
  </si>
  <si>
    <t>cg26436330</t>
  </si>
  <si>
    <t>cg26515162</t>
  </si>
  <si>
    <t>cg26516532</t>
  </si>
  <si>
    <t>cg26519403</t>
  </si>
  <si>
    <t>cg26522319</t>
  </si>
  <si>
    <t>cg26522708</t>
  </si>
  <si>
    <t>cg26525076</t>
  </si>
  <si>
    <t>cg26530319</t>
  </si>
  <si>
    <t>cg26532124</t>
  </si>
  <si>
    <t>cg26535484</t>
  </si>
  <si>
    <t>cg26535650</t>
  </si>
  <si>
    <t>cg26539823</t>
  </si>
  <si>
    <t>cg26541027</t>
  </si>
  <si>
    <t>cg26541649</t>
  </si>
  <si>
    <t>cg26541780</t>
  </si>
  <si>
    <t>cg26543335</t>
  </si>
  <si>
    <t>cg26546646</t>
  </si>
  <si>
    <t>cg26548293</t>
  </si>
  <si>
    <t>cg26549034</t>
  </si>
  <si>
    <t>cg26557896</t>
  </si>
  <si>
    <t>cg26558485</t>
  </si>
  <si>
    <t>cg26560222</t>
  </si>
  <si>
    <t>cg26561342</t>
  </si>
  <si>
    <t>cg26562592</t>
  </si>
  <si>
    <t>cg26564040</t>
  </si>
  <si>
    <t>cg26567943</t>
  </si>
  <si>
    <t>cg26568855</t>
  </si>
  <si>
    <t>cg26570804</t>
  </si>
  <si>
    <t>cg26571926</t>
  </si>
  <si>
    <t>cg26572042</t>
  </si>
  <si>
    <t>cg26572163</t>
  </si>
  <si>
    <t>cg26574680</t>
  </si>
  <si>
    <t>cg26574895</t>
  </si>
  <si>
    <t>cg26576041</t>
  </si>
  <si>
    <t>cg26599630</t>
  </si>
  <si>
    <t>cg26600917</t>
  </si>
  <si>
    <t>cg26601289</t>
  </si>
  <si>
    <t>cg26601431</t>
  </si>
  <si>
    <t>cg26602477</t>
  </si>
  <si>
    <t>cg26604311</t>
  </si>
  <si>
    <t>cg26604625</t>
  </si>
  <si>
    <t>cg26605914</t>
  </si>
  <si>
    <t>cg26606184</t>
  </si>
  <si>
    <t>cg26607641</t>
  </si>
  <si>
    <t>cg26611067</t>
  </si>
  <si>
    <t>cg26611723</t>
  </si>
  <si>
    <t>cg26612821</t>
  </si>
  <si>
    <t>cg26613586</t>
  </si>
  <si>
    <t>cg26614117</t>
  </si>
  <si>
    <t>cg26662007</t>
  </si>
  <si>
    <t>cg26662579</t>
  </si>
  <si>
    <t>cg26663636</t>
  </si>
  <si>
    <t>cg26665082</t>
  </si>
  <si>
    <t>cg26665891</t>
  </si>
  <si>
    <t>cg26669159</t>
  </si>
  <si>
    <t>cg26670100</t>
  </si>
  <si>
    <t>cg26670485</t>
  </si>
  <si>
    <t>cg26671183</t>
  </si>
  <si>
    <t>cg26671246</t>
  </si>
  <si>
    <t>cg26672794</t>
  </si>
  <si>
    <t>cg26677075</t>
  </si>
  <si>
    <t>cg26677602</t>
  </si>
  <si>
    <t>cg26678649</t>
  </si>
  <si>
    <t>cg26678852</t>
  </si>
  <si>
    <t>cg26681016</t>
  </si>
  <si>
    <t>cg26681183</t>
  </si>
  <si>
    <t>cg26681210</t>
  </si>
  <si>
    <t>cg26681912</t>
  </si>
  <si>
    <t>cg26682094</t>
  </si>
  <si>
    <t>cg26685501</t>
  </si>
  <si>
    <t>cg26690034</t>
  </si>
  <si>
    <t>cg26690834</t>
  </si>
  <si>
    <t>cg26691567</t>
  </si>
  <si>
    <t>cg26783079</t>
  </si>
  <si>
    <t>cg26783464</t>
  </si>
  <si>
    <t>cg26784348</t>
  </si>
  <si>
    <t>cg26788570</t>
  </si>
  <si>
    <t>cg26791536</t>
  </si>
  <si>
    <t>cg26792589</t>
  </si>
  <si>
    <t>cg26793320</t>
  </si>
  <si>
    <t>cg26795730</t>
  </si>
  <si>
    <t>cg26795850</t>
  </si>
  <si>
    <t>cg26796396</t>
  </si>
  <si>
    <t>cg26797661</t>
  </si>
  <si>
    <t>cg26802968</t>
  </si>
  <si>
    <t>cg26805238</t>
  </si>
  <si>
    <t>cg26807261</t>
  </si>
  <si>
    <t>cg26807643</t>
  </si>
  <si>
    <t>cg26809482</t>
  </si>
  <si>
    <t>cg26810690</t>
  </si>
  <si>
    <t>cg26816438</t>
  </si>
  <si>
    <t>cg26816552</t>
  </si>
  <si>
    <t>cg26819388</t>
  </si>
  <si>
    <t>cg26820199</t>
  </si>
  <si>
    <t>cg26820501</t>
  </si>
  <si>
    <t>cg26820929</t>
  </si>
  <si>
    <t>cg26821539</t>
  </si>
  <si>
    <t>cg26821750</t>
  </si>
  <si>
    <t>cg26823989</t>
  </si>
  <si>
    <t>cg26826434</t>
  </si>
  <si>
    <t>cg26828057</t>
  </si>
  <si>
    <t>cg26828131</t>
  </si>
  <si>
    <t>cg26829098</t>
  </si>
  <si>
    <t>cg26831566</t>
  </si>
  <si>
    <t>cg26831811</t>
  </si>
  <si>
    <t>cg26832062</t>
  </si>
  <si>
    <t>cg26832524</t>
  </si>
  <si>
    <t>cg26833830</t>
  </si>
  <si>
    <t>cg26835374</t>
  </si>
  <si>
    <t>cg26836717</t>
  </si>
  <si>
    <t>cg26837773</t>
  </si>
  <si>
    <t>cg26839871</t>
  </si>
  <si>
    <t>cg26840598</t>
  </si>
  <si>
    <t>cg26841013</t>
  </si>
  <si>
    <t>cg26852651</t>
  </si>
  <si>
    <t>cg26856322</t>
  </si>
  <si>
    <t>cg26859841</t>
  </si>
  <si>
    <t>cg26860337</t>
  </si>
  <si>
    <t>cg26862690</t>
  </si>
  <si>
    <t>cg26864230</t>
  </si>
  <si>
    <t>cg26875805</t>
  </si>
  <si>
    <t>cg26878995</t>
  </si>
  <si>
    <t>cg26879777</t>
  </si>
  <si>
    <t>cg26883884</t>
  </si>
  <si>
    <t>cg26884027</t>
  </si>
  <si>
    <t>cg26884773</t>
  </si>
  <si>
    <t>cg26885220</t>
  </si>
  <si>
    <t>cg26890010</t>
  </si>
  <si>
    <t>cg26890920</t>
  </si>
  <si>
    <t>cg26893197</t>
  </si>
  <si>
    <t>cg26896499</t>
  </si>
  <si>
    <t>cg26896569</t>
  </si>
  <si>
    <t>cg26899490</t>
  </si>
  <si>
    <t>cg26902504</t>
  </si>
  <si>
    <t>cg26903053</t>
  </si>
  <si>
    <t>cg26906273</t>
  </si>
  <si>
    <t>cg26907429</t>
  </si>
  <si>
    <t>cg26907438</t>
  </si>
  <si>
    <t>cg26911986</t>
  </si>
  <si>
    <t>cg26912890</t>
  </si>
  <si>
    <t>cg26913977</t>
  </si>
  <si>
    <t>cg26917305</t>
  </si>
  <si>
    <t>cg26917462</t>
  </si>
  <si>
    <t>cg26917828</t>
  </si>
  <si>
    <t>cg26926612</t>
  </si>
  <si>
    <t>cg26926632</t>
  </si>
  <si>
    <t>cg26930448</t>
  </si>
  <si>
    <t>cg26930643</t>
  </si>
  <si>
    <t>cg26930816</t>
  </si>
  <si>
    <t>cg26932054</t>
  </si>
  <si>
    <t>cg26937809</t>
  </si>
  <si>
    <t>cg26940100</t>
  </si>
  <si>
    <t>cg26963271</t>
  </si>
  <si>
    <t>cg26985289</t>
  </si>
  <si>
    <t>cg27012203</t>
  </si>
  <si>
    <t>cg27046936</t>
  </si>
  <si>
    <t>cg27047577</t>
  </si>
  <si>
    <t>cg27048098</t>
  </si>
  <si>
    <t>cg27050229</t>
  </si>
  <si>
    <t>cg27054514</t>
  </si>
  <si>
    <t>cg27058077</t>
  </si>
  <si>
    <t>cg27059127</t>
  </si>
  <si>
    <t>cg27105205</t>
  </si>
  <si>
    <t>cg27167413</t>
  </si>
  <si>
    <t>cg27169129</t>
  </si>
  <si>
    <t>cg27169263</t>
  </si>
  <si>
    <t>cg27169858</t>
  </si>
  <si>
    <t>cg27170383</t>
  </si>
  <si>
    <t>cg27172145</t>
  </si>
  <si>
    <t>cg27175634</t>
  </si>
  <si>
    <t>cg27176828</t>
  </si>
  <si>
    <t>cg27177841</t>
  </si>
  <si>
    <t>cg27178407</t>
  </si>
  <si>
    <t>cg27179622</t>
  </si>
  <si>
    <t>cg27180868</t>
  </si>
  <si>
    <t>cg27182915</t>
  </si>
  <si>
    <t>cg27187669</t>
  </si>
  <si>
    <t>cg27222162</t>
  </si>
  <si>
    <t>cg27222219</t>
  </si>
  <si>
    <t>cg27222785</t>
  </si>
  <si>
    <t>cg27223727</t>
  </si>
  <si>
    <t>cg27228191</t>
  </si>
  <si>
    <t>cg27228276</t>
  </si>
  <si>
    <t>cg27228868</t>
  </si>
  <si>
    <t>cg27229484</t>
  </si>
  <si>
    <t>cg27229529</t>
  </si>
  <si>
    <t>cg27232866</t>
  </si>
  <si>
    <t>cg27236173</t>
  </si>
  <si>
    <t>cg27260418</t>
  </si>
  <si>
    <t>cg27265170</t>
  </si>
  <si>
    <t>cg27265272</t>
  </si>
  <si>
    <t>cg27266822</t>
  </si>
  <si>
    <t>cg27291080</t>
  </si>
  <si>
    <t>cg27295033</t>
  </si>
  <si>
    <t>cg27297088</t>
  </si>
  <si>
    <t>cg27299712</t>
  </si>
  <si>
    <t>cg27300967</t>
  </si>
  <si>
    <t>cg27301328</t>
  </si>
  <si>
    <t>cg27301885</t>
  </si>
  <si>
    <t>cg27302190</t>
  </si>
  <si>
    <t>cg27303880</t>
  </si>
  <si>
    <t>cg27304110</t>
  </si>
  <si>
    <t>cg27304144</t>
  </si>
  <si>
    <t>cg27305735</t>
  </si>
  <si>
    <t>cg27307206</t>
  </si>
  <si>
    <t>cg27310827</t>
  </si>
  <si>
    <t>cg27311414</t>
  </si>
  <si>
    <t>cg27311654</t>
  </si>
  <si>
    <t>cg27312359</t>
  </si>
  <si>
    <t>cg27314324</t>
  </si>
  <si>
    <t>cg27314669</t>
  </si>
  <si>
    <t>cg27332243</t>
  </si>
  <si>
    <t>cg27386431</t>
  </si>
  <si>
    <t>cg27388298</t>
  </si>
  <si>
    <t>cg27389262</t>
  </si>
  <si>
    <t>cg27390425</t>
  </si>
  <si>
    <t>cg27391816</t>
  </si>
  <si>
    <t>cg27391934</t>
  </si>
  <si>
    <t>cg27393126</t>
  </si>
  <si>
    <t>cg27393325</t>
  </si>
  <si>
    <t>cg27395190</t>
  </si>
  <si>
    <t>cg27399414</t>
  </si>
  <si>
    <t>cg27424995</t>
  </si>
  <si>
    <t>cg27425314</t>
  </si>
  <si>
    <t>cg27425612</t>
  </si>
  <si>
    <t>cg27427051</t>
  </si>
  <si>
    <t>cg27431596</t>
  </si>
  <si>
    <t>cg27432883</t>
  </si>
  <si>
    <t>cg27433451</t>
  </si>
  <si>
    <t>cg27438756</t>
  </si>
  <si>
    <t>cg27442054</t>
  </si>
  <si>
    <t>cg27442140</t>
  </si>
  <si>
    <t>cg27445106</t>
  </si>
  <si>
    <t>cg27447557</t>
  </si>
  <si>
    <t>cg27447868</t>
  </si>
  <si>
    <t>cg27447874</t>
  </si>
  <si>
    <t>cg27448574</t>
  </si>
  <si>
    <t>cg27449836</t>
  </si>
  <si>
    <t>cg27450668</t>
  </si>
  <si>
    <t>cg27478651</t>
  </si>
  <si>
    <t>cg27502791</t>
  </si>
  <si>
    <t>cg27503921</t>
  </si>
  <si>
    <t>cg27507254</t>
  </si>
  <si>
    <t>cg27510182</t>
  </si>
  <si>
    <t>cg27510197</t>
  </si>
  <si>
    <t>cg27510832</t>
  </si>
  <si>
    <t>cg27513684</t>
  </si>
  <si>
    <t>cg27516940</t>
  </si>
  <si>
    <t>cg27519411</t>
  </si>
  <si>
    <t>cg27519942</t>
  </si>
  <si>
    <t>cg27526149</t>
  </si>
  <si>
    <t>cg27527108</t>
  </si>
  <si>
    <t>cg27528222</t>
  </si>
  <si>
    <t>cg27528695</t>
  </si>
  <si>
    <t>cg27530629</t>
  </si>
  <si>
    <t>cg27531483</t>
  </si>
  <si>
    <t>cg27533872</t>
  </si>
  <si>
    <t>cg27536187</t>
  </si>
  <si>
    <t>cg27537203</t>
  </si>
  <si>
    <t>cg27538686</t>
  </si>
  <si>
    <t>cg27539986</t>
  </si>
  <si>
    <t>cg27540865</t>
  </si>
  <si>
    <t>cg27541317</t>
  </si>
  <si>
    <t>cg27541349</t>
  </si>
  <si>
    <t>cg27541454</t>
  </si>
  <si>
    <t>cg27543222</t>
  </si>
  <si>
    <t>cg27543922</t>
  </si>
  <si>
    <t>cg27544000</t>
  </si>
  <si>
    <t>cg27545205</t>
  </si>
  <si>
    <t>cg27545787</t>
  </si>
  <si>
    <t>cg27546066</t>
  </si>
  <si>
    <t>cg27547283</t>
  </si>
  <si>
    <t>cg27547812</t>
  </si>
  <si>
    <t>cg27547954</t>
  </si>
  <si>
    <t>cg27548735</t>
  </si>
  <si>
    <t>cg27549720</t>
  </si>
  <si>
    <t>cg27551657</t>
  </si>
  <si>
    <t>cg27555099</t>
  </si>
  <si>
    <t>cg27558541</t>
  </si>
  <si>
    <t>cg27561954</t>
  </si>
  <si>
    <t>cg27562682</t>
  </si>
  <si>
    <t>cg27563032</t>
  </si>
  <si>
    <t>cg27564386</t>
  </si>
  <si>
    <t>cg27565899</t>
  </si>
  <si>
    <t>cg27566521</t>
  </si>
  <si>
    <t>cg27566812</t>
  </si>
  <si>
    <t>cg27572826</t>
  </si>
  <si>
    <t>cg27573593</t>
  </si>
  <si>
    <t>cg27574256</t>
  </si>
  <si>
    <t>cg27576136</t>
  </si>
  <si>
    <t>cg27576367</t>
  </si>
  <si>
    <t>cg27577933</t>
  </si>
  <si>
    <t>cg27582017</t>
  </si>
  <si>
    <t>cg27582948</t>
  </si>
  <si>
    <t>cg27586682</t>
  </si>
  <si>
    <t>cg27631248</t>
  </si>
  <si>
    <t>cg27635069</t>
  </si>
  <si>
    <t>cg27636310</t>
  </si>
  <si>
    <t>cg00001594</t>
  </si>
  <si>
    <t>cg00001747</t>
  </si>
  <si>
    <t>cg00009038</t>
  </si>
  <si>
    <t>cg00011225</t>
  </si>
  <si>
    <t>cg00012203</t>
  </si>
  <si>
    <t>cg00013475</t>
  </si>
  <si>
    <t>cg00014112</t>
  </si>
  <si>
    <t>cg00017826</t>
  </si>
  <si>
    <t>cg00018128</t>
  </si>
  <si>
    <t>cg00020622</t>
  </si>
  <si>
    <t>cg00023411</t>
  </si>
  <si>
    <t>cg00028678</t>
  </si>
  <si>
    <t>cg00035316</t>
  </si>
  <si>
    <t>cg00036386</t>
  </si>
  <si>
    <t>cg00036871</t>
  </si>
  <si>
    <t>cg00037058</t>
  </si>
  <si>
    <t>cg00039441</t>
  </si>
  <si>
    <t>cg00039794</t>
  </si>
  <si>
    <t>cg00040862</t>
  </si>
  <si>
    <t>cg00043095</t>
  </si>
  <si>
    <t>cg00050984</t>
  </si>
  <si>
    <t>cg00052550</t>
  </si>
  <si>
    <t>cg00053661</t>
  </si>
  <si>
    <t>cg00059854</t>
  </si>
  <si>
    <t>cg00063174</t>
  </si>
  <si>
    <t>cg00063567</t>
  </si>
  <si>
    <t>cg00063744</t>
  </si>
  <si>
    <t>cg00064531</t>
  </si>
  <si>
    <t>cg00067574</t>
  </si>
  <si>
    <t>cg00075589</t>
  </si>
  <si>
    <t>cg00083139</t>
  </si>
  <si>
    <t>cg00087301</t>
  </si>
  <si>
    <t>cg00092287</t>
  </si>
  <si>
    <t>cg00094734</t>
  </si>
  <si>
    <t>cg00099129</t>
  </si>
  <si>
    <t>cg00099441</t>
  </si>
  <si>
    <t>cg00111466</t>
  </si>
  <si>
    <t>cg00137156</t>
  </si>
  <si>
    <t>cg00140403</t>
  </si>
  <si>
    <t>cg00140842</t>
  </si>
  <si>
    <t>cg00151191</t>
  </si>
  <si>
    <t>cg00151788</t>
  </si>
  <si>
    <t>cg00153110</t>
  </si>
  <si>
    <t>cg00155423</t>
  </si>
  <si>
    <t>cg00162206</t>
  </si>
  <si>
    <t>cg00164941</t>
  </si>
  <si>
    <t>cg00185622</t>
  </si>
  <si>
    <t>cg00203089</t>
  </si>
  <si>
    <t>cg00206058</t>
  </si>
  <si>
    <t>cg00206271</t>
  </si>
  <si>
    <t>cg00209038</t>
  </si>
  <si>
    <t>cg00215432</t>
  </si>
  <si>
    <t>cg00221357</t>
  </si>
  <si>
    <t>cg00224807</t>
  </si>
  <si>
    <t>cg00230665</t>
  </si>
  <si>
    <t>cg00230869</t>
  </si>
  <si>
    <t>cg00232831</t>
  </si>
  <si>
    <t>cg00238897</t>
  </si>
  <si>
    <t>cg00240195</t>
  </si>
  <si>
    <t>cg00244654</t>
  </si>
  <si>
    <t>cg00261430</t>
  </si>
  <si>
    <t>cg00261781</t>
  </si>
  <si>
    <t>cg00268019</t>
  </si>
  <si>
    <t>cg00289546</t>
  </si>
  <si>
    <t>cg00292986</t>
  </si>
  <si>
    <t>cg00298675</t>
  </si>
  <si>
    <t>cg00301192</t>
  </si>
  <si>
    <t>cg00316223</t>
  </si>
  <si>
    <t>cg00318320</t>
  </si>
  <si>
    <t>cg00321703</t>
  </si>
  <si>
    <t>cg00323965</t>
  </si>
  <si>
    <t>cg00325458</t>
  </si>
  <si>
    <t>cg00326131</t>
  </si>
  <si>
    <t>cg00330502</t>
  </si>
  <si>
    <t>cg00330888</t>
  </si>
  <si>
    <t>cg00331740</t>
  </si>
  <si>
    <t>cg00338928</t>
  </si>
  <si>
    <t>cg00360072</t>
  </si>
  <si>
    <t>cg00360761</t>
  </si>
  <si>
    <t>cg00361562</t>
  </si>
  <si>
    <t>cg00366814</t>
  </si>
  <si>
    <t>cg00367488</t>
  </si>
  <si>
    <t>cg00367962</t>
  </si>
  <si>
    <t>cg00372354</t>
  </si>
  <si>
    <t>cg00374333</t>
  </si>
  <si>
    <t>cg00390596</t>
  </si>
  <si>
    <t>cg00394494</t>
  </si>
  <si>
    <t>cg00409636</t>
  </si>
  <si>
    <t>cg00414306</t>
  </si>
  <si>
    <t>cg00436174</t>
  </si>
  <si>
    <t>cg00437102</t>
  </si>
  <si>
    <t>cg00437134</t>
  </si>
  <si>
    <t>cg00437432</t>
  </si>
  <si>
    <t>cg00441027</t>
  </si>
  <si>
    <t>cg00441741</t>
  </si>
  <si>
    <t>cg00445126</t>
  </si>
  <si>
    <t>cg00455164</t>
  </si>
  <si>
    <t>cg00458927</t>
  </si>
  <si>
    <t>cg00459623</t>
  </si>
  <si>
    <t>cg00462460</t>
  </si>
  <si>
    <t>cg00462849</t>
  </si>
  <si>
    <t>cg00478692</t>
  </si>
  <si>
    <t>cg00481499</t>
  </si>
  <si>
    <t>cg00482162</t>
  </si>
  <si>
    <t>cg00482898</t>
  </si>
  <si>
    <t>cg00488691</t>
  </si>
  <si>
    <t>cg00490655</t>
  </si>
  <si>
    <t>cg00493804</t>
  </si>
  <si>
    <t>cg00494761</t>
  </si>
  <si>
    <t>cg00495896</t>
  </si>
  <si>
    <t>cg00522056</t>
  </si>
  <si>
    <t>cg00522231</t>
  </si>
  <si>
    <t>cg00523161</t>
  </si>
  <si>
    <t>cg00528640</t>
  </si>
  <si>
    <t>cg00529946</t>
  </si>
  <si>
    <t>cg00532477</t>
  </si>
  <si>
    <t>cg00533215</t>
  </si>
  <si>
    <t>cg00533827</t>
  </si>
  <si>
    <t>cg00534253</t>
  </si>
  <si>
    <t>cg00535420</t>
  </si>
  <si>
    <t>cg00536383</t>
  </si>
  <si>
    <t>cg00542545</t>
  </si>
  <si>
    <t>cg00543073</t>
  </si>
  <si>
    <t>cg00546774</t>
  </si>
  <si>
    <t>cg00547758</t>
  </si>
  <si>
    <t>cg00547777</t>
  </si>
  <si>
    <t>cg00549910</t>
  </si>
  <si>
    <t>cg00558358</t>
  </si>
  <si>
    <t>cg00563892</t>
  </si>
  <si>
    <t>cg00567479</t>
  </si>
  <si>
    <t>cg00573355</t>
  </si>
  <si>
    <t>cg00574907</t>
  </si>
  <si>
    <t>cg00581731</t>
  </si>
  <si>
    <t>cg00584636</t>
  </si>
  <si>
    <t>cg00589864</t>
  </si>
  <si>
    <t>cg00590251</t>
  </si>
  <si>
    <t>cg00590670</t>
  </si>
  <si>
    <t>cg00592870</t>
  </si>
  <si>
    <t>cg00593536</t>
  </si>
  <si>
    <t>cg00594866</t>
  </si>
  <si>
    <t>cg00596207</t>
  </si>
  <si>
    <t>cg00596521</t>
  </si>
  <si>
    <t>cg00606472</t>
  </si>
  <si>
    <t>cg00616369</t>
  </si>
  <si>
    <t>cg00619126</t>
  </si>
  <si>
    <t>cg00620552</t>
  </si>
  <si>
    <t>cg00643897</t>
  </si>
  <si>
    <t>cg00655669</t>
  </si>
  <si>
    <t>cg00667937</t>
  </si>
  <si>
    <t>cg00670742</t>
  </si>
  <si>
    <t>cg00673290</t>
  </si>
  <si>
    <t>cg00674304</t>
  </si>
  <si>
    <t>cg00674679</t>
  </si>
  <si>
    <t>cg00681103</t>
  </si>
  <si>
    <t>cg00690148</t>
  </si>
  <si>
    <t>cg00701946</t>
  </si>
  <si>
    <t>cg00702835</t>
  </si>
  <si>
    <t>cg00705280</t>
  </si>
  <si>
    <t>cg00707610</t>
  </si>
  <si>
    <t>cg00712122</t>
  </si>
  <si>
    <t>cg00713605</t>
  </si>
  <si>
    <t>cg00713953</t>
  </si>
  <si>
    <t>cg00720764</t>
  </si>
  <si>
    <t>cg00724035</t>
  </si>
  <si>
    <t>cg00726174</t>
  </si>
  <si>
    <t>cg00744229</t>
  </si>
  <si>
    <t>cg00744550</t>
  </si>
  <si>
    <t>cg00746446</t>
  </si>
  <si>
    <t>cg00747290</t>
  </si>
  <si>
    <t>cg00767846</t>
  </si>
  <si>
    <t>cg00768993</t>
  </si>
  <si>
    <t>cg00774520</t>
  </si>
  <si>
    <t>cg00778995</t>
  </si>
  <si>
    <t>cg00788688</t>
  </si>
  <si>
    <t>cg00790098</t>
  </si>
  <si>
    <t>cg00792783</t>
  </si>
  <si>
    <t>cg00794552</t>
  </si>
  <si>
    <t>cg00804628</t>
  </si>
  <si>
    <t>cg00824141</t>
  </si>
  <si>
    <t>cg00827596</t>
  </si>
  <si>
    <t>cg00828305</t>
  </si>
  <si>
    <t>cg00829688</t>
  </si>
  <si>
    <t>cg00833448</t>
  </si>
  <si>
    <t>cg00854591</t>
  </si>
  <si>
    <t>cg00860808</t>
  </si>
  <si>
    <t>cg00873186</t>
  </si>
  <si>
    <t>cg00874835</t>
  </si>
  <si>
    <t>cg00878630</t>
  </si>
  <si>
    <t>cg00879447</t>
  </si>
  <si>
    <t>cg00882130</t>
  </si>
  <si>
    <t>cg00882685</t>
  </si>
  <si>
    <t>cg00884170</t>
  </si>
  <si>
    <t>cg00884445</t>
  </si>
  <si>
    <t>cg00885843</t>
  </si>
  <si>
    <t>cg00900124</t>
  </si>
  <si>
    <t>cg00910640</t>
  </si>
  <si>
    <t>cg00926400</t>
  </si>
  <si>
    <t>cg00930710</t>
  </si>
  <si>
    <t>cg00934611</t>
  </si>
  <si>
    <t>cg00936141</t>
  </si>
  <si>
    <t>cg00939301</t>
  </si>
  <si>
    <t>cg00949554</t>
  </si>
  <si>
    <t>cg00954003</t>
  </si>
  <si>
    <t>cg00978946</t>
  </si>
  <si>
    <t>cg00982548</t>
  </si>
  <si>
    <t>cg00996051</t>
  </si>
  <si>
    <t>cg00997611</t>
  </si>
  <si>
    <t>cg01000469</t>
  </si>
  <si>
    <t>cg01003382</t>
  </si>
  <si>
    <t>cg01010221</t>
  </si>
  <si>
    <t>cg01012669</t>
  </si>
  <si>
    <t>cg01020413</t>
  </si>
  <si>
    <t>cg01026613</t>
  </si>
  <si>
    <t>cg01027365</t>
  </si>
  <si>
    <t>cg01048749</t>
  </si>
  <si>
    <t>cg01055543</t>
  </si>
  <si>
    <t>cg01056174</t>
  </si>
  <si>
    <t>cg01056945</t>
  </si>
  <si>
    <t>cg01070404</t>
  </si>
  <si>
    <t>cg01071159</t>
  </si>
  <si>
    <t>cg01074643</t>
  </si>
  <si>
    <t>cg01075095</t>
  </si>
  <si>
    <t>cg01077058</t>
  </si>
  <si>
    <t>cg01085225</t>
  </si>
  <si>
    <t>cg01089319</t>
  </si>
  <si>
    <t>cg01089914</t>
  </si>
  <si>
    <t>cg01100175</t>
  </si>
  <si>
    <t>cg01101903</t>
  </si>
  <si>
    <t>cg01102158</t>
  </si>
  <si>
    <t>cg01109574</t>
  </si>
  <si>
    <t>cg01111397</t>
  </si>
  <si>
    <t>cg01112072</t>
  </si>
  <si>
    <t>cg01112927</t>
  </si>
  <si>
    <t>cg01118224</t>
  </si>
  <si>
    <t>cg01119971</t>
  </si>
  <si>
    <t>cg01120289</t>
  </si>
  <si>
    <t>cg01128482</t>
  </si>
  <si>
    <t>cg01129751</t>
  </si>
  <si>
    <t>cg01144148</t>
  </si>
  <si>
    <t>cg01148801</t>
  </si>
  <si>
    <t>cg01154505</t>
  </si>
  <si>
    <t>cg01157126</t>
  </si>
  <si>
    <t>cg01157809</t>
  </si>
  <si>
    <t>cg01166564</t>
  </si>
  <si>
    <t>cg01175605</t>
  </si>
  <si>
    <t>cg01177796</t>
  </si>
  <si>
    <t>cg01184784</t>
  </si>
  <si>
    <t>cg01203385</t>
  </si>
  <si>
    <t>cg01206537</t>
  </si>
  <si>
    <t>cg01216370</t>
  </si>
  <si>
    <t>cg01217204</t>
  </si>
  <si>
    <t>cg01227359</t>
  </si>
  <si>
    <t>cg01228134</t>
  </si>
  <si>
    <t>cg01231108</t>
  </si>
  <si>
    <t>cg01233736</t>
  </si>
  <si>
    <t>cg01241218</t>
  </si>
  <si>
    <t>cg01243072</t>
  </si>
  <si>
    <t>cg01269456</t>
  </si>
  <si>
    <t>cg01271641</t>
  </si>
  <si>
    <t>cg01276616</t>
  </si>
  <si>
    <t>cg01287600</t>
  </si>
  <si>
    <t>cg01295339</t>
  </si>
  <si>
    <t>cg01299579</t>
  </si>
  <si>
    <t>cg01308931</t>
  </si>
  <si>
    <t>cg01313518</t>
  </si>
  <si>
    <t>cg01314398</t>
  </si>
  <si>
    <t>cg01315092</t>
  </si>
  <si>
    <t>cg01329010</t>
  </si>
  <si>
    <t>cg01329495</t>
  </si>
  <si>
    <t>cg01330670</t>
  </si>
  <si>
    <t>cg01331064</t>
  </si>
  <si>
    <t>cg01343206</t>
  </si>
  <si>
    <t>cg01357409</t>
  </si>
  <si>
    <t>cg01357745</t>
  </si>
  <si>
    <t>cg01358740</t>
  </si>
  <si>
    <t>cg01366710</t>
  </si>
  <si>
    <t>cg01372913</t>
  </si>
  <si>
    <t>cg01375801</t>
  </si>
  <si>
    <t>cg01376245</t>
  </si>
  <si>
    <t>cg01377268</t>
  </si>
  <si>
    <t>cg01379701</t>
  </si>
  <si>
    <t>cg01380906</t>
  </si>
  <si>
    <t>cg01381109</t>
  </si>
  <si>
    <t>cg01382153</t>
  </si>
  <si>
    <t>cg01382864</t>
  </si>
  <si>
    <t>cg01387073</t>
  </si>
  <si>
    <t>cg01399068</t>
  </si>
  <si>
    <t>cg01400477</t>
  </si>
  <si>
    <t>cg01403123</t>
  </si>
  <si>
    <t>cg01405040</t>
  </si>
  <si>
    <t>cg01407254</t>
  </si>
  <si>
    <t>cg01408127</t>
  </si>
  <si>
    <t>cg01413097</t>
  </si>
  <si>
    <t>cg01414185</t>
  </si>
  <si>
    <t>cg01417569</t>
  </si>
  <si>
    <t>cg01419831</t>
  </si>
  <si>
    <t>cg01422452</t>
  </si>
  <si>
    <t>cg01429449</t>
  </si>
  <si>
    <t>cg01435137</t>
  </si>
  <si>
    <t>cg01438892</t>
  </si>
  <si>
    <t>cg01442781</t>
  </si>
  <si>
    <t>cg01453441</t>
  </si>
  <si>
    <t>cg01454215</t>
  </si>
  <si>
    <t>cg01470637</t>
  </si>
  <si>
    <t>cg01471147</t>
  </si>
  <si>
    <t>cg01480393</t>
  </si>
  <si>
    <t>cg01490040</t>
  </si>
  <si>
    <t>cg01494611</t>
  </si>
  <si>
    <t>cg01495174</t>
  </si>
  <si>
    <t>cg01506492</t>
  </si>
  <si>
    <t>cg01519714</t>
  </si>
  <si>
    <t>cg01546568</t>
  </si>
  <si>
    <t>cg01571560</t>
  </si>
  <si>
    <t>cg01577475</t>
  </si>
  <si>
    <t>cg01579289</t>
  </si>
  <si>
    <t>cg01585784</t>
  </si>
  <si>
    <t>cg01588449</t>
  </si>
  <si>
    <t>cg01589412</t>
  </si>
  <si>
    <t>cg01590699</t>
  </si>
  <si>
    <t>cg01591579</t>
  </si>
  <si>
    <t>cg01594675</t>
  </si>
  <si>
    <t>cg01613965</t>
  </si>
  <si>
    <t>cg01614598</t>
  </si>
  <si>
    <t>cg01616956</t>
  </si>
  <si>
    <t>cg01622385</t>
  </si>
  <si>
    <t>cg01647049</t>
  </si>
  <si>
    <t>cg01649597</t>
  </si>
  <si>
    <t>cg01656856</t>
  </si>
  <si>
    <t>cg01660407</t>
  </si>
  <si>
    <t>cg01662504</t>
  </si>
  <si>
    <t>cg01695225</t>
  </si>
  <si>
    <t>cg01696784</t>
  </si>
  <si>
    <t>cg01716600</t>
  </si>
  <si>
    <t>cg01718116</t>
  </si>
  <si>
    <t>cg01722185</t>
  </si>
  <si>
    <t>cg01724041</t>
  </si>
  <si>
    <t>cg01725586</t>
  </si>
  <si>
    <t>cg01726823</t>
  </si>
  <si>
    <t>cg01727145</t>
  </si>
  <si>
    <t>cg01728682</t>
  </si>
  <si>
    <t>cg01730274</t>
  </si>
  <si>
    <t>cg01732449</t>
  </si>
  <si>
    <t>cg01741750</t>
  </si>
  <si>
    <t>cg01741971</t>
  </si>
  <si>
    <t>cg01741999</t>
  </si>
  <si>
    <t>cg01751470</t>
  </si>
  <si>
    <t>cg01752203</t>
  </si>
  <si>
    <t>cg01757209</t>
  </si>
  <si>
    <t>cg01759126</t>
  </si>
  <si>
    <t>cg01763057</t>
  </si>
  <si>
    <t>cg01771876</t>
  </si>
  <si>
    <t>cg01778114</t>
  </si>
  <si>
    <t>cg01779076</t>
  </si>
  <si>
    <t>cg01788568</t>
  </si>
  <si>
    <t>cg01789478</t>
  </si>
  <si>
    <t>cg01791407</t>
  </si>
  <si>
    <t>cg01805869</t>
  </si>
  <si>
    <t>cg01822124</t>
  </si>
  <si>
    <t>cg01826863</t>
  </si>
  <si>
    <t>cg01830674</t>
  </si>
  <si>
    <t>cg01835144</t>
  </si>
  <si>
    <t>cg01835319</t>
  </si>
  <si>
    <t>cg01837630</t>
  </si>
  <si>
    <t>cg01841641</t>
  </si>
  <si>
    <t>cg01850785</t>
  </si>
  <si>
    <t>cg01853276</t>
  </si>
  <si>
    <t>cg01854776</t>
  </si>
  <si>
    <t>cg01856162</t>
  </si>
  <si>
    <t>cg01867111</t>
  </si>
  <si>
    <t>cg01869243</t>
  </si>
  <si>
    <t>cg01872077</t>
  </si>
  <si>
    <t>cg01880321</t>
  </si>
  <si>
    <t>cg01886125</t>
  </si>
  <si>
    <t>cg01895760</t>
  </si>
  <si>
    <t>cg01897594</t>
  </si>
  <si>
    <t>cg01898698</t>
  </si>
  <si>
    <t>cg01900371</t>
  </si>
  <si>
    <t>cg01924952</t>
  </si>
  <si>
    <t>cg01925962</t>
  </si>
  <si>
    <t>cg01929367</t>
  </si>
  <si>
    <t>cg01930236</t>
  </si>
  <si>
    <t>cg01940425</t>
  </si>
  <si>
    <t>cg01943478</t>
  </si>
  <si>
    <t>cg01944038</t>
  </si>
  <si>
    <t>cg01953819</t>
  </si>
  <si>
    <t>cg01956624</t>
  </si>
  <si>
    <t>cg01960526</t>
  </si>
  <si>
    <t>cg01970496</t>
  </si>
  <si>
    <t>cg01971203</t>
  </si>
  <si>
    <t>cg01987333</t>
  </si>
  <si>
    <t>cg01987515</t>
  </si>
  <si>
    <t>cg02004418</t>
  </si>
  <si>
    <t>cg02049949</t>
  </si>
  <si>
    <t>cg02051239</t>
  </si>
  <si>
    <t>cg02063203</t>
  </si>
  <si>
    <t>cg02063828</t>
  </si>
  <si>
    <t>cg02065970</t>
  </si>
  <si>
    <t>cg02066650</t>
  </si>
  <si>
    <t>cg02069619</t>
  </si>
  <si>
    <t>cg02070354</t>
  </si>
  <si>
    <t>cg02071005</t>
  </si>
  <si>
    <t>cg02071175</t>
  </si>
  <si>
    <t>cg02076785</t>
  </si>
  <si>
    <t>cg02077100</t>
  </si>
  <si>
    <t>cg02078517</t>
  </si>
  <si>
    <t>cg02079951</t>
  </si>
  <si>
    <t>cg02089380</t>
  </si>
  <si>
    <t>cg02093176</t>
  </si>
  <si>
    <t>cg02096396</t>
  </si>
  <si>
    <t>cg02097588</t>
  </si>
  <si>
    <t>cg02098378</t>
  </si>
  <si>
    <t>cg02109405</t>
  </si>
  <si>
    <t>cg02109484</t>
  </si>
  <si>
    <t>cg02110031</t>
  </si>
  <si>
    <t>cg02111748</t>
  </si>
  <si>
    <t>cg02116590</t>
  </si>
  <si>
    <t>cg02120584</t>
  </si>
  <si>
    <t>cg02120658</t>
  </si>
  <si>
    <t>cg02139853</t>
  </si>
  <si>
    <t>cg02144874</t>
  </si>
  <si>
    <t>cg02155398</t>
  </si>
  <si>
    <t>cg02160608</t>
  </si>
  <si>
    <t>cg02172790</t>
  </si>
  <si>
    <t>cg02173333</t>
  </si>
  <si>
    <t>cg02173749</t>
  </si>
  <si>
    <t>cg02175741</t>
  </si>
  <si>
    <t>cg02178630</t>
  </si>
  <si>
    <t>cg02183561</t>
  </si>
  <si>
    <t>cg02184175</t>
  </si>
  <si>
    <t>cg02185531</t>
  </si>
  <si>
    <t>cg02204630</t>
  </si>
  <si>
    <t>cg02208653</t>
  </si>
  <si>
    <t>cg02208776</t>
  </si>
  <si>
    <t>cg02219197</t>
  </si>
  <si>
    <t>cg02221347</t>
  </si>
  <si>
    <t>cg02227919</t>
  </si>
  <si>
    <t>cg02236554</t>
  </si>
  <si>
    <t>cg02237186</t>
  </si>
  <si>
    <t>cg02237855</t>
  </si>
  <si>
    <t>cg02240066</t>
  </si>
  <si>
    <t>cg02242344</t>
  </si>
  <si>
    <t>cg02259698</t>
  </si>
  <si>
    <t>cg02260386</t>
  </si>
  <si>
    <t>cg02271560</t>
  </si>
  <si>
    <t>cg02271677</t>
  </si>
  <si>
    <t>cg02275622</t>
  </si>
  <si>
    <t>cg02277487</t>
  </si>
  <si>
    <t>cg02278659</t>
  </si>
  <si>
    <t>cg02280281</t>
  </si>
  <si>
    <t>cg02280532</t>
  </si>
  <si>
    <t>cg02281514</t>
  </si>
  <si>
    <t>cg02288088</t>
  </si>
  <si>
    <t>cg02290684</t>
  </si>
  <si>
    <t>cg02295205</t>
  </si>
  <si>
    <t>cg02301319</t>
  </si>
  <si>
    <t>cg02312365</t>
  </si>
  <si>
    <t>cg02318629</t>
  </si>
  <si>
    <t>cg02321192</t>
  </si>
  <si>
    <t>cg02343720</t>
  </si>
  <si>
    <t>cg02344857</t>
  </si>
  <si>
    <t>cg02347074</t>
  </si>
  <si>
    <t>cg02348634</t>
  </si>
  <si>
    <t>cg02365596</t>
  </si>
  <si>
    <t>cg02367660</t>
  </si>
  <si>
    <t>cg02372421</t>
  </si>
  <si>
    <t>cg02381965</t>
  </si>
  <si>
    <t>cg02424378</t>
  </si>
  <si>
    <t>cg02445447</t>
  </si>
  <si>
    <t>cg02447122</t>
  </si>
  <si>
    <t>cg02447287</t>
  </si>
  <si>
    <t>cg02457900</t>
  </si>
  <si>
    <t>cg02462912</t>
  </si>
  <si>
    <t>cg02463166</t>
  </si>
  <si>
    <t>cg02463494</t>
  </si>
  <si>
    <t>cg02467646</t>
  </si>
  <si>
    <t>cg02469461</t>
  </si>
  <si>
    <t>cg02470039</t>
  </si>
  <si>
    <t>cg02473600</t>
  </si>
  <si>
    <t>cg02487130</t>
  </si>
  <si>
    <t>cg02488942</t>
  </si>
  <si>
    <t>cg02491701</t>
  </si>
  <si>
    <t>cg02491759</t>
  </si>
  <si>
    <t>cg02491905</t>
  </si>
  <si>
    <t>cg02516257</t>
  </si>
  <si>
    <t>cg02527198</t>
  </si>
  <si>
    <t>cg02527669</t>
  </si>
  <si>
    <t>cg02543075</t>
  </si>
  <si>
    <t>cg02547025</t>
  </si>
  <si>
    <t>cg02552255</t>
  </si>
  <si>
    <t>cg02552292</t>
  </si>
  <si>
    <t>cg02558364</t>
  </si>
  <si>
    <t>cg02569853</t>
  </si>
  <si>
    <t>cg02570563</t>
  </si>
  <si>
    <t>cg02576345</t>
  </si>
  <si>
    <t>cg02577387</t>
  </si>
  <si>
    <t>cg02578557</t>
  </si>
  <si>
    <t>cg02578836</t>
  </si>
  <si>
    <t>cg02583418</t>
  </si>
  <si>
    <t>cg02583633</t>
  </si>
  <si>
    <t>cg02585790</t>
  </si>
  <si>
    <t>cg02592214</t>
  </si>
  <si>
    <t>cg02597504</t>
  </si>
  <si>
    <t>cg02599338</t>
  </si>
  <si>
    <t>cg02599716</t>
  </si>
  <si>
    <t>cg02610058</t>
  </si>
  <si>
    <t>cg02611848</t>
  </si>
  <si>
    <t>cg02622866</t>
  </si>
  <si>
    <t>cg02628050</t>
  </si>
  <si>
    <t>cg02629106</t>
  </si>
  <si>
    <t>cg02639108</t>
  </si>
  <si>
    <t>cg02642298</t>
  </si>
  <si>
    <t>cg02644729</t>
  </si>
  <si>
    <t>cg02646394</t>
  </si>
  <si>
    <t>cg02648057</t>
  </si>
  <si>
    <t>cg02675010</t>
  </si>
  <si>
    <t>cg02675502</t>
  </si>
  <si>
    <t>cg02679172</t>
  </si>
  <si>
    <t>cg02683759</t>
  </si>
  <si>
    <t>cg02687055</t>
  </si>
  <si>
    <t>cg02690643</t>
  </si>
  <si>
    <t>cg02694427</t>
  </si>
  <si>
    <t>cg02698622</t>
  </si>
  <si>
    <t>cg02699332</t>
  </si>
  <si>
    <t>cg02699694</t>
  </si>
  <si>
    <t>cg02711647</t>
  </si>
  <si>
    <t>cg02713801</t>
  </si>
  <si>
    <t>cg02717339</t>
  </si>
  <si>
    <t>cg02737068</t>
  </si>
  <si>
    <t>cg02740658</t>
  </si>
  <si>
    <t>cg02746725</t>
  </si>
  <si>
    <t>cg02751808</t>
  </si>
  <si>
    <t>cg02756706</t>
  </si>
  <si>
    <t>cg02756915</t>
  </si>
  <si>
    <t>cg02757179</t>
  </si>
  <si>
    <t>cg02757970</t>
  </si>
  <si>
    <t>cg02764245</t>
  </si>
  <si>
    <t>cg02765275</t>
  </si>
  <si>
    <t>cg02767164</t>
  </si>
  <si>
    <t>cg02767202</t>
  </si>
  <si>
    <t>cg02767960</t>
  </si>
  <si>
    <t>cg02771681</t>
  </si>
  <si>
    <t>cg02773086</t>
  </si>
  <si>
    <t>cg02781088</t>
  </si>
  <si>
    <t>cg02783833</t>
  </si>
  <si>
    <t>cg02783887</t>
  </si>
  <si>
    <t>cg02792602</t>
  </si>
  <si>
    <t>cg02795432</t>
  </si>
  <si>
    <t>cg02800216</t>
  </si>
  <si>
    <t>cg02801482</t>
  </si>
  <si>
    <t>cg02802298</t>
  </si>
  <si>
    <t>cg02805994</t>
  </si>
  <si>
    <t>cg02806927</t>
  </si>
  <si>
    <t>cg02812891</t>
  </si>
  <si>
    <t>cg02818160</t>
  </si>
  <si>
    <t>cg02821501</t>
  </si>
  <si>
    <t>cg02826735</t>
  </si>
  <si>
    <t>cg02836541</t>
  </si>
  <si>
    <t>cg02858320</t>
  </si>
  <si>
    <t>cg02860394</t>
  </si>
  <si>
    <t>cg02861056</t>
  </si>
  <si>
    <t>cg02869459</t>
  </si>
  <si>
    <t>cg02877791</t>
  </si>
  <si>
    <t>cg02878119</t>
  </si>
  <si>
    <t>cg02878891</t>
  </si>
  <si>
    <t>cg02881034</t>
  </si>
  <si>
    <t>cg02885007</t>
  </si>
  <si>
    <t>cg02894027</t>
  </si>
  <si>
    <t>cg02900749</t>
  </si>
  <si>
    <t>cg02902079</t>
  </si>
  <si>
    <t>cg02902124</t>
  </si>
  <si>
    <t>cg02924534</t>
  </si>
  <si>
    <t>cg02938429</t>
  </si>
  <si>
    <t>cg02941781</t>
  </si>
  <si>
    <t>cg02949469</t>
  </si>
  <si>
    <t>cg02964182</t>
  </si>
  <si>
    <t>cg02964602</t>
  </si>
  <si>
    <t>cg02966841</t>
  </si>
  <si>
    <t>cg02968116</t>
  </si>
  <si>
    <t>cg02969343</t>
  </si>
  <si>
    <t>cg02972793</t>
  </si>
  <si>
    <t>cg02988254</t>
  </si>
  <si>
    <t>cg02996639</t>
  </si>
  <si>
    <t>cg03000844</t>
  </si>
  <si>
    <t>cg03004097</t>
  </si>
  <si>
    <t>cg03012876</t>
  </si>
  <si>
    <t>cg03017863</t>
  </si>
  <si>
    <t>cg03020006</t>
  </si>
  <si>
    <t>cg03035921</t>
  </si>
  <si>
    <t>cg03042666</t>
  </si>
  <si>
    <t>cg03048201</t>
  </si>
  <si>
    <t>cg03054162</t>
  </si>
  <si>
    <t>cg03064189</t>
  </si>
  <si>
    <t>cg03065329</t>
  </si>
  <si>
    <t>cg03065383</t>
  </si>
  <si>
    <t>cg03069383</t>
  </si>
  <si>
    <t>cg03070922</t>
  </si>
  <si>
    <t>cg03071209</t>
  </si>
  <si>
    <t>cg03074424</t>
  </si>
  <si>
    <t>cg03075561</t>
  </si>
  <si>
    <t>cg03077836</t>
  </si>
  <si>
    <t>cg03090513</t>
  </si>
  <si>
    <t>cg03092607</t>
  </si>
  <si>
    <t>cg03107405</t>
  </si>
  <si>
    <t>cg03128421</t>
  </si>
  <si>
    <t>cg03128635</t>
  </si>
  <si>
    <t>cg03135351</t>
  </si>
  <si>
    <t>cg03140418</t>
  </si>
  <si>
    <t>cg03141620</t>
  </si>
  <si>
    <t>cg03146452</t>
  </si>
  <si>
    <t>cg03148124</t>
  </si>
  <si>
    <t>cg03161587</t>
  </si>
  <si>
    <t>cg03163734</t>
  </si>
  <si>
    <t>cg03167844</t>
  </si>
  <si>
    <t>cg03169147</t>
  </si>
  <si>
    <t>cg03170725</t>
  </si>
  <si>
    <t>cg03172837</t>
  </si>
  <si>
    <t>cg03172996</t>
  </si>
  <si>
    <t>cg03173679</t>
  </si>
  <si>
    <t>cg03175975</t>
  </si>
  <si>
    <t>cg03176543</t>
  </si>
  <si>
    <t>cg03179450</t>
  </si>
  <si>
    <t>cg03181248</t>
  </si>
  <si>
    <t>cg03181376</t>
  </si>
  <si>
    <t>cg03183257</t>
  </si>
  <si>
    <t>cg03189627</t>
  </si>
  <si>
    <t>cg03193689</t>
  </si>
  <si>
    <t>cg03203239</t>
  </si>
  <si>
    <t>cg03208501</t>
  </si>
  <si>
    <t>cg03215730</t>
  </si>
  <si>
    <t>cg03217587</t>
  </si>
  <si>
    <t>cg03222971</t>
  </si>
  <si>
    <t>cg03225444</t>
  </si>
  <si>
    <t>cg03230711</t>
  </si>
  <si>
    <t>cg03233224</t>
  </si>
  <si>
    <t>cg03239335</t>
  </si>
  <si>
    <t>cg03247208</t>
  </si>
  <si>
    <t>cg03257608</t>
  </si>
  <si>
    <t>cg03257743</t>
  </si>
  <si>
    <t>cg03262205</t>
  </si>
  <si>
    <t>cg03265267</t>
  </si>
  <si>
    <t>cg03267400</t>
  </si>
  <si>
    <t>cg03270710</t>
  </si>
  <si>
    <t>cg03285963</t>
  </si>
  <si>
    <t>cg03287616</t>
  </si>
  <si>
    <t>cg03292754</t>
  </si>
  <si>
    <t>cg03294124</t>
  </si>
  <si>
    <t>cg03295096</t>
  </si>
  <si>
    <t>cg03295928</t>
  </si>
  <si>
    <t>cg03305709</t>
  </si>
  <si>
    <t>cg03309786</t>
  </si>
  <si>
    <t>cg03312366</t>
  </si>
  <si>
    <t>cg03314473</t>
  </si>
  <si>
    <t>cg03322619</t>
  </si>
  <si>
    <t>cg03325810</t>
  </si>
  <si>
    <t>cg03328041</t>
  </si>
  <si>
    <t>cg03339790</t>
  </si>
  <si>
    <t>cg03339817</t>
  </si>
  <si>
    <t>cg03350828</t>
  </si>
  <si>
    <t>cg03370188</t>
  </si>
  <si>
    <t>cg03371770</t>
  </si>
  <si>
    <t>cg03374552</t>
  </si>
  <si>
    <t>cg03381035</t>
  </si>
  <si>
    <t>cg03381515</t>
  </si>
  <si>
    <t>cg03381669</t>
  </si>
  <si>
    <t>cg03384579</t>
  </si>
  <si>
    <t>cg03389848</t>
  </si>
  <si>
    <t>cg03392046</t>
  </si>
  <si>
    <t>cg03395088</t>
  </si>
  <si>
    <t>cg03399398</t>
  </si>
  <si>
    <t>cg03405139</t>
  </si>
  <si>
    <t>cg03413134</t>
  </si>
  <si>
    <t>cg03414474</t>
  </si>
  <si>
    <t>cg03429644</t>
  </si>
  <si>
    <t>cg03431514</t>
  </si>
  <si>
    <t>cg03438090</t>
  </si>
  <si>
    <t>cg03442056</t>
  </si>
  <si>
    <t>cg03445574</t>
  </si>
  <si>
    <t>cg03445663</t>
  </si>
  <si>
    <t>cg03447810</t>
  </si>
  <si>
    <t>cg03447967</t>
  </si>
  <si>
    <t>cg03449108</t>
  </si>
  <si>
    <t>cg03450948</t>
  </si>
  <si>
    <t>cg03451670</t>
  </si>
  <si>
    <t>cg03454357</t>
  </si>
  <si>
    <t>cg03462699</t>
  </si>
  <si>
    <t>cg03465285</t>
  </si>
  <si>
    <t>cg03466123</t>
  </si>
  <si>
    <t>cg03468349</t>
  </si>
  <si>
    <t>cg03469482</t>
  </si>
  <si>
    <t>cg03469617</t>
  </si>
  <si>
    <t>cg03477609</t>
  </si>
  <si>
    <t>cg03480346</t>
  </si>
  <si>
    <t>cg03484267</t>
  </si>
  <si>
    <t>cg03488522</t>
  </si>
  <si>
    <t>cg03506979</t>
  </si>
  <si>
    <t>cg03513571</t>
  </si>
  <si>
    <t>cg03515980</t>
  </si>
  <si>
    <t>cg03520103</t>
  </si>
  <si>
    <t>cg03531247</t>
  </si>
  <si>
    <t>cg03532167</t>
  </si>
  <si>
    <t>cg03536745</t>
  </si>
  <si>
    <t>cg03538480</t>
  </si>
  <si>
    <t>cg03546879</t>
  </si>
  <si>
    <t>cg03554736</t>
  </si>
  <si>
    <t>cg03556069</t>
  </si>
  <si>
    <t>cg03559235</t>
  </si>
  <si>
    <t>cg03562266</t>
  </si>
  <si>
    <t>cg03562360</t>
  </si>
  <si>
    <t>cg03564880</t>
  </si>
  <si>
    <t>cg03566780</t>
  </si>
  <si>
    <t>cg03574736</t>
  </si>
  <si>
    <t>cg03578331</t>
  </si>
  <si>
    <t>cg03590464</t>
  </si>
  <si>
    <t>cg03592940</t>
  </si>
  <si>
    <t>cg03598080</t>
  </si>
  <si>
    <t>cg03599729</t>
  </si>
  <si>
    <t>cg03607648</t>
  </si>
  <si>
    <t>cg03610527</t>
  </si>
  <si>
    <t>cg03645581</t>
  </si>
  <si>
    <t>cg03647452</t>
  </si>
  <si>
    <t>cg03647581</t>
  </si>
  <si>
    <t>cg03648789</t>
  </si>
  <si>
    <t>cg03662049</t>
  </si>
  <si>
    <t>cg03675047</t>
  </si>
  <si>
    <t>cg03687070</t>
  </si>
  <si>
    <t>cg03691735</t>
  </si>
  <si>
    <t>cg03696599</t>
  </si>
  <si>
    <t>cg03699182</t>
  </si>
  <si>
    <t>cg03713365</t>
  </si>
  <si>
    <t>cg03714619</t>
  </si>
  <si>
    <t>cg03717201</t>
  </si>
  <si>
    <t>cg03717315</t>
  </si>
  <si>
    <t>cg03717364</t>
  </si>
  <si>
    <t>cg03717555</t>
  </si>
  <si>
    <t>cg03722643</t>
  </si>
  <si>
    <t>cg03723556</t>
  </si>
  <si>
    <t>cg03738707</t>
  </si>
  <si>
    <t>cg03739129</t>
  </si>
  <si>
    <t>cg03743214</t>
  </si>
  <si>
    <t>cg03743720</t>
  </si>
  <si>
    <t>cg03753331</t>
  </si>
  <si>
    <t>cg03753681</t>
  </si>
  <si>
    <t>cg03762431</t>
  </si>
  <si>
    <t>cg03765692</t>
  </si>
  <si>
    <t>cg03768001</t>
  </si>
  <si>
    <t>cg03771385</t>
  </si>
  <si>
    <t>cg03774803</t>
  </si>
  <si>
    <t>cg03780430</t>
  </si>
  <si>
    <t>cg03782202</t>
  </si>
  <si>
    <t>cg03801179</t>
  </si>
  <si>
    <t>cg03803336</t>
  </si>
  <si>
    <t>cg03809147</t>
  </si>
  <si>
    <t>cg03813437</t>
  </si>
  <si>
    <t>cg03816062</t>
  </si>
  <si>
    <t>cg03832522</t>
  </si>
  <si>
    <t>cg03834023</t>
  </si>
  <si>
    <t>cg03856450</t>
  </si>
  <si>
    <t>cg03859915</t>
  </si>
  <si>
    <t>cg03861105</t>
  </si>
  <si>
    <t>cg03876184</t>
  </si>
  <si>
    <t>cg03885684</t>
  </si>
  <si>
    <t>cg03896836</t>
  </si>
  <si>
    <t>cg03902905</t>
  </si>
  <si>
    <t>cg03906033</t>
  </si>
  <si>
    <t>cg03936315</t>
  </si>
  <si>
    <t>cg03953660</t>
  </si>
  <si>
    <t>cg03956367</t>
  </si>
  <si>
    <t>cg03958956</t>
  </si>
  <si>
    <t>cg03964958</t>
  </si>
  <si>
    <t>cg03965648</t>
  </si>
  <si>
    <t>cg03967192</t>
  </si>
  <si>
    <t>cg03968970</t>
  </si>
  <si>
    <t>cg03970036</t>
  </si>
  <si>
    <t>cg03974985</t>
  </si>
  <si>
    <t>cg03984340</t>
  </si>
  <si>
    <t>cg03990588</t>
  </si>
  <si>
    <t>cg03997167</t>
  </si>
  <si>
    <t>cg04001935</t>
  </si>
  <si>
    <t>cg04003871</t>
  </si>
  <si>
    <t>cg04011897</t>
  </si>
  <si>
    <t>cg04012592</t>
  </si>
  <si>
    <t>cg04015759</t>
  </si>
  <si>
    <t>cg04018571</t>
  </si>
  <si>
    <t>cg04020079</t>
  </si>
  <si>
    <t>cg04036009</t>
  </si>
  <si>
    <t>cg04043795</t>
  </si>
  <si>
    <t>cg04044526</t>
  </si>
  <si>
    <t>cg04046945</t>
  </si>
  <si>
    <t>cg04050850</t>
  </si>
  <si>
    <t>cg04053862</t>
  </si>
  <si>
    <t>cg04062965</t>
  </si>
  <si>
    <t>cg04065338</t>
  </si>
  <si>
    <t>cg04066396</t>
  </si>
  <si>
    <t>cg04072421</t>
  </si>
  <si>
    <t>cg04072768</t>
  </si>
  <si>
    <t>cg04075191</t>
  </si>
  <si>
    <t>cg04076037</t>
  </si>
  <si>
    <t>cg04076763</t>
  </si>
  <si>
    <t>cg04089111</t>
  </si>
  <si>
    <t>cg04092513</t>
  </si>
  <si>
    <t>cg04094846</t>
  </si>
  <si>
    <t>cg04098458</t>
  </si>
  <si>
    <t>cg04100532</t>
  </si>
  <si>
    <t>cg04104114</t>
  </si>
  <si>
    <t>cg04104228</t>
  </si>
  <si>
    <t>cg04104609</t>
  </si>
  <si>
    <t>cg04105453</t>
  </si>
  <si>
    <t>cg04109781</t>
  </si>
  <si>
    <t>cg04112845</t>
  </si>
  <si>
    <t>cg04117832</t>
  </si>
  <si>
    <t>cg04131442</t>
  </si>
  <si>
    <t>cg04132177</t>
  </si>
  <si>
    <t>cg04135861</t>
  </si>
  <si>
    <t>cg04141094</t>
  </si>
  <si>
    <t>cg04141164</t>
  </si>
  <si>
    <t>cg04142144</t>
  </si>
  <si>
    <t>cg04142249</t>
  </si>
  <si>
    <t>cg04144973</t>
  </si>
  <si>
    <t>cg04153092</t>
  </si>
  <si>
    <t>cg04157726</t>
  </si>
  <si>
    <t>cg04166618</t>
  </si>
  <si>
    <t>cg04167764</t>
  </si>
  <si>
    <t>cg04168670</t>
  </si>
  <si>
    <t>cg04170442</t>
  </si>
  <si>
    <t>cg04171803</t>
  </si>
  <si>
    <t>cg04173252</t>
  </si>
  <si>
    <t>cg04175739</t>
  </si>
  <si>
    <t>cg04178787</t>
  </si>
  <si>
    <t>cg04181013</t>
  </si>
  <si>
    <t>cg04183237</t>
  </si>
  <si>
    <t>cg04197823</t>
  </si>
  <si>
    <t>cg04201253</t>
  </si>
  <si>
    <t>cg04202122</t>
  </si>
  <si>
    <t>cg04210100</t>
  </si>
  <si>
    <t>cg04215968</t>
  </si>
  <si>
    <t>cg04217419</t>
  </si>
  <si>
    <t>cg04221886</t>
  </si>
  <si>
    <t>cg04227922</t>
  </si>
  <si>
    <t>cg04229103</t>
  </si>
  <si>
    <t>cg04240971</t>
  </si>
  <si>
    <t>cg04255230</t>
  </si>
  <si>
    <t>cg04255268</t>
  </si>
  <si>
    <t>cg04255978</t>
  </si>
  <si>
    <t>cg04275194</t>
  </si>
  <si>
    <t>cg04279588</t>
  </si>
  <si>
    <t>cg04285418</t>
  </si>
  <si>
    <t>cg04296178</t>
  </si>
  <si>
    <t>cg04296257</t>
  </si>
  <si>
    <t>cg04303908</t>
  </si>
  <si>
    <t>cg04307282</t>
  </si>
  <si>
    <t>cg04316624</t>
  </si>
  <si>
    <t>cg04318855</t>
  </si>
  <si>
    <t>cg04321919</t>
  </si>
  <si>
    <t>cg04323979</t>
  </si>
  <si>
    <t>cg04324308</t>
  </si>
  <si>
    <t>cg04329429</t>
  </si>
  <si>
    <t>cg04330597</t>
  </si>
  <si>
    <t>cg04333213</t>
  </si>
  <si>
    <t>cg04336164</t>
  </si>
  <si>
    <t>cg04336926</t>
  </si>
  <si>
    <t>cg04346261</t>
  </si>
  <si>
    <t>cg04351597</t>
  </si>
  <si>
    <t>cg04361032</t>
  </si>
  <si>
    <t>cg04361435</t>
  </si>
  <si>
    <t>cg04362716</t>
  </si>
  <si>
    <t>cg04367351</t>
  </si>
  <si>
    <t>cg04370088</t>
  </si>
  <si>
    <t>cg04381153</t>
  </si>
  <si>
    <t>cg04381898</t>
  </si>
  <si>
    <t>cg04400587</t>
  </si>
  <si>
    <t>cg04400841</t>
  </si>
  <si>
    <t>cg04413180</t>
  </si>
  <si>
    <t>cg04415176</t>
  </si>
  <si>
    <t>cg04439376</t>
  </si>
  <si>
    <t>cg04449785</t>
  </si>
  <si>
    <t>cg04458869</t>
  </si>
  <si>
    <t>cg04471779</t>
  </si>
  <si>
    <t>cg04496615</t>
  </si>
  <si>
    <t>cg04504408</t>
  </si>
  <si>
    <t>cg04513038</t>
  </si>
  <si>
    <t>cg04513185</t>
  </si>
  <si>
    <t>cg04522455</t>
  </si>
  <si>
    <t>cg04525212</t>
  </si>
  <si>
    <t>cg04529066</t>
  </si>
  <si>
    <t>cg04530116</t>
  </si>
  <si>
    <t>cg04547220</t>
  </si>
  <si>
    <t>cg04552940</t>
  </si>
  <si>
    <t>cg04575202</t>
  </si>
  <si>
    <t>cg04576568</t>
  </si>
  <si>
    <t>cg04585517</t>
  </si>
  <si>
    <t>cg04588356</t>
  </si>
  <si>
    <t>cg04589975</t>
  </si>
  <si>
    <t>cg04593571</t>
  </si>
  <si>
    <t>cg04604806</t>
  </si>
  <si>
    <t>cg04609126</t>
  </si>
  <si>
    <t>cg04617755</t>
  </si>
  <si>
    <t>cg04627186</t>
  </si>
  <si>
    <t>cg04627863</t>
  </si>
  <si>
    <t>cg04637598</t>
  </si>
  <si>
    <t>cg04639062</t>
  </si>
  <si>
    <t>cg04647948</t>
  </si>
  <si>
    <t>cg04652943</t>
  </si>
  <si>
    <t>cg04652957</t>
  </si>
  <si>
    <t>cg04654530</t>
  </si>
  <si>
    <t>cg04656330</t>
  </si>
  <si>
    <t>cg04657470</t>
  </si>
  <si>
    <t>cg04663790</t>
  </si>
  <si>
    <t>cg04667538</t>
  </si>
  <si>
    <t>cg04670005</t>
  </si>
  <si>
    <t>cg04680436</t>
  </si>
  <si>
    <t>cg04680759</t>
  </si>
  <si>
    <t>cg04683068</t>
  </si>
  <si>
    <t>cg04697622</t>
  </si>
  <si>
    <t>cg04697946</t>
  </si>
  <si>
    <t>cg04698434</t>
  </si>
  <si>
    <t>cg04699668</t>
  </si>
  <si>
    <t>cg04705620</t>
  </si>
  <si>
    <t>cg04706655</t>
  </si>
  <si>
    <t>cg04707348</t>
  </si>
  <si>
    <t>cg04722215</t>
  </si>
  <si>
    <t>cg04722249</t>
  </si>
  <si>
    <t>cg04723073</t>
  </si>
  <si>
    <t>cg04723343</t>
  </si>
  <si>
    <t>cg04724176</t>
  </si>
  <si>
    <t>cg04724190</t>
  </si>
  <si>
    <t>cg04726702</t>
  </si>
  <si>
    <t>cg04731518</t>
  </si>
  <si>
    <t>cg04737361</t>
  </si>
  <si>
    <t>cg04746670</t>
  </si>
  <si>
    <t>cg04747308</t>
  </si>
  <si>
    <t>cg04749646</t>
  </si>
  <si>
    <t>cg04752871</t>
  </si>
  <si>
    <t>cg04753872</t>
  </si>
  <si>
    <t>cg04767697</t>
  </si>
  <si>
    <t>cg04770020</t>
  </si>
  <si>
    <t>cg04771938</t>
  </si>
  <si>
    <t>cg04775238</t>
  </si>
  <si>
    <t>cg04778271</t>
  </si>
  <si>
    <t>cg04782738</t>
  </si>
  <si>
    <t>cg04782776</t>
  </si>
  <si>
    <t>cg04783646</t>
  </si>
  <si>
    <t>cg04786857</t>
  </si>
  <si>
    <t>cg04787024</t>
  </si>
  <si>
    <t>cg04791242</t>
  </si>
  <si>
    <t>cg04793821</t>
  </si>
  <si>
    <t>cg04795282</t>
  </si>
  <si>
    <t>cg04801401</t>
  </si>
  <si>
    <t>cg04804377</t>
  </si>
  <si>
    <t>cg04807694</t>
  </si>
  <si>
    <t>cg04818882</t>
  </si>
  <si>
    <t>cg04836792</t>
  </si>
  <si>
    <t>cg04837438</t>
  </si>
  <si>
    <t>cg04839219</t>
  </si>
  <si>
    <t>cg04846451</t>
  </si>
  <si>
    <t>cg04849907</t>
  </si>
  <si>
    <t>cg04864807</t>
  </si>
  <si>
    <t>cg04865265</t>
  </si>
  <si>
    <t>cg04865480</t>
  </si>
  <si>
    <t>cg04869122</t>
  </si>
  <si>
    <t>cg04869568</t>
  </si>
  <si>
    <t>cg04873961</t>
  </si>
  <si>
    <t>cg04874782</t>
  </si>
  <si>
    <t>cg04877802</t>
  </si>
  <si>
    <t>cg04879876</t>
  </si>
  <si>
    <t>cg04881214</t>
  </si>
  <si>
    <t>cg04882233</t>
  </si>
  <si>
    <t>cg04882584</t>
  </si>
  <si>
    <t>cg04882937</t>
  </si>
  <si>
    <t>cg04884395</t>
  </si>
  <si>
    <t>cg04901763</t>
  </si>
  <si>
    <t>cg04917148</t>
  </si>
  <si>
    <t>cg04917511</t>
  </si>
  <si>
    <t>cg04935434</t>
  </si>
  <si>
    <t>cg04939408</t>
  </si>
  <si>
    <t>cg04942334</t>
  </si>
  <si>
    <t>cg04943085</t>
  </si>
  <si>
    <t>cg04944682</t>
  </si>
  <si>
    <t>cg04947065</t>
  </si>
  <si>
    <t>cg04950839</t>
  </si>
  <si>
    <t>cg04951371</t>
  </si>
  <si>
    <t>cg04979063</t>
  </si>
  <si>
    <t>cg04979655</t>
  </si>
  <si>
    <t>cg04981508</t>
  </si>
  <si>
    <t>cg04999309</t>
  </si>
  <si>
    <t>cg05014291</t>
  </si>
  <si>
    <t>cg05020252</t>
  </si>
  <si>
    <t>cg05021643</t>
  </si>
  <si>
    <t>cg05025612</t>
  </si>
  <si>
    <t>cg05042697</t>
  </si>
  <si>
    <t>cg05044134</t>
  </si>
  <si>
    <t>cg05044694</t>
  </si>
  <si>
    <t>cg05045329</t>
  </si>
  <si>
    <t>cg05053562</t>
  </si>
  <si>
    <t>cg05054944</t>
  </si>
  <si>
    <t>cg05058758</t>
  </si>
  <si>
    <t>cg05059031</t>
  </si>
  <si>
    <t>cg05059613</t>
  </si>
  <si>
    <t>cg05060711</t>
  </si>
  <si>
    <t>cg05061393</t>
  </si>
  <si>
    <t>cg05062023</t>
  </si>
  <si>
    <t>cg05075067</t>
  </si>
  <si>
    <t>cg05075473</t>
  </si>
  <si>
    <t>cg05077167</t>
  </si>
  <si>
    <t>cg05078238</t>
  </si>
  <si>
    <t>cg05089527</t>
  </si>
  <si>
    <t>cg05099387</t>
  </si>
  <si>
    <t>cg05099493</t>
  </si>
  <si>
    <t>cg05103132</t>
  </si>
  <si>
    <t>cg05103387</t>
  </si>
  <si>
    <t>cg05106984</t>
  </si>
  <si>
    <t>cg05107039</t>
  </si>
  <si>
    <t>cg05107686</t>
  </si>
  <si>
    <t>cg05107953</t>
  </si>
  <si>
    <t>cg05113623</t>
  </si>
  <si>
    <t>cg05113927</t>
  </si>
  <si>
    <t>cg05136786</t>
  </si>
  <si>
    <t>cg05137450</t>
  </si>
  <si>
    <t>cg05142617</t>
  </si>
  <si>
    <t>cg05146544</t>
  </si>
  <si>
    <t>cg05148250</t>
  </si>
  <si>
    <t>cg05148623</t>
  </si>
  <si>
    <t>cg05156850</t>
  </si>
  <si>
    <t>cg05165940</t>
  </si>
  <si>
    <t>cg05168012</t>
  </si>
  <si>
    <t>cg05168033</t>
  </si>
  <si>
    <t>cg05195612</t>
  </si>
  <si>
    <t>cg05209645</t>
  </si>
  <si>
    <t>cg05210131</t>
  </si>
  <si>
    <t>cg05214685</t>
  </si>
  <si>
    <t>cg05224659</t>
  </si>
  <si>
    <t>cg05225012</t>
  </si>
  <si>
    <t>cg05236451</t>
  </si>
  <si>
    <t>cg05237932</t>
  </si>
  <si>
    <t>cg05240479</t>
  </si>
  <si>
    <t>cg05242139</t>
  </si>
  <si>
    <t>cg05243641</t>
  </si>
  <si>
    <t>cg05256172</t>
  </si>
  <si>
    <t>cg05259891</t>
  </si>
  <si>
    <t>cg05268203</t>
  </si>
  <si>
    <t>cg05270066</t>
  </si>
  <si>
    <t>cg05270572</t>
  </si>
  <si>
    <t>cg05276718</t>
  </si>
  <si>
    <t>cg05289022</t>
  </si>
  <si>
    <t>cg05291385</t>
  </si>
  <si>
    <t>cg05291710</t>
  </si>
  <si>
    <t>cg05298375</t>
  </si>
  <si>
    <t>cg05308656</t>
  </si>
  <si>
    <t>cg05313794</t>
  </si>
  <si>
    <t>cg05313829</t>
  </si>
  <si>
    <t>cg05349062</t>
  </si>
  <si>
    <t>cg05350188</t>
  </si>
  <si>
    <t>cg05351827</t>
  </si>
  <si>
    <t>cg05351940</t>
  </si>
  <si>
    <t>cg05353478</t>
  </si>
  <si>
    <t>cg05357338</t>
  </si>
  <si>
    <t>cg05358815</t>
  </si>
  <si>
    <t>cg05359249</t>
  </si>
  <si>
    <t>cg05360371</t>
  </si>
  <si>
    <t>cg05365954</t>
  </si>
  <si>
    <t>cg05369920</t>
  </si>
  <si>
    <t>cg05371711</t>
  </si>
  <si>
    <t>cg05372365</t>
  </si>
  <si>
    <t>cg05396057</t>
  </si>
  <si>
    <t>cg05403555</t>
  </si>
  <si>
    <t>cg05414908</t>
  </si>
  <si>
    <t>cg05415724</t>
  </si>
  <si>
    <t>cg05424388</t>
  </si>
  <si>
    <t>cg05446424</t>
  </si>
  <si>
    <t>cg05485206</t>
  </si>
  <si>
    <t>cg05492660</t>
  </si>
  <si>
    <t>cg05497345</t>
  </si>
  <si>
    <t>cg05499262</t>
  </si>
  <si>
    <t>cg05500840</t>
  </si>
  <si>
    <t>cg05506365</t>
  </si>
  <si>
    <t>cg05506986</t>
  </si>
  <si>
    <t>cg05514256</t>
  </si>
  <si>
    <t>cg05515713</t>
  </si>
  <si>
    <t>cg05516140</t>
  </si>
  <si>
    <t>cg05519737</t>
  </si>
  <si>
    <t>cg05525812</t>
  </si>
  <si>
    <t>cg05528975</t>
  </si>
  <si>
    <t>cg05545132</t>
  </si>
  <si>
    <t>cg05569109</t>
  </si>
  <si>
    <t>cg05570707</t>
  </si>
  <si>
    <t>cg05582690</t>
  </si>
  <si>
    <t>cg05586598</t>
  </si>
  <si>
    <t>cg05587394</t>
  </si>
  <si>
    <t>cg05588757</t>
  </si>
  <si>
    <t>cg05595691</t>
  </si>
  <si>
    <t>cg05602862</t>
  </si>
  <si>
    <t>cg05603527</t>
  </si>
  <si>
    <t>cg05605194</t>
  </si>
  <si>
    <t>cg05613063</t>
  </si>
  <si>
    <t>cg05628782</t>
  </si>
  <si>
    <t>cg05632555</t>
  </si>
  <si>
    <t>cg05633391</t>
  </si>
  <si>
    <t>cg05646015</t>
  </si>
  <si>
    <t>cg05650565</t>
  </si>
  <si>
    <t>cg05654645</t>
  </si>
  <si>
    <t>cg05655534</t>
  </si>
  <si>
    <t>cg05657618</t>
  </si>
  <si>
    <t>cg05658887</t>
  </si>
  <si>
    <t>cg05659187</t>
  </si>
  <si>
    <t>cg05660179</t>
  </si>
  <si>
    <t>cg05662782</t>
  </si>
  <si>
    <t>cg05664523</t>
  </si>
  <si>
    <t>cg05666120</t>
  </si>
  <si>
    <t>cg05675316</t>
  </si>
  <si>
    <t>cg05680085</t>
  </si>
  <si>
    <t>cg05684665</t>
  </si>
  <si>
    <t>cg05687686</t>
  </si>
  <si>
    <t>cg05688136</t>
  </si>
  <si>
    <t>cg05695429</t>
  </si>
  <si>
    <t>cg05707704</t>
  </si>
  <si>
    <t>cg05707844</t>
  </si>
  <si>
    <t>cg05709124</t>
  </si>
  <si>
    <t>cg05714082</t>
  </si>
  <si>
    <t>cg05727155</t>
  </si>
  <si>
    <t>cg05730215</t>
  </si>
  <si>
    <t>cg05732530</t>
  </si>
  <si>
    <t>cg05734400</t>
  </si>
  <si>
    <t>cg05736236</t>
  </si>
  <si>
    <t>cg05736393</t>
  </si>
  <si>
    <t>cg05753527</t>
  </si>
  <si>
    <t>cg05759424</t>
  </si>
  <si>
    <t>cg05767788</t>
  </si>
  <si>
    <t>cg05778415</t>
  </si>
  <si>
    <t>cg05779786</t>
  </si>
  <si>
    <t>cg05780637</t>
  </si>
  <si>
    <t>cg05783139</t>
  </si>
  <si>
    <t>cg05783384</t>
  </si>
  <si>
    <t>cg05785686</t>
  </si>
  <si>
    <t>cg05790999</t>
  </si>
  <si>
    <t>cg05793406</t>
  </si>
  <si>
    <t>cg05839347</t>
  </si>
  <si>
    <t>cg05843387</t>
  </si>
  <si>
    <t>cg05843430</t>
  </si>
  <si>
    <t>cg05844583</t>
  </si>
  <si>
    <t>cg05845831</t>
  </si>
  <si>
    <t>cg05852568</t>
  </si>
  <si>
    <t>cg05861971</t>
  </si>
  <si>
    <t>cg05864326</t>
  </si>
  <si>
    <t>cg05866214</t>
  </si>
  <si>
    <t>cg05868531</t>
  </si>
  <si>
    <t>cg05875302</t>
  </si>
  <si>
    <t>cg05877497</t>
  </si>
  <si>
    <t>cg05881776</t>
  </si>
  <si>
    <t>cg05882878</t>
  </si>
  <si>
    <t>cg05889979</t>
  </si>
  <si>
    <t>cg05895077</t>
  </si>
  <si>
    <t>cg05903289</t>
  </si>
  <si>
    <t>cg05904194</t>
  </si>
  <si>
    <t>cg05928219</t>
  </si>
  <si>
    <t>cg05930133</t>
  </si>
  <si>
    <t>cg05931606</t>
  </si>
  <si>
    <t>cg05943476</t>
  </si>
  <si>
    <t>cg05971891</t>
  </si>
  <si>
    <t>cg05976228</t>
  </si>
  <si>
    <t>cg05977259</t>
  </si>
  <si>
    <t>cg05980673</t>
  </si>
  <si>
    <t>cg05983229</t>
  </si>
  <si>
    <t>cg05986680</t>
  </si>
  <si>
    <t>cg05991342</t>
  </si>
  <si>
    <t>cg05996160</t>
  </si>
  <si>
    <t>cg05996578</t>
  </si>
  <si>
    <t>cg06002370</t>
  </si>
  <si>
    <t>cg06003267</t>
  </si>
  <si>
    <t>cg06005309</t>
  </si>
  <si>
    <t>cg06007282</t>
  </si>
  <si>
    <t>cg06007320</t>
  </si>
  <si>
    <t>cg06008912</t>
  </si>
  <si>
    <t>cg06009330</t>
  </si>
  <si>
    <t>cg06010459</t>
  </si>
  <si>
    <t>cg06040206</t>
  </si>
  <si>
    <t>cg06043190</t>
  </si>
  <si>
    <t>cg06061049</t>
  </si>
  <si>
    <t>cg06064461</t>
  </si>
  <si>
    <t>cg06078337</t>
  </si>
  <si>
    <t>cg06094323</t>
  </si>
  <si>
    <t>cg06103677</t>
  </si>
  <si>
    <t>cg06109482</t>
  </si>
  <si>
    <t>cg06115835</t>
  </si>
  <si>
    <t>cg06117184</t>
  </si>
  <si>
    <t>cg06118384</t>
  </si>
  <si>
    <t>cg06122635</t>
  </si>
  <si>
    <t>cg06125055</t>
  </si>
  <si>
    <t>cg06127335</t>
  </si>
  <si>
    <t>cg06143315</t>
  </si>
  <si>
    <t>cg06145909</t>
  </si>
  <si>
    <t>cg06157334</t>
  </si>
  <si>
    <t>cg06160295</t>
  </si>
  <si>
    <t>cg06164187</t>
  </si>
  <si>
    <t>cg06165982</t>
  </si>
  <si>
    <t>cg06167664</t>
  </si>
  <si>
    <t>cg06169590</t>
  </si>
  <si>
    <t>cg06170657</t>
  </si>
  <si>
    <t>cg06192497</t>
  </si>
  <si>
    <t>cg06202737</t>
  </si>
  <si>
    <t>cg06218228</t>
  </si>
  <si>
    <t>cg06221695</t>
  </si>
  <si>
    <t>cg06223736</t>
  </si>
  <si>
    <t>cg06226973</t>
  </si>
  <si>
    <t>cg06227257</t>
  </si>
  <si>
    <t>cg06233043</t>
  </si>
  <si>
    <t>cg06239478</t>
  </si>
  <si>
    <t>cg06257132</t>
  </si>
  <si>
    <t>cg06265396</t>
  </si>
  <si>
    <t>cg06282964</t>
  </si>
  <si>
    <t>cg06287431</t>
  </si>
  <si>
    <t>cg06289479</t>
  </si>
  <si>
    <t>cg06291111</t>
  </si>
  <si>
    <t>cg06305175</t>
  </si>
  <si>
    <t>cg06321424</t>
  </si>
  <si>
    <t>cg06334988</t>
  </si>
  <si>
    <t>cg06335301</t>
  </si>
  <si>
    <t>cg06335633</t>
  </si>
  <si>
    <t>cg06341370</t>
  </si>
  <si>
    <t>cg06344576</t>
  </si>
  <si>
    <t>cg06349981</t>
  </si>
  <si>
    <t>cg06350524</t>
  </si>
  <si>
    <t>cg06351364</t>
  </si>
  <si>
    <t>cg06358970</t>
  </si>
  <si>
    <t>cg06363516</t>
  </si>
  <si>
    <t>cg06364629</t>
  </si>
  <si>
    <t>cg06366810</t>
  </si>
  <si>
    <t>cg06370133</t>
  </si>
  <si>
    <t>cg06382344</t>
  </si>
  <si>
    <t>cg06389934</t>
  </si>
  <si>
    <t>cg06392126</t>
  </si>
  <si>
    <t>cg06392451</t>
  </si>
  <si>
    <t>cg06395280</t>
  </si>
  <si>
    <t>cg06399427</t>
  </si>
  <si>
    <t>cg06415678</t>
  </si>
  <si>
    <t>cg06417454</t>
  </si>
  <si>
    <t>cg06455125</t>
  </si>
  <si>
    <t>cg06455606</t>
  </si>
  <si>
    <t>cg06459916</t>
  </si>
  <si>
    <t>cg06461676</t>
  </si>
  <si>
    <t>cg06463010</t>
  </si>
  <si>
    <t>cg06476093</t>
  </si>
  <si>
    <t>cg06476463</t>
  </si>
  <si>
    <t>cg06480224</t>
  </si>
  <si>
    <t>cg06480249</t>
  </si>
  <si>
    <t>cg06492144</t>
  </si>
  <si>
    <t>cg06493695</t>
  </si>
  <si>
    <t>cg06494167</t>
  </si>
  <si>
    <t>cg06496261</t>
  </si>
  <si>
    <t>cg06496728</t>
  </si>
  <si>
    <t>cg06497612</t>
  </si>
  <si>
    <t>cg06499647</t>
  </si>
  <si>
    <t>cg06500134</t>
  </si>
  <si>
    <t>cg06523516</t>
  </si>
  <si>
    <t>cg06523532</t>
  </si>
  <si>
    <t>cg06525231</t>
  </si>
  <si>
    <t>cg06528150</t>
  </si>
  <si>
    <t>cg06530338</t>
  </si>
  <si>
    <t>cg06530490</t>
  </si>
  <si>
    <t>cg06531129</t>
  </si>
  <si>
    <t>cg06532037</t>
  </si>
  <si>
    <t>cg06533788</t>
  </si>
  <si>
    <t>cg06536629</t>
  </si>
  <si>
    <t>cg06536868</t>
  </si>
  <si>
    <t>cg06539717</t>
  </si>
  <si>
    <t>cg06546806</t>
  </si>
  <si>
    <t>cg06547404</t>
  </si>
  <si>
    <t>cg06548069</t>
  </si>
  <si>
    <t>cg06551828</t>
  </si>
  <si>
    <t>cg06552037</t>
  </si>
  <si>
    <t>cg06552369</t>
  </si>
  <si>
    <t>cg06554749</t>
  </si>
  <si>
    <t>cg06569419</t>
  </si>
  <si>
    <t>cg06584028</t>
  </si>
  <si>
    <t>cg06588802</t>
  </si>
  <si>
    <t>cg06617341</t>
  </si>
  <si>
    <t>cg06620266</t>
  </si>
  <si>
    <t>cg06621309</t>
  </si>
  <si>
    <t>cg06622151</t>
  </si>
  <si>
    <t>cg06625414</t>
  </si>
  <si>
    <t>cg06638795</t>
  </si>
  <si>
    <t>cg06638913</t>
  </si>
  <si>
    <t>cg06641415</t>
  </si>
  <si>
    <t>cg06644428</t>
  </si>
  <si>
    <t>cg06652632</t>
  </si>
  <si>
    <t>cg06668300</t>
  </si>
  <si>
    <t>cg06676049</t>
  </si>
  <si>
    <t>cg06685021</t>
  </si>
  <si>
    <t>cg06692315</t>
  </si>
  <si>
    <t>cg06695611</t>
  </si>
  <si>
    <t>cg06696800</t>
  </si>
  <si>
    <t>cg06697536</t>
  </si>
  <si>
    <t>cg06700871</t>
  </si>
  <si>
    <t>cg06704122</t>
  </si>
  <si>
    <t>cg06711298</t>
  </si>
  <si>
    <t>cg06716807</t>
  </si>
  <si>
    <t>cg06720768</t>
  </si>
  <si>
    <t>cg06721775</t>
  </si>
  <si>
    <t>cg06727510</t>
  </si>
  <si>
    <t>cg06733439</t>
  </si>
  <si>
    <t>cg06736663</t>
  </si>
  <si>
    <t>cg06740598</t>
  </si>
  <si>
    <t>cg06742800</t>
  </si>
  <si>
    <t>cg06744545</t>
  </si>
  <si>
    <t>cg06745030</t>
  </si>
  <si>
    <t>cg06746865</t>
  </si>
  <si>
    <t>cg06749592</t>
  </si>
  <si>
    <t>cg06755871</t>
  </si>
  <si>
    <t>cg06757994</t>
  </si>
  <si>
    <t>cg06760571</t>
  </si>
  <si>
    <t>cg06768288</t>
  </si>
  <si>
    <t>cg06771501</t>
  </si>
  <si>
    <t>cg06772870</t>
  </si>
  <si>
    <t>cg06774039</t>
  </si>
  <si>
    <t>cg06797617</t>
  </si>
  <si>
    <t>cg06819088</t>
  </si>
  <si>
    <t>cg06820907</t>
  </si>
  <si>
    <t>cg06825448</t>
  </si>
  <si>
    <t>cg06829186</t>
  </si>
  <si>
    <t>cg06829893</t>
  </si>
  <si>
    <t>cg06833110</t>
  </si>
  <si>
    <t>cg06836084</t>
  </si>
  <si>
    <t>cg06837311</t>
  </si>
  <si>
    <t>cg06839854</t>
  </si>
  <si>
    <t>cg06843575</t>
  </si>
  <si>
    <t>cg06846259</t>
  </si>
  <si>
    <t>cg06847283</t>
  </si>
  <si>
    <t>cg06851844</t>
  </si>
  <si>
    <t>cg06858599</t>
  </si>
  <si>
    <t>cg06862374</t>
  </si>
  <si>
    <t>cg06869899</t>
  </si>
  <si>
    <t>cg06870284</t>
  </si>
  <si>
    <t>cg06879705</t>
  </si>
  <si>
    <t>cg06881093</t>
  </si>
  <si>
    <t>cg06900650</t>
  </si>
  <si>
    <t>cg06900676</t>
  </si>
  <si>
    <t>cg06900856</t>
  </si>
  <si>
    <t>cg06905692</t>
  </si>
  <si>
    <t>cg06906472</t>
  </si>
  <si>
    <t>cg06907744</t>
  </si>
  <si>
    <t>cg06912356</t>
  </si>
  <si>
    <t>cg06913508</t>
  </si>
  <si>
    <t>cg06942668</t>
  </si>
  <si>
    <t>cg06942701</t>
  </si>
  <si>
    <t>cg06946452</t>
  </si>
  <si>
    <t>cg06951245</t>
  </si>
  <si>
    <t>cg06952671</t>
  </si>
  <si>
    <t>cg06952862</t>
  </si>
  <si>
    <t>cg06952880</t>
  </si>
  <si>
    <t>cg06963053</t>
  </si>
  <si>
    <t>cg06963524</t>
  </si>
  <si>
    <t>cg06966617</t>
  </si>
  <si>
    <t>cg06973615</t>
  </si>
  <si>
    <t>cg06974460</t>
  </si>
  <si>
    <t>cg06994420</t>
  </si>
  <si>
    <t>cg06995575</t>
  </si>
  <si>
    <t>cg07001630</t>
  </si>
  <si>
    <t>cg07015203</t>
  </si>
  <si>
    <t>cg07015784</t>
  </si>
  <si>
    <t>cg07018857</t>
  </si>
  <si>
    <t>cg07020453</t>
  </si>
  <si>
    <t>cg07023902</t>
  </si>
  <si>
    <t>cg07024996</t>
  </si>
  <si>
    <t>cg07025650</t>
  </si>
  <si>
    <t>cg07028390</t>
  </si>
  <si>
    <t>cg07031794</t>
  </si>
  <si>
    <t>cg07040133</t>
  </si>
  <si>
    <t>cg07040405</t>
  </si>
  <si>
    <t>cg07045816</t>
  </si>
  <si>
    <t>cg07049977</t>
  </si>
  <si>
    <t>cg07050647</t>
  </si>
  <si>
    <t>cg07051654</t>
  </si>
  <si>
    <t>cg07052513</t>
  </si>
  <si>
    <t>cg07055259</t>
  </si>
  <si>
    <t>cg07055330</t>
  </si>
  <si>
    <t>cg07065111</t>
  </si>
  <si>
    <t>cg07072507</t>
  </si>
  <si>
    <t>cg07076105</t>
  </si>
  <si>
    <t>cg07078841</t>
  </si>
  <si>
    <t>cg07080358</t>
  </si>
  <si>
    <t>cg07083806</t>
  </si>
  <si>
    <t>cg07085827</t>
  </si>
  <si>
    <t>cg07087156</t>
  </si>
  <si>
    <t>cg07089990</t>
  </si>
  <si>
    <t>cg07090701</t>
  </si>
  <si>
    <t>cg07094533</t>
  </si>
  <si>
    <t>cg07106432</t>
  </si>
  <si>
    <t>cg07108206</t>
  </si>
  <si>
    <t>cg07119260</t>
  </si>
  <si>
    <t>cg07144318</t>
  </si>
  <si>
    <t>cg07150314</t>
  </si>
  <si>
    <t>cg07150506</t>
  </si>
  <si>
    <t>cg07153501</t>
  </si>
  <si>
    <t>cg07154861</t>
  </si>
  <si>
    <t>cg07158434</t>
  </si>
  <si>
    <t>cg07161827</t>
  </si>
  <si>
    <t>cg07163401</t>
  </si>
  <si>
    <t>cg07163991</t>
  </si>
  <si>
    <t>cg07173877</t>
  </si>
  <si>
    <t>cg07177569</t>
  </si>
  <si>
    <t>cg07179925</t>
  </si>
  <si>
    <t>cg07181902</t>
  </si>
  <si>
    <t>cg07183060</t>
  </si>
  <si>
    <t>cg07185131</t>
  </si>
  <si>
    <t>cg07185648</t>
  </si>
  <si>
    <t>cg07186094</t>
  </si>
  <si>
    <t>cg07186154</t>
  </si>
  <si>
    <t>cg07191189</t>
  </si>
  <si>
    <t>cg07203352</t>
  </si>
  <si>
    <t>cg07203423</t>
  </si>
  <si>
    <t>cg07205374</t>
  </si>
  <si>
    <t>cg07209960</t>
  </si>
  <si>
    <t>cg07212778</t>
  </si>
  <si>
    <t>cg07214164</t>
  </si>
  <si>
    <t>cg07215298</t>
  </si>
  <si>
    <t>cg07218647</t>
  </si>
  <si>
    <t>cg07224438</t>
  </si>
  <si>
    <t>cg07224733</t>
  </si>
  <si>
    <t>cg07258474</t>
  </si>
  <si>
    <t>cg07258910</t>
  </si>
  <si>
    <t>cg07261473</t>
  </si>
  <si>
    <t>cg07263979</t>
  </si>
  <si>
    <t>cg07265985</t>
  </si>
  <si>
    <t>cg07291923</t>
  </si>
  <si>
    <t>cg07291958</t>
  </si>
  <si>
    <t>cg07292116</t>
  </si>
  <si>
    <t>cg07296854</t>
  </si>
  <si>
    <t>cg07300030</t>
  </si>
  <si>
    <t>cg07300178</t>
  </si>
  <si>
    <t>cg07300660</t>
  </si>
  <si>
    <t>cg07301433</t>
  </si>
  <si>
    <t>cg07310661</t>
  </si>
  <si>
    <t>cg07312366</t>
  </si>
  <si>
    <t>cg07312880</t>
  </si>
  <si>
    <t>cg07314337</t>
  </si>
  <si>
    <t>cg07316846</t>
  </si>
  <si>
    <t>cg07323141</t>
  </si>
  <si>
    <t>cg07335843</t>
  </si>
  <si>
    <t>cg07363185</t>
  </si>
  <si>
    <t>cg07365623</t>
  </si>
  <si>
    <t>cg07380056</t>
  </si>
  <si>
    <t>cg07391218</t>
  </si>
  <si>
    <t>cg07392460</t>
  </si>
  <si>
    <t>cg07410044</t>
  </si>
  <si>
    <t>cg07411620</t>
  </si>
  <si>
    <t>cg07454558</t>
  </si>
  <si>
    <t>cg07455051</t>
  </si>
  <si>
    <t>cg07455789</t>
  </si>
  <si>
    <t>cg07458698</t>
  </si>
  <si>
    <t>cg07466433</t>
  </si>
  <si>
    <t>cg07467448</t>
  </si>
  <si>
    <t>cg07472438</t>
  </si>
  <si>
    <t>cg07473478</t>
  </si>
  <si>
    <t>cg07475885</t>
  </si>
  <si>
    <t>cg07479988</t>
  </si>
  <si>
    <t>cg07480713</t>
  </si>
  <si>
    <t>cg07490070</t>
  </si>
  <si>
    <t>cg07495363</t>
  </si>
  <si>
    <t>cg07503630</t>
  </si>
  <si>
    <t>cg07504288</t>
  </si>
  <si>
    <t>cg07508394</t>
  </si>
  <si>
    <t>cg07509646</t>
  </si>
  <si>
    <t>cg07513188</t>
  </si>
  <si>
    <t>cg07515251</t>
  </si>
  <si>
    <t>cg07520430</t>
  </si>
  <si>
    <t>cg07529750</t>
  </si>
  <si>
    <t>cg07529754</t>
  </si>
  <si>
    <t>cg07531268</t>
  </si>
  <si>
    <t>cg07534186</t>
  </si>
  <si>
    <t>cg07536161</t>
  </si>
  <si>
    <t>cg07536910</t>
  </si>
  <si>
    <t>cg07537917</t>
  </si>
  <si>
    <t>cg07540722</t>
  </si>
  <si>
    <t>cg07545636</t>
  </si>
  <si>
    <t>cg07547000</t>
  </si>
  <si>
    <t>cg07549187</t>
  </si>
  <si>
    <t>cg07549406</t>
  </si>
  <si>
    <t>cg07556938</t>
  </si>
  <si>
    <t>cg07558704</t>
  </si>
  <si>
    <t>cg07561442</t>
  </si>
  <si>
    <t>cg07566169</t>
  </si>
  <si>
    <t>cg07568517</t>
  </si>
  <si>
    <t>cg07570055</t>
  </si>
  <si>
    <t>cg07580652</t>
  </si>
  <si>
    <t>cg07582400</t>
  </si>
  <si>
    <t>cg07582470</t>
  </si>
  <si>
    <t>cg07586391</t>
  </si>
  <si>
    <t>cg07590609</t>
  </si>
  <si>
    <t>cg07590839</t>
  </si>
  <si>
    <t>cg07591229</t>
  </si>
  <si>
    <t>cg07591442</t>
  </si>
  <si>
    <t>cg07594247</t>
  </si>
  <si>
    <t>cg07594636</t>
  </si>
  <si>
    <t>cg07602671</t>
  </si>
  <si>
    <t>cg07608848</t>
  </si>
  <si>
    <t>cg07610406</t>
  </si>
  <si>
    <t>cg07611531</t>
  </si>
  <si>
    <t>cg07613182</t>
  </si>
  <si>
    <t>cg07620889</t>
  </si>
  <si>
    <t>cg07628769</t>
  </si>
  <si>
    <t>cg07628841</t>
  </si>
  <si>
    <t>cg07636117</t>
  </si>
  <si>
    <t>cg07644196</t>
  </si>
  <si>
    <t>cg07645888</t>
  </si>
  <si>
    <t>cg07652213</t>
  </si>
  <si>
    <t>cg07653370</t>
  </si>
  <si>
    <t>cg07654559</t>
  </si>
  <si>
    <t>cg07673023</t>
  </si>
  <si>
    <t>cg07673083</t>
  </si>
  <si>
    <t>cg07683388</t>
  </si>
  <si>
    <t>cg07683804</t>
  </si>
  <si>
    <t>cg07689252</t>
  </si>
  <si>
    <t>cg07689503</t>
  </si>
  <si>
    <t>cg07690783</t>
  </si>
  <si>
    <t>cg07694390</t>
  </si>
  <si>
    <t>cg07694848</t>
  </si>
  <si>
    <t>cg07713066</t>
  </si>
  <si>
    <t>cg07714657</t>
  </si>
  <si>
    <t>cg07749079</t>
  </si>
  <si>
    <t>cg07749087</t>
  </si>
  <si>
    <t>cg07750914</t>
  </si>
  <si>
    <t>cg07751331</t>
  </si>
  <si>
    <t>cg07752650</t>
  </si>
  <si>
    <t>cg07755735</t>
  </si>
  <si>
    <t>cg07772170</t>
  </si>
  <si>
    <t>cg07774478</t>
  </si>
  <si>
    <t>cg07776900</t>
  </si>
  <si>
    <t>cg07782901</t>
  </si>
  <si>
    <t>cg07791671</t>
  </si>
  <si>
    <t>cg07797518</t>
  </si>
  <si>
    <t>cg07802350</t>
  </si>
  <si>
    <t>cg07813142</t>
  </si>
  <si>
    <t>cg07815799</t>
  </si>
  <si>
    <t>cg07834408</t>
  </si>
  <si>
    <t>cg07835424</t>
  </si>
  <si>
    <t>cg07835844</t>
  </si>
  <si>
    <t>cg07850967</t>
  </si>
  <si>
    <t>cg07853758</t>
  </si>
  <si>
    <t>cg07855083</t>
  </si>
  <si>
    <t>cg07855242</t>
  </si>
  <si>
    <t>cg07855447</t>
  </si>
  <si>
    <t>cg07867558</t>
  </si>
  <si>
    <t>cg07871302</t>
  </si>
  <si>
    <t>cg07873325</t>
  </si>
  <si>
    <t>cg07894334</t>
  </si>
  <si>
    <t>cg07901206</t>
  </si>
  <si>
    <t>cg07914629</t>
  </si>
  <si>
    <t>cg07916022</t>
  </si>
  <si>
    <t>cg07916876</t>
  </si>
  <si>
    <t>cg07917502</t>
  </si>
  <si>
    <t>cg07921384</t>
  </si>
  <si>
    <t>cg07924079</t>
  </si>
  <si>
    <t>cg07926733</t>
  </si>
  <si>
    <t>cg07936672</t>
  </si>
  <si>
    <t>cg07939836</t>
  </si>
  <si>
    <t>cg07949612</t>
  </si>
  <si>
    <t>cg07949777</t>
  </si>
  <si>
    <t>cg07960067</t>
  </si>
  <si>
    <t>cg07963990</t>
  </si>
  <si>
    <t>cg07974511</t>
  </si>
  <si>
    <t>cg08007990</t>
  </si>
  <si>
    <t>cg08008931</t>
  </si>
  <si>
    <t>cg08011119</t>
  </si>
  <si>
    <t>cg08025512</t>
  </si>
  <si>
    <t>cg08031368</t>
  </si>
  <si>
    <t>cg08042027</t>
  </si>
  <si>
    <t>cg08042975</t>
  </si>
  <si>
    <t>cg08044427</t>
  </si>
  <si>
    <t>cg08045488</t>
  </si>
  <si>
    <t>cg08051105</t>
  </si>
  <si>
    <t>cg08058544</t>
  </si>
  <si>
    <t>cg08060718</t>
  </si>
  <si>
    <t>cg08062049</t>
  </si>
  <si>
    <t>cg08063111</t>
  </si>
  <si>
    <t>cg08074851</t>
  </si>
  <si>
    <t>cg08076266</t>
  </si>
  <si>
    <t>cg08077337</t>
  </si>
  <si>
    <t>cg08080475</t>
  </si>
  <si>
    <t>cg08084218</t>
  </si>
  <si>
    <t>cg08084788</t>
  </si>
  <si>
    <t>cg08084860</t>
  </si>
  <si>
    <t>cg08094235</t>
  </si>
  <si>
    <t>cg08102264</t>
  </si>
  <si>
    <t>cg08104981</t>
  </si>
  <si>
    <t>cg08107308</t>
  </si>
  <si>
    <t>cg08109850</t>
  </si>
  <si>
    <t>cg08119884</t>
  </si>
  <si>
    <t>cg08122351</t>
  </si>
  <si>
    <t>cg08146621</t>
  </si>
  <si>
    <t>cg08151750</t>
  </si>
  <si>
    <t>cg08157672</t>
  </si>
  <si>
    <t>cg08165971</t>
  </si>
  <si>
    <t>cg08167066</t>
  </si>
  <si>
    <t>cg08172009</t>
  </si>
  <si>
    <t>cg08175271</t>
  </si>
  <si>
    <t>cg08180261</t>
  </si>
  <si>
    <t>cg08183425</t>
  </si>
  <si>
    <t>cg08184652</t>
  </si>
  <si>
    <t>cg08187418</t>
  </si>
  <si>
    <t>cg08187469</t>
  </si>
  <si>
    <t>cg08189615</t>
  </si>
  <si>
    <t>cg08189989</t>
  </si>
  <si>
    <t>cg08192414</t>
  </si>
  <si>
    <t>cg08193100</t>
  </si>
  <si>
    <t>cg08193322</t>
  </si>
  <si>
    <t>cg08193650</t>
  </si>
  <si>
    <t>cg08194677</t>
  </si>
  <si>
    <t>cg08199727</t>
  </si>
  <si>
    <t>cg08200420</t>
  </si>
  <si>
    <t>cg08209388</t>
  </si>
  <si>
    <t>cg08213337</t>
  </si>
  <si>
    <t>cg08215575</t>
  </si>
  <si>
    <t>cg08229694</t>
  </si>
  <si>
    <t>cg08233654</t>
  </si>
  <si>
    <t>cg08236767</t>
  </si>
  <si>
    <t>cg08239243</t>
  </si>
  <si>
    <t>cg08240007</t>
  </si>
  <si>
    <t>cg08241397</t>
  </si>
  <si>
    <t>cg08242232</t>
  </si>
  <si>
    <t>cg08245023</t>
  </si>
  <si>
    <t>cg08245702</t>
  </si>
  <si>
    <t>cg08261878</t>
  </si>
  <si>
    <t>cg08266417</t>
  </si>
  <si>
    <t>cg08266576</t>
  </si>
  <si>
    <t>cg08266974</t>
  </si>
  <si>
    <t>cg08276889</t>
  </si>
  <si>
    <t>cg08277216</t>
  </si>
  <si>
    <t>cg08279316</t>
  </si>
  <si>
    <t>cg08284638</t>
  </si>
  <si>
    <t>cg08285371</t>
  </si>
  <si>
    <t>cg08290072</t>
  </si>
  <si>
    <t>cg08299809</t>
  </si>
  <si>
    <t>cg08305742</t>
  </si>
  <si>
    <t>cg08310581</t>
  </si>
  <si>
    <t>cg08311172</t>
  </si>
  <si>
    <t>cg08312083</t>
  </si>
  <si>
    <t>cg08316775</t>
  </si>
  <si>
    <t>cg08325821</t>
  </si>
  <si>
    <t>cg08326301</t>
  </si>
  <si>
    <t>cg08326511</t>
  </si>
  <si>
    <t>cg08327269</t>
  </si>
  <si>
    <t>cg08334199</t>
  </si>
  <si>
    <t>cg08342675</t>
  </si>
  <si>
    <t>cg08347442</t>
  </si>
  <si>
    <t>cg08350814</t>
  </si>
  <si>
    <t>cg08353937</t>
  </si>
  <si>
    <t>cg08355260</t>
  </si>
  <si>
    <t>cg08356102</t>
  </si>
  <si>
    <t>cg08357651</t>
  </si>
  <si>
    <t>cg08357787</t>
  </si>
  <si>
    <t>cg08366196</t>
  </si>
  <si>
    <t>cg08368441</t>
  </si>
  <si>
    <t>cg08385249</t>
  </si>
  <si>
    <t>cg08388220</t>
  </si>
  <si>
    <t>cg08400511</t>
  </si>
  <si>
    <t>cg08404560</t>
  </si>
  <si>
    <t>cg08410109</t>
  </si>
  <si>
    <t>cg08417702</t>
  </si>
  <si>
    <t>cg08430329</t>
  </si>
  <si>
    <t>cg08440178</t>
  </si>
  <si>
    <t>cg08460635</t>
  </si>
  <si>
    <t>cg08462942</t>
  </si>
  <si>
    <t>cg08463813</t>
  </si>
  <si>
    <t>cg08471319</t>
  </si>
  <si>
    <t>cg08474651</t>
  </si>
  <si>
    <t>cg08481873</t>
  </si>
  <si>
    <t>cg08482837</t>
  </si>
  <si>
    <t>cg08484665</t>
  </si>
  <si>
    <t>cg08491733</t>
  </si>
  <si>
    <t>cg08517126</t>
  </si>
  <si>
    <t>cg08519216</t>
  </si>
  <si>
    <t>cg08526991</t>
  </si>
  <si>
    <t>cg08535260</t>
  </si>
  <si>
    <t>cg08549661</t>
  </si>
  <si>
    <t>cg08562543</t>
  </si>
  <si>
    <t>cg08566455</t>
  </si>
  <si>
    <t>cg08569786</t>
  </si>
  <si>
    <t>cg08570472</t>
  </si>
  <si>
    <t>cg08572016</t>
  </si>
  <si>
    <t>cg08573315</t>
  </si>
  <si>
    <t>cg08573478</t>
  </si>
  <si>
    <t>cg08580631</t>
  </si>
  <si>
    <t>cg08611810</t>
  </si>
  <si>
    <t>cg08613594</t>
  </si>
  <si>
    <t>cg08621447</t>
  </si>
  <si>
    <t>cg08621843</t>
  </si>
  <si>
    <t>cg08623010</t>
  </si>
  <si>
    <t>cg08625556</t>
  </si>
  <si>
    <t>cg08626939</t>
  </si>
  <si>
    <t>cg08640923</t>
  </si>
  <si>
    <t>cg08646988</t>
  </si>
  <si>
    <t>cg08648346</t>
  </si>
  <si>
    <t>cg08677375</t>
  </si>
  <si>
    <t>cg08688063</t>
  </si>
  <si>
    <t>cg08690159</t>
  </si>
  <si>
    <t>cg08690859</t>
  </si>
  <si>
    <t>cg08694149</t>
  </si>
  <si>
    <t>cg08694618</t>
  </si>
  <si>
    <t>cg08694858</t>
  </si>
  <si>
    <t>cg08699640</t>
  </si>
  <si>
    <t>cg08701028</t>
  </si>
  <si>
    <t>cg08714407</t>
  </si>
  <si>
    <t>cg08715805</t>
  </si>
  <si>
    <t>cg08721076</t>
  </si>
  <si>
    <t>cg08726005</t>
  </si>
  <si>
    <t>cg08728892</t>
  </si>
  <si>
    <t>cg08729434</t>
  </si>
  <si>
    <t>cg08738430</t>
  </si>
  <si>
    <t>cg08748373</t>
  </si>
  <si>
    <t>cg08750504</t>
  </si>
  <si>
    <t>cg08751472</t>
  </si>
  <si>
    <t>cg08755532</t>
  </si>
  <si>
    <t>cg08761102</t>
  </si>
  <si>
    <t>cg08773029</t>
  </si>
  <si>
    <t>cg08789022</t>
  </si>
  <si>
    <t>cg08790440</t>
  </si>
  <si>
    <t>cg08793877</t>
  </si>
  <si>
    <t>cg08802203</t>
  </si>
  <si>
    <t>cg08803791</t>
  </si>
  <si>
    <t>cg08808128</t>
  </si>
  <si>
    <t>cg08813062</t>
  </si>
  <si>
    <t>cg08813379</t>
  </si>
  <si>
    <t>cg08813888</t>
  </si>
  <si>
    <t>cg08814736</t>
  </si>
  <si>
    <t>cg08817786</t>
  </si>
  <si>
    <t>cg08838158</t>
  </si>
  <si>
    <t>cg08839164</t>
  </si>
  <si>
    <t>cg08843538</t>
  </si>
  <si>
    <t>cg08848324</t>
  </si>
  <si>
    <t>cg08856347</t>
  </si>
  <si>
    <t>cg08857144</t>
  </si>
  <si>
    <t>cg08862564</t>
  </si>
  <si>
    <t>cg08871383</t>
  </si>
  <si>
    <t>cg08871855</t>
  </si>
  <si>
    <t>cg08879111</t>
  </si>
  <si>
    <t>cg08886046</t>
  </si>
  <si>
    <t>cg08901662</t>
  </si>
  <si>
    <t>cg08905624</t>
  </si>
  <si>
    <t>cg08911275</t>
  </si>
  <si>
    <t>cg08917174</t>
  </si>
  <si>
    <t>cg08940511</t>
  </si>
  <si>
    <t>cg08940762</t>
  </si>
  <si>
    <t>cg08949862</t>
  </si>
  <si>
    <t>cg08957652</t>
  </si>
  <si>
    <t>cg08973851</t>
  </si>
  <si>
    <t>cg08974656</t>
  </si>
  <si>
    <t>cg08976687</t>
  </si>
  <si>
    <t>cg08980304</t>
  </si>
  <si>
    <t>cg08991742</t>
  </si>
  <si>
    <t>cg09006514</t>
  </si>
  <si>
    <t>cg09007600</t>
  </si>
  <si>
    <t>cg09011231</t>
  </si>
  <si>
    <t>cg09011732</t>
  </si>
  <si>
    <t>cg09012708</t>
  </si>
  <si>
    <t>cg09013953</t>
  </si>
  <si>
    <t>cg09015973</t>
  </si>
  <si>
    <t>cg09018852</t>
  </si>
  <si>
    <t>cg09035253</t>
  </si>
  <si>
    <t>cg09035284</t>
  </si>
  <si>
    <t>cg09049376</t>
  </si>
  <si>
    <t>cg09050313</t>
  </si>
  <si>
    <t>cg09050541</t>
  </si>
  <si>
    <t>cg09059267</t>
  </si>
  <si>
    <t>cg09064687</t>
  </si>
  <si>
    <t>cg09068086</t>
  </si>
  <si>
    <t>cg09074113</t>
  </si>
  <si>
    <t>cg09114211</t>
  </si>
  <si>
    <t>cg09118932</t>
  </si>
  <si>
    <t>cg09130556</t>
  </si>
  <si>
    <t>cg09131629</t>
  </si>
  <si>
    <t>cg09131844</t>
  </si>
  <si>
    <t>cg09132607</t>
  </si>
  <si>
    <t>cg09133363</t>
  </si>
  <si>
    <t>cg09140778</t>
  </si>
  <si>
    <t>cg09142141</t>
  </si>
  <si>
    <t>cg09145256</t>
  </si>
  <si>
    <t>cg09150450</t>
  </si>
  <si>
    <t>cg09154837</t>
  </si>
  <si>
    <t>cg09154978</t>
  </si>
  <si>
    <t>cg09163117</t>
  </si>
  <si>
    <t>cg09169255</t>
  </si>
  <si>
    <t>cg09173768</t>
  </si>
  <si>
    <t>cg09175843</t>
  </si>
  <si>
    <t>cg09217581</t>
  </si>
  <si>
    <t>cg09235217</t>
  </si>
  <si>
    <t>cg09235936</t>
  </si>
  <si>
    <t>cg09236434</t>
  </si>
  <si>
    <t>cg09238180</t>
  </si>
  <si>
    <t>cg09247346</t>
  </si>
  <si>
    <t>cg09248284</t>
  </si>
  <si>
    <t>cg09248944</t>
  </si>
  <si>
    <t>cg09249637</t>
  </si>
  <si>
    <t>cg09250581</t>
  </si>
  <si>
    <t>cg09253914</t>
  </si>
  <si>
    <t>cg09256517</t>
  </si>
  <si>
    <t>cg09259694</t>
  </si>
  <si>
    <t>cg09266433</t>
  </si>
  <si>
    <t>cg09279240</t>
  </si>
  <si>
    <t>cg09279679</t>
  </si>
  <si>
    <t>cg09282497</t>
  </si>
  <si>
    <t>cg09283548</t>
  </si>
  <si>
    <t>cg09290169</t>
  </si>
  <si>
    <t>cg09295081</t>
  </si>
  <si>
    <t>cg09302609</t>
  </si>
  <si>
    <t>cg09302671</t>
  </si>
  <si>
    <t>cg09303701</t>
  </si>
  <si>
    <t>cg09319815</t>
  </si>
  <si>
    <t>cg09320971</t>
  </si>
  <si>
    <t>cg09323467</t>
  </si>
  <si>
    <t>cg09323727</t>
  </si>
  <si>
    <t>cg09325506</t>
  </si>
  <si>
    <t>cg09334766</t>
  </si>
  <si>
    <t>cg09344219</t>
  </si>
  <si>
    <t>cg09344629</t>
  </si>
  <si>
    <t>cg09345954</t>
  </si>
  <si>
    <t>cg09352202</t>
  </si>
  <si>
    <t>cg09361219</t>
  </si>
  <si>
    <t>cg09366988</t>
  </si>
  <si>
    <t>cg09385093</t>
  </si>
  <si>
    <t>cg09391979</t>
  </si>
  <si>
    <t>cg09392819</t>
  </si>
  <si>
    <t>cg09392940</t>
  </si>
  <si>
    <t>cg09398466</t>
  </si>
  <si>
    <t>cg09410607</t>
  </si>
  <si>
    <t>cg09414156</t>
  </si>
  <si>
    <t>cg09414612</t>
  </si>
  <si>
    <t>cg09423703</t>
  </si>
  <si>
    <t>cg09424526</t>
  </si>
  <si>
    <t>cg09426834</t>
  </si>
  <si>
    <t>cg09438147</t>
  </si>
  <si>
    <t>cg09462445</t>
  </si>
  <si>
    <t>cg09462924</t>
  </si>
  <si>
    <t>cg09467436</t>
  </si>
  <si>
    <t>cg09469033</t>
  </si>
  <si>
    <t>cg09470142</t>
  </si>
  <si>
    <t>cg09476286</t>
  </si>
  <si>
    <t>cg09485063</t>
  </si>
  <si>
    <t>cg09496791</t>
  </si>
  <si>
    <t>cg09501518</t>
  </si>
  <si>
    <t>cg09502531</t>
  </si>
  <si>
    <t>cg09511246</t>
  </si>
  <si>
    <t>cg09518351</t>
  </si>
  <si>
    <t>cg09526912</t>
  </si>
  <si>
    <t>cg09527270</t>
  </si>
  <si>
    <t>cg09533708</t>
  </si>
  <si>
    <t>cg09535924</t>
  </si>
  <si>
    <t>cg09538725</t>
  </si>
  <si>
    <t>cg09545452</t>
  </si>
  <si>
    <t>cg09547034</t>
  </si>
  <si>
    <t>cg09547625</t>
  </si>
  <si>
    <t>cg09556994</t>
  </si>
  <si>
    <t>cg09557766</t>
  </si>
  <si>
    <t>cg09558000</t>
  </si>
  <si>
    <t>cg09563922</t>
  </si>
  <si>
    <t>cg09566392</t>
  </si>
  <si>
    <t>cg09570573</t>
  </si>
  <si>
    <t>cg09571404</t>
  </si>
  <si>
    <t>cg09577244</t>
  </si>
  <si>
    <t>cg09577426</t>
  </si>
  <si>
    <t>cg09580478</t>
  </si>
  <si>
    <t>cg09588792</t>
  </si>
  <si>
    <t>cg09590377</t>
  </si>
  <si>
    <t>cg09591830</t>
  </si>
  <si>
    <t>cg09596239</t>
  </si>
  <si>
    <t>cg09597666</t>
  </si>
  <si>
    <t>cg09601770</t>
  </si>
  <si>
    <t>cg09601912</t>
  </si>
  <si>
    <t>cg09606941</t>
  </si>
  <si>
    <t>cg09611490</t>
  </si>
  <si>
    <t>cg09612463</t>
  </si>
  <si>
    <t>cg09615017</t>
  </si>
  <si>
    <t>cg09618102</t>
  </si>
  <si>
    <t>cg09650414</t>
  </si>
  <si>
    <t>cg09662051</t>
  </si>
  <si>
    <t>cg09662694</t>
  </si>
  <si>
    <t>cg09667303</t>
  </si>
  <si>
    <t>cg09671109</t>
  </si>
  <si>
    <t>cg09672440</t>
  </si>
  <si>
    <t>cg09676860</t>
  </si>
  <si>
    <t>cg09677007</t>
  </si>
  <si>
    <t>cg09679897</t>
  </si>
  <si>
    <t>cg09681386</t>
  </si>
  <si>
    <t>cg09681546</t>
  </si>
  <si>
    <t>cg09684233</t>
  </si>
  <si>
    <t>cg09700327</t>
  </si>
  <si>
    <t>cg09713877</t>
  </si>
  <si>
    <t>cg09715503</t>
  </si>
  <si>
    <t>cg09715682</t>
  </si>
  <si>
    <t>cg09717809</t>
  </si>
  <si>
    <t>cg09718640</t>
  </si>
  <si>
    <t>cg09725766</t>
  </si>
  <si>
    <t>cg09725915</t>
  </si>
  <si>
    <t>cg09729613</t>
  </si>
  <si>
    <t>cg09736968</t>
  </si>
  <si>
    <t>cg09742688</t>
  </si>
  <si>
    <t>cg09770905</t>
  </si>
  <si>
    <t>cg09774142</t>
  </si>
  <si>
    <t>cg09775695</t>
  </si>
  <si>
    <t>cg09779833</t>
  </si>
  <si>
    <t>cg09794923</t>
  </si>
  <si>
    <t>cg09799983</t>
  </si>
  <si>
    <t>cg09809242</t>
  </si>
  <si>
    <t>cg09825030</t>
  </si>
  <si>
    <t>cg09826047</t>
  </si>
  <si>
    <t>cg09827499</t>
  </si>
  <si>
    <t>cg09839592</t>
  </si>
  <si>
    <t>cg09850442</t>
  </si>
  <si>
    <t>cg09861583</t>
  </si>
  <si>
    <t>cg09862219</t>
  </si>
  <si>
    <t>cg09863028</t>
  </si>
  <si>
    <t>cg09868451</t>
  </si>
  <si>
    <t>cg09898070</t>
  </si>
  <si>
    <t>cg09898318</t>
  </si>
  <si>
    <t>cg09918605</t>
  </si>
  <si>
    <t>cg09926949</t>
  </si>
  <si>
    <t>cg09942248</t>
  </si>
  <si>
    <t>cg09942741</t>
  </si>
  <si>
    <t>cg09950256</t>
  </si>
  <si>
    <t>cg09950657</t>
  </si>
  <si>
    <t>cg09962502</t>
  </si>
  <si>
    <t>cg09972569</t>
  </si>
  <si>
    <t>cg09973148</t>
  </si>
  <si>
    <t>cg09976445</t>
  </si>
  <si>
    <t>cg09978216</t>
  </si>
  <si>
    <t>cg09979956</t>
  </si>
  <si>
    <t>cg09982942</t>
  </si>
  <si>
    <t>cg09984469</t>
  </si>
  <si>
    <t>cg09987596</t>
  </si>
  <si>
    <t>cg09991306</t>
  </si>
  <si>
    <t>cg09991426</t>
  </si>
  <si>
    <t>cg10000424</t>
  </si>
  <si>
    <t>cg10012722</t>
  </si>
  <si>
    <t>cg10020325</t>
  </si>
  <si>
    <t>cg10020592</t>
  </si>
  <si>
    <t>cg10033761</t>
  </si>
  <si>
    <t>cg10034890</t>
  </si>
  <si>
    <t>cg10035321</t>
  </si>
  <si>
    <t>cg10045137</t>
  </si>
  <si>
    <t>cg10045864</t>
  </si>
  <si>
    <t>cg10067019</t>
  </si>
  <si>
    <t>cg10069734</t>
  </si>
  <si>
    <t>cg10072692</t>
  </si>
  <si>
    <t>cg10075284</t>
  </si>
  <si>
    <t>cg10075506</t>
  </si>
  <si>
    <t>cg10076031</t>
  </si>
  <si>
    <t>cg10078335</t>
  </si>
  <si>
    <t>cg10079801</t>
  </si>
  <si>
    <t>cg10079867</t>
  </si>
  <si>
    <t>cg10081115</t>
  </si>
  <si>
    <t>cg10083149</t>
  </si>
  <si>
    <t>cg10083443</t>
  </si>
  <si>
    <t>cg10086659</t>
  </si>
  <si>
    <t>cg10088527</t>
  </si>
  <si>
    <t>cg10089247</t>
  </si>
  <si>
    <t>cg10089527</t>
  </si>
  <si>
    <t>cg10089801</t>
  </si>
  <si>
    <t>cg10089860</t>
  </si>
  <si>
    <t>cg10090044</t>
  </si>
  <si>
    <t>cg10099415</t>
  </si>
  <si>
    <t>cg10104683</t>
  </si>
  <si>
    <t>cg10107434</t>
  </si>
  <si>
    <t>cg10107890</t>
  </si>
  <si>
    <t>cg10108468</t>
  </si>
  <si>
    <t>cg10115182</t>
  </si>
  <si>
    <t>cg10116014</t>
  </si>
  <si>
    <t>cg10116864</t>
  </si>
  <si>
    <t>cg10117180</t>
  </si>
  <si>
    <t>cg10117518</t>
  </si>
  <si>
    <t>cg10120112</t>
  </si>
  <si>
    <t>cg10122865</t>
  </si>
  <si>
    <t>cg10125317</t>
  </si>
  <si>
    <t>cg10136354</t>
  </si>
  <si>
    <t>cg10140638</t>
  </si>
  <si>
    <t>cg10146185</t>
  </si>
  <si>
    <t>cg10146462</t>
  </si>
  <si>
    <t>cg10148764</t>
  </si>
  <si>
    <t>cg10149091</t>
  </si>
  <si>
    <t>cg10150686</t>
  </si>
  <si>
    <t>cg10156366</t>
  </si>
  <si>
    <t>cg10159582</t>
  </si>
  <si>
    <t>cg10164987</t>
  </si>
  <si>
    <t>cg10165071</t>
  </si>
  <si>
    <t>cg10165847</t>
  </si>
  <si>
    <t>cg10168149</t>
  </si>
  <si>
    <t>cg10168434</t>
  </si>
  <si>
    <t>cg10174091</t>
  </si>
  <si>
    <t>cg10177207</t>
  </si>
  <si>
    <t>cg10178621</t>
  </si>
  <si>
    <t>cg10179045</t>
  </si>
  <si>
    <t>cg10179806</t>
  </si>
  <si>
    <t>cg10179911</t>
  </si>
  <si>
    <t>cg10180764</t>
  </si>
  <si>
    <t>cg10181911</t>
  </si>
  <si>
    <t>cg10182060</t>
  </si>
  <si>
    <t>cg10185552</t>
  </si>
  <si>
    <t>cg10188403</t>
  </si>
  <si>
    <t>cg10188592</t>
  </si>
  <si>
    <t>cg10189095</t>
  </si>
  <si>
    <t>cg10190161</t>
  </si>
  <si>
    <t>cg10197162</t>
  </si>
  <si>
    <t>cg10201874</t>
  </si>
  <si>
    <t>cg10238302</t>
  </si>
  <si>
    <t>cg10238396</t>
  </si>
  <si>
    <t>cg10239074</t>
  </si>
  <si>
    <t>cg10239991</t>
  </si>
  <si>
    <t>cg10245141</t>
  </si>
  <si>
    <t>cg10256121</t>
  </si>
  <si>
    <t>cg10258063</t>
  </si>
  <si>
    <t>cg10258271</t>
  </si>
  <si>
    <t>cg10258395</t>
  </si>
  <si>
    <t>cg10267162</t>
  </si>
  <si>
    <t>cg10269365</t>
  </si>
  <si>
    <t>cg10270719</t>
  </si>
  <si>
    <t>cg10276404</t>
  </si>
  <si>
    <t>cg10281105</t>
  </si>
  <si>
    <t>cg10282920</t>
  </si>
  <si>
    <t>cg10283844</t>
  </si>
  <si>
    <t>cg10311315</t>
  </si>
  <si>
    <t>cg10313637</t>
  </si>
  <si>
    <t>cg10314172</t>
  </si>
  <si>
    <t>cg10315993</t>
  </si>
  <si>
    <t>cg10317145</t>
  </si>
  <si>
    <t>cg10323457</t>
  </si>
  <si>
    <t>cg10328513</t>
  </si>
  <si>
    <t>cg10334916</t>
  </si>
  <si>
    <t>cg10355989</t>
  </si>
  <si>
    <t>cg10356655</t>
  </si>
  <si>
    <t>cg10357060</t>
  </si>
  <si>
    <t>cg10358630</t>
  </si>
  <si>
    <t>cg10359929</t>
  </si>
  <si>
    <t>cg10365657</t>
  </si>
  <si>
    <t>cg10367023</t>
  </si>
  <si>
    <t>cg10367409</t>
  </si>
  <si>
    <t>cg10386659</t>
  </si>
  <si>
    <t>cg10394610</t>
  </si>
  <si>
    <t>cg10398905</t>
  </si>
  <si>
    <t>cg10403036</t>
  </si>
  <si>
    <t>cg10413944</t>
  </si>
  <si>
    <t>cg10416105</t>
  </si>
  <si>
    <t>cg10429608</t>
  </si>
  <si>
    <t>cg10442729</t>
  </si>
  <si>
    <t>cg10453823</t>
  </si>
  <si>
    <t>cg10458926</t>
  </si>
  <si>
    <t>cg10476260</t>
  </si>
  <si>
    <t>cg10480648</t>
  </si>
  <si>
    <t>cg10485612</t>
  </si>
  <si>
    <t>cg10497884</t>
  </si>
  <si>
    <t>cg10498524</t>
  </si>
  <si>
    <t>cg10504120</t>
  </si>
  <si>
    <t>cg10507365</t>
  </si>
  <si>
    <t>cg10507402</t>
  </si>
  <si>
    <t>cg10507482</t>
  </si>
  <si>
    <t>cg10508058</t>
  </si>
  <si>
    <t>cg10515731</t>
  </si>
  <si>
    <t>cg10517096</t>
  </si>
  <si>
    <t>cg10522577</t>
  </si>
  <si>
    <t>cg10523140</t>
  </si>
  <si>
    <t>cg10523645</t>
  </si>
  <si>
    <t>cg10526659</t>
  </si>
  <si>
    <t>cg10534310</t>
  </si>
  <si>
    <t>cg10534439</t>
  </si>
  <si>
    <t>cg10537847</t>
  </si>
  <si>
    <t>cg10544031</t>
  </si>
  <si>
    <t>cg10545083</t>
  </si>
  <si>
    <t>cg10546459</t>
  </si>
  <si>
    <t>cg10547527</t>
  </si>
  <si>
    <t>cg10548807</t>
  </si>
  <si>
    <t>cg10549986</t>
  </si>
  <si>
    <t>cg10552189</t>
  </si>
  <si>
    <t>cg10553204</t>
  </si>
  <si>
    <t>cg10557743</t>
  </si>
  <si>
    <t>cg10563352</t>
  </si>
  <si>
    <t>cg10571901</t>
  </si>
  <si>
    <t>cg10576257</t>
  </si>
  <si>
    <t>cg10578602</t>
  </si>
  <si>
    <t>cg10583000</t>
  </si>
  <si>
    <t>cg10596451</t>
  </si>
  <si>
    <t>cg10599693</t>
  </si>
  <si>
    <t>cg10602757</t>
  </si>
  <si>
    <t>cg10613252</t>
  </si>
  <si>
    <t>cg10626925</t>
  </si>
  <si>
    <t>cg10629682</t>
  </si>
  <si>
    <t>cg10633147</t>
  </si>
  <si>
    <t>cg10634964</t>
  </si>
  <si>
    <t>cg10639412</t>
  </si>
  <si>
    <t>cg10639888</t>
  </si>
  <si>
    <t>cg10640333</t>
  </si>
  <si>
    <t>cg10640646</t>
  </si>
  <si>
    <t>cg10645314</t>
  </si>
  <si>
    <t>cg10648670</t>
  </si>
  <si>
    <t>cg10658516</t>
  </si>
  <si>
    <t>cg10660268</t>
  </si>
  <si>
    <t>cg10661054</t>
  </si>
  <si>
    <t>cg10664112</t>
  </si>
  <si>
    <t>cg10672136</t>
  </si>
  <si>
    <t>cg10673915</t>
  </si>
  <si>
    <t>cg10708221</t>
  </si>
  <si>
    <t>cg10709593</t>
  </si>
  <si>
    <t>cg10711039</t>
  </si>
  <si>
    <t>cg10713073</t>
  </si>
  <si>
    <t>cg10717312</t>
  </si>
  <si>
    <t>cg10717739</t>
  </si>
  <si>
    <t>cg10723629</t>
  </si>
  <si>
    <t>cg10735632</t>
  </si>
  <si>
    <t>cg10736404</t>
  </si>
  <si>
    <t>cg10737766</t>
  </si>
  <si>
    <t>cg10751726</t>
  </si>
  <si>
    <t>cg10753836</t>
  </si>
  <si>
    <t>cg10762132</t>
  </si>
  <si>
    <t>cg10764101</t>
  </si>
  <si>
    <t>cg10767337</t>
  </si>
  <si>
    <t>cg10770187</t>
  </si>
  <si>
    <t>cg10773869</t>
  </si>
  <si>
    <t>cg10775273</t>
  </si>
  <si>
    <t>cg10775551</t>
  </si>
  <si>
    <t>cg10785443</t>
  </si>
  <si>
    <t>cg10804090</t>
  </si>
  <si>
    <t>cg10805352</t>
  </si>
  <si>
    <t>cg10805483</t>
  </si>
  <si>
    <t>cg10817497</t>
  </si>
  <si>
    <t>cg10820045</t>
  </si>
  <si>
    <t>cg10824187</t>
  </si>
  <si>
    <t>cg10825876</t>
  </si>
  <si>
    <t>cg10829120</t>
  </si>
  <si>
    <t>cg10830649</t>
  </si>
  <si>
    <t>cg10846328</t>
  </si>
  <si>
    <t>cg10846615</t>
  </si>
  <si>
    <t>cg10846682</t>
  </si>
  <si>
    <t>cg10848522</t>
  </si>
  <si>
    <t>cg10848792</t>
  </si>
  <si>
    <t>cg10859133</t>
  </si>
  <si>
    <t>cg10860527</t>
  </si>
  <si>
    <t>cg10864319</t>
  </si>
  <si>
    <t>cg10875261</t>
  </si>
  <si>
    <t>cg10883171</t>
  </si>
  <si>
    <t>cg10884341</t>
  </si>
  <si>
    <t>cg10886005</t>
  </si>
  <si>
    <t>cg10888111</t>
  </si>
  <si>
    <t>cg10900202</t>
  </si>
  <si>
    <t>cg10903451</t>
  </si>
  <si>
    <t>cg10908460</t>
  </si>
  <si>
    <t>cg10919919</t>
  </si>
  <si>
    <t>cg10927841</t>
  </si>
  <si>
    <t>cg10933428</t>
  </si>
  <si>
    <t>cg10937890</t>
  </si>
  <si>
    <t>cg10938836</t>
  </si>
  <si>
    <t>cg10940651</t>
  </si>
  <si>
    <t>cg10941445</t>
  </si>
  <si>
    <t>cg10944116</t>
  </si>
  <si>
    <t>cg10944735</t>
  </si>
  <si>
    <t>cg10948340</t>
  </si>
  <si>
    <t>cg10949583</t>
  </si>
  <si>
    <t>cg10954469</t>
  </si>
  <si>
    <t>cg10959353</t>
  </si>
  <si>
    <t>cg10962261</t>
  </si>
  <si>
    <t>cg10962577</t>
  </si>
  <si>
    <t>cg10963245</t>
  </si>
  <si>
    <t>cg10963518</t>
  </si>
  <si>
    <t>cg10973735</t>
  </si>
  <si>
    <t>cg10976861</t>
  </si>
  <si>
    <t>cg10981275</t>
  </si>
  <si>
    <t>cg10982364</t>
  </si>
  <si>
    <t>cg10985993</t>
  </si>
  <si>
    <t>cg10990312</t>
  </si>
  <si>
    <t>cg10992590</t>
  </si>
  <si>
    <t>cg11007759</t>
  </si>
  <si>
    <t>cg11009335</t>
  </si>
  <si>
    <t>cg11014373</t>
  </si>
  <si>
    <t>cg11027325</t>
  </si>
  <si>
    <t>cg11041835</t>
  </si>
  <si>
    <t>cg11044590</t>
  </si>
  <si>
    <t>cg11054924</t>
  </si>
  <si>
    <t>cg11056409</t>
  </si>
  <si>
    <t>cg11062418</t>
  </si>
  <si>
    <t>cg11062635</t>
  </si>
  <si>
    <t>cg11065262</t>
  </si>
  <si>
    <t>cg11065506</t>
  </si>
  <si>
    <t>cg11107669</t>
  </si>
  <si>
    <t>cg11109266</t>
  </si>
  <si>
    <t>cg11111773</t>
  </si>
  <si>
    <t>cg11113760</t>
  </si>
  <si>
    <t>cg11115134</t>
  </si>
  <si>
    <t>cg11115502</t>
  </si>
  <si>
    <t>cg11120927</t>
  </si>
  <si>
    <t>cg11122767</t>
  </si>
  <si>
    <t>cg11124360</t>
  </si>
  <si>
    <t>cg11124426</t>
  </si>
  <si>
    <t>cg11125104</t>
  </si>
  <si>
    <t>cg11133114</t>
  </si>
  <si>
    <t>cg11166106</t>
  </si>
  <si>
    <t>cg11173773</t>
  </si>
  <si>
    <t>cg11176990</t>
  </si>
  <si>
    <t>cg11216682</t>
  </si>
  <si>
    <t>cg11219022</t>
  </si>
  <si>
    <t>cg11220663</t>
  </si>
  <si>
    <t>cg11221657</t>
  </si>
  <si>
    <t>cg11227077</t>
  </si>
  <si>
    <t>cg11227278</t>
  </si>
  <si>
    <t>cg11227944</t>
  </si>
  <si>
    <t>cg11229343</t>
  </si>
  <si>
    <t>cg11229533</t>
  </si>
  <si>
    <t>cg11231069</t>
  </si>
  <si>
    <t>cg11231864</t>
  </si>
  <si>
    <t>cg11236515</t>
  </si>
  <si>
    <t>cg11245431</t>
  </si>
  <si>
    <t>cg11252801</t>
  </si>
  <si>
    <t>cg11270393</t>
  </si>
  <si>
    <t>cg11274659</t>
  </si>
  <si>
    <t>cg11277143</t>
  </si>
  <si>
    <t>cg11281249</t>
  </si>
  <si>
    <t>cg11281641</t>
  </si>
  <si>
    <t>cg11284316</t>
  </si>
  <si>
    <t>cg11284414</t>
  </si>
  <si>
    <t>cg11308211</t>
  </si>
  <si>
    <t>cg11310125</t>
  </si>
  <si>
    <t>cg11343289</t>
  </si>
  <si>
    <t>cg11344025</t>
  </si>
  <si>
    <t>cg11348442</t>
  </si>
  <si>
    <t>cg11349992</t>
  </si>
  <si>
    <t>cg11350208</t>
  </si>
  <si>
    <t>cg11358945</t>
  </si>
  <si>
    <t>cg11359684</t>
  </si>
  <si>
    <t>cg11363090</t>
  </si>
  <si>
    <t>cg11369026</t>
  </si>
  <si>
    <t>cg11374368</t>
  </si>
  <si>
    <t>cg11374871</t>
  </si>
  <si>
    <t>cg11376913</t>
  </si>
  <si>
    <t>cg11380881</t>
  </si>
  <si>
    <t>cg11383961</t>
  </si>
  <si>
    <t>cg11391334</t>
  </si>
  <si>
    <t>cg11394820</t>
  </si>
  <si>
    <t>cg11412766</t>
  </si>
  <si>
    <t>cg11415914</t>
  </si>
  <si>
    <t>cg11418389</t>
  </si>
  <si>
    <t>cg11418477</t>
  </si>
  <si>
    <t>cg11420192</t>
  </si>
  <si>
    <t>cg11430659</t>
  </si>
  <si>
    <t>cg11433622</t>
  </si>
  <si>
    <t>cg11441894</t>
  </si>
  <si>
    <t>cg11442734</t>
  </si>
  <si>
    <t>cg11444198</t>
  </si>
  <si>
    <t>cg11444607</t>
  </si>
  <si>
    <t>cg11446240</t>
  </si>
  <si>
    <t>cg11448068</t>
  </si>
  <si>
    <t>cg11450715</t>
  </si>
  <si>
    <t>cg11453343</t>
  </si>
  <si>
    <t>cg11454719</t>
  </si>
  <si>
    <t>cg11460331</t>
  </si>
  <si>
    <t>cg11463612</t>
  </si>
  <si>
    <t>cg11467440</t>
  </si>
  <si>
    <t>cg11480830</t>
  </si>
  <si>
    <t>cg11491749</t>
  </si>
  <si>
    <t>cg11492041</t>
  </si>
  <si>
    <t>cg11492896</t>
  </si>
  <si>
    <t>cg11501862</t>
  </si>
  <si>
    <t>cg11509341</t>
  </si>
  <si>
    <t>cg11517071</t>
  </si>
  <si>
    <t>cg11525280</t>
  </si>
  <si>
    <t>cg11527373</t>
  </si>
  <si>
    <t>cg11535839</t>
  </si>
  <si>
    <t>cg11536474</t>
  </si>
  <si>
    <t>cg11540007</t>
  </si>
  <si>
    <t>cg11540341</t>
  </si>
  <si>
    <t>cg11542063</t>
  </si>
  <si>
    <t>cg11547355</t>
  </si>
  <si>
    <t>cg11549132</t>
  </si>
  <si>
    <t>cg11549153</t>
  </si>
  <si>
    <t>cg11551919</t>
  </si>
  <si>
    <t>cg11552072</t>
  </si>
  <si>
    <t>cg11556696</t>
  </si>
  <si>
    <t>cg11556929</t>
  </si>
  <si>
    <t>cg11565042</t>
  </si>
  <si>
    <t>cg11573608</t>
  </si>
  <si>
    <t>cg11597131</t>
  </si>
  <si>
    <t>cg11607927</t>
  </si>
  <si>
    <t>cg11608897</t>
  </si>
  <si>
    <t>cg11612694</t>
  </si>
  <si>
    <t>cg11620807</t>
  </si>
  <si>
    <t>cg11650013</t>
  </si>
  <si>
    <t>cg11651961</t>
  </si>
  <si>
    <t>cg11657043</t>
  </si>
  <si>
    <t>cg11661868</t>
  </si>
  <si>
    <t>cg11662638</t>
  </si>
  <si>
    <t>cg11665564</t>
  </si>
  <si>
    <t>cg11673304</t>
  </si>
  <si>
    <t>cg11674713</t>
  </si>
  <si>
    <t>cg11691181</t>
  </si>
  <si>
    <t>cg11691298</t>
  </si>
  <si>
    <t>cg11692477</t>
  </si>
  <si>
    <t>cg11702456</t>
  </si>
  <si>
    <t>cg11706467</t>
  </si>
  <si>
    <t>cg11707035</t>
  </si>
  <si>
    <t>cg11709413</t>
  </si>
  <si>
    <t>cg11710924</t>
  </si>
  <si>
    <t>cg11718135</t>
  </si>
  <si>
    <t>cg11719885</t>
  </si>
  <si>
    <t>cg11732282</t>
  </si>
  <si>
    <t>cg11761729</t>
  </si>
  <si>
    <t>cg11763394</t>
  </si>
  <si>
    <t>cg11769456</t>
  </si>
  <si>
    <t>cg11770407</t>
  </si>
  <si>
    <t>cg11787262</t>
  </si>
  <si>
    <t>cg11788289</t>
  </si>
  <si>
    <t>cg11793701</t>
  </si>
  <si>
    <t>cg11800635</t>
  </si>
  <si>
    <t>cg11805669</t>
  </si>
  <si>
    <t>cg11806442</t>
  </si>
  <si>
    <t>cg11808639</t>
  </si>
  <si>
    <t>cg11817892</t>
  </si>
  <si>
    <t>cg11826338</t>
  </si>
  <si>
    <t>cg11827837</t>
  </si>
  <si>
    <t>cg11842141</t>
  </si>
  <si>
    <t>cg11845159</t>
  </si>
  <si>
    <t>cg11855516</t>
  </si>
  <si>
    <t>cg11857704</t>
  </si>
  <si>
    <t>cg11878242</t>
  </si>
  <si>
    <t>cg11878675</t>
  </si>
  <si>
    <t>cg11901695</t>
  </si>
  <si>
    <t>cg11905824</t>
  </si>
  <si>
    <t>cg11905915</t>
  </si>
  <si>
    <t>cg11910497</t>
  </si>
  <si>
    <t>cg11912765</t>
  </si>
  <si>
    <t>cg11918372</t>
  </si>
  <si>
    <t>cg11924452</t>
  </si>
  <si>
    <t>cg11935317</t>
  </si>
  <si>
    <t>cg11937346</t>
  </si>
  <si>
    <t>cg11937541</t>
  </si>
  <si>
    <t>cg11946719</t>
  </si>
  <si>
    <t>cg11947509</t>
  </si>
  <si>
    <t>cg11948456</t>
  </si>
  <si>
    <t>cg11953516</t>
  </si>
  <si>
    <t>cg11968166</t>
  </si>
  <si>
    <t>cg11969556</t>
  </si>
  <si>
    <t>cg11970843</t>
  </si>
  <si>
    <t>cg11972401</t>
  </si>
  <si>
    <t>cg11974096</t>
  </si>
  <si>
    <t>cg11989253</t>
  </si>
  <si>
    <t>cg11989674</t>
  </si>
  <si>
    <t>cg11994551</t>
  </si>
  <si>
    <t>cg11994630</t>
  </si>
  <si>
    <t>cg11995577</t>
  </si>
  <si>
    <t>cg11995801</t>
  </si>
  <si>
    <t>cg12000995</t>
  </si>
  <si>
    <t>cg12004115</t>
  </si>
  <si>
    <t>cg12004430</t>
  </si>
  <si>
    <t>cg12005760</t>
  </si>
  <si>
    <t>cg12011198</t>
  </si>
  <si>
    <t>cg12035092</t>
  </si>
  <si>
    <t>cg12045337</t>
  </si>
  <si>
    <t>cg12059226</t>
  </si>
  <si>
    <t>cg12066181</t>
  </si>
  <si>
    <t>cg12075791</t>
  </si>
  <si>
    <t>cg12078605</t>
  </si>
  <si>
    <t>cg12079322</t>
  </si>
  <si>
    <t>cg12087108</t>
  </si>
  <si>
    <t>cg12093662</t>
  </si>
  <si>
    <t>cg12102631</t>
  </si>
  <si>
    <t>cg12127463</t>
  </si>
  <si>
    <t>cg12139873</t>
  </si>
  <si>
    <t>cg12140527</t>
  </si>
  <si>
    <t>cg12141179</t>
  </si>
  <si>
    <t>cg12153536</t>
  </si>
  <si>
    <t>cg12162377</t>
  </si>
  <si>
    <t>cg12185828</t>
  </si>
  <si>
    <t>cg12191096</t>
  </si>
  <si>
    <t>cg12191964</t>
  </si>
  <si>
    <t>cg12210283</t>
  </si>
  <si>
    <t>cg12212336</t>
  </si>
  <si>
    <t>cg12213062</t>
  </si>
  <si>
    <t>cg12214471</t>
  </si>
  <si>
    <t>cg12224898</t>
  </si>
  <si>
    <t>cg12225893</t>
  </si>
  <si>
    <t>cg12231969</t>
  </si>
  <si>
    <t>cg12236088</t>
  </si>
  <si>
    <t>cg12244991</t>
  </si>
  <si>
    <t>cg12245706</t>
  </si>
  <si>
    <t>cg12250705</t>
  </si>
  <si>
    <t>cg12251919</t>
  </si>
  <si>
    <t>cg12252443</t>
  </si>
  <si>
    <t>cg12254179</t>
  </si>
  <si>
    <t>cg12256362</t>
  </si>
  <si>
    <t>cg12266953</t>
  </si>
  <si>
    <t>cg12273231</t>
  </si>
  <si>
    <t>cg12276123</t>
  </si>
  <si>
    <t>cg12299199</t>
  </si>
  <si>
    <t>cg12301620</t>
  </si>
  <si>
    <t>cg12307638</t>
  </si>
  <si>
    <t>cg12309957</t>
  </si>
  <si>
    <t>cg12311057</t>
  </si>
  <si>
    <t>cg12311815</t>
  </si>
  <si>
    <t>cg12332415</t>
  </si>
  <si>
    <t>cg12338127</t>
  </si>
  <si>
    <t>cg12339424</t>
  </si>
  <si>
    <t>cg12340519</t>
  </si>
  <si>
    <t>cg12341343</t>
  </si>
  <si>
    <t>cg12344862</t>
  </si>
  <si>
    <t>cg12345955</t>
  </si>
  <si>
    <t>cg12347084</t>
  </si>
  <si>
    <t>cg12356111</t>
  </si>
  <si>
    <t>cg12391563</t>
  </si>
  <si>
    <t>cg12404679</t>
  </si>
  <si>
    <t>cg12411876</t>
  </si>
  <si>
    <t>cg12419195</t>
  </si>
  <si>
    <t>cg12424785</t>
  </si>
  <si>
    <t>cg12433473</t>
  </si>
  <si>
    <t>cg12434364</t>
  </si>
  <si>
    <t>cg12436738</t>
  </si>
  <si>
    <t>cg12451530</t>
  </si>
  <si>
    <t>cg12452265</t>
  </si>
  <si>
    <t>cg12452849</t>
  </si>
  <si>
    <t>cg12457040</t>
  </si>
  <si>
    <t>cg12458179</t>
  </si>
  <si>
    <t>cg12463851</t>
  </si>
  <si>
    <t>cg12465154</t>
  </si>
  <si>
    <t>cg12477533</t>
  </si>
  <si>
    <t>cg12492094</t>
  </si>
  <si>
    <t>cg12495069</t>
  </si>
  <si>
    <t>cg12498522</t>
  </si>
  <si>
    <t>cg12500976</t>
  </si>
  <si>
    <t>cg12504882</t>
  </si>
  <si>
    <t>cg12505415</t>
  </si>
  <si>
    <t>cg12505694</t>
  </si>
  <si>
    <t>cg12508009</t>
  </si>
  <si>
    <t>cg12510286</t>
  </si>
  <si>
    <t>cg12518410</t>
  </si>
  <si>
    <t>cg12520549</t>
  </si>
  <si>
    <t>cg12528485</t>
  </si>
  <si>
    <t>cg12529457</t>
  </si>
  <si>
    <t>cg12535642</t>
  </si>
  <si>
    <t>cg12539128</t>
  </si>
  <si>
    <t>cg12545958</t>
  </si>
  <si>
    <t>cg12546562</t>
  </si>
  <si>
    <t>cg12565637</t>
  </si>
  <si>
    <t>cg12570942</t>
  </si>
  <si>
    <t>cg12571005</t>
  </si>
  <si>
    <t>cg12571629</t>
  </si>
  <si>
    <t>cg12573791</t>
  </si>
  <si>
    <t>cg12573849</t>
  </si>
  <si>
    <t>cg12596645</t>
  </si>
  <si>
    <t>cg12602409</t>
  </si>
  <si>
    <t>cg12606455</t>
  </si>
  <si>
    <t>cg12606911</t>
  </si>
  <si>
    <t>cg12614458</t>
  </si>
  <si>
    <t>cg12616745</t>
  </si>
  <si>
    <t>cg12616926</t>
  </si>
  <si>
    <t>cg12620942</t>
  </si>
  <si>
    <t>cg12621966</t>
  </si>
  <si>
    <t>cg12623918</t>
  </si>
  <si>
    <t>cg12625293</t>
  </si>
  <si>
    <t>cg12630082</t>
  </si>
  <si>
    <t>cg12634124</t>
  </si>
  <si>
    <t>cg12637786</t>
  </si>
  <si>
    <t>cg12638728</t>
  </si>
  <si>
    <t>cg12648201</t>
  </si>
  <si>
    <t>cg12653917</t>
  </si>
  <si>
    <t>cg12661648</t>
  </si>
  <si>
    <t>cg12672932</t>
  </si>
  <si>
    <t>cg12680106</t>
  </si>
  <si>
    <t>cg12684684</t>
  </si>
  <si>
    <t>cg12685731</t>
  </si>
  <si>
    <t>cg12691366</t>
  </si>
  <si>
    <t>cg12696259</t>
  </si>
  <si>
    <t>cg12726700</t>
  </si>
  <si>
    <t>cg12727654</t>
  </si>
  <si>
    <t>cg12734920</t>
  </si>
  <si>
    <t>cg12737876</t>
  </si>
  <si>
    <t>cg12746717</t>
  </si>
  <si>
    <t>cg12747301</t>
  </si>
  <si>
    <t>cg12748367</t>
  </si>
  <si>
    <t>cg12756150</t>
  </si>
  <si>
    <t>cg12756303</t>
  </si>
  <si>
    <t>cg12780678</t>
  </si>
  <si>
    <t>cg12784625</t>
  </si>
  <si>
    <t>cg12791010</t>
  </si>
  <si>
    <t>cg12791136</t>
  </si>
  <si>
    <t>cg12804441</t>
  </si>
  <si>
    <t>cg12804532</t>
  </si>
  <si>
    <t>cg12805593</t>
  </si>
  <si>
    <t>cg12807014</t>
  </si>
  <si>
    <t>cg12810212</t>
  </si>
  <si>
    <t>cg12810402</t>
  </si>
  <si>
    <t>cg12849291</t>
  </si>
  <si>
    <t>cg12850832</t>
  </si>
  <si>
    <t>cg12870876</t>
  </si>
  <si>
    <t>cg12885244</t>
  </si>
  <si>
    <t>cg12886580</t>
  </si>
  <si>
    <t>cg12903924</t>
  </si>
  <si>
    <t>cg12908608</t>
  </si>
  <si>
    <t>cg12909337</t>
  </si>
  <si>
    <t>cg12912690</t>
  </si>
  <si>
    <t>cg12915585</t>
  </si>
  <si>
    <t>cg12915892</t>
  </si>
  <si>
    <t>cg12923271</t>
  </si>
  <si>
    <t>cg12928264</t>
  </si>
  <si>
    <t>cg12928619</t>
  </si>
  <si>
    <t>cg12928622</t>
  </si>
  <si>
    <t>cg12930553</t>
  </si>
  <si>
    <t>cg12931682</t>
  </si>
  <si>
    <t>cg12941622</t>
  </si>
  <si>
    <t>cg12943539</t>
  </si>
  <si>
    <t>cg12944197</t>
  </si>
  <si>
    <t>cg12948796</t>
  </si>
  <si>
    <t>cg12968172</t>
  </si>
  <si>
    <t>cg12972447</t>
  </si>
  <si>
    <t>cg12988725</t>
  </si>
  <si>
    <t>cg12990844</t>
  </si>
  <si>
    <t>cg12991125</t>
  </si>
  <si>
    <t>cg13006424</t>
  </si>
  <si>
    <t>cg13008631</t>
  </si>
  <si>
    <t>cg13009927</t>
  </si>
  <si>
    <t>cg13010502</t>
  </si>
  <si>
    <t>cg13024709</t>
  </si>
  <si>
    <t>cg13025668</t>
  </si>
  <si>
    <t>cg13030132</t>
  </si>
  <si>
    <t>cg13041975</t>
  </si>
  <si>
    <t>cg13045540</t>
  </si>
  <si>
    <t>cg13046164</t>
  </si>
  <si>
    <t>cg13057368</t>
  </si>
  <si>
    <t>cg13060970</t>
  </si>
  <si>
    <t>cg13065834</t>
  </si>
  <si>
    <t>cg13086402</t>
  </si>
  <si>
    <t>cg13089137</t>
  </si>
  <si>
    <t>cg13094219</t>
  </si>
  <si>
    <t>cg13094511</t>
  </si>
  <si>
    <t>cg13101087</t>
  </si>
  <si>
    <t>cg13131061</t>
  </si>
  <si>
    <t>cg13134763</t>
  </si>
  <si>
    <t>cg13136716</t>
  </si>
  <si>
    <t>cg13137176</t>
  </si>
  <si>
    <t>cg13137476</t>
  </si>
  <si>
    <t>cg13138089</t>
  </si>
  <si>
    <t>cg13138389</t>
  </si>
  <si>
    <t>cg13172254</t>
  </si>
  <si>
    <t>cg13174651</t>
  </si>
  <si>
    <t>cg13180038</t>
  </si>
  <si>
    <t>cg13193840</t>
  </si>
  <si>
    <t>cg13198342</t>
  </si>
  <si>
    <t>cg13204432</t>
  </si>
  <si>
    <t>cg13215869</t>
  </si>
  <si>
    <t>cg13217451</t>
  </si>
  <si>
    <t>cg13220111</t>
  </si>
  <si>
    <t>cg13220917</t>
  </si>
  <si>
    <t>cg13229453</t>
  </si>
  <si>
    <t>cg13231384</t>
  </si>
  <si>
    <t>cg13231954</t>
  </si>
  <si>
    <t>cg13254588</t>
  </si>
  <si>
    <t>cg13256513</t>
  </si>
  <si>
    <t>cg13259296</t>
  </si>
  <si>
    <t>cg13259821</t>
  </si>
  <si>
    <t>cg13261971</t>
  </si>
  <si>
    <t>cg13270464</t>
  </si>
  <si>
    <t>cg13274077</t>
  </si>
  <si>
    <t>cg13274936</t>
  </si>
  <si>
    <t>cg13275176</t>
  </si>
  <si>
    <t>cg13276755</t>
  </si>
  <si>
    <t>cg13277451</t>
  </si>
  <si>
    <t>cg13278353</t>
  </si>
  <si>
    <t>cg13287519</t>
  </si>
  <si>
    <t>cg13293756</t>
  </si>
  <si>
    <t>cg13303737</t>
  </si>
  <si>
    <t>cg13316077</t>
  </si>
  <si>
    <t>cg13316171</t>
  </si>
  <si>
    <t>cg13316854</t>
  </si>
  <si>
    <t>cg13320002</t>
  </si>
  <si>
    <t>cg13321077</t>
  </si>
  <si>
    <t>cg13332925</t>
  </si>
  <si>
    <t>cg13339112</t>
  </si>
  <si>
    <t>cg13344237</t>
  </si>
  <si>
    <t>cg13356253</t>
  </si>
  <si>
    <t>cg13356896</t>
  </si>
  <si>
    <t>cg13358636</t>
  </si>
  <si>
    <t>cg13359749</t>
  </si>
  <si>
    <t>cg13362112</t>
  </si>
  <si>
    <t>cg13362540</t>
  </si>
  <si>
    <t>cg13365284</t>
  </si>
  <si>
    <t>cg13365641</t>
  </si>
  <si>
    <t>cg13369206</t>
  </si>
  <si>
    <t>cg13374688</t>
  </si>
  <si>
    <t>cg13375352</t>
  </si>
  <si>
    <t>cg13379731</t>
  </si>
  <si>
    <t>cg13393505</t>
  </si>
  <si>
    <t>cg13394305</t>
  </si>
  <si>
    <t>cg13400203</t>
  </si>
  <si>
    <t>cg13400209</t>
  </si>
  <si>
    <t>cg13401339</t>
  </si>
  <si>
    <t>cg13405293</t>
  </si>
  <si>
    <t>cg13406896</t>
  </si>
  <si>
    <t>cg13407169</t>
  </si>
  <si>
    <t>cg13413387</t>
  </si>
  <si>
    <t>cg13415320</t>
  </si>
  <si>
    <t>cg13422093</t>
  </si>
  <si>
    <t>cg13422881</t>
  </si>
  <si>
    <t>cg13429308</t>
  </si>
  <si>
    <t>cg13435649</t>
  </si>
  <si>
    <t>cg13437084</t>
  </si>
  <si>
    <t>cg13437337</t>
  </si>
  <si>
    <t>cg13443122</t>
  </si>
  <si>
    <t>cg13448968</t>
  </si>
  <si>
    <t>cg13451280</t>
  </si>
  <si>
    <t>cg13452400</t>
  </si>
  <si>
    <t>cg13454331</t>
  </si>
  <si>
    <t>cg13460980</t>
  </si>
  <si>
    <t>cg13461950</t>
  </si>
  <si>
    <t>cg13465838</t>
  </si>
  <si>
    <t>cg13467765</t>
  </si>
  <si>
    <t>cg13471114</t>
  </si>
  <si>
    <t>cg13484946</t>
  </si>
  <si>
    <t>cg13492070</t>
  </si>
  <si>
    <t>cg13499966</t>
  </si>
  <si>
    <t>cg13502474</t>
  </si>
  <si>
    <t>cg13504055</t>
  </si>
  <si>
    <t>cg13524161</t>
  </si>
  <si>
    <t>cg13527387</t>
  </si>
  <si>
    <t>cg13528561</t>
  </si>
  <si>
    <t>cg13530938</t>
  </si>
  <si>
    <t>cg13539030</t>
  </si>
  <si>
    <t>cg13546935</t>
  </si>
  <si>
    <t>cg13547577</t>
  </si>
  <si>
    <t>cg13552710</t>
  </si>
  <si>
    <t>cg13575058</t>
  </si>
  <si>
    <t>cg13579957</t>
  </si>
  <si>
    <t>cg13582873</t>
  </si>
  <si>
    <t>cg13584678</t>
  </si>
  <si>
    <t>cg13585492</t>
  </si>
  <si>
    <t>cg13597316</t>
  </si>
  <si>
    <t>cg13604246</t>
  </si>
  <si>
    <t>cg13610769</t>
  </si>
  <si>
    <t>cg13612409</t>
  </si>
  <si>
    <t>cg13650504</t>
  </si>
  <si>
    <t>cg13656404</t>
  </si>
  <si>
    <t>cg13657944</t>
  </si>
  <si>
    <t>cg13658921</t>
  </si>
  <si>
    <t>cg13661480</t>
  </si>
  <si>
    <t>cg13663190</t>
  </si>
  <si>
    <t>cg13664964</t>
  </si>
  <si>
    <t>cg13686059</t>
  </si>
  <si>
    <t>cg13686615</t>
  </si>
  <si>
    <t>cg13687935</t>
  </si>
  <si>
    <t>cg13700939</t>
  </si>
  <si>
    <t>cg13703087</t>
  </si>
  <si>
    <t>cg13703721</t>
  </si>
  <si>
    <t>cg13742400</t>
  </si>
  <si>
    <t>cg13749477</t>
  </si>
  <si>
    <t>cg13749494</t>
  </si>
  <si>
    <t>cg13755512</t>
  </si>
  <si>
    <t>cg13755546</t>
  </si>
  <si>
    <t>cg13759905</t>
  </si>
  <si>
    <t>cg13767494</t>
  </si>
  <si>
    <t>cg13773247</t>
  </si>
  <si>
    <t>cg13776499</t>
  </si>
  <si>
    <t>cg13781389</t>
  </si>
  <si>
    <t>cg13788387</t>
  </si>
  <si>
    <t>cg13788515</t>
  </si>
  <si>
    <t>cg13790427</t>
  </si>
  <si>
    <t>cg13793510</t>
  </si>
  <si>
    <t>cg13793747</t>
  </si>
  <si>
    <t>cg13795465</t>
  </si>
  <si>
    <t>cg13796796</t>
  </si>
  <si>
    <t>cg13803071</t>
  </si>
  <si>
    <t>cg13807970</t>
  </si>
  <si>
    <t>cg13814593</t>
  </si>
  <si>
    <t>cg13823205</t>
  </si>
  <si>
    <t>cg13826618</t>
  </si>
  <si>
    <t>cg13828701</t>
  </si>
  <si>
    <t>cg13831106</t>
  </si>
  <si>
    <t>cg13831124</t>
  </si>
  <si>
    <t>cg13833596</t>
  </si>
  <si>
    <t>cg13835894</t>
  </si>
  <si>
    <t>cg13845951</t>
  </si>
  <si>
    <t>cg13854399</t>
  </si>
  <si>
    <t>cg13854983</t>
  </si>
  <si>
    <t>cg13858407</t>
  </si>
  <si>
    <t>cg13858900</t>
  </si>
  <si>
    <t>cg13859833</t>
  </si>
  <si>
    <t>cg13872005</t>
  </si>
  <si>
    <t>cg13875120</t>
  </si>
  <si>
    <t>cg13878775</t>
  </si>
  <si>
    <t>cg13882712</t>
  </si>
  <si>
    <t>cg13885205</t>
  </si>
  <si>
    <t>cg13886554</t>
  </si>
  <si>
    <t>cg13887004</t>
  </si>
  <si>
    <t>cg13888838</t>
  </si>
  <si>
    <t>cg13889422</t>
  </si>
  <si>
    <t>cg13890435</t>
  </si>
  <si>
    <t>cg13895867</t>
  </si>
  <si>
    <t>cg13896783</t>
  </si>
  <si>
    <t>cg13898875</t>
  </si>
  <si>
    <t>cg13899678</t>
  </si>
  <si>
    <t>cg13906811</t>
  </si>
  <si>
    <t>cg13907363</t>
  </si>
  <si>
    <t>cg13911252</t>
  </si>
  <si>
    <t>cg13913015</t>
  </si>
  <si>
    <t>cg13914708</t>
  </si>
  <si>
    <t>cg13915464</t>
  </si>
  <si>
    <t>cg13921956</t>
  </si>
  <si>
    <t>cg13922858</t>
  </si>
  <si>
    <t>cg13924432</t>
  </si>
  <si>
    <t>cg13925683</t>
  </si>
  <si>
    <t>cg13946520</t>
  </si>
  <si>
    <t>cg13951042</t>
  </si>
  <si>
    <t>cg13952656</t>
  </si>
  <si>
    <t>cg13954965</t>
  </si>
  <si>
    <t>cg13955747</t>
  </si>
  <si>
    <t>cg13972676</t>
  </si>
  <si>
    <t>cg14001360</t>
  </si>
  <si>
    <t>cg14001664</t>
  </si>
  <si>
    <t>cg14002682</t>
  </si>
  <si>
    <t>cg14014796</t>
  </si>
  <si>
    <t>cg14014890</t>
  </si>
  <si>
    <t>cg14018412</t>
  </si>
  <si>
    <t>cg14020129</t>
  </si>
  <si>
    <t>cg14035550</t>
  </si>
  <si>
    <t>cg14036868</t>
  </si>
  <si>
    <t>cg14042190</t>
  </si>
  <si>
    <t>cg14051666</t>
  </si>
  <si>
    <t>cg14052728</t>
  </si>
  <si>
    <t>cg14053272</t>
  </si>
  <si>
    <t>cg14058584</t>
  </si>
  <si>
    <t>cg14062745</t>
  </si>
  <si>
    <t>cg14064229</t>
  </si>
  <si>
    <t>cg14067052</t>
  </si>
  <si>
    <t>cg14074830</t>
  </si>
  <si>
    <t>cg14075211</t>
  </si>
  <si>
    <t>cg14086659</t>
  </si>
  <si>
    <t>cg14093101</t>
  </si>
  <si>
    <t>cg14102128</t>
  </si>
  <si>
    <t>cg14102272</t>
  </si>
  <si>
    <t>cg14108789</t>
  </si>
  <si>
    <t>cg14116139</t>
  </si>
  <si>
    <t>cg14120224</t>
  </si>
  <si>
    <t>cg14126091</t>
  </si>
  <si>
    <t>cg14126210</t>
  </si>
  <si>
    <t>cg14142256</t>
  </si>
  <si>
    <t>cg14153319</t>
  </si>
  <si>
    <t>cg14153876</t>
  </si>
  <si>
    <t>cg14157019</t>
  </si>
  <si>
    <t>cg14157435</t>
  </si>
  <si>
    <t>cg14157930</t>
  </si>
  <si>
    <t>cg14161995</t>
  </si>
  <si>
    <t>cg14162912</t>
  </si>
  <si>
    <t>cg14163061</t>
  </si>
  <si>
    <t>cg14163665</t>
  </si>
  <si>
    <t>cg14163802</t>
  </si>
  <si>
    <t>cg14165096</t>
  </si>
  <si>
    <t>cg14168530</t>
  </si>
  <si>
    <t>cg14169308</t>
  </si>
  <si>
    <t>cg14172532</t>
  </si>
  <si>
    <t>cg14174215</t>
  </si>
  <si>
    <t>cg14174901</t>
  </si>
  <si>
    <t>cg14176132</t>
  </si>
  <si>
    <t>cg14181982</t>
  </si>
  <si>
    <t>cg14187712</t>
  </si>
  <si>
    <t>cg14190740</t>
  </si>
  <si>
    <t>cg14192401</t>
  </si>
  <si>
    <t>cg14196395</t>
  </si>
  <si>
    <t>cg14204395</t>
  </si>
  <si>
    <t>cg14209299</t>
  </si>
  <si>
    <t>cg14211415</t>
  </si>
  <si>
    <t>cg14212801</t>
  </si>
  <si>
    <t>cg14213517</t>
  </si>
  <si>
    <t>cg14214239</t>
  </si>
  <si>
    <t>cg14226755</t>
  </si>
  <si>
    <t>cg14228484</t>
  </si>
  <si>
    <t>cg14229362</t>
  </si>
  <si>
    <t>cg14232643</t>
  </si>
  <si>
    <t>cg14237317</t>
  </si>
  <si>
    <t>cg14238478</t>
  </si>
  <si>
    <t>cg14238622</t>
  </si>
  <si>
    <t>cg14240768</t>
  </si>
  <si>
    <t>cg14242246</t>
  </si>
  <si>
    <t>cg14242532</t>
  </si>
  <si>
    <t>cg14245471</t>
  </si>
  <si>
    <t>cg14247008</t>
  </si>
  <si>
    <t>cg14255238</t>
  </si>
  <si>
    <t>cg14255256</t>
  </si>
  <si>
    <t>cg14256587</t>
  </si>
  <si>
    <t>cg14265180</t>
  </si>
  <si>
    <t>cg14265823</t>
  </si>
  <si>
    <t>cg14266287</t>
  </si>
  <si>
    <t>cg14268019</t>
  </si>
  <si>
    <t>cg14273450</t>
  </si>
  <si>
    <t>cg14273620</t>
  </si>
  <si>
    <t>cg14276772</t>
  </si>
  <si>
    <t>cg14281087</t>
  </si>
  <si>
    <t>cg14282180</t>
  </si>
  <si>
    <t>cg14282440</t>
  </si>
  <si>
    <t>cg14286665</t>
  </si>
  <si>
    <t>cg14299477</t>
  </si>
  <si>
    <t>cg14301932</t>
  </si>
  <si>
    <t>cg14310768</t>
  </si>
  <si>
    <t>cg14330027</t>
  </si>
  <si>
    <t>cg14331404</t>
  </si>
  <si>
    <t>cg14339007</t>
  </si>
  <si>
    <t>cg14345026</t>
  </si>
  <si>
    <t>cg14348439</t>
  </si>
  <si>
    <t>cg14350088</t>
  </si>
  <si>
    <t>cg14352442</t>
  </si>
  <si>
    <t>cg14358282</t>
  </si>
  <si>
    <t>cg14371524</t>
  </si>
  <si>
    <t>cg14373499</t>
  </si>
  <si>
    <t>cg14376110</t>
  </si>
  <si>
    <t>cg14385008</t>
  </si>
  <si>
    <t>cg14386946</t>
  </si>
  <si>
    <t>cg14387532</t>
  </si>
  <si>
    <t>cg14392163</t>
  </si>
  <si>
    <t>cg14392392</t>
  </si>
  <si>
    <t>cg14396008</t>
  </si>
  <si>
    <t>cg14396381</t>
  </si>
  <si>
    <t>cg14399369</t>
  </si>
  <si>
    <t>cg14400079</t>
  </si>
  <si>
    <t>cg14400541</t>
  </si>
  <si>
    <t>cg14410016</t>
  </si>
  <si>
    <t>cg14414865</t>
  </si>
  <si>
    <t>cg14417784</t>
  </si>
  <si>
    <t>cg14421218</t>
  </si>
  <si>
    <t>cg14428027</t>
  </si>
  <si>
    <t>cg14435092</t>
  </si>
  <si>
    <t>cg14441603</t>
  </si>
  <si>
    <t>cg14443396</t>
  </si>
  <si>
    <t>cg14446129</t>
  </si>
  <si>
    <t>cg14447606</t>
  </si>
  <si>
    <t>cg14452650</t>
  </si>
  <si>
    <t>cg14453187</t>
  </si>
  <si>
    <t>cg14454397</t>
  </si>
  <si>
    <t>cg14454796</t>
  </si>
  <si>
    <t>cg14455465</t>
  </si>
  <si>
    <t>cg14455516</t>
  </si>
  <si>
    <t>cg14461570</t>
  </si>
  <si>
    <t>cg14461974</t>
  </si>
  <si>
    <t>cg14462928</t>
  </si>
  <si>
    <t>cg14463748</t>
  </si>
  <si>
    <t>cg14464361</t>
  </si>
  <si>
    <t>cg14473050</t>
  </si>
  <si>
    <t>cg14473102</t>
  </si>
  <si>
    <t>cg14478895</t>
  </si>
  <si>
    <t>cg14481208</t>
  </si>
  <si>
    <t>cg14481911</t>
  </si>
  <si>
    <t>cg14487680</t>
  </si>
  <si>
    <t>cg14499933</t>
  </si>
  <si>
    <t>cg14504603</t>
  </si>
  <si>
    <t>cg14507002</t>
  </si>
  <si>
    <t>cg14507868</t>
  </si>
  <si>
    <t>cg14510371</t>
  </si>
  <si>
    <t>cg14510926</t>
  </si>
  <si>
    <t>cg14512004</t>
  </si>
  <si>
    <t>cg14526718</t>
  </si>
  <si>
    <t>cg14530444</t>
  </si>
  <si>
    <t>cg14534987</t>
  </si>
  <si>
    <t>cg14535068</t>
  </si>
  <si>
    <t>cg14535717</t>
  </si>
  <si>
    <t>cg14535980</t>
  </si>
  <si>
    <t>cg14552895</t>
  </si>
  <si>
    <t>cg14556303</t>
  </si>
  <si>
    <t>cg14556728</t>
  </si>
  <si>
    <t>cg14575687</t>
  </si>
  <si>
    <t>cg14578866</t>
  </si>
  <si>
    <t>cg14580502</t>
  </si>
  <si>
    <t>cg14580848</t>
  </si>
  <si>
    <t>cg14584865</t>
  </si>
  <si>
    <t>cg14595315</t>
  </si>
  <si>
    <t>cg14596623</t>
  </si>
  <si>
    <t>cg14598373</t>
  </si>
  <si>
    <t>cg14613271</t>
  </si>
  <si>
    <t>cg14615927</t>
  </si>
  <si>
    <t>cg14636113</t>
  </si>
  <si>
    <t>cg14649507</t>
  </si>
  <si>
    <t>cg14652717</t>
  </si>
  <si>
    <t>cg14659346</t>
  </si>
  <si>
    <t>cg14659771</t>
  </si>
  <si>
    <t>cg14661464</t>
  </si>
  <si>
    <t>cg14664764</t>
  </si>
  <si>
    <t>cg14664879</t>
  </si>
  <si>
    <t>cg14673618</t>
  </si>
  <si>
    <t>cg14686798</t>
  </si>
  <si>
    <t>cg14688113</t>
  </si>
  <si>
    <t>cg14688579</t>
  </si>
  <si>
    <t>cg14700304</t>
  </si>
  <si>
    <t>cg14700679</t>
  </si>
  <si>
    <t>cg14706297</t>
  </si>
  <si>
    <t>cg14706579</t>
  </si>
  <si>
    <t>cg14712313</t>
  </si>
  <si>
    <t>cg14715696</t>
  </si>
  <si>
    <t>cg14715961</t>
  </si>
  <si>
    <t>cg14731653</t>
  </si>
  <si>
    <t>cg14737905</t>
  </si>
  <si>
    <t>cg14743593</t>
  </si>
  <si>
    <t>cg14752429</t>
  </si>
  <si>
    <t>cg14756640</t>
  </si>
  <si>
    <t>cg14768335</t>
  </si>
  <si>
    <t>cg14770633</t>
  </si>
  <si>
    <t>cg14771954</t>
  </si>
  <si>
    <t>cg14775296</t>
  </si>
  <si>
    <t>cg14776093</t>
  </si>
  <si>
    <t>cg14780466</t>
  </si>
  <si>
    <t>cg14782266</t>
  </si>
  <si>
    <t>cg14784608</t>
  </si>
  <si>
    <t>cg14790686</t>
  </si>
  <si>
    <t>cg14793137</t>
  </si>
  <si>
    <t>cg14796127</t>
  </si>
  <si>
    <t>cg14798656</t>
  </si>
  <si>
    <t>cg14803306</t>
  </si>
  <si>
    <t>cg14819504</t>
  </si>
  <si>
    <t>cg14820497</t>
  </si>
  <si>
    <t>cg14823287</t>
  </si>
  <si>
    <t>cg14824579</t>
  </si>
  <si>
    <t>cg14827198</t>
  </si>
  <si>
    <t>cg14839087</t>
  </si>
  <si>
    <t>cg14840351</t>
  </si>
  <si>
    <t>cg14848284</t>
  </si>
  <si>
    <t>cg14870673</t>
  </si>
  <si>
    <t>cg14877896</t>
  </si>
  <si>
    <t>cg14878988</t>
  </si>
  <si>
    <t>cg14880228</t>
  </si>
  <si>
    <t>cg14882311</t>
  </si>
  <si>
    <t>cg14882966</t>
  </si>
  <si>
    <t>cg14894961</t>
  </si>
  <si>
    <t>cg14899357</t>
  </si>
  <si>
    <t>cg14900246</t>
  </si>
  <si>
    <t>cg14903832</t>
  </si>
  <si>
    <t>cg14909930</t>
  </si>
  <si>
    <t>cg14910495</t>
  </si>
  <si>
    <t>cg14912350</t>
  </si>
  <si>
    <t>cg14917329</t>
  </si>
  <si>
    <t>cg14923640</t>
  </si>
  <si>
    <t>cg14924176</t>
  </si>
  <si>
    <t>cg14926149</t>
  </si>
  <si>
    <t>cg14927745</t>
  </si>
  <si>
    <t>cg14931631</t>
  </si>
  <si>
    <t>cg14933899</t>
  </si>
  <si>
    <t>cg14934766</t>
  </si>
  <si>
    <t>cg14940308</t>
  </si>
  <si>
    <t>cg14941291</t>
  </si>
  <si>
    <t>cg14947263</t>
  </si>
  <si>
    <t>cg14949065</t>
  </si>
  <si>
    <t>cg14953536</t>
  </si>
  <si>
    <t>cg14957547</t>
  </si>
  <si>
    <t>cg14958951</t>
  </si>
  <si>
    <t>cg14965722</t>
  </si>
  <si>
    <t>cg14965979</t>
  </si>
  <si>
    <t>cg14971810</t>
  </si>
  <si>
    <t>cg14972967</t>
  </si>
  <si>
    <t>cg14973383</t>
  </si>
  <si>
    <t>cg14982575</t>
  </si>
  <si>
    <t>cg14984341</t>
  </si>
  <si>
    <t>cg14984664</t>
  </si>
  <si>
    <t>cg14986699</t>
  </si>
  <si>
    <t>cg14994919</t>
  </si>
  <si>
    <t>cg14997226</t>
  </si>
  <si>
    <t>cg14998457</t>
  </si>
  <si>
    <t>cg14998582</t>
  </si>
  <si>
    <t>cg15019790</t>
  </si>
  <si>
    <t>cg15024566</t>
  </si>
  <si>
    <t>cg15033181</t>
  </si>
  <si>
    <t>cg15039510</t>
  </si>
  <si>
    <t>cg15040075</t>
  </si>
  <si>
    <t>cg15048802</t>
  </si>
  <si>
    <t>cg15054725</t>
  </si>
  <si>
    <t>cg15054838</t>
  </si>
  <si>
    <t>cg15068487</t>
  </si>
  <si>
    <t>cg15074329</t>
  </si>
  <si>
    <t>cg15077087</t>
  </si>
  <si>
    <t>cg15100426</t>
  </si>
  <si>
    <t>cg15100535</t>
  </si>
  <si>
    <t>cg15105969</t>
  </si>
  <si>
    <t>cg15107349</t>
  </si>
  <si>
    <t>cg15113090</t>
  </si>
  <si>
    <t>cg15115604</t>
  </si>
  <si>
    <t>cg15120754</t>
  </si>
  <si>
    <t>cg15123692</t>
  </si>
  <si>
    <t>cg15124878</t>
  </si>
  <si>
    <t>cg15126544</t>
  </si>
  <si>
    <t>cg15126975</t>
  </si>
  <si>
    <t>cg15133301</t>
  </si>
  <si>
    <t>cg15133824</t>
  </si>
  <si>
    <t>cg15133963</t>
  </si>
  <si>
    <t>cg15136597</t>
  </si>
  <si>
    <t>cg15136797</t>
  </si>
  <si>
    <t>cg15138109</t>
  </si>
  <si>
    <t>cg15138883</t>
  </si>
  <si>
    <t>cg15140250</t>
  </si>
  <si>
    <t>cg15144153</t>
  </si>
  <si>
    <t>cg15146906</t>
  </si>
  <si>
    <t>cg15149655</t>
  </si>
  <si>
    <t>cg15153118</t>
  </si>
  <si>
    <t>cg15157837</t>
  </si>
  <si>
    <t>cg15160709</t>
  </si>
  <si>
    <t>cg15160780</t>
  </si>
  <si>
    <t>cg15160873</t>
  </si>
  <si>
    <t>cg15165122</t>
  </si>
  <si>
    <t>cg15237819</t>
  </si>
  <si>
    <t>cg15246232</t>
  </si>
  <si>
    <t>cg15260721</t>
  </si>
  <si>
    <t>cg15262728</t>
  </si>
  <si>
    <t>cg15305070</t>
  </si>
  <si>
    <t>cg15306595</t>
  </si>
  <si>
    <t>cg15311822</t>
  </si>
  <si>
    <t>cg15313226</t>
  </si>
  <si>
    <t>cg15313459</t>
  </si>
  <si>
    <t>cg15315096</t>
  </si>
  <si>
    <t>cg15315312</t>
  </si>
  <si>
    <t>cg15316583</t>
  </si>
  <si>
    <t>cg15318814</t>
  </si>
  <si>
    <t>cg15319457</t>
  </si>
  <si>
    <t>cg15325732</t>
  </si>
  <si>
    <t>cg15326320</t>
  </si>
  <si>
    <t>cg15326452</t>
  </si>
  <si>
    <t>cg15341833</t>
  </si>
  <si>
    <t>cg15345369</t>
  </si>
  <si>
    <t>cg15346191</t>
  </si>
  <si>
    <t>cg15352431</t>
  </si>
  <si>
    <t>cg15353444</t>
  </si>
  <si>
    <t>cg15356320</t>
  </si>
  <si>
    <t>cg15356885</t>
  </si>
  <si>
    <t>cg15362194</t>
  </si>
  <si>
    <t>cg15365028</t>
  </si>
  <si>
    <t>cg15369419</t>
  </si>
  <si>
    <t>cg15369608</t>
  </si>
  <si>
    <t>cg15375772</t>
  </si>
  <si>
    <t>cg15379170</t>
  </si>
  <si>
    <t>cg15383354</t>
  </si>
  <si>
    <t>cg15392489</t>
  </si>
  <si>
    <t>cg15399923</t>
  </si>
  <si>
    <t>cg15400200</t>
  </si>
  <si>
    <t>cg15400238</t>
  </si>
  <si>
    <t>cg15402210</t>
  </si>
  <si>
    <t>cg15423357</t>
  </si>
  <si>
    <t>cg15444281</t>
  </si>
  <si>
    <t>cg15445478</t>
  </si>
  <si>
    <t>cg15458585</t>
  </si>
  <si>
    <t>cg15459695</t>
  </si>
  <si>
    <t>cg15471177</t>
  </si>
  <si>
    <t>cg15478157</t>
  </si>
  <si>
    <t>cg15478817</t>
  </si>
  <si>
    <t>cg15490781</t>
  </si>
  <si>
    <t>cg15529621</t>
  </si>
  <si>
    <t>cg15543284</t>
  </si>
  <si>
    <t>cg15543754</t>
  </si>
  <si>
    <t>cg15546232</t>
  </si>
  <si>
    <t>cg15548588</t>
  </si>
  <si>
    <t>cg15550100</t>
  </si>
  <si>
    <t>cg15551687</t>
  </si>
  <si>
    <t>cg15552158</t>
  </si>
  <si>
    <t>cg15559560</t>
  </si>
  <si>
    <t>cg15561235</t>
  </si>
  <si>
    <t>cg15561583</t>
  </si>
  <si>
    <t>cg15573925</t>
  </si>
  <si>
    <t>cg15575017</t>
  </si>
  <si>
    <t>cg15578837</t>
  </si>
  <si>
    <t>cg15579587</t>
  </si>
  <si>
    <t>cg15605030</t>
  </si>
  <si>
    <t>cg15608397</t>
  </si>
  <si>
    <t>cg15609016</t>
  </si>
  <si>
    <t>cg15609237</t>
  </si>
  <si>
    <t>cg15611936</t>
  </si>
  <si>
    <t>cg15612053</t>
  </si>
  <si>
    <t>cg15614119</t>
  </si>
  <si>
    <t>cg15617548</t>
  </si>
  <si>
    <t>cg15617847</t>
  </si>
  <si>
    <t>cg15634877</t>
  </si>
  <si>
    <t>cg15650509</t>
  </si>
  <si>
    <t>cg15660630</t>
  </si>
  <si>
    <t>cg15664967</t>
  </si>
  <si>
    <t>cg15673240</t>
  </si>
  <si>
    <t>cg15674193</t>
  </si>
  <si>
    <t>cg15680624</t>
  </si>
  <si>
    <t>cg15680720</t>
  </si>
  <si>
    <t>cg15696821</t>
  </si>
  <si>
    <t>cg15700022</t>
  </si>
  <si>
    <t>cg15702677</t>
  </si>
  <si>
    <t>cg15703221</t>
  </si>
  <si>
    <t>cg15711772</t>
  </si>
  <si>
    <t>cg15714776</t>
  </si>
  <si>
    <t>cg15717656</t>
  </si>
  <si>
    <t>cg15720975</t>
  </si>
  <si>
    <t>cg15726768</t>
  </si>
  <si>
    <t>cg15732840</t>
  </si>
  <si>
    <t>cg15742519</t>
  </si>
  <si>
    <t>cg15746851</t>
  </si>
  <si>
    <t>cg15749141</t>
  </si>
  <si>
    <t>cg15750303</t>
  </si>
  <si>
    <t>cg15750963</t>
  </si>
  <si>
    <t>cg15765724</t>
  </si>
  <si>
    <t>cg15765885</t>
  </si>
  <si>
    <t>cg15766591</t>
  </si>
  <si>
    <t>cg15769486</t>
  </si>
  <si>
    <t>cg15770238</t>
  </si>
  <si>
    <t>cg15775218</t>
  </si>
  <si>
    <t>cg15781375</t>
  </si>
  <si>
    <t>cg15794798</t>
  </si>
  <si>
    <t>cg15796818</t>
  </si>
  <si>
    <t>cg15796911</t>
  </si>
  <si>
    <t>cg15797608</t>
  </si>
  <si>
    <t>cg15809077</t>
  </si>
  <si>
    <t>cg15809352</t>
  </si>
  <si>
    <t>cg15811753</t>
  </si>
  <si>
    <t>cg15812753</t>
  </si>
  <si>
    <t>cg15815767</t>
  </si>
  <si>
    <t>cg15820868</t>
  </si>
  <si>
    <t>cg15822934</t>
  </si>
  <si>
    <t>cg15825116</t>
  </si>
  <si>
    <t>cg15827486</t>
  </si>
  <si>
    <t>cg15827554</t>
  </si>
  <si>
    <t>cg15831060</t>
  </si>
  <si>
    <t>cg15841944</t>
  </si>
  <si>
    <t>cg15843262</t>
  </si>
  <si>
    <t>cg15844365</t>
  </si>
  <si>
    <t>cg15845998</t>
  </si>
  <si>
    <t>cg15863547</t>
  </si>
  <si>
    <t>cg15864074</t>
  </si>
  <si>
    <t>cg15864834</t>
  </si>
  <si>
    <t>cg15865892</t>
  </si>
  <si>
    <t>cg15889012</t>
  </si>
  <si>
    <t>cg15893070</t>
  </si>
  <si>
    <t>cg15899474</t>
  </si>
  <si>
    <t>cg15909393</t>
  </si>
  <si>
    <t>cg15910994</t>
  </si>
  <si>
    <t>cg15911239</t>
  </si>
  <si>
    <t>cg15913725</t>
  </si>
  <si>
    <t>cg15920655</t>
  </si>
  <si>
    <t>cg15921099</t>
  </si>
  <si>
    <t>cg15929228</t>
  </si>
  <si>
    <t>cg15934100</t>
  </si>
  <si>
    <t>cg15956738</t>
  </si>
  <si>
    <t>cg15961842</t>
  </si>
  <si>
    <t>cg15975865</t>
  </si>
  <si>
    <t>cg15975990</t>
  </si>
  <si>
    <t>cg15979473</t>
  </si>
  <si>
    <t>cg15981851</t>
  </si>
  <si>
    <t>cg15985563</t>
  </si>
  <si>
    <t>cg15989294</t>
  </si>
  <si>
    <t>cg15992843</t>
  </si>
  <si>
    <t>cg15994182</t>
  </si>
  <si>
    <t>cg15996183</t>
  </si>
  <si>
    <t>cg15996397</t>
  </si>
  <si>
    <t>cg15996499</t>
  </si>
  <si>
    <t>cg16002818</t>
  </si>
  <si>
    <t>cg16023545</t>
  </si>
  <si>
    <t>cg16058765</t>
  </si>
  <si>
    <t>cg16060486</t>
  </si>
  <si>
    <t>cg16063519</t>
  </si>
  <si>
    <t>cg16066505</t>
  </si>
  <si>
    <t>cg16079865</t>
  </si>
  <si>
    <t>cg16088692</t>
  </si>
  <si>
    <t>cg16095795</t>
  </si>
  <si>
    <t>cg16096096</t>
  </si>
  <si>
    <t>cg16098064</t>
  </si>
  <si>
    <t>cg16098874</t>
  </si>
  <si>
    <t>cg16098923</t>
  </si>
  <si>
    <t>cg16101252</t>
  </si>
  <si>
    <t>cg16115841</t>
  </si>
  <si>
    <t>cg16116632</t>
  </si>
  <si>
    <t>cg16117910</t>
  </si>
  <si>
    <t>cg16118212</t>
  </si>
  <si>
    <t>cg16119667</t>
  </si>
  <si>
    <t>cg16133638</t>
  </si>
  <si>
    <t>cg16145428</t>
  </si>
  <si>
    <t>cg16149238</t>
  </si>
  <si>
    <t>cg16151651</t>
  </si>
  <si>
    <t>cg16154511</t>
  </si>
  <si>
    <t>cg16155858</t>
  </si>
  <si>
    <t>cg16157435</t>
  </si>
  <si>
    <t>cg16157530</t>
  </si>
  <si>
    <t>cg16166796</t>
  </si>
  <si>
    <t>cg16171838</t>
  </si>
  <si>
    <t>cg16175418</t>
  </si>
  <si>
    <t>cg16176188</t>
  </si>
  <si>
    <t>cg16178603</t>
  </si>
  <si>
    <t>cg16179507</t>
  </si>
  <si>
    <t>cg16181190</t>
  </si>
  <si>
    <t>cg16198417</t>
  </si>
  <si>
    <t>cg16200531</t>
  </si>
  <si>
    <t>cg16202803</t>
  </si>
  <si>
    <t>cg16203330</t>
  </si>
  <si>
    <t>cg16212114</t>
  </si>
  <si>
    <t>cg16215362</t>
  </si>
  <si>
    <t>cg16218721</t>
  </si>
  <si>
    <t>cg16227131</t>
  </si>
  <si>
    <t>cg16227748</t>
  </si>
  <si>
    <t>cg16232126</t>
  </si>
  <si>
    <t>cg16234907</t>
  </si>
  <si>
    <t>cg16235062</t>
  </si>
  <si>
    <t>cg16236394</t>
  </si>
  <si>
    <t>cg16236766</t>
  </si>
  <si>
    <t>cg16238795</t>
  </si>
  <si>
    <t>cg16240424</t>
  </si>
  <si>
    <t>cg16246410</t>
  </si>
  <si>
    <t>cg16246573</t>
  </si>
  <si>
    <t>cg16248187</t>
  </si>
  <si>
    <t>cg16257518</t>
  </si>
  <si>
    <t>cg16259886</t>
  </si>
  <si>
    <t>cg16260241</t>
  </si>
  <si>
    <t>cg16273524</t>
  </si>
  <si>
    <t>cg16298238</t>
  </si>
  <si>
    <t>cg16301989</t>
  </si>
  <si>
    <t>cg16303846</t>
  </si>
  <si>
    <t>cg16306978</t>
  </si>
  <si>
    <t>cg16326123</t>
  </si>
  <si>
    <t>cg16327227</t>
  </si>
  <si>
    <t>cg16333401</t>
  </si>
  <si>
    <t>cg16334629</t>
  </si>
  <si>
    <t>cg16335841</t>
  </si>
  <si>
    <t>cg16345795</t>
  </si>
  <si>
    <t>cg16348316</t>
  </si>
  <si>
    <t>cg16361013</t>
  </si>
  <si>
    <t>cg16361302</t>
  </si>
  <si>
    <t>cg16364833</t>
  </si>
  <si>
    <t>cg16365799</t>
  </si>
  <si>
    <t>cg16400999</t>
  </si>
  <si>
    <t>cg16402817</t>
  </si>
  <si>
    <t>cg16420247</t>
  </si>
  <si>
    <t>cg16421294</t>
  </si>
  <si>
    <t>cg16421619</t>
  </si>
  <si>
    <t>cg16421803</t>
  </si>
  <si>
    <t>cg16430428</t>
  </si>
  <si>
    <t>cg16430616</t>
  </si>
  <si>
    <t>cg16433632</t>
  </si>
  <si>
    <t>cg16433800</t>
  </si>
  <si>
    <t>cg16439198</t>
  </si>
  <si>
    <t>cg16440638</t>
  </si>
  <si>
    <t>cg16442452</t>
  </si>
  <si>
    <t>cg16448620</t>
  </si>
  <si>
    <t>cg16448702</t>
  </si>
  <si>
    <t>cg16449051</t>
  </si>
  <si>
    <t>cg16451278</t>
  </si>
  <si>
    <t>cg16453343</t>
  </si>
  <si>
    <t>cg16465187</t>
  </si>
  <si>
    <t>cg16468280</t>
  </si>
  <si>
    <t>cg16472050</t>
  </si>
  <si>
    <t>cg16472945</t>
  </si>
  <si>
    <t>cg16473511</t>
  </si>
  <si>
    <t>cg16480662</t>
  </si>
  <si>
    <t>cg16504939</t>
  </si>
  <si>
    <t>cg16512069</t>
  </si>
  <si>
    <t>cg16513855</t>
  </si>
  <si>
    <t>cg16514818</t>
  </si>
  <si>
    <t>cg16517634</t>
  </si>
  <si>
    <t>cg16518686</t>
  </si>
  <si>
    <t>cg16531271</t>
  </si>
  <si>
    <t>cg16539733</t>
  </si>
  <si>
    <t>cg16541852</t>
  </si>
  <si>
    <t>cg16573328</t>
  </si>
  <si>
    <t>cg16574285</t>
  </si>
  <si>
    <t>cg16584342</t>
  </si>
  <si>
    <t>cg16585651</t>
  </si>
  <si>
    <t>cg16595246</t>
  </si>
  <si>
    <t>cg16595261</t>
  </si>
  <si>
    <t>cg16596103</t>
  </si>
  <si>
    <t>cg16596716</t>
  </si>
  <si>
    <t>cg16602504</t>
  </si>
  <si>
    <t>cg16605590</t>
  </si>
  <si>
    <t>cg16626884</t>
  </si>
  <si>
    <t>cg16629158</t>
  </si>
  <si>
    <t>cg16638523</t>
  </si>
  <si>
    <t>cg16640855</t>
  </si>
  <si>
    <t>cg16643169</t>
  </si>
  <si>
    <t>cg16650529</t>
  </si>
  <si>
    <t>cg16652521</t>
  </si>
  <si>
    <t>cg16652741</t>
  </si>
  <si>
    <t>cg16653203</t>
  </si>
  <si>
    <t>cg16653700</t>
  </si>
  <si>
    <t>cg16658848</t>
  </si>
  <si>
    <t>cg16668359</t>
  </si>
  <si>
    <t>cg16672685</t>
  </si>
  <si>
    <t>cg16675700</t>
  </si>
  <si>
    <t>cg16701523</t>
  </si>
  <si>
    <t>cg16704797</t>
  </si>
  <si>
    <t>cg16709254</t>
  </si>
  <si>
    <t>cg16709443</t>
  </si>
  <si>
    <t>cg16711011</t>
  </si>
  <si>
    <t>cg16720890</t>
  </si>
  <si>
    <t>cg16721449</t>
  </si>
  <si>
    <t>cg16724175</t>
  </si>
  <si>
    <t>cg16724319</t>
  </si>
  <si>
    <t>cg16725050</t>
  </si>
  <si>
    <t>cg16745091</t>
  </si>
  <si>
    <t>cg16760712</t>
  </si>
  <si>
    <t>cg16764115</t>
  </si>
  <si>
    <t>cg16781647</t>
  </si>
  <si>
    <t>cg16786661</t>
  </si>
  <si>
    <t>cg16794506</t>
  </si>
  <si>
    <t>cg16795290</t>
  </si>
  <si>
    <t>cg16798252</t>
  </si>
  <si>
    <t>cg16798844</t>
  </si>
  <si>
    <t>cg16804899</t>
  </si>
  <si>
    <t>cg16813053</t>
  </si>
  <si>
    <t>cg16821904</t>
  </si>
  <si>
    <t>cg16832267</t>
  </si>
  <si>
    <t>cg16838838</t>
  </si>
  <si>
    <t>cg16842060</t>
  </si>
  <si>
    <t>cg16846645</t>
  </si>
  <si>
    <t>cg16851924</t>
  </si>
  <si>
    <t>cg16863796</t>
  </si>
  <si>
    <t>cg16864139</t>
  </si>
  <si>
    <t>cg16865291</t>
  </si>
  <si>
    <t>cg16865953</t>
  </si>
  <si>
    <t>cg16865965</t>
  </si>
  <si>
    <t>cg16873451</t>
  </si>
  <si>
    <t>cg16874579</t>
  </si>
  <si>
    <t>cg16876647</t>
  </si>
  <si>
    <t>cg16877087</t>
  </si>
  <si>
    <t>cg16877924</t>
  </si>
  <si>
    <t>cg16882226</t>
  </si>
  <si>
    <t>cg16887890</t>
  </si>
  <si>
    <t>cg16900589</t>
  </si>
  <si>
    <t>cg16903517</t>
  </si>
  <si>
    <t>cg16910805</t>
  </si>
  <si>
    <t>cg16911296</t>
  </si>
  <si>
    <t>cg16912150</t>
  </si>
  <si>
    <t>cg16918905</t>
  </si>
  <si>
    <t>cg16919615</t>
  </si>
  <si>
    <t>cg16925003</t>
  </si>
  <si>
    <t>cg16927353</t>
  </si>
  <si>
    <t>cg16928066</t>
  </si>
  <si>
    <t>cg16929107</t>
  </si>
  <si>
    <t>cg16937778</t>
  </si>
  <si>
    <t>cg16944589</t>
  </si>
  <si>
    <t>cg16948082</t>
  </si>
  <si>
    <t>cg16963622</t>
  </si>
  <si>
    <t>cg16973606</t>
  </si>
  <si>
    <t>cg16975027</t>
  </si>
  <si>
    <t>cg16987524</t>
  </si>
  <si>
    <t>cg17012502</t>
  </si>
  <si>
    <t>cg17014009</t>
  </si>
  <si>
    <t>cg17016026</t>
  </si>
  <si>
    <t>cg17019053</t>
  </si>
  <si>
    <t>cg17028834</t>
  </si>
  <si>
    <t>cg17030841</t>
  </si>
  <si>
    <t>cg17031607</t>
  </si>
  <si>
    <t>cg17052964</t>
  </si>
  <si>
    <t>cg17054879</t>
  </si>
  <si>
    <t>cg17059502</t>
  </si>
  <si>
    <t>cg17082953</t>
  </si>
  <si>
    <t>cg17085004</t>
  </si>
  <si>
    <t>cg17085666</t>
  </si>
  <si>
    <t>cg17085748</t>
  </si>
  <si>
    <t>cg17086808</t>
  </si>
  <si>
    <t>cg17087759</t>
  </si>
  <si>
    <t>cg17089179</t>
  </si>
  <si>
    <t>cg17092609</t>
  </si>
  <si>
    <t>cg17096665</t>
  </si>
  <si>
    <t>cg17097782</t>
  </si>
  <si>
    <t>cg17097992</t>
  </si>
  <si>
    <t>cg17107459</t>
  </si>
  <si>
    <t>cg17108748</t>
  </si>
  <si>
    <t>cg17125688</t>
  </si>
  <si>
    <t>cg17129645</t>
  </si>
  <si>
    <t>cg17129809</t>
  </si>
  <si>
    <t>cg17129821</t>
  </si>
  <si>
    <t>cg17144508</t>
  </si>
  <si>
    <t>cg17145587</t>
  </si>
  <si>
    <t>cg17147526</t>
  </si>
  <si>
    <t>cg17148467</t>
  </si>
  <si>
    <t>cg17149980</t>
  </si>
  <si>
    <t>cg17156255</t>
  </si>
  <si>
    <t>cg17156491</t>
  </si>
  <si>
    <t>cg17157630</t>
  </si>
  <si>
    <t>cg17165932</t>
  </si>
  <si>
    <t>cg17171215</t>
  </si>
  <si>
    <t>cg17177632</t>
  </si>
  <si>
    <t>cg17178336</t>
  </si>
  <si>
    <t>cg17178504</t>
  </si>
  <si>
    <t>cg17186168</t>
  </si>
  <si>
    <t>cg17192681</t>
  </si>
  <si>
    <t>cg17207266</t>
  </si>
  <si>
    <t>cg17207346</t>
  </si>
  <si>
    <t>cg17211562</t>
  </si>
  <si>
    <t>cg17245125</t>
  </si>
  <si>
    <t>cg17245188</t>
  </si>
  <si>
    <t>cg17245548</t>
  </si>
  <si>
    <t>cg17246140</t>
  </si>
  <si>
    <t>cg17263061</t>
  </si>
  <si>
    <t>cg17277199</t>
  </si>
  <si>
    <t>cg17284481</t>
  </si>
  <si>
    <t>cg17285931</t>
  </si>
  <si>
    <t>cg17286258</t>
  </si>
  <si>
    <t>cg17287767</t>
  </si>
  <si>
    <t>cg17291435</t>
  </si>
  <si>
    <t>cg17300051</t>
  </si>
  <si>
    <t>cg17300868</t>
  </si>
  <si>
    <t>cg17304635</t>
  </si>
  <si>
    <t>cg17322655</t>
  </si>
  <si>
    <t>cg17325716</t>
  </si>
  <si>
    <t>cg17330695</t>
  </si>
  <si>
    <t>cg17335116</t>
  </si>
  <si>
    <t>cg17343483</t>
  </si>
  <si>
    <t>cg17346426</t>
  </si>
  <si>
    <t>cg17349389</t>
  </si>
  <si>
    <t>cg17358307</t>
  </si>
  <si>
    <t>cg17360299</t>
  </si>
  <si>
    <t>cg17360854</t>
  </si>
  <si>
    <t>cg17367832</t>
  </si>
  <si>
    <t>cg17372494</t>
  </si>
  <si>
    <t>cg17376041</t>
  </si>
  <si>
    <t>cg17377164</t>
  </si>
  <si>
    <t>cg17381798</t>
  </si>
  <si>
    <t>cg17386466</t>
  </si>
  <si>
    <t>cg17386535</t>
  </si>
  <si>
    <t>cg17397135</t>
  </si>
  <si>
    <t>cg17397592</t>
  </si>
  <si>
    <t>cg17398233</t>
  </si>
  <si>
    <t>cg17400361</t>
  </si>
  <si>
    <t>cg17416009</t>
  </si>
  <si>
    <t>cg17458653</t>
  </si>
  <si>
    <t>cg17460441</t>
  </si>
  <si>
    <t>cg17461599</t>
  </si>
  <si>
    <t>cg17462203</t>
  </si>
  <si>
    <t>cg17470531</t>
  </si>
  <si>
    <t>cg17491548</t>
  </si>
  <si>
    <t>cg17492041</t>
  </si>
  <si>
    <t>cg17492904</t>
  </si>
  <si>
    <t>cg17493098</t>
  </si>
  <si>
    <t>cg17493159</t>
  </si>
  <si>
    <t>cg17497419</t>
  </si>
  <si>
    <t>cg17511933</t>
  </si>
  <si>
    <t>cg17512364</t>
  </si>
  <si>
    <t>cg17519750</t>
  </si>
  <si>
    <t>cg17525856</t>
  </si>
  <si>
    <t>cg17526060</t>
  </si>
  <si>
    <t>cg17536603</t>
  </si>
  <si>
    <t>cg17590135</t>
  </si>
  <si>
    <t>cg17590938</t>
  </si>
  <si>
    <t>cg17593584</t>
  </si>
  <si>
    <t>cg17595410</t>
  </si>
  <si>
    <t>cg17597787</t>
  </si>
  <si>
    <t>cg17598339</t>
  </si>
  <si>
    <t>cg17609600</t>
  </si>
  <si>
    <t>cg17610929</t>
  </si>
  <si>
    <t>cg17626178</t>
  </si>
  <si>
    <t>cg17648537</t>
  </si>
  <si>
    <t>cg17651164</t>
  </si>
  <si>
    <t>cg17651633</t>
  </si>
  <si>
    <t>cg17651973</t>
  </si>
  <si>
    <t>cg17668949</t>
  </si>
  <si>
    <t>cg17669542</t>
  </si>
  <si>
    <t>cg17673769</t>
  </si>
  <si>
    <t>cg17678877</t>
  </si>
  <si>
    <t>cg17678946</t>
  </si>
  <si>
    <t>cg17681313</t>
  </si>
  <si>
    <t>cg17681516</t>
  </si>
  <si>
    <t>cg17682441</t>
  </si>
  <si>
    <t>cg17689799</t>
  </si>
  <si>
    <t>cg17695351</t>
  </si>
  <si>
    <t>cg17695382</t>
  </si>
  <si>
    <t>cg17696563</t>
  </si>
  <si>
    <t>cg17725364</t>
  </si>
  <si>
    <t>cg17727331</t>
  </si>
  <si>
    <t>cg17727725</t>
  </si>
  <si>
    <t>cg17727773</t>
  </si>
  <si>
    <t>cg17731079</t>
  </si>
  <si>
    <t>cg17737681</t>
  </si>
  <si>
    <t>cg17749468</t>
  </si>
  <si>
    <t>cg17754171</t>
  </si>
  <si>
    <t>cg17765480</t>
  </si>
  <si>
    <t>cg17766468</t>
  </si>
  <si>
    <t>cg17774001</t>
  </si>
  <si>
    <t>cg17779336</t>
  </si>
  <si>
    <t>cg17779456</t>
  </si>
  <si>
    <t>cg17780624</t>
  </si>
  <si>
    <t>cg17782715</t>
  </si>
  <si>
    <t>cg17789896</t>
  </si>
  <si>
    <t>cg17795164</t>
  </si>
  <si>
    <t>cg17802633</t>
  </si>
  <si>
    <t>cg17806907</t>
  </si>
  <si>
    <t>cg17809414</t>
  </si>
  <si>
    <t>cg17815538</t>
  </si>
  <si>
    <t>cg17818471</t>
  </si>
  <si>
    <t>cg17818613</t>
  </si>
  <si>
    <t>cg17819702</t>
  </si>
  <si>
    <t>cg17822314</t>
  </si>
  <si>
    <t>cg17839314</t>
  </si>
  <si>
    <t>cg17841615</t>
  </si>
  <si>
    <t>cg17842354</t>
  </si>
  <si>
    <t>cg17842621</t>
  </si>
  <si>
    <t>cg17846785</t>
  </si>
  <si>
    <t>cg17848496</t>
  </si>
  <si>
    <t>cg17848515</t>
  </si>
  <si>
    <t>cg17848959</t>
  </si>
  <si>
    <t>cg17850055</t>
  </si>
  <si>
    <t>cg17851061</t>
  </si>
  <si>
    <t>cg17854650</t>
  </si>
  <si>
    <t>cg17868920</t>
  </si>
  <si>
    <t>cg17872886</t>
  </si>
  <si>
    <t>cg17892159</t>
  </si>
  <si>
    <t>cg17915676</t>
  </si>
  <si>
    <t>cg17916432</t>
  </si>
  <si>
    <t>cg17916490</t>
  </si>
  <si>
    <t>cg17925360</t>
  </si>
  <si>
    <t>cg17926234</t>
  </si>
  <si>
    <t>cg17931890</t>
  </si>
  <si>
    <t>cg17933407</t>
  </si>
  <si>
    <t>cg17939889</t>
  </si>
  <si>
    <t>cg17941846</t>
  </si>
  <si>
    <t>cg17942639</t>
  </si>
  <si>
    <t>cg17961057</t>
  </si>
  <si>
    <t>cg17963935</t>
  </si>
  <si>
    <t>cg17972094</t>
  </si>
  <si>
    <t>cg17974674</t>
  </si>
  <si>
    <t>cg17976576</t>
  </si>
  <si>
    <t>cg17977173</t>
  </si>
  <si>
    <t>cg17980283</t>
  </si>
  <si>
    <t>cg17981058</t>
  </si>
  <si>
    <t>cg17981927</t>
  </si>
  <si>
    <t>cg17989428</t>
  </si>
  <si>
    <t>cg18000924</t>
  </si>
  <si>
    <t>cg18004316</t>
  </si>
  <si>
    <t>cg18005337</t>
  </si>
  <si>
    <t>cg18007858</t>
  </si>
  <si>
    <t>cg18008202</t>
  </si>
  <si>
    <t>cg18012383</t>
  </si>
  <si>
    <t>cg18016822</t>
  </si>
  <si>
    <t>cg18021265</t>
  </si>
  <si>
    <t>cg18021506</t>
  </si>
  <si>
    <t>cg18022777</t>
  </si>
  <si>
    <t>cg18030798</t>
  </si>
  <si>
    <t>cg18045575</t>
  </si>
  <si>
    <t>cg18047607</t>
  </si>
  <si>
    <t>cg18064824</t>
  </si>
  <si>
    <t>cg18077307</t>
  </si>
  <si>
    <t>cg18079845</t>
  </si>
  <si>
    <t>cg18093372</t>
  </si>
  <si>
    <t>cg18097872</t>
  </si>
  <si>
    <t>cg18104979</t>
  </si>
  <si>
    <t>cg18109162</t>
  </si>
  <si>
    <t>cg18110243</t>
  </si>
  <si>
    <t>cg18111139</t>
  </si>
  <si>
    <t>cg18115040</t>
  </si>
  <si>
    <t>cg18118685</t>
  </si>
  <si>
    <t>cg18120278</t>
  </si>
  <si>
    <t>cg18122392</t>
  </si>
  <si>
    <t>cg18124955</t>
  </si>
  <si>
    <t>cg18126442</t>
  </si>
  <si>
    <t>cg18126883</t>
  </si>
  <si>
    <t>cg18133008</t>
  </si>
  <si>
    <t>cg18150439</t>
  </si>
  <si>
    <t>cg18154642</t>
  </si>
  <si>
    <t>cg18169187</t>
  </si>
  <si>
    <t>cg18173235</t>
  </si>
  <si>
    <t>cg18174246</t>
  </si>
  <si>
    <t>cg18174326</t>
  </si>
  <si>
    <t>cg18182399</t>
  </si>
  <si>
    <t>cg18183628</t>
  </si>
  <si>
    <t>cg18192325</t>
  </si>
  <si>
    <t>cg18193950</t>
  </si>
  <si>
    <t>cg18194734</t>
  </si>
  <si>
    <t>cg18204079</t>
  </si>
  <si>
    <t>cg18208842</t>
  </si>
  <si>
    <t>cg18218257</t>
  </si>
  <si>
    <t>cg18219563</t>
  </si>
  <si>
    <t>cg18222961</t>
  </si>
  <si>
    <t>cg18229914</t>
  </si>
  <si>
    <t>cg18251222</t>
  </si>
  <si>
    <t>cg18252360</t>
  </si>
  <si>
    <t>cg18257814</t>
  </si>
  <si>
    <t>cg18275142</t>
  </si>
  <si>
    <t>cg18277754</t>
  </si>
  <si>
    <t>cg18279994</t>
  </si>
  <si>
    <t>cg18303215</t>
  </si>
  <si>
    <t>cg18308176</t>
  </si>
  <si>
    <t>cg18310707</t>
  </si>
  <si>
    <t>cg18313116</t>
  </si>
  <si>
    <t>cg18314814</t>
  </si>
  <si>
    <t>cg18320648</t>
  </si>
  <si>
    <t>cg18324076</t>
  </si>
  <si>
    <t>cg18327056</t>
  </si>
  <si>
    <t>cg18330370</t>
  </si>
  <si>
    <t>cg18333921</t>
  </si>
  <si>
    <t>cg18334412</t>
  </si>
  <si>
    <t>cg18338319</t>
  </si>
  <si>
    <t>cg18338495</t>
  </si>
  <si>
    <t>cg18339598</t>
  </si>
  <si>
    <t>cg18358643</t>
  </si>
  <si>
    <t>cg18358762</t>
  </si>
  <si>
    <t>cg18361031</t>
  </si>
  <si>
    <t>cg18367020</t>
  </si>
  <si>
    <t>cg18369979</t>
  </si>
  <si>
    <t>cg18396137</t>
  </si>
  <si>
    <t>cg18404308</t>
  </si>
  <si>
    <t>cg18404600</t>
  </si>
  <si>
    <t>cg18406033</t>
  </si>
  <si>
    <t>cg18409528</t>
  </si>
  <si>
    <t>cg18429434</t>
  </si>
  <si>
    <t>cg18430156</t>
  </si>
  <si>
    <t>cg18432099</t>
  </si>
  <si>
    <t>cg18436491</t>
  </si>
  <si>
    <t>cg18438461</t>
  </si>
  <si>
    <t>cg18446690</t>
  </si>
  <si>
    <t>cg18448949</t>
  </si>
  <si>
    <t>cg18449003</t>
  </si>
  <si>
    <t>cg18451022</t>
  </si>
  <si>
    <t>cg18454701</t>
  </si>
  <si>
    <t>cg18480233</t>
  </si>
  <si>
    <t>cg18482098</t>
  </si>
  <si>
    <t>cg18485154</t>
  </si>
  <si>
    <t>cg18514922</t>
  </si>
  <si>
    <t>cg18516241</t>
  </si>
  <si>
    <t>cg18516317</t>
  </si>
  <si>
    <t>cg18516879</t>
  </si>
  <si>
    <t>cg18519450</t>
  </si>
  <si>
    <t>cg18522518</t>
  </si>
  <si>
    <t>cg18525582</t>
  </si>
  <si>
    <t>cg18527268</t>
  </si>
  <si>
    <t>cg18527435</t>
  </si>
  <si>
    <t>cg18527574</t>
  </si>
  <si>
    <t>cg18527919</t>
  </si>
  <si>
    <t>cg18529845</t>
  </si>
  <si>
    <t>cg18530950</t>
  </si>
  <si>
    <t>cg18542688</t>
  </si>
  <si>
    <t>cg18549688</t>
  </si>
  <si>
    <t>cg18552861</t>
  </si>
  <si>
    <t>cg18552983</t>
  </si>
  <si>
    <t>cg18553762</t>
  </si>
  <si>
    <t>cg18559697</t>
  </si>
  <si>
    <t>cg18564808</t>
  </si>
  <si>
    <t>cg18572413</t>
  </si>
  <si>
    <t>cg18582965</t>
  </si>
  <si>
    <t>cg18586758</t>
  </si>
  <si>
    <t>cg18609578</t>
  </si>
  <si>
    <t>cg18627182</t>
  </si>
  <si>
    <t>cg18639342</t>
  </si>
  <si>
    <t>cg18642499</t>
  </si>
  <si>
    <t>cg18667659</t>
  </si>
  <si>
    <t>cg18671774</t>
  </si>
  <si>
    <t>cg18671881</t>
  </si>
  <si>
    <t>cg18686665</t>
  </si>
  <si>
    <t>cg18703066</t>
  </si>
  <si>
    <t>cg18704110</t>
  </si>
  <si>
    <t>cg18704768</t>
  </si>
  <si>
    <t>cg18705408</t>
  </si>
  <si>
    <t>cg18731976</t>
  </si>
  <si>
    <t>cg18734842</t>
  </si>
  <si>
    <t>cg18740718</t>
  </si>
  <si>
    <t>cg18743464</t>
  </si>
  <si>
    <t>cg18745465</t>
  </si>
  <si>
    <t>cg18752867</t>
  </si>
  <si>
    <t>cg18755114</t>
  </si>
  <si>
    <t>cg18756060</t>
  </si>
  <si>
    <t>cg18756291</t>
  </si>
  <si>
    <t>cg18771173</t>
  </si>
  <si>
    <t>cg18772152</t>
  </si>
  <si>
    <t>cg18773354</t>
  </si>
  <si>
    <t>cg18775012</t>
  </si>
  <si>
    <t>cg18780489</t>
  </si>
  <si>
    <t>cg18786593</t>
  </si>
  <si>
    <t>cg18791923</t>
  </si>
  <si>
    <t>cg18794122</t>
  </si>
  <si>
    <t>cg18795575</t>
  </si>
  <si>
    <t>cg18795599</t>
  </si>
  <si>
    <t>cg18796438</t>
  </si>
  <si>
    <t>cg18807071</t>
  </si>
  <si>
    <t>cg18807929</t>
  </si>
  <si>
    <t>cg18822446</t>
  </si>
  <si>
    <t>cg18824501</t>
  </si>
  <si>
    <t>cg18836229</t>
  </si>
  <si>
    <t>cg18844301</t>
  </si>
  <si>
    <t>cg18844589</t>
  </si>
  <si>
    <t>cg18845375</t>
  </si>
  <si>
    <t>cg18845578</t>
  </si>
  <si>
    <t>cg18863077</t>
  </si>
  <si>
    <t>cg18863333</t>
  </si>
  <si>
    <t>cg18866599</t>
  </si>
  <si>
    <t>cg18867141</t>
  </si>
  <si>
    <t>cg18867200</t>
  </si>
  <si>
    <t>cg18868357</t>
  </si>
  <si>
    <t>cg18877660</t>
  </si>
  <si>
    <t>cg18877969</t>
  </si>
  <si>
    <t>cg18878441</t>
  </si>
  <si>
    <t>cg18881247</t>
  </si>
  <si>
    <t>cg18882576</t>
  </si>
  <si>
    <t>cg18885708</t>
  </si>
  <si>
    <t>cg18887033</t>
  </si>
  <si>
    <t>cg18888710</t>
  </si>
  <si>
    <t>cg18889183</t>
  </si>
  <si>
    <t>cg18891308</t>
  </si>
  <si>
    <t>cg18897632</t>
  </si>
  <si>
    <t>cg18910534</t>
  </si>
  <si>
    <t>cg18922250</t>
  </si>
  <si>
    <t>cg18940113</t>
  </si>
  <si>
    <t>cg18941818</t>
  </si>
  <si>
    <t>cg18945642</t>
  </si>
  <si>
    <t>cg18946117</t>
  </si>
  <si>
    <t>cg18946478</t>
  </si>
  <si>
    <t>cg18949409</t>
  </si>
  <si>
    <t>cg18954037</t>
  </si>
  <si>
    <t>cg18957973</t>
  </si>
  <si>
    <t>cg18969008</t>
  </si>
  <si>
    <t>cg18977641</t>
  </si>
  <si>
    <t>cg18980210</t>
  </si>
  <si>
    <t>cg18984200</t>
  </si>
  <si>
    <t>cg18984724</t>
  </si>
  <si>
    <t>cg18985828</t>
  </si>
  <si>
    <t>cg18986154</t>
  </si>
  <si>
    <t>cg18991596</t>
  </si>
  <si>
    <t>cg19001226</t>
  </si>
  <si>
    <t>cg19023585</t>
  </si>
  <si>
    <t>cg19039481</t>
  </si>
  <si>
    <t>cg19045284</t>
  </si>
  <si>
    <t>cg19045731</t>
  </si>
  <si>
    <t>cg19046892</t>
  </si>
  <si>
    <t>cg19047707</t>
  </si>
  <si>
    <t>cg19052272</t>
  </si>
  <si>
    <t>cg19052355</t>
  </si>
  <si>
    <t>cg19075129</t>
  </si>
  <si>
    <t>cg19075194</t>
  </si>
  <si>
    <t>cg19075225</t>
  </si>
  <si>
    <t>cg19075346</t>
  </si>
  <si>
    <t>cg19076255</t>
  </si>
  <si>
    <t>cg19078520</t>
  </si>
  <si>
    <t>cg19079194</t>
  </si>
  <si>
    <t>cg19084174</t>
  </si>
  <si>
    <t>cg19089337</t>
  </si>
  <si>
    <t>cg19098421</t>
  </si>
  <si>
    <t>cg19105810</t>
  </si>
  <si>
    <t>cg19108747</t>
  </si>
  <si>
    <t>cg19113530</t>
  </si>
  <si>
    <t>cg19113641</t>
  </si>
  <si>
    <t>cg19113717</t>
  </si>
  <si>
    <t>cg19127360</t>
  </si>
  <si>
    <t>cg19139691</t>
  </si>
  <si>
    <t>cg19144684</t>
  </si>
  <si>
    <t>cg19145730</t>
  </si>
  <si>
    <t>cg19149222</t>
  </si>
  <si>
    <t>cg19156104</t>
  </si>
  <si>
    <t>cg19156483</t>
  </si>
  <si>
    <t>cg19157724</t>
  </si>
  <si>
    <t>cg19177701</t>
  </si>
  <si>
    <t>cg19177744</t>
  </si>
  <si>
    <t>cg19180156</t>
  </si>
  <si>
    <t>cg19183433</t>
  </si>
  <si>
    <t>cg19186145</t>
  </si>
  <si>
    <t>cg19192649</t>
  </si>
  <si>
    <t>cg19196264</t>
  </si>
  <si>
    <t>cg19197830</t>
  </si>
  <si>
    <t>cg19210770</t>
  </si>
  <si>
    <t>cg19216563</t>
  </si>
  <si>
    <t>cg19217130</t>
  </si>
  <si>
    <t>cg19217463</t>
  </si>
  <si>
    <t>cg19243656</t>
  </si>
  <si>
    <t>cg19244342</t>
  </si>
  <si>
    <t>cg19254047</t>
  </si>
  <si>
    <t>cg19255634</t>
  </si>
  <si>
    <t>cg19257462</t>
  </si>
  <si>
    <t>cg19260201</t>
  </si>
  <si>
    <t>cg19269264</t>
  </si>
  <si>
    <t>cg19269412</t>
  </si>
  <si>
    <t>cg19269713</t>
  </si>
  <si>
    <t>cg19269749</t>
  </si>
  <si>
    <t>cg19273694</t>
  </si>
  <si>
    <t>cg19276012</t>
  </si>
  <si>
    <t>cg19276371</t>
  </si>
  <si>
    <t>cg19276736</t>
  </si>
  <si>
    <t>cg19280014</t>
  </si>
  <si>
    <t>cg19282745</t>
  </si>
  <si>
    <t>cg19282928</t>
  </si>
  <si>
    <t>cg19283506</t>
  </si>
  <si>
    <t>cg19300414</t>
  </si>
  <si>
    <t>cg19301206</t>
  </si>
  <si>
    <t>cg19302722</t>
  </si>
  <si>
    <t>cg19302979</t>
  </si>
  <si>
    <t>cg19303849</t>
  </si>
  <si>
    <t>cg19305293</t>
  </si>
  <si>
    <t>cg19308375</t>
  </si>
  <si>
    <t>cg19311448</t>
  </si>
  <si>
    <t>cg19324714</t>
  </si>
  <si>
    <t>cg19324997</t>
  </si>
  <si>
    <t>cg19326622</t>
  </si>
  <si>
    <t>cg19333114</t>
  </si>
  <si>
    <t>cg19351000</t>
  </si>
  <si>
    <t>cg19355685</t>
  </si>
  <si>
    <t>cg19361181</t>
  </si>
  <si>
    <t>cg19367232</t>
  </si>
  <si>
    <t>cg19372975</t>
  </si>
  <si>
    <t>cg19374947</t>
  </si>
  <si>
    <t>cg19377230</t>
  </si>
  <si>
    <t>cg19382545</t>
  </si>
  <si>
    <t>cg19384289</t>
  </si>
  <si>
    <t>cg19388373</t>
  </si>
  <si>
    <t>cg19390934</t>
  </si>
  <si>
    <t>cg19393314</t>
  </si>
  <si>
    <t>cg19399165</t>
  </si>
  <si>
    <t>cg19401472</t>
  </si>
  <si>
    <t>cg19402238</t>
  </si>
  <si>
    <t>cg19404813</t>
  </si>
  <si>
    <t>cg19407717</t>
  </si>
  <si>
    <t>cg19409088</t>
  </si>
  <si>
    <t>cg19412900</t>
  </si>
  <si>
    <t>cg19416417</t>
  </si>
  <si>
    <t>cg19426955</t>
  </si>
  <si>
    <t>cg19427338</t>
  </si>
  <si>
    <t>cg19442696</t>
  </si>
  <si>
    <t>cg19445205</t>
  </si>
  <si>
    <t>cg19447671</t>
  </si>
  <si>
    <t>cg19447973</t>
  </si>
  <si>
    <t>cg19451845</t>
  </si>
  <si>
    <t>cg19461344</t>
  </si>
  <si>
    <t>cg19472772</t>
  </si>
  <si>
    <t>cg19475689</t>
  </si>
  <si>
    <t>cg19484420</t>
  </si>
  <si>
    <t>cg19486585</t>
  </si>
  <si>
    <t>cg19489797</t>
  </si>
  <si>
    <t>cg19492047</t>
  </si>
  <si>
    <t>cg19506309</t>
  </si>
  <si>
    <t>cg19509393</t>
  </si>
  <si>
    <t>cg19511045</t>
  </si>
  <si>
    <t>cg19513321</t>
  </si>
  <si>
    <t>cg19516340</t>
  </si>
  <si>
    <t>cg19517718</t>
  </si>
  <si>
    <t>cg19519747</t>
  </si>
  <si>
    <t>cg19524624</t>
  </si>
  <si>
    <t>cg19527084</t>
  </si>
  <si>
    <t>cg19529823</t>
  </si>
  <si>
    <t>cg19532257</t>
  </si>
  <si>
    <t>cg19538089</t>
  </si>
  <si>
    <t>cg19541697</t>
  </si>
  <si>
    <t>cg19542816</t>
  </si>
  <si>
    <t>cg19542849</t>
  </si>
  <si>
    <t>cg19544662</t>
  </si>
  <si>
    <t>cg19550388</t>
  </si>
  <si>
    <t>cg19566038</t>
  </si>
  <si>
    <t>cg19571304</t>
  </si>
  <si>
    <t>cg19577896</t>
  </si>
  <si>
    <t>cg19589919</t>
  </si>
  <si>
    <t>cg19592277</t>
  </si>
  <si>
    <t>cg19597559</t>
  </si>
  <si>
    <t>cg19599251</t>
  </si>
  <si>
    <t>cg19611786</t>
  </si>
  <si>
    <t>cg19615304</t>
  </si>
  <si>
    <t>cg19617395</t>
  </si>
  <si>
    <t>cg19617792</t>
  </si>
  <si>
    <t>cg19622755</t>
  </si>
  <si>
    <t>cg19638349</t>
  </si>
  <si>
    <t>cg19638845</t>
  </si>
  <si>
    <t>cg19641404</t>
  </si>
  <si>
    <t>cg19642470</t>
  </si>
  <si>
    <t>cg19648955</t>
  </si>
  <si>
    <t>cg19654061</t>
  </si>
  <si>
    <t>cg19656282</t>
  </si>
  <si>
    <t>cg19671395</t>
  </si>
  <si>
    <t>cg19674232</t>
  </si>
  <si>
    <t>cg19696123</t>
  </si>
  <si>
    <t>cg19710184</t>
  </si>
  <si>
    <t>cg19713851</t>
  </si>
  <si>
    <t>cg19719653</t>
  </si>
  <si>
    <t>cg19728485</t>
  </si>
  <si>
    <t>cg19734811</t>
  </si>
  <si>
    <t>cg19738182</t>
  </si>
  <si>
    <t>cg19740859</t>
  </si>
  <si>
    <t>cg19743433</t>
  </si>
  <si>
    <t>cg19748684</t>
  </si>
  <si>
    <t>cg19752861</t>
  </si>
  <si>
    <t>cg19753526</t>
  </si>
  <si>
    <t>cg19756790</t>
  </si>
  <si>
    <t>cg19757253</t>
  </si>
  <si>
    <t>cg19757382</t>
  </si>
  <si>
    <t>cg19758054</t>
  </si>
  <si>
    <t>cg19759282</t>
  </si>
  <si>
    <t>cg19763809</t>
  </si>
  <si>
    <t>cg19770748</t>
  </si>
  <si>
    <t>cg19789336</t>
  </si>
  <si>
    <t>cg19795502</t>
  </si>
  <si>
    <t>cg19805311</t>
  </si>
  <si>
    <t>cg19816011</t>
  </si>
  <si>
    <t>cg19824059</t>
  </si>
  <si>
    <t>cg19825600</t>
  </si>
  <si>
    <t>cg19838074</t>
  </si>
  <si>
    <t>cg19839035</t>
  </si>
  <si>
    <t>cg19839149</t>
  </si>
  <si>
    <t>cg19844724</t>
  </si>
  <si>
    <t>cg19849509</t>
  </si>
  <si>
    <t>cg19850959</t>
  </si>
  <si>
    <t>cg19851242</t>
  </si>
  <si>
    <t>cg19856334</t>
  </si>
  <si>
    <t>cg19857280</t>
  </si>
  <si>
    <t>cg19861138</t>
  </si>
  <si>
    <t>cg19863227</t>
  </si>
  <si>
    <t>cg19863760</t>
  </si>
  <si>
    <t>cg19865525</t>
  </si>
  <si>
    <t>cg19865616</t>
  </si>
  <si>
    <t>cg19867917</t>
  </si>
  <si>
    <t>cg19878627</t>
  </si>
  <si>
    <t>cg19880899</t>
  </si>
  <si>
    <t>cg19886179</t>
  </si>
  <si>
    <t>cg19893751</t>
  </si>
  <si>
    <t>cg19893929</t>
  </si>
  <si>
    <t>cg19906093</t>
  </si>
  <si>
    <t>cg19906333</t>
  </si>
  <si>
    <t>cg19907479</t>
  </si>
  <si>
    <t>cg19908362</t>
  </si>
  <si>
    <t>cg19909111</t>
  </si>
  <si>
    <t>cg19910323</t>
  </si>
  <si>
    <t>cg19911844</t>
  </si>
  <si>
    <t>cg19912883</t>
  </si>
  <si>
    <t>cg19916659</t>
  </si>
  <si>
    <t>cg19921085</t>
  </si>
  <si>
    <t>cg19925427</t>
  </si>
  <si>
    <t>cg19935171</t>
  </si>
  <si>
    <t>cg19936585</t>
  </si>
  <si>
    <t>cg19943610</t>
  </si>
  <si>
    <t>cg19953728</t>
  </si>
  <si>
    <t>cg19954537</t>
  </si>
  <si>
    <t>cg19956166</t>
  </si>
  <si>
    <t>cg19961545</t>
  </si>
  <si>
    <t>cg19964303</t>
  </si>
  <si>
    <t>cg19977241</t>
  </si>
  <si>
    <t>cg19978550</t>
  </si>
  <si>
    <t>cg19979107</t>
  </si>
  <si>
    <t>cg19987611</t>
  </si>
  <si>
    <t>cg19988346</t>
  </si>
  <si>
    <t>cg19988770</t>
  </si>
  <si>
    <t>cg19990182</t>
  </si>
  <si>
    <t>cg19997502</t>
  </si>
  <si>
    <t>cg19998654</t>
  </si>
  <si>
    <t>cg20008332</t>
  </si>
  <si>
    <t>cg20011116</t>
  </si>
  <si>
    <t>cg20011983</t>
  </si>
  <si>
    <t>cg20042692</t>
  </si>
  <si>
    <t>cg20052509</t>
  </si>
  <si>
    <t>cg20053381</t>
  </si>
  <si>
    <t>cg20057198</t>
  </si>
  <si>
    <t>cg20058389</t>
  </si>
  <si>
    <t>cg20065463</t>
  </si>
  <si>
    <t>cg20072442</t>
  </si>
  <si>
    <t>cg20073344</t>
  </si>
  <si>
    <t>cg20076826</t>
  </si>
  <si>
    <t>cg20090558</t>
  </si>
  <si>
    <t>cg20091107</t>
  </si>
  <si>
    <t>cg20091689</t>
  </si>
  <si>
    <t>cg20093808</t>
  </si>
  <si>
    <t>cg20094506</t>
  </si>
  <si>
    <t>cg20095674</t>
  </si>
  <si>
    <t>cg20097440</t>
  </si>
  <si>
    <t>cg20097650</t>
  </si>
  <si>
    <t>cg20102877</t>
  </si>
  <si>
    <t>cg20139706</t>
  </si>
  <si>
    <t>cg20149840</t>
  </si>
  <si>
    <t>cg20149922</t>
  </si>
  <si>
    <t>cg20150189</t>
  </si>
  <si>
    <t>cg20155920</t>
  </si>
  <si>
    <t>cg20157398</t>
  </si>
  <si>
    <t>cg20159687</t>
  </si>
  <si>
    <t>cg20165732</t>
  </si>
  <si>
    <t>cg20174636</t>
  </si>
  <si>
    <t>cg20175866</t>
  </si>
  <si>
    <t>cg20200361</t>
  </si>
  <si>
    <t>cg20201270</t>
  </si>
  <si>
    <t>cg20202112</t>
  </si>
  <si>
    <t>cg20209499</t>
  </si>
  <si>
    <t>cg20225749</t>
  </si>
  <si>
    <t>cg20225999</t>
  </si>
  <si>
    <t>cg20227471</t>
  </si>
  <si>
    <t>cg20231940</t>
  </si>
  <si>
    <t>cg20251973</t>
  </si>
  <si>
    <t>cg20253659</t>
  </si>
  <si>
    <t>cg20254422</t>
  </si>
  <si>
    <t>cg20257553</t>
  </si>
  <si>
    <t>cg20262684</t>
  </si>
  <si>
    <t>cg20265528</t>
  </si>
  <si>
    <t>cg20265661</t>
  </si>
  <si>
    <t>cg20267441</t>
  </si>
  <si>
    <t>cg20273697</t>
  </si>
  <si>
    <t>cg20296532</t>
  </si>
  <si>
    <t>cg20299002</t>
  </si>
  <si>
    <t>cg20300794</t>
  </si>
  <si>
    <t>cg20303441</t>
  </si>
  <si>
    <t>cg20310435</t>
  </si>
  <si>
    <t>cg20311618</t>
  </si>
  <si>
    <t>cg20313392</t>
  </si>
  <si>
    <t>cg20314884</t>
  </si>
  <si>
    <t>cg20320905</t>
  </si>
  <si>
    <t>cg20338300</t>
  </si>
  <si>
    <t>cg20340149</t>
  </si>
  <si>
    <t>cg20341504</t>
  </si>
  <si>
    <t>cg20341942</t>
  </si>
  <si>
    <t>cg20345923</t>
  </si>
  <si>
    <t>cg20346695</t>
  </si>
  <si>
    <t>cg20347626</t>
  </si>
  <si>
    <t>cg20348298</t>
  </si>
  <si>
    <t>cg20351608</t>
  </si>
  <si>
    <t>cg20351640</t>
  </si>
  <si>
    <t>cg20355486</t>
  </si>
  <si>
    <t>cg20356241</t>
  </si>
  <si>
    <t>cg20359237</t>
  </si>
  <si>
    <t>cg20359285</t>
  </si>
  <si>
    <t>cg20361001</t>
  </si>
  <si>
    <t>cg20361600</t>
  </si>
  <si>
    <t>cg20362559</t>
  </si>
  <si>
    <t>cg20365074</t>
  </si>
  <si>
    <t>cg20366284</t>
  </si>
  <si>
    <t>cg20369763</t>
  </si>
  <si>
    <t>cg20382932</t>
  </si>
  <si>
    <t>cg20385508</t>
  </si>
  <si>
    <t>cg20387815</t>
  </si>
  <si>
    <t>cg20388707</t>
  </si>
  <si>
    <t>cg20389472</t>
  </si>
  <si>
    <t>cg20391764</t>
  </si>
  <si>
    <t>cg20398486</t>
  </si>
  <si>
    <t>cg20399842</t>
  </si>
  <si>
    <t>cg20417128</t>
  </si>
  <si>
    <t>cg20428033</t>
  </si>
  <si>
    <t>cg20430725</t>
  </si>
  <si>
    <t>cg20435725</t>
  </si>
  <si>
    <t>cg20440901</t>
  </si>
  <si>
    <t>cg20443778</t>
  </si>
  <si>
    <t>cg20449833</t>
  </si>
  <si>
    <t>cg20454517</t>
  </si>
  <si>
    <t>cg20459655</t>
  </si>
  <si>
    <t>cg20459849</t>
  </si>
  <si>
    <t>cg20473374</t>
  </si>
  <si>
    <t>cg20486052</t>
  </si>
  <si>
    <t>cg20491914</t>
  </si>
  <si>
    <t>cg20492680</t>
  </si>
  <si>
    <t>cg20494682</t>
  </si>
  <si>
    <t>cg20495179</t>
  </si>
  <si>
    <t>cg20495333</t>
  </si>
  <si>
    <t>cg20499506</t>
  </si>
  <si>
    <t>cg20509869</t>
  </si>
  <si>
    <t>cg20513447</t>
  </si>
  <si>
    <t>cg20517616</t>
  </si>
  <si>
    <t>cg20539430</t>
  </si>
  <si>
    <t>cg20539752</t>
  </si>
  <si>
    <t>cg20553016</t>
  </si>
  <si>
    <t>cg20556458</t>
  </si>
  <si>
    <t>cg20557037</t>
  </si>
  <si>
    <t>cg20558299</t>
  </si>
  <si>
    <t>cg20561984</t>
  </si>
  <si>
    <t>cg20584997</t>
  </si>
  <si>
    <t>cg20585358</t>
  </si>
  <si>
    <t>cg20593611</t>
  </si>
  <si>
    <t>cg20593831</t>
  </si>
  <si>
    <t>cg20595046</t>
  </si>
  <si>
    <t>cg20599798</t>
  </si>
  <si>
    <t>cg20601192</t>
  </si>
  <si>
    <t>cg20602628</t>
  </si>
  <si>
    <t>cg20604927</t>
  </si>
  <si>
    <t>cg20627743</t>
  </si>
  <si>
    <t>cg20634234</t>
  </si>
  <si>
    <t>cg20634288</t>
  </si>
  <si>
    <t>cg20647610</t>
  </si>
  <si>
    <t>cg20649017</t>
  </si>
  <si>
    <t>cg20651084</t>
  </si>
  <si>
    <t>cg20666917</t>
  </si>
  <si>
    <t>cg20667709</t>
  </si>
  <si>
    <t>cg20670292</t>
  </si>
  <si>
    <t>cg20676716</t>
  </si>
  <si>
    <t>cg20679271</t>
  </si>
  <si>
    <t>cg20679626</t>
  </si>
  <si>
    <t>cg20688475</t>
  </si>
  <si>
    <t>cg20689228</t>
  </si>
  <si>
    <t>cg20689859</t>
  </si>
  <si>
    <t>cg20690483</t>
  </si>
  <si>
    <t>cg20691140</t>
  </si>
  <si>
    <t>cg20691617</t>
  </si>
  <si>
    <t>cg20698421</t>
  </si>
  <si>
    <t>cg20699463</t>
  </si>
  <si>
    <t>cg20701531</t>
  </si>
  <si>
    <t>cg20702390</t>
  </si>
  <si>
    <t>cg20702527</t>
  </si>
  <si>
    <t>cg20707764</t>
  </si>
  <si>
    <t>cg20709008</t>
  </si>
  <si>
    <t>cg20718643</t>
  </si>
  <si>
    <t>cg20720059</t>
  </si>
  <si>
    <t>cg20720597</t>
  </si>
  <si>
    <t>cg20722637</t>
  </si>
  <si>
    <t>cg20724004</t>
  </si>
  <si>
    <t>cg20729301</t>
  </si>
  <si>
    <t>cg20732105</t>
  </si>
  <si>
    <t>cg20732478</t>
  </si>
  <si>
    <t>cg20738664</t>
  </si>
  <si>
    <t>cg20752795</t>
  </si>
  <si>
    <t>cg20760507</t>
  </si>
  <si>
    <t>cg20783424</t>
  </si>
  <si>
    <t>cg20785796</t>
  </si>
  <si>
    <t>cg20786740</t>
  </si>
  <si>
    <t>cg20793665</t>
  </si>
  <si>
    <t>cg20800597</t>
  </si>
  <si>
    <t>cg20801500</t>
  </si>
  <si>
    <t>cg20803857</t>
  </si>
  <si>
    <t>cg20804050</t>
  </si>
  <si>
    <t>cg20804199</t>
  </si>
  <si>
    <t>cg20805133</t>
  </si>
  <si>
    <t>cg20805479</t>
  </si>
  <si>
    <t>cg20808681</t>
  </si>
  <si>
    <t>cg20822448</t>
  </si>
  <si>
    <t>cg20842253</t>
  </si>
  <si>
    <t>cg20852890</t>
  </si>
  <si>
    <t>cg20863409</t>
  </si>
  <si>
    <t>cg20871441</t>
  </si>
  <si>
    <t>cg20872422</t>
  </si>
  <si>
    <t>cg20872630</t>
  </si>
  <si>
    <t>cg20873039</t>
  </si>
  <si>
    <t>cg20873420</t>
  </si>
  <si>
    <t>cg20881074</t>
  </si>
  <si>
    <t>cg20883195</t>
  </si>
  <si>
    <t>cg20884109</t>
  </si>
  <si>
    <t>cg20884636</t>
  </si>
  <si>
    <t>cg20896338</t>
  </si>
  <si>
    <t>cg20898305</t>
  </si>
  <si>
    <t>cg20919680</t>
  </si>
  <si>
    <t>cg20919914</t>
  </si>
  <si>
    <t>cg20925763</t>
  </si>
  <si>
    <t>cg20925841</t>
  </si>
  <si>
    <t>cg20926035</t>
  </si>
  <si>
    <t>cg20926720</t>
  </si>
  <si>
    <t>cg20944157</t>
  </si>
  <si>
    <t>cg20945253</t>
  </si>
  <si>
    <t>cg20946600</t>
  </si>
  <si>
    <t>cg20949959</t>
  </si>
  <si>
    <t>cg20953075</t>
  </si>
  <si>
    <t>cg20959174</t>
  </si>
  <si>
    <t>cg20960343</t>
  </si>
  <si>
    <t>cg20960422</t>
  </si>
  <si>
    <t>cg20962211</t>
  </si>
  <si>
    <t>cg20986935</t>
  </si>
  <si>
    <t>cg20994660</t>
  </si>
  <si>
    <t>cg21014120</t>
  </si>
  <si>
    <t>cg21022949</t>
  </si>
  <si>
    <t>cg21023052</t>
  </si>
  <si>
    <t>cg21029631</t>
  </si>
  <si>
    <t>cg21035422</t>
  </si>
  <si>
    <t>cg21039778</t>
  </si>
  <si>
    <t>cg21043273</t>
  </si>
  <si>
    <t>cg21044834</t>
  </si>
  <si>
    <t>cg21048930</t>
  </si>
  <si>
    <t>cg21059665</t>
  </si>
  <si>
    <t>cg21061994</t>
  </si>
  <si>
    <t>cg21069019</t>
  </si>
  <si>
    <t>cg21078994</t>
  </si>
  <si>
    <t>cg21083314</t>
  </si>
  <si>
    <t>cg21100532</t>
  </si>
  <si>
    <t>cg21101051</t>
  </si>
  <si>
    <t>cg21117668</t>
  </si>
  <si>
    <t>cg21117768</t>
  </si>
  <si>
    <t>cg21117965</t>
  </si>
  <si>
    <t>cg21119375</t>
  </si>
  <si>
    <t>cg21122225</t>
  </si>
  <si>
    <t>cg21124375</t>
  </si>
  <si>
    <t>cg21129641</t>
  </si>
  <si>
    <t>cg21130588</t>
  </si>
  <si>
    <t>cg21133992</t>
  </si>
  <si>
    <t>cg21135616</t>
  </si>
  <si>
    <t>cg21149147</t>
  </si>
  <si>
    <t>cg21155418</t>
  </si>
  <si>
    <t>cg21166785</t>
  </si>
  <si>
    <t>cg21174435</t>
  </si>
  <si>
    <t>cg21181498</t>
  </si>
  <si>
    <t>cg21183028</t>
  </si>
  <si>
    <t>cg21184926</t>
  </si>
  <si>
    <t>cg21185289</t>
  </si>
  <si>
    <t>cg21186888</t>
  </si>
  <si>
    <t>cg21187770</t>
  </si>
  <si>
    <t>cg21192065</t>
  </si>
  <si>
    <t>cg21207266</t>
  </si>
  <si>
    <t>cg21211367</t>
  </si>
  <si>
    <t>cg21220536</t>
  </si>
  <si>
    <t>cg21221545</t>
  </si>
  <si>
    <t>cg21223117</t>
  </si>
  <si>
    <t>cg21233275</t>
  </si>
  <si>
    <t>cg21234853</t>
  </si>
  <si>
    <t>cg21238414</t>
  </si>
  <si>
    <t>cg21240950</t>
  </si>
  <si>
    <t>cg21243919</t>
  </si>
  <si>
    <t>cg21244745</t>
  </si>
  <si>
    <t>cg21248554</t>
  </si>
  <si>
    <t>cg21273584</t>
  </si>
  <si>
    <t>cg21295476</t>
  </si>
  <si>
    <t>cg21296087</t>
  </si>
  <si>
    <t>cg21296675</t>
  </si>
  <si>
    <t>cg21300403</t>
  </si>
  <si>
    <t>cg21300993</t>
  </si>
  <si>
    <t>cg21312337</t>
  </si>
  <si>
    <t>cg21314480</t>
  </si>
  <si>
    <t>cg21314662</t>
  </si>
  <si>
    <t>cg21315629</t>
  </si>
  <si>
    <t>cg21319323</t>
  </si>
  <si>
    <t>cg21333026</t>
  </si>
  <si>
    <t>cg21338532</t>
  </si>
  <si>
    <t>cg21338852</t>
  </si>
  <si>
    <t>cg21343859</t>
  </si>
  <si>
    <t>cg21344215</t>
  </si>
  <si>
    <t>cg21347733</t>
  </si>
  <si>
    <t>cg21348210</t>
  </si>
  <si>
    <t>cg21352837</t>
  </si>
  <si>
    <t>cg21353292</t>
  </si>
  <si>
    <t>cg21356710</t>
  </si>
  <si>
    <t>cg21357024</t>
  </si>
  <si>
    <t>cg21357247</t>
  </si>
  <si>
    <t>cg21364278</t>
  </si>
  <si>
    <t>cg21382589</t>
  </si>
  <si>
    <t>cg21384645</t>
  </si>
  <si>
    <t>cg21401879</t>
  </si>
  <si>
    <t>cg21403609</t>
  </si>
  <si>
    <t>cg21405109</t>
  </si>
  <si>
    <t>cg21406402</t>
  </si>
  <si>
    <t>cg21424120</t>
  </si>
  <si>
    <t>cg21450137</t>
  </si>
  <si>
    <t>cg21457692</t>
  </si>
  <si>
    <t>cg21460828</t>
  </si>
  <si>
    <t>cg21463349</t>
  </si>
  <si>
    <t>cg21463554</t>
  </si>
  <si>
    <t>cg21466874</t>
  </si>
  <si>
    <t>cg21472506</t>
  </si>
  <si>
    <t>cg21472700</t>
  </si>
  <si>
    <t>cg21475150</t>
  </si>
  <si>
    <t>cg21477691</t>
  </si>
  <si>
    <t>cg21478921</t>
  </si>
  <si>
    <t>cg21484680</t>
  </si>
  <si>
    <t>cg21485166</t>
  </si>
  <si>
    <t>cg21486510</t>
  </si>
  <si>
    <t>cg21488398</t>
  </si>
  <si>
    <t>cg21495022</t>
  </si>
  <si>
    <t>cg21497043</t>
  </si>
  <si>
    <t>cg21497057</t>
  </si>
  <si>
    <t>cg21510194</t>
  </si>
  <si>
    <t>cg21512185</t>
  </si>
  <si>
    <t>cg21514164</t>
  </si>
  <si>
    <t>cg21519781</t>
  </si>
  <si>
    <t>cg21531689</t>
  </si>
  <si>
    <t>cg21541833</t>
  </si>
  <si>
    <t>cg21542780</t>
  </si>
  <si>
    <t>cg21545857</t>
  </si>
  <si>
    <t>cg21550016</t>
  </si>
  <si>
    <t>cg21553524</t>
  </si>
  <si>
    <t>cg21557724</t>
  </si>
  <si>
    <t>cg21563597</t>
  </si>
  <si>
    <t>cg21566642</t>
  </si>
  <si>
    <t>cg21568106</t>
  </si>
  <si>
    <t>cg21570020</t>
  </si>
  <si>
    <t>cg21570130</t>
  </si>
  <si>
    <t>cg21579828</t>
  </si>
  <si>
    <t>cg21583226</t>
  </si>
  <si>
    <t>cg21583565</t>
  </si>
  <si>
    <t>cg21585640</t>
  </si>
  <si>
    <t>cg21586243</t>
  </si>
  <si>
    <t>cg21586955</t>
  </si>
  <si>
    <t>cg21594328</t>
  </si>
  <si>
    <t>cg21597209</t>
  </si>
  <si>
    <t>cg21615583</t>
  </si>
  <si>
    <t>cg21616297</t>
  </si>
  <si>
    <t>cg21619653</t>
  </si>
  <si>
    <t>cg21620608</t>
  </si>
  <si>
    <t>cg21620778</t>
  </si>
  <si>
    <t>cg21624407</t>
  </si>
  <si>
    <t>cg21641817</t>
  </si>
  <si>
    <t>cg21642176</t>
  </si>
  <si>
    <t>cg21649258</t>
  </si>
  <si>
    <t>cg21650422</t>
  </si>
  <si>
    <t>cg21650900</t>
  </si>
  <si>
    <t>cg21654383</t>
  </si>
  <si>
    <t>cg21660531</t>
  </si>
  <si>
    <t>cg21660960</t>
  </si>
  <si>
    <t>cg21661864</t>
  </si>
  <si>
    <t>cg21663666</t>
  </si>
  <si>
    <t>cg21665164</t>
  </si>
  <si>
    <t>cg21674835</t>
  </si>
  <si>
    <t>cg21678377</t>
  </si>
  <si>
    <t>cg21679674</t>
  </si>
  <si>
    <t>cg21681675</t>
  </si>
  <si>
    <t>cg21683659</t>
  </si>
  <si>
    <t>cg21684828</t>
  </si>
  <si>
    <t>cg21685750</t>
  </si>
  <si>
    <t>cg21707521</t>
  </si>
  <si>
    <t>cg21708767</t>
  </si>
  <si>
    <t>cg21728844</t>
  </si>
  <si>
    <t>cg21735676</t>
  </si>
  <si>
    <t>cg21736186</t>
  </si>
  <si>
    <t>cg21738971</t>
  </si>
  <si>
    <t>cg21751145</t>
  </si>
  <si>
    <t>cg21752144</t>
  </si>
  <si>
    <t>cg21752601</t>
  </si>
  <si>
    <t>cg21759953</t>
  </si>
  <si>
    <t>cg21773665</t>
  </si>
  <si>
    <t>cg21788624</t>
  </si>
  <si>
    <t>cg21789510</t>
  </si>
  <si>
    <t>cg21816336</t>
  </si>
  <si>
    <t>cg21821659</t>
  </si>
  <si>
    <t>cg21825027</t>
  </si>
  <si>
    <t>cg21843262</t>
  </si>
  <si>
    <t>cg21845817</t>
  </si>
  <si>
    <t>cg21846876</t>
  </si>
  <si>
    <t>cg21847751</t>
  </si>
  <si>
    <t>cg21858291</t>
  </si>
  <si>
    <t>cg21872543</t>
  </si>
  <si>
    <t>cg21875802</t>
  </si>
  <si>
    <t>cg21898073</t>
  </si>
  <si>
    <t>cg21901277</t>
  </si>
  <si>
    <t>cg21903765</t>
  </si>
  <si>
    <t>cg21918313</t>
  </si>
  <si>
    <t>cg21926875</t>
  </si>
  <si>
    <t>cg21931103</t>
  </si>
  <si>
    <t>cg21934564</t>
  </si>
  <si>
    <t>cg21940081</t>
  </si>
  <si>
    <t>cg21949333</t>
  </si>
  <si>
    <t>cg21949512</t>
  </si>
  <si>
    <t>cg21963406</t>
  </si>
  <si>
    <t>cg21965843</t>
  </si>
  <si>
    <t>cg21968324</t>
  </si>
  <si>
    <t>cg21990808</t>
  </si>
  <si>
    <t>cg21995919</t>
  </si>
  <si>
    <t>cg22003772</t>
  </si>
  <si>
    <t>cg22014379</t>
  </si>
  <si>
    <t>cg22016434</t>
  </si>
  <si>
    <t>cg22028161</t>
  </si>
  <si>
    <t>cg22044566</t>
  </si>
  <si>
    <t>cg22047910</t>
  </si>
  <si>
    <t>cg22048948</t>
  </si>
  <si>
    <t>cg22052672</t>
  </si>
  <si>
    <t>cg22058452</t>
  </si>
  <si>
    <t>cg22058467</t>
  </si>
  <si>
    <t>cg22061628</t>
  </si>
  <si>
    <t>cg22061831</t>
  </si>
  <si>
    <t>cg22062537</t>
  </si>
  <si>
    <t>cg22067325</t>
  </si>
  <si>
    <t>cg22070462</t>
  </si>
  <si>
    <t>cg22071344</t>
  </si>
  <si>
    <t>cg22073507</t>
  </si>
  <si>
    <t>cg22076118</t>
  </si>
  <si>
    <t>cg22092082</t>
  </si>
  <si>
    <t>cg22098324</t>
  </si>
  <si>
    <t>cg22106401</t>
  </si>
  <si>
    <t>cg22107710</t>
  </si>
  <si>
    <t>cg22109841</t>
  </si>
  <si>
    <t>cg22112075</t>
  </si>
  <si>
    <t>cg22116328</t>
  </si>
  <si>
    <t>cg22129545</t>
  </si>
  <si>
    <t>cg22129906</t>
  </si>
  <si>
    <t>cg22141780</t>
  </si>
  <si>
    <t>cg22148652</t>
  </si>
  <si>
    <t>cg22153873</t>
  </si>
  <si>
    <t>cg22157255</t>
  </si>
  <si>
    <t>cg22158769</t>
  </si>
  <si>
    <t>cg22160784</t>
  </si>
  <si>
    <t>cg22162225</t>
  </si>
  <si>
    <t>cg22162872</t>
  </si>
  <si>
    <t>cg22163966</t>
  </si>
  <si>
    <t>cg22164916</t>
  </si>
  <si>
    <t>cg22175247</t>
  </si>
  <si>
    <t>cg22190437</t>
  </si>
  <si>
    <t>cg22195704</t>
  </si>
  <si>
    <t>cg22197434</t>
  </si>
  <si>
    <t>cg22198946</t>
  </si>
  <si>
    <t>cg22199615</t>
  </si>
  <si>
    <t>cg22199658</t>
  </si>
  <si>
    <t>cg22199969</t>
  </si>
  <si>
    <t>cg22208448</t>
  </si>
  <si>
    <t>cg22212691</t>
  </si>
  <si>
    <t>cg22232500</t>
  </si>
  <si>
    <t>cg22242238</t>
  </si>
  <si>
    <t>cg22242842</t>
  </si>
  <si>
    <t>cg22248683</t>
  </si>
  <si>
    <t>cg22249789</t>
  </si>
  <si>
    <t>cg22275306</t>
  </si>
  <si>
    <t>cg22277431</t>
  </si>
  <si>
    <t>cg22277636</t>
  </si>
  <si>
    <t>cg22279027</t>
  </si>
  <si>
    <t>cg22281638</t>
  </si>
  <si>
    <t>cg22306928</t>
  </si>
  <si>
    <t>cg22308926</t>
  </si>
  <si>
    <t>cg22308949</t>
  </si>
  <si>
    <t>cg22311507</t>
  </si>
  <si>
    <t>cg22323778</t>
  </si>
  <si>
    <t>cg22330165</t>
  </si>
  <si>
    <t>cg22331108</t>
  </si>
  <si>
    <t>cg22331159</t>
  </si>
  <si>
    <t>cg22350835</t>
  </si>
  <si>
    <t>cg22352818</t>
  </si>
  <si>
    <t>cg22364819</t>
  </si>
  <si>
    <t>cg22365240</t>
  </si>
  <si>
    <t>cg22365431</t>
  </si>
  <si>
    <t>cg22366696</t>
  </si>
  <si>
    <t>cg22367989</t>
  </si>
  <si>
    <t>cg22373079</t>
  </si>
  <si>
    <t>cg22373181</t>
  </si>
  <si>
    <t>cg22374586</t>
  </si>
  <si>
    <t>cg22387939</t>
  </si>
  <si>
    <t>cg22388982</t>
  </si>
  <si>
    <t>cg22399133</t>
  </si>
  <si>
    <t>cg22399646</t>
  </si>
  <si>
    <t>cg22400015</t>
  </si>
  <si>
    <t>cg22403344</t>
  </si>
  <si>
    <t>cg22403851</t>
  </si>
  <si>
    <t>cg22405558</t>
  </si>
  <si>
    <t>cg22407090</t>
  </si>
  <si>
    <t>cg22409775</t>
  </si>
  <si>
    <t>cg22412747</t>
  </si>
  <si>
    <t>cg22413209</t>
  </si>
  <si>
    <t>cg22439777</t>
  </si>
  <si>
    <t>cg22440793</t>
  </si>
  <si>
    <t>cg22448601</t>
  </si>
  <si>
    <t>cg22451782</t>
  </si>
  <si>
    <t>cg22454769</t>
  </si>
  <si>
    <t>cg22470850</t>
  </si>
  <si>
    <t>cg22475904</t>
  </si>
  <si>
    <t>cg22480783</t>
  </si>
  <si>
    <t>cg22488859</t>
  </si>
  <si>
    <t>cg22490254</t>
  </si>
  <si>
    <t>cg22528044</t>
  </si>
  <si>
    <t>cg22533762</t>
  </si>
  <si>
    <t>cg22540561</t>
  </si>
  <si>
    <t>cg22541735</t>
  </si>
  <si>
    <t>cg22541830</t>
  </si>
  <si>
    <t>cg22542702</t>
  </si>
  <si>
    <t>cg22547404</t>
  </si>
  <si>
    <t>cg22549231</t>
  </si>
  <si>
    <t>cg22549881</t>
  </si>
  <si>
    <t>cg22580372</t>
  </si>
  <si>
    <t>cg22584335</t>
  </si>
  <si>
    <t>cg22587327</t>
  </si>
  <si>
    <t>cg22587479</t>
  </si>
  <si>
    <t>cg22587602</t>
  </si>
  <si>
    <t>cg22588542</t>
  </si>
  <si>
    <t>cg22588640</t>
  </si>
  <si>
    <t>cg22592943</t>
  </si>
  <si>
    <t>cg22593554</t>
  </si>
  <si>
    <t>cg22594737</t>
  </si>
  <si>
    <t>cg22595460</t>
  </si>
  <si>
    <t>cg22618405</t>
  </si>
  <si>
    <t>cg22635676</t>
  </si>
  <si>
    <t>cg22639352</t>
  </si>
  <si>
    <t>cg22640010</t>
  </si>
  <si>
    <t>cg22641902</t>
  </si>
  <si>
    <t>cg22647546</t>
  </si>
  <si>
    <t>cg22648929</t>
  </si>
  <si>
    <t>cg22649290</t>
  </si>
  <si>
    <t>cg22650617</t>
  </si>
  <si>
    <t>cg22652155</t>
  </si>
  <si>
    <t>cg22653717</t>
  </si>
  <si>
    <t>cg22654940</t>
  </si>
  <si>
    <t>cg22657780</t>
  </si>
  <si>
    <t>cg22663545</t>
  </si>
  <si>
    <t>cg22670147</t>
  </si>
  <si>
    <t>cg22674699</t>
  </si>
  <si>
    <t>cg22677715</t>
  </si>
  <si>
    <t>cg22678065</t>
  </si>
  <si>
    <t>cg22688388</t>
  </si>
  <si>
    <t>cg22696982</t>
  </si>
  <si>
    <t>cg22699676</t>
  </si>
  <si>
    <t>cg22702979</t>
  </si>
  <si>
    <t>cg22704520</t>
  </si>
  <si>
    <t>cg22705016</t>
  </si>
  <si>
    <t>cg22707563</t>
  </si>
  <si>
    <t>cg22708752</t>
  </si>
  <si>
    <t>cg22709563</t>
  </si>
  <si>
    <t>cg22713941</t>
  </si>
  <si>
    <t>cg22717109</t>
  </si>
  <si>
    <t>cg22732812</t>
  </si>
  <si>
    <t>cg22734086</t>
  </si>
  <si>
    <t>cg22748606</t>
  </si>
  <si>
    <t>cg22755142</t>
  </si>
  <si>
    <t>cg22756555</t>
  </si>
  <si>
    <t>cg22762844</t>
  </si>
  <si>
    <t>cg22767408</t>
  </si>
  <si>
    <t>cg22792938</t>
  </si>
  <si>
    <t>cg22794704</t>
  </si>
  <si>
    <t>cg22795569</t>
  </si>
  <si>
    <t>cg22825116</t>
  </si>
  <si>
    <t>cg22829114</t>
  </si>
  <si>
    <t>cg22830113</t>
  </si>
  <si>
    <t>cg22834096</t>
  </si>
  <si>
    <t>cg22855876</t>
  </si>
  <si>
    <t>cg22855933</t>
  </si>
  <si>
    <t>cg22856324</t>
  </si>
  <si>
    <t>cg22856512</t>
  </si>
  <si>
    <t>cg22860195</t>
  </si>
  <si>
    <t>cg22860848</t>
  </si>
  <si>
    <t>cg22865128</t>
  </si>
  <si>
    <t>cg22866015</t>
  </si>
  <si>
    <t>cg22876812</t>
  </si>
  <si>
    <t>cg22878388</t>
  </si>
  <si>
    <t>cg22879834</t>
  </si>
  <si>
    <t>cg22880770</t>
  </si>
  <si>
    <t>cg22882665</t>
  </si>
  <si>
    <t>cg22883290</t>
  </si>
  <si>
    <t>cg22883304</t>
  </si>
  <si>
    <t>cg22885407</t>
  </si>
  <si>
    <t>cg22898783</t>
  </si>
  <si>
    <t>cg22900266</t>
  </si>
  <si>
    <t>cg22902535</t>
  </si>
  <si>
    <t>cg22902939</t>
  </si>
  <si>
    <t>cg22903655</t>
  </si>
  <si>
    <t>cg22904255</t>
  </si>
  <si>
    <t>cg22908266</t>
  </si>
  <si>
    <t>cg22920501</t>
  </si>
  <si>
    <t>cg22923268</t>
  </si>
  <si>
    <t>cg22923398</t>
  </si>
  <si>
    <t>cg22923827</t>
  </si>
  <si>
    <t>cg22924060</t>
  </si>
  <si>
    <t>cg22924838</t>
  </si>
  <si>
    <t>cg22929018</t>
  </si>
  <si>
    <t>cg22929802</t>
  </si>
  <si>
    <t>cg22939193</t>
  </si>
  <si>
    <t>cg22944632</t>
  </si>
  <si>
    <t>cg22949040</t>
  </si>
  <si>
    <t>cg22956310</t>
  </si>
  <si>
    <t>cg22971415</t>
  </si>
  <si>
    <t>cg22976360</t>
  </si>
  <si>
    <t>cg22976585</t>
  </si>
  <si>
    <t>cg22979783</t>
  </si>
  <si>
    <t>cg22980611</t>
  </si>
  <si>
    <t>cg22992167</t>
  </si>
  <si>
    <t>cg22994071</t>
  </si>
  <si>
    <t>cg22994281</t>
  </si>
  <si>
    <t>cg23003258</t>
  </si>
  <si>
    <t>cg23005196</t>
  </si>
  <si>
    <t>cg23009452</t>
  </si>
  <si>
    <t>cg23009818</t>
  </si>
  <si>
    <t>cg23011754</t>
  </si>
  <si>
    <t>cg23039201</t>
  </si>
  <si>
    <t>cg23042796</t>
  </si>
  <si>
    <t>cg23045258</t>
  </si>
  <si>
    <t>cg23045594</t>
  </si>
  <si>
    <t>cg23050996</t>
  </si>
  <si>
    <t>cg23051046</t>
  </si>
  <si>
    <t>cg23052826</t>
  </si>
  <si>
    <t>cg23053271</t>
  </si>
  <si>
    <t>cg23054112</t>
  </si>
  <si>
    <t>cg23056047</t>
  </si>
  <si>
    <t>cg23060747</t>
  </si>
  <si>
    <t>cg23060872</t>
  </si>
  <si>
    <t>cg23061114</t>
  </si>
  <si>
    <t>cg23061718</t>
  </si>
  <si>
    <t>cg23064609</t>
  </si>
  <si>
    <t>cg23069877</t>
  </si>
  <si>
    <t>cg23075101</t>
  </si>
  <si>
    <t>cg23092538</t>
  </si>
  <si>
    <t>cg23092844</t>
  </si>
  <si>
    <t>cg23094057</t>
  </si>
  <si>
    <t>cg23095732</t>
  </si>
  <si>
    <t>cg23097564</t>
  </si>
  <si>
    <t>cg23100370</t>
  </si>
  <si>
    <t>cg23104227</t>
  </si>
  <si>
    <t>cg23107161</t>
  </si>
  <si>
    <t>cg23117592</t>
  </si>
  <si>
    <t>cg23118464</t>
  </si>
  <si>
    <t>cg23120805</t>
  </si>
  <si>
    <t>cg23122109</t>
  </si>
  <si>
    <t>cg23136742</t>
  </si>
  <si>
    <t>cg23151000</t>
  </si>
  <si>
    <t>cg23151303</t>
  </si>
  <si>
    <t>cg23153680</t>
  </si>
  <si>
    <t>cg23156804</t>
  </si>
  <si>
    <t>cg23158051</t>
  </si>
  <si>
    <t>cg23159081</t>
  </si>
  <si>
    <t>cg23161999</t>
  </si>
  <si>
    <t>cg23177772</t>
  </si>
  <si>
    <t>cg23197559</t>
  </si>
  <si>
    <t>cg23201549</t>
  </si>
  <si>
    <t>cg23212579</t>
  </si>
  <si>
    <t>cg23220420</t>
  </si>
  <si>
    <t>cg23220551</t>
  </si>
  <si>
    <t>cg23221504</t>
  </si>
  <si>
    <t>cg23223742</t>
  </si>
  <si>
    <t>cg23227355</t>
  </si>
  <si>
    <t>cg23227555</t>
  </si>
  <si>
    <t>cg23229261</t>
  </si>
  <si>
    <t>cg23229568</t>
  </si>
  <si>
    <t>cg23239637</t>
  </si>
  <si>
    <t>cg23241628</t>
  </si>
  <si>
    <t>cg23242708</t>
  </si>
  <si>
    <t>cg23243012</t>
  </si>
  <si>
    <t>cg23243474</t>
  </si>
  <si>
    <t>cg23244253</t>
  </si>
  <si>
    <t>cg23245316</t>
  </si>
  <si>
    <t>cg23246885</t>
  </si>
  <si>
    <t>cg23248865</t>
  </si>
  <si>
    <t>cg23255912</t>
  </si>
  <si>
    <t>cg23256664</t>
  </si>
  <si>
    <t>cg23268914</t>
  </si>
  <si>
    <t>cg23270808</t>
  </si>
  <si>
    <t>cg23273364</t>
  </si>
  <si>
    <t>cg23277693</t>
  </si>
  <si>
    <t>cg23281712</t>
  </si>
  <si>
    <t>cg23282051</t>
  </si>
  <si>
    <t>cg23286353</t>
  </si>
  <si>
    <t>cg23290121</t>
  </si>
  <si>
    <t>cg23291301</t>
  </si>
  <si>
    <t>cg23302570</t>
  </si>
  <si>
    <t>cg23302603</t>
  </si>
  <si>
    <t>cg23302730</t>
  </si>
  <si>
    <t>cg23306755</t>
  </si>
  <si>
    <t>cg23317907</t>
  </si>
  <si>
    <t>cg23322531</t>
  </si>
  <si>
    <t>cg23323468</t>
  </si>
  <si>
    <t>cg23325963</t>
  </si>
  <si>
    <t>cg23332900</t>
  </si>
  <si>
    <t>cg23333970</t>
  </si>
  <si>
    <t>cg23337647</t>
  </si>
  <si>
    <t>cg23340613</t>
  </si>
  <si>
    <t>cg23348270</t>
  </si>
  <si>
    <t>cg23349402</t>
  </si>
  <si>
    <t>cg23361708</t>
  </si>
  <si>
    <t>cg23361828</t>
  </si>
  <si>
    <t>cg23363202</t>
  </si>
  <si>
    <t>cg23365699</t>
  </si>
  <si>
    <t>cg23366762</t>
  </si>
  <si>
    <t>cg23369371</t>
  </si>
  <si>
    <t>cg23399426</t>
  </si>
  <si>
    <t>cg23402429</t>
  </si>
  <si>
    <t>cg23404528</t>
  </si>
  <si>
    <t>cg23405039</t>
  </si>
  <si>
    <t>cg23405152</t>
  </si>
  <si>
    <t>cg23406815</t>
  </si>
  <si>
    <t>cg23407068</t>
  </si>
  <si>
    <t>cg23409591</t>
  </si>
  <si>
    <t>cg23412136</t>
  </si>
  <si>
    <t>cg23413809</t>
  </si>
  <si>
    <t>cg23415434</t>
  </si>
  <si>
    <t>cg23417677</t>
  </si>
  <si>
    <t>cg23420260</t>
  </si>
  <si>
    <t>cg23424933</t>
  </si>
  <si>
    <t>cg23427269</t>
  </si>
  <si>
    <t>cg23455982</t>
  </si>
  <si>
    <t>cg23460843</t>
  </si>
  <si>
    <t>cg23465910</t>
  </si>
  <si>
    <t>cg23465967</t>
  </si>
  <si>
    <t>cg23468128</t>
  </si>
  <si>
    <t>cg23468897</t>
  </si>
  <si>
    <t>cg23475109</t>
  </si>
  <si>
    <t>cg23475135</t>
  </si>
  <si>
    <t>cg23475755</t>
  </si>
  <si>
    <t>cg23482427</t>
  </si>
  <si>
    <t>cg23483069</t>
  </si>
  <si>
    <t>cg23491599</t>
  </si>
  <si>
    <t>cg23492351</t>
  </si>
  <si>
    <t>cg23496400</t>
  </si>
  <si>
    <t>cg23497383</t>
  </si>
  <si>
    <t>cg23497501</t>
  </si>
  <si>
    <t>cg23499749</t>
  </si>
  <si>
    <t>cg23511613</t>
  </si>
  <si>
    <t>cg23518699</t>
  </si>
  <si>
    <t>cg23519930</t>
  </si>
  <si>
    <t>cg23521140</t>
  </si>
  <si>
    <t>cg23521589</t>
  </si>
  <si>
    <t>cg23522611</t>
  </si>
  <si>
    <t>cg23526973</t>
  </si>
  <si>
    <t>cg23529037</t>
  </si>
  <si>
    <t>cg23536372</t>
  </si>
  <si>
    <t>cg23541422</t>
  </si>
  <si>
    <t>cg23546474</t>
  </si>
  <si>
    <t>cg23547017</t>
  </si>
  <si>
    <t>cg23553480</t>
  </si>
  <si>
    <t>cg23556108</t>
  </si>
  <si>
    <t>cg23558158</t>
  </si>
  <si>
    <t>cg23561859</t>
  </si>
  <si>
    <t>cg23561934</t>
  </si>
  <si>
    <t>cg23563438</t>
  </si>
  <si>
    <t>cg23575858</t>
  </si>
  <si>
    <t>cg23581656</t>
  </si>
  <si>
    <t>cg23585686</t>
  </si>
  <si>
    <t>cg23599640</t>
  </si>
  <si>
    <t>cg23603789</t>
  </si>
  <si>
    <t>cg23606718</t>
  </si>
  <si>
    <t>cg23609528</t>
  </si>
  <si>
    <t>cg23618658</t>
  </si>
  <si>
    <t>cg23623107</t>
  </si>
  <si>
    <t>cg23624723</t>
  </si>
  <si>
    <t>cg23634829</t>
  </si>
  <si>
    <t>cg23636099</t>
  </si>
  <si>
    <t>cg23639196</t>
  </si>
  <si>
    <t>cg23642078</t>
  </si>
  <si>
    <t>cg23643435</t>
  </si>
  <si>
    <t>cg23648904</t>
  </si>
  <si>
    <t>cg23655816</t>
  </si>
  <si>
    <t>cg23665824</t>
  </si>
  <si>
    <t>cg23665973</t>
  </si>
  <si>
    <t>cg23666278</t>
  </si>
  <si>
    <t>cg23667267</t>
  </si>
  <si>
    <t>cg23668184</t>
  </si>
  <si>
    <t>cg23669276</t>
  </si>
  <si>
    <t>cg23679073</t>
  </si>
  <si>
    <t>cg23681112</t>
  </si>
  <si>
    <t>cg23684855</t>
  </si>
  <si>
    <t>cg23687269</t>
  </si>
  <si>
    <t>cg23689052</t>
  </si>
  <si>
    <t>cg23689220</t>
  </si>
  <si>
    <t>cg23689428</t>
  </si>
  <si>
    <t>cg23690488</t>
  </si>
  <si>
    <t>cg23718924</t>
  </si>
  <si>
    <t>cg23719318</t>
  </si>
  <si>
    <t>cg23724873</t>
  </si>
  <si>
    <t>cg23725394</t>
  </si>
  <si>
    <t>cg23726945</t>
  </si>
  <si>
    <t>cg23729050</t>
  </si>
  <si>
    <t>cg23729417</t>
  </si>
  <si>
    <t>cg23743911</t>
  </si>
  <si>
    <t>cg23759847</t>
  </si>
  <si>
    <t>cg23778310</t>
  </si>
  <si>
    <t>cg23783703</t>
  </si>
  <si>
    <t>cg23807890</t>
  </si>
  <si>
    <t>cg23808946</t>
  </si>
  <si>
    <t>cg23809624</t>
  </si>
  <si>
    <t>cg23820770</t>
  </si>
  <si>
    <t>cg23840340</t>
  </si>
  <si>
    <t>cg23840860</t>
  </si>
  <si>
    <t>cg23843398</t>
  </si>
  <si>
    <t>cg23851476</t>
  </si>
  <si>
    <t>cg23851558</t>
  </si>
  <si>
    <t>cg23861889</t>
  </si>
  <si>
    <t>cg23864543</t>
  </si>
  <si>
    <t>cg23869335</t>
  </si>
  <si>
    <t>cg23881902</t>
  </si>
  <si>
    <t>cg23886783</t>
  </si>
  <si>
    <t>cg23895041</t>
  </si>
  <si>
    <t>cg23900228</t>
  </si>
  <si>
    <t>cg23901857</t>
  </si>
  <si>
    <t>cg23905308</t>
  </si>
  <si>
    <t>cg23922134</t>
  </si>
  <si>
    <t>cg23923070</t>
  </si>
  <si>
    <t>cg23939932</t>
  </si>
  <si>
    <t>cg23940612</t>
  </si>
  <si>
    <t>cg23948843</t>
  </si>
  <si>
    <t>cg23962528</t>
  </si>
  <si>
    <t>cg23963153</t>
  </si>
  <si>
    <t>cg23964682</t>
  </si>
  <si>
    <t>cg23970798</t>
  </si>
  <si>
    <t>cg23973558</t>
  </si>
  <si>
    <t>cg23975441</t>
  </si>
  <si>
    <t>cg23975564</t>
  </si>
  <si>
    <t>cg23977011</t>
  </si>
  <si>
    <t>cg23977631</t>
  </si>
  <si>
    <t>cg23977821</t>
  </si>
  <si>
    <t>cg23978155</t>
  </si>
  <si>
    <t>cg23979102</t>
  </si>
  <si>
    <t>cg23980314</t>
  </si>
  <si>
    <t>cg23985163</t>
  </si>
  <si>
    <t>cg23986590</t>
  </si>
  <si>
    <t>cg23993463</t>
  </si>
  <si>
    <t>cg23994043</t>
  </si>
  <si>
    <t>cg23994692</t>
  </si>
  <si>
    <t>cg23994917</t>
  </si>
  <si>
    <t>cg24007915</t>
  </si>
  <si>
    <t>cg24011073</t>
  </si>
  <si>
    <t>cg24011637</t>
  </si>
  <si>
    <t>cg24046125</t>
  </si>
  <si>
    <t>cg24046271</t>
  </si>
  <si>
    <t>cg24055349</t>
  </si>
  <si>
    <t>cg24062526</t>
  </si>
  <si>
    <t>cg24066980</t>
  </si>
  <si>
    <t>cg24068299</t>
  </si>
  <si>
    <t>cg24069724</t>
  </si>
  <si>
    <t>cg24071726</t>
  </si>
  <si>
    <t>cg24075745</t>
  </si>
  <si>
    <t>cg24076774</t>
  </si>
  <si>
    <t>cg24078602</t>
  </si>
  <si>
    <t>cg24105287</t>
  </si>
  <si>
    <t>cg24127278</t>
  </si>
  <si>
    <t>cg24127874</t>
  </si>
  <si>
    <t>cg24129977</t>
  </si>
  <si>
    <t>cg24131116</t>
  </si>
  <si>
    <t>cg24154951</t>
  </si>
  <si>
    <t>cg24162965</t>
  </si>
  <si>
    <t>cg24166694</t>
  </si>
  <si>
    <t>cg24169503</t>
  </si>
  <si>
    <t>cg24171337</t>
  </si>
  <si>
    <t>cg24171907</t>
  </si>
  <si>
    <t>cg24176030</t>
  </si>
  <si>
    <t>cg24203960</t>
  </si>
  <si>
    <t>cg24215279</t>
  </si>
  <si>
    <t>cg24215973</t>
  </si>
  <si>
    <t>cg24216893</t>
  </si>
  <si>
    <t>cg24217704</t>
  </si>
  <si>
    <t>cg24220031</t>
  </si>
  <si>
    <t>cg24222746</t>
  </si>
  <si>
    <t>cg24222817</t>
  </si>
  <si>
    <t>cg24224153</t>
  </si>
  <si>
    <t>cg24225259</t>
  </si>
  <si>
    <t>cg24226138</t>
  </si>
  <si>
    <t>cg24226528</t>
  </si>
  <si>
    <t>cg24275957</t>
  </si>
  <si>
    <t>cg24300012</t>
  </si>
  <si>
    <t>cg24304658</t>
  </si>
  <si>
    <t>cg24305770</t>
  </si>
  <si>
    <t>cg24319718</t>
  </si>
  <si>
    <t>cg24319892</t>
  </si>
  <si>
    <t>cg24321774</t>
  </si>
  <si>
    <t>cg24338331</t>
  </si>
  <si>
    <t>cg24343273</t>
  </si>
  <si>
    <t>cg24347663</t>
  </si>
  <si>
    <t>cg24365846</t>
  </si>
  <si>
    <t>cg24374738</t>
  </si>
  <si>
    <t>cg24393552</t>
  </si>
  <si>
    <t>cg24399924</t>
  </si>
  <si>
    <t>cg24411913</t>
  </si>
  <si>
    <t>cg24413235</t>
  </si>
  <si>
    <t>cg24413369</t>
  </si>
  <si>
    <t>cg24416562</t>
  </si>
  <si>
    <t>cg24417626</t>
  </si>
  <si>
    <t>cg24419324</t>
  </si>
  <si>
    <t>cg24419520</t>
  </si>
  <si>
    <t>cg24419828</t>
  </si>
  <si>
    <t>cg24419856</t>
  </si>
  <si>
    <t>cg24428851</t>
  </si>
  <si>
    <t>cg24431318</t>
  </si>
  <si>
    <t>cg24436906</t>
  </si>
  <si>
    <t>cg24437715</t>
  </si>
  <si>
    <t>cg24459529</t>
  </si>
  <si>
    <t>cg24461964</t>
  </si>
  <si>
    <t>cg24466479</t>
  </si>
  <si>
    <t>cg24471039</t>
  </si>
  <si>
    <t>cg24478803</t>
  </si>
  <si>
    <t>cg24504864</t>
  </si>
  <si>
    <t>cg24512778</t>
  </si>
  <si>
    <t>cg24516106</t>
  </si>
  <si>
    <t>cg24516711</t>
  </si>
  <si>
    <t>cg24524352</t>
  </si>
  <si>
    <t>cg24532898</t>
  </si>
  <si>
    <t>cg24534135</t>
  </si>
  <si>
    <t>cg24539668</t>
  </si>
  <si>
    <t>cg24541021</t>
  </si>
  <si>
    <t>cg24541426</t>
  </si>
  <si>
    <t>cg24542441</t>
  </si>
  <si>
    <t>cg24548498</t>
  </si>
  <si>
    <t>cg24555089</t>
  </si>
  <si>
    <t>cg24561661</t>
  </si>
  <si>
    <t>cg24562066</t>
  </si>
  <si>
    <t>cg24563094</t>
  </si>
  <si>
    <t>cg24569637</t>
  </si>
  <si>
    <t>cg24575676</t>
  </si>
  <si>
    <t>cg24580106</t>
  </si>
  <si>
    <t>cg24581378</t>
  </si>
  <si>
    <t>cg24583646</t>
  </si>
  <si>
    <t>cg24586870</t>
  </si>
  <si>
    <t>cg24591029</t>
  </si>
  <si>
    <t>cg24596008</t>
  </si>
  <si>
    <t>cg24597158</t>
  </si>
  <si>
    <t>cg24603576</t>
  </si>
  <si>
    <t>cg24607290</t>
  </si>
  <si>
    <t>cg24607575</t>
  </si>
  <si>
    <t>cg24609304</t>
  </si>
  <si>
    <t>cg24614854</t>
  </si>
  <si>
    <t>cg24617696</t>
  </si>
  <si>
    <t>cg24617723</t>
  </si>
  <si>
    <t>cg24618467</t>
  </si>
  <si>
    <t>cg24618910</t>
  </si>
  <si>
    <t>cg24631482</t>
  </si>
  <si>
    <t>cg24631739</t>
  </si>
  <si>
    <t>cg24633978</t>
  </si>
  <si>
    <t>cg24634565</t>
  </si>
  <si>
    <t>cg24654266</t>
  </si>
  <si>
    <t>cg24656153</t>
  </si>
  <si>
    <t>cg24664570</t>
  </si>
  <si>
    <t>cg24666733</t>
  </si>
  <si>
    <t>cg24678040</t>
  </si>
  <si>
    <t>cg24678095</t>
  </si>
  <si>
    <t>cg24680979</t>
  </si>
  <si>
    <t>cg24681598</t>
  </si>
  <si>
    <t>cg24681695</t>
  </si>
  <si>
    <t>cg24685071</t>
  </si>
  <si>
    <t>cg24688655</t>
  </si>
  <si>
    <t>cg24695950</t>
  </si>
  <si>
    <t>cg24703390</t>
  </si>
  <si>
    <t>cg24706932</t>
  </si>
  <si>
    <t>cg24707505</t>
  </si>
  <si>
    <t>cg24717024</t>
  </si>
  <si>
    <t>cg24718866</t>
  </si>
  <si>
    <t>cg24718991</t>
  </si>
  <si>
    <t>cg24719005</t>
  </si>
  <si>
    <t>cg24720192</t>
  </si>
  <si>
    <t>cg24725185</t>
  </si>
  <si>
    <t>cg24738387</t>
  </si>
  <si>
    <t>cg24738655</t>
  </si>
  <si>
    <t>cg24738909</t>
  </si>
  <si>
    <t>cg24742614</t>
  </si>
  <si>
    <t>cg24743639</t>
  </si>
  <si>
    <t>cg24743778</t>
  </si>
  <si>
    <t>cg24744172</t>
  </si>
  <si>
    <t>cg24744501</t>
  </si>
  <si>
    <t>cg24745548</t>
  </si>
  <si>
    <t>cg24746100</t>
  </si>
  <si>
    <t>cg24746666</t>
  </si>
  <si>
    <t>cg24750513</t>
  </si>
  <si>
    <t>cg24750614</t>
  </si>
  <si>
    <t>cg24752028</t>
  </si>
  <si>
    <t>cg24763094</t>
  </si>
  <si>
    <t>cg24766821</t>
  </si>
  <si>
    <t>cg24767315</t>
  </si>
  <si>
    <t>cg24771206</t>
  </si>
  <si>
    <t>cg24772167</t>
  </si>
  <si>
    <t>cg24772388</t>
  </si>
  <si>
    <t>cg24772753</t>
  </si>
  <si>
    <t>cg24775454</t>
  </si>
  <si>
    <t>cg24776469</t>
  </si>
  <si>
    <t>cg24787692</t>
  </si>
  <si>
    <t>cg24789487</t>
  </si>
  <si>
    <t>cg24797187</t>
  </si>
  <si>
    <t>cg24798398</t>
  </si>
  <si>
    <t>cg24798914</t>
  </si>
  <si>
    <t>cg24824082</t>
  </si>
  <si>
    <t>cg24824997</t>
  </si>
  <si>
    <t>cg24829460</t>
  </si>
  <si>
    <t>cg24830524</t>
  </si>
  <si>
    <t>cg24831107</t>
  </si>
  <si>
    <t>cg24859484</t>
  </si>
  <si>
    <t>cg24868028</t>
  </si>
  <si>
    <t>cg24873743</t>
  </si>
  <si>
    <t>cg24874524</t>
  </si>
  <si>
    <t>cg24877391</t>
  </si>
  <si>
    <t>cg24879782</t>
  </si>
  <si>
    <t>cg24885082</t>
  </si>
  <si>
    <t>cg24886176</t>
  </si>
  <si>
    <t>cg24890043</t>
  </si>
  <si>
    <t>cg24890054</t>
  </si>
  <si>
    <t>cg24913324</t>
  </si>
  <si>
    <t>cg24915371</t>
  </si>
  <si>
    <t>cg24919768</t>
  </si>
  <si>
    <t>cg24923684</t>
  </si>
  <si>
    <t>cg24932305</t>
  </si>
  <si>
    <t>cg24937696</t>
  </si>
  <si>
    <t>cg24938641</t>
  </si>
  <si>
    <t>cg24938830</t>
  </si>
  <si>
    <t>cg24938881</t>
  </si>
  <si>
    <t>cg24941797</t>
  </si>
  <si>
    <t>cg24980657</t>
  </si>
  <si>
    <t>cg24987806</t>
  </si>
  <si>
    <t>cg24988444</t>
  </si>
  <si>
    <t>cg24996179</t>
  </si>
  <si>
    <t>cg24996605</t>
  </si>
  <si>
    <t>cg24996985</t>
  </si>
  <si>
    <t>cg24999111</t>
  </si>
  <si>
    <t>cg25000021</t>
  </si>
  <si>
    <t>cg25003472</t>
  </si>
  <si>
    <t>cg25011921</t>
  </si>
  <si>
    <t>cg25023043</t>
  </si>
  <si>
    <t>cg25024074</t>
  </si>
  <si>
    <t>cg25029561</t>
  </si>
  <si>
    <t>cg25033515</t>
  </si>
  <si>
    <t>cg25036234</t>
  </si>
  <si>
    <t>cg25039051</t>
  </si>
  <si>
    <t>cg25042022</t>
  </si>
  <si>
    <t>cg25044635</t>
  </si>
  <si>
    <t>cg25048344</t>
  </si>
  <si>
    <t>cg25049295</t>
  </si>
  <si>
    <t>cg25055120</t>
  </si>
  <si>
    <t>cg25059588</t>
  </si>
  <si>
    <t>cg25064853</t>
  </si>
  <si>
    <t>cg25074751</t>
  </si>
  <si>
    <t>cg25075147</t>
  </si>
  <si>
    <t>cg25096700</t>
  </si>
  <si>
    <t>cg25098707</t>
  </si>
  <si>
    <t>cg25099438</t>
  </si>
  <si>
    <t>cg25100604</t>
  </si>
  <si>
    <t>cg25101327</t>
  </si>
  <si>
    <t>cg25101500</t>
  </si>
  <si>
    <t>cg25101898</t>
  </si>
  <si>
    <t>cg25103905</t>
  </si>
  <si>
    <t>cg25108478</t>
  </si>
  <si>
    <t>cg25114580</t>
  </si>
  <si>
    <t>cg25117123</t>
  </si>
  <si>
    <t>cg25121292</t>
  </si>
  <si>
    <t>cg25126678</t>
  </si>
  <si>
    <t>cg25137403</t>
  </si>
  <si>
    <t>cg25138311</t>
  </si>
  <si>
    <t>cg25138484</t>
  </si>
  <si>
    <t>cg25139596</t>
  </si>
  <si>
    <t>cg25153196</t>
  </si>
  <si>
    <t>cg25160726</t>
  </si>
  <si>
    <t>cg25160978</t>
  </si>
  <si>
    <t>cg25161429</t>
  </si>
  <si>
    <t>cg25168494</t>
  </si>
  <si>
    <t>cg25181651</t>
  </si>
  <si>
    <t>cg25181710</t>
  </si>
  <si>
    <t>cg25200416</t>
  </si>
  <si>
    <t>cg25202298</t>
  </si>
  <si>
    <t>cg25203885</t>
  </si>
  <si>
    <t>cg25204233</t>
  </si>
  <si>
    <t>cg25206134</t>
  </si>
  <si>
    <t>cg25230945</t>
  </si>
  <si>
    <t>cg25240445</t>
  </si>
  <si>
    <t>cg25240468</t>
  </si>
  <si>
    <t>cg25241038</t>
  </si>
  <si>
    <t>cg25241559</t>
  </si>
  <si>
    <t>cg25242471</t>
  </si>
  <si>
    <t>cg25242587</t>
  </si>
  <si>
    <t>cg25245569</t>
  </si>
  <si>
    <t>cg25253773</t>
  </si>
  <si>
    <t>cg25265126</t>
  </si>
  <si>
    <t>cg25265300</t>
  </si>
  <si>
    <t>cg25272554</t>
  </si>
  <si>
    <t>cg25292468</t>
  </si>
  <si>
    <t>cg25297992</t>
  </si>
  <si>
    <t>cg25299214</t>
  </si>
  <si>
    <t>cg25301406</t>
  </si>
  <si>
    <t>cg25329589</t>
  </si>
  <si>
    <t>cg25332377</t>
  </si>
  <si>
    <t>cg25334934</t>
  </si>
  <si>
    <t>cg25336731</t>
  </si>
  <si>
    <t>cg25337514</t>
  </si>
  <si>
    <t>cg25339653</t>
  </si>
  <si>
    <t>cg25347419</t>
  </si>
  <si>
    <t>cg25354918</t>
  </si>
  <si>
    <t>cg25365034</t>
  </si>
  <si>
    <t>cg25371950</t>
  </si>
  <si>
    <t>cg25372407</t>
  </si>
  <si>
    <t>cg25411110</t>
  </si>
  <si>
    <t>cg25423004</t>
  </si>
  <si>
    <t>cg25423732</t>
  </si>
  <si>
    <t>cg25423755</t>
  </si>
  <si>
    <t>cg25428553</t>
  </si>
  <si>
    <t>cg25428929</t>
  </si>
  <si>
    <t>cg25432992</t>
  </si>
  <si>
    <t>cg25433157</t>
  </si>
  <si>
    <t>cg25439845</t>
  </si>
  <si>
    <t>cg25440278</t>
  </si>
  <si>
    <t>cg25443006</t>
  </si>
  <si>
    <t>cg25450113</t>
  </si>
  <si>
    <t>cg25455438</t>
  </si>
  <si>
    <t>cg25471021</t>
  </si>
  <si>
    <t>cg25471520</t>
  </si>
  <si>
    <t>cg25472172</t>
  </si>
  <si>
    <t>cg25475289</t>
  </si>
  <si>
    <t>cg25476129</t>
  </si>
  <si>
    <t>cg25479788</t>
  </si>
  <si>
    <t>cg25487775</t>
  </si>
  <si>
    <t>cg25492097</t>
  </si>
  <si>
    <t>cg25517810</t>
  </si>
  <si>
    <t>cg25521086</t>
  </si>
  <si>
    <t>cg25522894</t>
  </si>
  <si>
    <t>cg25537434</t>
  </si>
  <si>
    <t>cg25542907</t>
  </si>
  <si>
    <t>cg25560398</t>
  </si>
  <si>
    <t>cg25562306</t>
  </si>
  <si>
    <t>cg25567448</t>
  </si>
  <si>
    <t>cg25568091</t>
  </si>
  <si>
    <t>cg25568114</t>
  </si>
  <si>
    <t>cg25569480</t>
  </si>
  <si>
    <t>cg25585364</t>
  </si>
  <si>
    <t>cg25586305</t>
  </si>
  <si>
    <t>cg25592918</t>
  </si>
  <si>
    <t>cg25603603</t>
  </si>
  <si>
    <t>cg25607121</t>
  </si>
  <si>
    <t>cg25622366</t>
  </si>
  <si>
    <t>cg25623768</t>
  </si>
  <si>
    <t>cg25631352</t>
  </si>
  <si>
    <t>cg25652029</t>
  </si>
  <si>
    <t>cg25654619</t>
  </si>
  <si>
    <t>cg25683549</t>
  </si>
  <si>
    <t>cg25684844</t>
  </si>
  <si>
    <t>cg25685524</t>
  </si>
  <si>
    <t>cg25685761</t>
  </si>
  <si>
    <t>cg25692259</t>
  </si>
  <si>
    <t>cg25692835</t>
  </si>
  <si>
    <t>cg25704749</t>
  </si>
  <si>
    <t>cg25705148</t>
  </si>
  <si>
    <t>cg25709824</t>
  </si>
  <si>
    <t>cg25711079</t>
  </si>
  <si>
    <t>cg25711575</t>
  </si>
  <si>
    <t>cg25719132</t>
  </si>
  <si>
    <t>cg25730564</t>
  </si>
  <si>
    <t>cg25736183</t>
  </si>
  <si>
    <t>cg25740565</t>
  </si>
  <si>
    <t>cg25740621</t>
  </si>
  <si>
    <t>cg25741215</t>
  </si>
  <si>
    <t>cg25741837</t>
  </si>
  <si>
    <t>cg25743719</t>
  </si>
  <si>
    <t>cg25746499</t>
  </si>
  <si>
    <t>cg25756780</t>
  </si>
  <si>
    <t>cg25758217</t>
  </si>
  <si>
    <t>cg25785397</t>
  </si>
  <si>
    <t>cg25793693</t>
  </si>
  <si>
    <t>cg25798000</t>
  </si>
  <si>
    <t>cg25799969</t>
  </si>
  <si>
    <t>cg25800500</t>
  </si>
  <si>
    <t>cg25802430</t>
  </si>
  <si>
    <t>cg25803107</t>
  </si>
  <si>
    <t>cg25805739</t>
  </si>
  <si>
    <t>cg25807044</t>
  </si>
  <si>
    <t>cg25810938</t>
  </si>
  <si>
    <t>cg25815054</t>
  </si>
  <si>
    <t>cg25818813</t>
  </si>
  <si>
    <t>cg25820224</t>
  </si>
  <si>
    <t>cg25822369</t>
  </si>
  <si>
    <t>cg25823214</t>
  </si>
  <si>
    <t>cg25840208</t>
  </si>
  <si>
    <t>cg25849196</t>
  </si>
  <si>
    <t>cg25850181</t>
  </si>
  <si>
    <t>cg25850998</t>
  </si>
  <si>
    <t>cg25856179</t>
  </si>
  <si>
    <t>cg25870010</t>
  </si>
  <si>
    <t>cg25875316</t>
  </si>
  <si>
    <t>cg25884424</t>
  </si>
  <si>
    <t>cg25889035</t>
  </si>
  <si>
    <t>cg25890838</t>
  </si>
  <si>
    <t>cg25903497</t>
  </si>
  <si>
    <t>cg25908985</t>
  </si>
  <si>
    <t>cg25912328</t>
  </si>
  <si>
    <t>cg25912827</t>
  </si>
  <si>
    <t>cg25916282</t>
  </si>
  <si>
    <t>cg25925023</t>
  </si>
  <si>
    <t>cg25928603</t>
  </si>
  <si>
    <t>cg25929173</t>
  </si>
  <si>
    <t>cg25930639</t>
  </si>
  <si>
    <t>cg25942178</t>
  </si>
  <si>
    <t>cg25942789</t>
  </si>
  <si>
    <t>cg25942990</t>
  </si>
  <si>
    <t>cg25947878</t>
  </si>
  <si>
    <t>cg25950548</t>
  </si>
  <si>
    <t>cg25950668</t>
  </si>
  <si>
    <t>cg25951210</t>
  </si>
  <si>
    <t>cg25953789</t>
  </si>
  <si>
    <t>cg25954914</t>
  </si>
  <si>
    <t>cg25962286</t>
  </si>
  <si>
    <t>cg25976672</t>
  </si>
  <si>
    <t>cg25981597</t>
  </si>
  <si>
    <t>cg25999722</t>
  </si>
  <si>
    <t>cg26001902</t>
  </si>
  <si>
    <t>cg26008007</t>
  </si>
  <si>
    <t>cg26009192</t>
  </si>
  <si>
    <t>cg26010191</t>
  </si>
  <si>
    <t>cg26012578</t>
  </si>
  <si>
    <t>cg26029736</t>
  </si>
  <si>
    <t>cg26032417</t>
  </si>
  <si>
    <t>cg26036375</t>
  </si>
  <si>
    <t>cg26040211</t>
  </si>
  <si>
    <t>cg26057751</t>
  </si>
  <si>
    <t>cg26058474</t>
  </si>
  <si>
    <t>cg26091021</t>
  </si>
  <si>
    <t>cg26094984</t>
  </si>
  <si>
    <t>cg26095266</t>
  </si>
  <si>
    <t>cg26095658</t>
  </si>
  <si>
    <t>cg26101402</t>
  </si>
  <si>
    <t>cg26101890</t>
  </si>
  <si>
    <t>cg26104551</t>
  </si>
  <si>
    <t>cg26107076</t>
  </si>
  <si>
    <t>cg26111019</t>
  </si>
  <si>
    <t>cg26111184</t>
  </si>
  <si>
    <t>cg26112014</t>
  </si>
  <si>
    <t>cg26123029</t>
  </si>
  <si>
    <t>cg26123256</t>
  </si>
  <si>
    <t>cg26125384</t>
  </si>
  <si>
    <t>cg26126749</t>
  </si>
  <si>
    <t>cg26146617</t>
  </si>
  <si>
    <t>cg26146971</t>
  </si>
  <si>
    <t>cg26149275</t>
  </si>
  <si>
    <t>cg26153054</t>
  </si>
  <si>
    <t>cg26153687</t>
  </si>
  <si>
    <t>cg26154974</t>
  </si>
  <si>
    <t>cg26161045</t>
  </si>
  <si>
    <t>cg26168400</t>
  </si>
  <si>
    <t>cg26170569</t>
  </si>
  <si>
    <t>cg26188299</t>
  </si>
  <si>
    <t>cg26192815</t>
  </si>
  <si>
    <t>cg26202797</t>
  </si>
  <si>
    <t>cg26228577</t>
  </si>
  <si>
    <t>cg26230390</t>
  </si>
  <si>
    <t>cg26250093</t>
  </si>
  <si>
    <t>cg26251429</t>
  </si>
  <si>
    <t>cg26258108</t>
  </si>
  <si>
    <t>cg26258116</t>
  </si>
  <si>
    <t>cg26258631</t>
  </si>
  <si>
    <t>cg26277787</t>
  </si>
  <si>
    <t>cg26290638</t>
  </si>
  <si>
    <t>cg26292241</t>
  </si>
  <si>
    <t>cg26297968</t>
  </si>
  <si>
    <t>cg26301283</t>
  </si>
  <si>
    <t>cg26302994</t>
  </si>
  <si>
    <t>cg26307926</t>
  </si>
  <si>
    <t>cg26314531</t>
  </si>
  <si>
    <t>cg26314806</t>
  </si>
  <si>
    <t>cg26323130</t>
  </si>
  <si>
    <t>cg26328180</t>
  </si>
  <si>
    <t>cg26330326</t>
  </si>
  <si>
    <t>cg26332715</t>
  </si>
  <si>
    <t>cg26337070</t>
  </si>
  <si>
    <t>cg26338195</t>
  </si>
  <si>
    <t>cg26344233</t>
  </si>
  <si>
    <t>cg26346032</t>
  </si>
  <si>
    <t>cg26347887</t>
  </si>
  <si>
    <t>cg26360088</t>
  </si>
  <si>
    <t>cg26360792</t>
  </si>
  <si>
    <t>cg26361052</t>
  </si>
  <si>
    <t>cg26361754</t>
  </si>
  <si>
    <t>cg26373379</t>
  </si>
  <si>
    <t>cg26376157</t>
  </si>
  <si>
    <t>cg26378593</t>
  </si>
  <si>
    <t>cg26378982</t>
  </si>
  <si>
    <t>cg26385097</t>
  </si>
  <si>
    <t>cg26391832</t>
  </si>
  <si>
    <t>cg26396721</t>
  </si>
  <si>
    <t>cg26423331</t>
  </si>
  <si>
    <t>cg26423677</t>
  </si>
  <si>
    <t>cg26425256</t>
  </si>
  <si>
    <t>cg26425669</t>
  </si>
  <si>
    <t>cg26426348</t>
  </si>
  <si>
    <t>cg26444995</t>
  </si>
  <si>
    <t>cg26445292</t>
  </si>
  <si>
    <t>cg26449951</t>
  </si>
  <si>
    <t>cg26456554</t>
  </si>
  <si>
    <t>cg26459473</t>
  </si>
  <si>
    <t>cg26464998</t>
  </si>
  <si>
    <t>cg26467069</t>
  </si>
  <si>
    <t>cg26467631</t>
  </si>
  <si>
    <t>cg26470101</t>
  </si>
  <si>
    <t>cg26474549</t>
  </si>
  <si>
    <t>cg26478621</t>
  </si>
  <si>
    <t>cg26479951</t>
  </si>
  <si>
    <t>cg26500773</t>
  </si>
  <si>
    <t>cg26502666</t>
  </si>
  <si>
    <t>cg26510473</t>
  </si>
  <si>
    <t>cg26522240</t>
  </si>
  <si>
    <t>cg26522609</t>
  </si>
  <si>
    <t>cg26529376</t>
  </si>
  <si>
    <t>cg26530345</t>
  </si>
  <si>
    <t>cg26533368</t>
  </si>
  <si>
    <t>cg26534856</t>
  </si>
  <si>
    <t>cg26535835</t>
  </si>
  <si>
    <t>cg26537478</t>
  </si>
  <si>
    <t>cg26543799</t>
  </si>
  <si>
    <t>cg26544277</t>
  </si>
  <si>
    <t>cg26569395</t>
  </si>
  <si>
    <t>cg26569914</t>
  </si>
  <si>
    <t>cg26570218</t>
  </si>
  <si>
    <t>cg26572548</t>
  </si>
  <si>
    <t>cg26577201</t>
  </si>
  <si>
    <t>cg26580134</t>
  </si>
  <si>
    <t>cg26587715</t>
  </si>
  <si>
    <t>cg26607828</t>
  </si>
  <si>
    <t>cg26608203</t>
  </si>
  <si>
    <t>cg26608221</t>
  </si>
  <si>
    <t>cg26625629</t>
  </si>
  <si>
    <t>cg26627956</t>
  </si>
  <si>
    <t>cg26628795</t>
  </si>
  <si>
    <t>cg26631039</t>
  </si>
  <si>
    <t>cg26631984</t>
  </si>
  <si>
    <t>cg26632873</t>
  </si>
  <si>
    <t>cg26638005</t>
  </si>
  <si>
    <t>cg26638505</t>
  </si>
  <si>
    <t>cg26641076</t>
  </si>
  <si>
    <t>cg26641275</t>
  </si>
  <si>
    <t>cg26645509</t>
  </si>
  <si>
    <t>cg26649384</t>
  </si>
  <si>
    <t>cg26655076</t>
  </si>
  <si>
    <t>cg26655295</t>
  </si>
  <si>
    <t>cg26660157</t>
  </si>
  <si>
    <t>cg26664455</t>
  </si>
  <si>
    <t>cg26664634</t>
  </si>
  <si>
    <t>cg26669825</t>
  </si>
  <si>
    <t>cg26670245</t>
  </si>
  <si>
    <t>cg26672088</t>
  </si>
  <si>
    <t>cg26676034</t>
  </si>
  <si>
    <t>cg26685735</t>
  </si>
  <si>
    <t>cg26687120</t>
  </si>
  <si>
    <t>cg26689097</t>
  </si>
  <si>
    <t>cg26693529</t>
  </si>
  <si>
    <t>cg26703456</t>
  </si>
  <si>
    <t>cg26703674</t>
  </si>
  <si>
    <t>cg26706909</t>
  </si>
  <si>
    <t>cg26708100</t>
  </si>
  <si>
    <t>cg26708548</t>
  </si>
  <si>
    <t>cg26708940</t>
  </si>
  <si>
    <t>cg26709537</t>
  </si>
  <si>
    <t>cg26766005</t>
  </si>
  <si>
    <t>cg26800771</t>
  </si>
  <si>
    <t>cg26803969</t>
  </si>
  <si>
    <t>cg26804360</t>
  </si>
  <si>
    <t>cg26816819</t>
  </si>
  <si>
    <t>cg26817334</t>
  </si>
  <si>
    <t>cg26817877</t>
  </si>
  <si>
    <t>cg26828218</t>
  </si>
  <si>
    <t>cg26831241</t>
  </si>
  <si>
    <t>cg26834713</t>
  </si>
  <si>
    <t>cg26837570</t>
  </si>
  <si>
    <t>cg26839791</t>
  </si>
  <si>
    <t>cg26847438</t>
  </si>
  <si>
    <t>cg26855801</t>
  </si>
  <si>
    <t>cg26869849</t>
  </si>
  <si>
    <t>cg26870720</t>
  </si>
  <si>
    <t>cg26870961</t>
  </si>
  <si>
    <t>cg26872149</t>
  </si>
  <si>
    <t>cg26873705</t>
  </si>
  <si>
    <t>cg26874229</t>
  </si>
  <si>
    <t>cg26889647</t>
  </si>
  <si>
    <t>cg26900034</t>
  </si>
  <si>
    <t>cg26908932</t>
  </si>
  <si>
    <t>cg26909299</t>
  </si>
  <si>
    <t>cg26915774</t>
  </si>
  <si>
    <t>cg26945050</t>
  </si>
  <si>
    <t>cg26947572</t>
  </si>
  <si>
    <t>cg26949087</t>
  </si>
  <si>
    <t>cg26950332</t>
  </si>
  <si>
    <t>cg26958558</t>
  </si>
  <si>
    <t>cg26983710</t>
  </si>
  <si>
    <t>cg26984928</t>
  </si>
  <si>
    <t>cg26988215</t>
  </si>
  <si>
    <t>cg26990102</t>
  </si>
  <si>
    <t>cg26990217</t>
  </si>
  <si>
    <t>cg26995204</t>
  </si>
  <si>
    <t>cg26995744</t>
  </si>
  <si>
    <t>cg27005255</t>
  </si>
  <si>
    <t>cg27005794</t>
  </si>
  <si>
    <t>cg27007625</t>
  </si>
  <si>
    <t>cg27009691</t>
  </si>
  <si>
    <t>cg27011577</t>
  </si>
  <si>
    <t>cg27051683</t>
  </si>
  <si>
    <t>cg27089736</t>
  </si>
  <si>
    <t>cg27104778</t>
  </si>
  <si>
    <t>cg27107076</t>
  </si>
  <si>
    <t>cg27109600</t>
  </si>
  <si>
    <t>cg27111463</t>
  </si>
  <si>
    <t>cg27114644</t>
  </si>
  <si>
    <t>cg27115721</t>
  </si>
  <si>
    <t>cg27115821</t>
  </si>
  <si>
    <t>cg27117509</t>
  </si>
  <si>
    <t>cg27136299</t>
  </si>
  <si>
    <t>cg27140647</t>
  </si>
  <si>
    <t>cg27141863</t>
  </si>
  <si>
    <t>cg27167195</t>
  </si>
  <si>
    <t>cg27211284</t>
  </si>
  <si>
    <t>cg27213226</t>
  </si>
  <si>
    <t>cg27218469</t>
  </si>
  <si>
    <t>cg27224642</t>
  </si>
  <si>
    <t>cg27242549</t>
  </si>
  <si>
    <t>cg27243490</t>
  </si>
  <si>
    <t>cg27247510</t>
  </si>
  <si>
    <t>cg27247697</t>
  </si>
  <si>
    <t>cg27252970</t>
  </si>
  <si>
    <t>cg27254442</t>
  </si>
  <si>
    <t>cg27274377</t>
  </si>
  <si>
    <t>cg27288971</t>
  </si>
  <si>
    <t>cg27290103</t>
  </si>
  <si>
    <t>cg27297626</t>
  </si>
  <si>
    <t>cg27299186</t>
  </si>
  <si>
    <t>cg27299406</t>
  </si>
  <si>
    <t>cg27301256</t>
  </si>
  <si>
    <t>cg27303430</t>
  </si>
  <si>
    <t>cg27304047</t>
  </si>
  <si>
    <t>cg27305063</t>
  </si>
  <si>
    <t>cg27308895</t>
  </si>
  <si>
    <t>cg27310163</t>
  </si>
  <si>
    <t>cg27310720</t>
  </si>
  <si>
    <t>cg27311227</t>
  </si>
  <si>
    <t>cg27312391</t>
  </si>
  <si>
    <t>cg27343123</t>
  </si>
  <si>
    <t>cg27343456</t>
  </si>
  <si>
    <t>cg27344587</t>
  </si>
  <si>
    <t>cg27359308</t>
  </si>
  <si>
    <t>cg27361397</t>
  </si>
  <si>
    <t>cg27364741</t>
  </si>
  <si>
    <t>cg27365115</t>
  </si>
  <si>
    <t>cg27367722</t>
  </si>
  <si>
    <t>cg27369452</t>
  </si>
  <si>
    <t>cg27370997</t>
  </si>
  <si>
    <t>cg27371953</t>
  </si>
  <si>
    <t>cg27373836</t>
  </si>
  <si>
    <t>cg27378591</t>
  </si>
  <si>
    <t>cg27380499</t>
  </si>
  <si>
    <t>cg27381194</t>
  </si>
  <si>
    <t>cg27403609</t>
  </si>
  <si>
    <t>cg27404023</t>
  </si>
  <si>
    <t>cg27405400</t>
  </si>
  <si>
    <t>cg27406975</t>
  </si>
  <si>
    <t>cg27412987</t>
  </si>
  <si>
    <t>cg27419470</t>
  </si>
  <si>
    <t>cg27422721</t>
  </si>
  <si>
    <t>cg27425784</t>
  </si>
  <si>
    <t>cg27446566</t>
  </si>
  <si>
    <t>cg27472905</t>
  </si>
  <si>
    <t>cg27476576</t>
  </si>
  <si>
    <t>cg27477610</t>
  </si>
  <si>
    <t>cg27485108</t>
  </si>
  <si>
    <t>cg27486277</t>
  </si>
  <si>
    <t>cg27494615</t>
  </si>
  <si>
    <t>cg27496793</t>
  </si>
  <si>
    <t>cg27502766</t>
  </si>
  <si>
    <t>cg27525248</t>
  </si>
  <si>
    <t>cg27527593</t>
  </si>
  <si>
    <t>cg27553926</t>
  </si>
  <si>
    <t>cg27583307</t>
  </si>
  <si>
    <t>cg27587568</t>
  </si>
  <si>
    <t>cg27599869</t>
  </si>
  <si>
    <t>cg27611081</t>
  </si>
  <si>
    <t>cg27611857</t>
  </si>
  <si>
    <t>cg27624826</t>
  </si>
  <si>
    <t>cg27629311</t>
  </si>
  <si>
    <t>cg27629977</t>
  </si>
  <si>
    <t>cg27636536</t>
  </si>
  <si>
    <t>cg27641709</t>
  </si>
  <si>
    <t>cg27664268</t>
  </si>
  <si>
    <t>cg00001245</t>
  </si>
  <si>
    <t>cg00004067</t>
  </si>
  <si>
    <t>cg00025155</t>
  </si>
  <si>
    <t>cg00028935</t>
  </si>
  <si>
    <t>cg00030422</t>
  </si>
  <si>
    <t>cg00031303</t>
  </si>
  <si>
    <t>cg00052422</t>
  </si>
  <si>
    <t>cg00054472</t>
  </si>
  <si>
    <t>cg00056624</t>
  </si>
  <si>
    <t>cg00059161</t>
  </si>
  <si>
    <t>cg00060320</t>
  </si>
  <si>
    <t>cg00065919</t>
  </si>
  <si>
    <t>cg00065935</t>
  </si>
  <si>
    <t>cg00071984</t>
  </si>
  <si>
    <t>cg00074851</t>
  </si>
  <si>
    <t>cg00077017</t>
  </si>
  <si>
    <t>cg00083401</t>
  </si>
  <si>
    <t>cg00088464</t>
  </si>
  <si>
    <t>cg00089353</t>
  </si>
  <si>
    <t>cg00089486</t>
  </si>
  <si>
    <t>cg00090865</t>
  </si>
  <si>
    <t>cg00091633</t>
  </si>
  <si>
    <t>cg00097940</t>
  </si>
  <si>
    <t>cg00099023</t>
  </si>
  <si>
    <t>cg00101712</t>
  </si>
  <si>
    <t>cg00104131</t>
  </si>
  <si>
    <t>cg00104570</t>
  </si>
  <si>
    <t>cg00109764</t>
  </si>
  <si>
    <t>cg00112465</t>
  </si>
  <si>
    <t>cg00115629</t>
  </si>
  <si>
    <t>cg00121148</t>
  </si>
  <si>
    <t>cg00127545</t>
  </si>
  <si>
    <t>cg00134776</t>
  </si>
  <si>
    <t>cg00146919</t>
  </si>
  <si>
    <t>cg00150737</t>
  </si>
  <si>
    <t>cg00154357</t>
  </si>
  <si>
    <t>cg00158683</t>
  </si>
  <si>
    <t>cg00162231</t>
  </si>
  <si>
    <t>cg00166216</t>
  </si>
  <si>
    <t>cg00166722</t>
  </si>
  <si>
    <t>cg00168009</t>
  </si>
  <si>
    <t>cg00169633</t>
  </si>
  <si>
    <t>cg00178511</t>
  </si>
  <si>
    <t>cg00179328</t>
  </si>
  <si>
    <t>cg00181676</t>
  </si>
  <si>
    <t>cg00186462</t>
  </si>
  <si>
    <t>cg00187606</t>
  </si>
  <si>
    <t>cg00193283</t>
  </si>
  <si>
    <t>cg00201234</t>
  </si>
  <si>
    <t>cg00209563</t>
  </si>
  <si>
    <t>cg00212264</t>
  </si>
  <si>
    <t>cg00212909</t>
  </si>
  <si>
    <t>cg00213967</t>
  </si>
  <si>
    <t>cg00229368</t>
  </si>
  <si>
    <t>cg00238038</t>
  </si>
  <si>
    <t>cg00291981</t>
  </si>
  <si>
    <t>cg00294898</t>
  </si>
  <si>
    <t>cg00296938</t>
  </si>
  <si>
    <t>cg00300090</t>
  </si>
  <si>
    <t>cg00313642</t>
  </si>
  <si>
    <t>cg00316602</t>
  </si>
  <si>
    <t>cg00320862</t>
  </si>
  <si>
    <t>cg00323305</t>
  </si>
  <si>
    <t>cg00325599</t>
  </si>
  <si>
    <t>cg00329270</t>
  </si>
  <si>
    <t>cg00333034</t>
  </si>
  <si>
    <t>cg00343022</t>
  </si>
  <si>
    <t>cg00344900</t>
  </si>
  <si>
    <t>cg00345094</t>
  </si>
  <si>
    <t>cg00345443</t>
  </si>
  <si>
    <t>cg00367649</t>
  </si>
  <si>
    <t>cg00376019</t>
  </si>
  <si>
    <t>cg00440263</t>
  </si>
  <si>
    <t>cg00455883</t>
  </si>
  <si>
    <t>cg00460268</t>
  </si>
  <si>
    <t>cg00473416</t>
  </si>
  <si>
    <t>cg00473834</t>
  </si>
  <si>
    <t>cg00486627</t>
  </si>
  <si>
    <t>cg00491927</t>
  </si>
  <si>
    <t>cg00498591</t>
  </si>
  <si>
    <t>cg00498816</t>
  </si>
  <si>
    <t>cg00503302</t>
  </si>
  <si>
    <t>cg00538102</t>
  </si>
  <si>
    <t>cg00558986</t>
  </si>
  <si>
    <t>cg00559054</t>
  </si>
  <si>
    <t>cg00587180</t>
  </si>
  <si>
    <t>cg00619347</t>
  </si>
  <si>
    <t>cg00620018</t>
  </si>
  <si>
    <t>cg00620452</t>
  </si>
  <si>
    <t>cg00621583</t>
  </si>
  <si>
    <t>cg00626312</t>
  </si>
  <si>
    <t>cg00627788</t>
  </si>
  <si>
    <t>cg00656387</t>
  </si>
  <si>
    <t>cg00658085</t>
  </si>
  <si>
    <t>cg00661438</t>
  </si>
  <si>
    <t>cg00662963</t>
  </si>
  <si>
    <t>cg00664406</t>
  </si>
  <si>
    <t>cg00666105</t>
  </si>
  <si>
    <t>cg00666685</t>
  </si>
  <si>
    <t>cg00676042</t>
  </si>
  <si>
    <t>cg00678709</t>
  </si>
  <si>
    <t>cg00694512</t>
  </si>
  <si>
    <t>cg00696023</t>
  </si>
  <si>
    <t>cg00702577</t>
  </si>
  <si>
    <t>cg00702638</t>
  </si>
  <si>
    <t>cg00705878</t>
  </si>
  <si>
    <t>cg00707739</t>
  </si>
  <si>
    <t>cg00708060</t>
  </si>
  <si>
    <t>cg00731253</t>
  </si>
  <si>
    <t>cg00735667</t>
  </si>
  <si>
    <t>cg00744083</t>
  </si>
  <si>
    <t>cg00763136</t>
  </si>
  <si>
    <t>cg00781540</t>
  </si>
  <si>
    <t>cg00785783</t>
  </si>
  <si>
    <t>cg00794178</t>
  </si>
  <si>
    <t>cg00801868</t>
  </si>
  <si>
    <t>cg00807342</t>
  </si>
  <si>
    <t>cg00810908</t>
  </si>
  <si>
    <t>cg00810956</t>
  </si>
  <si>
    <t>cg00817731</t>
  </si>
  <si>
    <t>cg00822591</t>
  </si>
  <si>
    <t>cg00825131</t>
  </si>
  <si>
    <t>cg00826921</t>
  </si>
  <si>
    <t>cg00828556</t>
  </si>
  <si>
    <t>cg00834590</t>
  </si>
  <si>
    <t>cg00836482</t>
  </si>
  <si>
    <t>cg00841408</t>
  </si>
  <si>
    <t>cg00844404</t>
  </si>
  <si>
    <t>cg00847029</t>
  </si>
  <si>
    <t>cg00879003</t>
  </si>
  <si>
    <t>cg00890840</t>
  </si>
  <si>
    <t>cg00893348</t>
  </si>
  <si>
    <t>cg00895132</t>
  </si>
  <si>
    <t>cg00901264</t>
  </si>
  <si>
    <t>cg00902265</t>
  </si>
  <si>
    <t>cg00902873</t>
  </si>
  <si>
    <t>cg00906088</t>
  </si>
  <si>
    <t>cg00907288</t>
  </si>
  <si>
    <t>cg00908291</t>
  </si>
  <si>
    <t>cg00968241</t>
  </si>
  <si>
    <t>cg00969119</t>
  </si>
  <si>
    <t>cg00969988</t>
  </si>
  <si>
    <t>cg00971891</t>
  </si>
  <si>
    <t>cg00987743</t>
  </si>
  <si>
    <t>cg00989160</t>
  </si>
  <si>
    <t>cg00992117</t>
  </si>
  <si>
    <t>cg00992586</t>
  </si>
  <si>
    <t>cg01021385</t>
  </si>
  <si>
    <t>cg01021423</t>
  </si>
  <si>
    <t>cg01024009</t>
  </si>
  <si>
    <t>cg01025398</t>
  </si>
  <si>
    <t>cg01026256</t>
  </si>
  <si>
    <t>cg01029676</t>
  </si>
  <si>
    <t>cg01042877</t>
  </si>
  <si>
    <t>cg01044394</t>
  </si>
  <si>
    <t>cg01045723</t>
  </si>
  <si>
    <t>cg01056889</t>
  </si>
  <si>
    <t>cg01060026</t>
  </si>
  <si>
    <t>cg01079515</t>
  </si>
  <si>
    <t>cg01085995</t>
  </si>
  <si>
    <t>cg01087880</t>
  </si>
  <si>
    <t>cg01106145</t>
  </si>
  <si>
    <t>cg01115389</t>
  </si>
  <si>
    <t>cg01123353</t>
  </si>
  <si>
    <t>cg01123926</t>
  </si>
  <si>
    <t>cg01132100</t>
  </si>
  <si>
    <t>cg01132975</t>
  </si>
  <si>
    <t>cg01135961</t>
  </si>
  <si>
    <t>cg01139508</t>
  </si>
  <si>
    <t>cg01139553</t>
  </si>
  <si>
    <t>cg01140579</t>
  </si>
  <si>
    <t>cg01145653</t>
  </si>
  <si>
    <t>cg01147013</t>
  </si>
  <si>
    <t>cg01149259</t>
  </si>
  <si>
    <t>cg01154525</t>
  </si>
  <si>
    <t>cg01169952</t>
  </si>
  <si>
    <t>cg01172682</t>
  </si>
  <si>
    <t>cg01174269</t>
  </si>
  <si>
    <t>cg01176458</t>
  </si>
  <si>
    <t>cg01181817</t>
  </si>
  <si>
    <t>cg01185855</t>
  </si>
  <si>
    <t>cg01187952</t>
  </si>
  <si>
    <t>cg01206872</t>
  </si>
  <si>
    <t>cg01228352</t>
  </si>
  <si>
    <t>cg01239666</t>
  </si>
  <si>
    <t>cg01294263</t>
  </si>
  <si>
    <t>cg01296889</t>
  </si>
  <si>
    <t>cg01297500</t>
  </si>
  <si>
    <t>cg01298010</t>
  </si>
  <si>
    <t>cg01313965</t>
  </si>
  <si>
    <t>cg01314252</t>
  </si>
  <si>
    <t>cg01317029</t>
  </si>
  <si>
    <t>cg01320491</t>
  </si>
  <si>
    <t>cg01324883</t>
  </si>
  <si>
    <t>cg01334818</t>
  </si>
  <si>
    <t>cg01335781</t>
  </si>
  <si>
    <t>cg01336855</t>
  </si>
  <si>
    <t>cg01348442</t>
  </si>
  <si>
    <t>cg01353464</t>
  </si>
  <si>
    <t>cg01357135</t>
  </si>
  <si>
    <t>cg01362776</t>
  </si>
  <si>
    <t>cg01370384</t>
  </si>
  <si>
    <t>cg01370599</t>
  </si>
  <si>
    <t>cg01374398</t>
  </si>
  <si>
    <t>cg01379240</t>
  </si>
  <si>
    <t>cg01382474</t>
  </si>
  <si>
    <t>cg01384143</t>
  </si>
  <si>
    <t>cg01388187</t>
  </si>
  <si>
    <t>cg01390591</t>
  </si>
  <si>
    <t>cg01394089</t>
  </si>
  <si>
    <t>cg01394385</t>
  </si>
  <si>
    <t>cg01395402</t>
  </si>
  <si>
    <t>cg01395533</t>
  </si>
  <si>
    <t>cg01398050</t>
  </si>
  <si>
    <t>cg01406312</t>
  </si>
  <si>
    <t>cg01412450</t>
  </si>
  <si>
    <t>cg01436664</t>
  </si>
  <si>
    <t>cg01453732</t>
  </si>
  <si>
    <t>cg01456368</t>
  </si>
  <si>
    <t>cg01457183</t>
  </si>
  <si>
    <t>cg01461718</t>
  </si>
  <si>
    <t>cg01519765</t>
  </si>
  <si>
    <t>cg01520443</t>
  </si>
  <si>
    <t>cg01520586</t>
  </si>
  <si>
    <t>cg01523316</t>
  </si>
  <si>
    <t>cg01554580</t>
  </si>
  <si>
    <t>cg01560739</t>
  </si>
  <si>
    <t>cg01571001</t>
  </si>
  <si>
    <t>cg01571722</t>
  </si>
  <si>
    <t>cg01575164</t>
  </si>
  <si>
    <t>cg01635475</t>
  </si>
  <si>
    <t>cg01636541</t>
  </si>
  <si>
    <t>cg01636650</t>
  </si>
  <si>
    <t>cg01684318</t>
  </si>
  <si>
    <t>cg01686767</t>
  </si>
  <si>
    <t>cg01690029</t>
  </si>
  <si>
    <t>cg01698108</t>
  </si>
  <si>
    <t>cg01700413</t>
  </si>
  <si>
    <t>cg01702820</t>
  </si>
  <si>
    <t>cg01704976</t>
  </si>
  <si>
    <t>cg01709619</t>
  </si>
  <si>
    <t>cg01714823</t>
  </si>
  <si>
    <t>cg01742680</t>
  </si>
  <si>
    <t>cg01755562</t>
  </si>
  <si>
    <t>cg01755728</t>
  </si>
  <si>
    <t>cg01758450</t>
  </si>
  <si>
    <t>cg01787821</t>
  </si>
  <si>
    <t>cg01788113</t>
  </si>
  <si>
    <t>cg01792640</t>
  </si>
  <si>
    <t>cg01797371</t>
  </si>
  <si>
    <t>cg01815150</t>
  </si>
  <si>
    <t>cg01817714</t>
  </si>
  <si>
    <t>cg01821557</t>
  </si>
  <si>
    <t>cg01825203</t>
  </si>
  <si>
    <t>cg01825245</t>
  </si>
  <si>
    <t>cg01825295</t>
  </si>
  <si>
    <t>cg01829450</t>
  </si>
  <si>
    <t>cg01844178</t>
  </si>
  <si>
    <t>cg01850561</t>
  </si>
  <si>
    <t>cg01851088</t>
  </si>
  <si>
    <t>cg01853632</t>
  </si>
  <si>
    <t>cg01854420</t>
  </si>
  <si>
    <t>cg01856141</t>
  </si>
  <si>
    <t>cg01857819</t>
  </si>
  <si>
    <t>cg01868382</t>
  </si>
  <si>
    <t>cg01884537</t>
  </si>
  <si>
    <t>cg01892655</t>
  </si>
  <si>
    <t>cg01897323</t>
  </si>
  <si>
    <t>cg01899001</t>
  </si>
  <si>
    <t>cg01901898</t>
  </si>
  <si>
    <t>cg01908177</t>
  </si>
  <si>
    <t>cg01910272</t>
  </si>
  <si>
    <t>cg01913632</t>
  </si>
  <si>
    <t>cg01915044</t>
  </si>
  <si>
    <t>cg01945562</t>
  </si>
  <si>
    <t>cg01946530</t>
  </si>
  <si>
    <t>cg01948202</t>
  </si>
  <si>
    <t>cg01955286</t>
  </si>
  <si>
    <t>cg01966117</t>
  </si>
  <si>
    <t>cg01969910</t>
  </si>
  <si>
    <t>cg01974004</t>
  </si>
  <si>
    <t>cg01978534</t>
  </si>
  <si>
    <t>cg01986605</t>
  </si>
  <si>
    <t>cg01992890</t>
  </si>
  <si>
    <t>cg01996116</t>
  </si>
  <si>
    <t>cg01998262</t>
  </si>
  <si>
    <t>cg02011489</t>
  </si>
  <si>
    <t>cg02044242</t>
  </si>
  <si>
    <t>cg02045971</t>
  </si>
  <si>
    <t>cg02056280</t>
  </si>
  <si>
    <t>cg02059348</t>
  </si>
  <si>
    <t>cg02059996</t>
  </si>
  <si>
    <t>cg02060794</t>
  </si>
  <si>
    <t>cg02061253</t>
  </si>
  <si>
    <t>cg02062140</t>
  </si>
  <si>
    <t>cg02064073</t>
  </si>
  <si>
    <t>cg02072885</t>
  </si>
  <si>
    <t>cg02073919</t>
  </si>
  <si>
    <t>cg02081120</t>
  </si>
  <si>
    <t>cg02082613</t>
  </si>
  <si>
    <t>cg02090033</t>
  </si>
  <si>
    <t>cg02119363</t>
  </si>
  <si>
    <t>cg02121891</t>
  </si>
  <si>
    <t>cg02124223</t>
  </si>
  <si>
    <t>cg02127198</t>
  </si>
  <si>
    <t>cg02132593</t>
  </si>
  <si>
    <t>cg02136723</t>
  </si>
  <si>
    <t>cg02139088</t>
  </si>
  <si>
    <t>cg02149884</t>
  </si>
  <si>
    <t>cg02153350</t>
  </si>
  <si>
    <t>cg02153814</t>
  </si>
  <si>
    <t>cg02164046</t>
  </si>
  <si>
    <t>cg02212575</t>
  </si>
  <si>
    <t>cg02215960</t>
  </si>
  <si>
    <t>cg02221302</t>
  </si>
  <si>
    <t>cg02222844</t>
  </si>
  <si>
    <t>cg02225143</t>
  </si>
  <si>
    <t>cg02231066</t>
  </si>
  <si>
    <t>cg02251567</t>
  </si>
  <si>
    <t>cg02255184</t>
  </si>
  <si>
    <t>cg02264082</t>
  </si>
  <si>
    <t>cg02295118</t>
  </si>
  <si>
    <t>cg02306612</t>
  </si>
  <si>
    <t>cg02306995</t>
  </si>
  <si>
    <t>cg02308954</t>
  </si>
  <si>
    <t>cg02321062</t>
  </si>
  <si>
    <t>cg02324338</t>
  </si>
  <si>
    <t>cg02330114</t>
  </si>
  <si>
    <t>cg02331450</t>
  </si>
  <si>
    <t>cg02333758</t>
  </si>
  <si>
    <t>cg02333852</t>
  </si>
  <si>
    <t>cg02334314</t>
  </si>
  <si>
    <t>cg02336104</t>
  </si>
  <si>
    <t>cg02337062</t>
  </si>
  <si>
    <t>cg02342415</t>
  </si>
  <si>
    <t>cg02387803</t>
  </si>
  <si>
    <t>cg02388709</t>
  </si>
  <si>
    <t>cg02389617</t>
  </si>
  <si>
    <t>cg02398045</t>
  </si>
  <si>
    <t>cg02400611</t>
  </si>
  <si>
    <t>cg02403395</t>
  </si>
  <si>
    <t>cg02406285</t>
  </si>
  <si>
    <t>cg02464093</t>
  </si>
  <si>
    <t>cg02466830</t>
  </si>
  <si>
    <t>cg02470871</t>
  </si>
  <si>
    <t>cg02472414</t>
  </si>
  <si>
    <t>cg02484127</t>
  </si>
  <si>
    <t>cg02496728</t>
  </si>
  <si>
    <t>cg02501882</t>
  </si>
  <si>
    <t>cg02503646</t>
  </si>
  <si>
    <t>cg02504211</t>
  </si>
  <si>
    <t>cg02505535</t>
  </si>
  <si>
    <t>cg02506421</t>
  </si>
  <si>
    <t>cg02510164</t>
  </si>
  <si>
    <t>cg02510388</t>
  </si>
  <si>
    <t>cg02517632</t>
  </si>
  <si>
    <t>cg02523270</t>
  </si>
  <si>
    <t>cg02559423</t>
  </si>
  <si>
    <t>cg02563010</t>
  </si>
  <si>
    <t>cg02564102</t>
  </si>
  <si>
    <t>cg02567756</t>
  </si>
  <si>
    <t>cg02569236</t>
  </si>
  <si>
    <t>cg02569554</t>
  </si>
  <si>
    <t>cg02573551</t>
  </si>
  <si>
    <t>cg02573703</t>
  </si>
  <si>
    <t>cg02574526</t>
  </si>
  <si>
    <t>cg02576220</t>
  </si>
  <si>
    <t>cg02577651</t>
  </si>
  <si>
    <t>cg02578087</t>
  </si>
  <si>
    <t>cg02579736</t>
  </si>
  <si>
    <t>cg02584969</t>
  </si>
  <si>
    <t>cg02604939</t>
  </si>
  <si>
    <t>cg02605996</t>
  </si>
  <si>
    <t>cg02608145</t>
  </si>
  <si>
    <t>cg02608231</t>
  </si>
  <si>
    <t>cg02616966</t>
  </si>
  <si>
    <t>cg02621032</t>
  </si>
  <si>
    <t>cg02623684</t>
  </si>
  <si>
    <t>cg02630214</t>
  </si>
  <si>
    <t>cg02633761</t>
  </si>
  <si>
    <t>cg02634584</t>
  </si>
  <si>
    <t>cg02635607</t>
  </si>
  <si>
    <t>cg02636222</t>
  </si>
  <si>
    <t>cg02641517</t>
  </si>
  <si>
    <t>cg02647941</t>
  </si>
  <si>
    <t>cg02652475</t>
  </si>
  <si>
    <t>cg02653313</t>
  </si>
  <si>
    <t>cg02691819</t>
  </si>
  <si>
    <t>cg02693345</t>
  </si>
  <si>
    <t>cg02699167</t>
  </si>
  <si>
    <t>cg02700891</t>
  </si>
  <si>
    <t>cg02703816</t>
  </si>
  <si>
    <t>cg02705835</t>
  </si>
  <si>
    <t>cg02711849</t>
  </si>
  <si>
    <t>cg02716516</t>
  </si>
  <si>
    <t>cg02716749</t>
  </si>
  <si>
    <t>cg02720013</t>
  </si>
  <si>
    <t>cg02720131</t>
  </si>
  <si>
    <t>cg02721184</t>
  </si>
  <si>
    <t>cg02724127</t>
  </si>
  <si>
    <t>cg02728558</t>
  </si>
  <si>
    <t>cg02728595</t>
  </si>
  <si>
    <t>cg02728748</t>
  </si>
  <si>
    <t>cg02738081</t>
  </si>
  <si>
    <t>cg02738677</t>
  </si>
  <si>
    <t>cg02741521</t>
  </si>
  <si>
    <t>cg02745211</t>
  </si>
  <si>
    <t>cg02746308</t>
  </si>
  <si>
    <t>cg02746684</t>
  </si>
  <si>
    <t>cg02748316</t>
  </si>
  <si>
    <t>cg02751449</t>
  </si>
  <si>
    <t>cg02771034</t>
  </si>
  <si>
    <t>cg02771240</t>
  </si>
  <si>
    <t>cg02773588</t>
  </si>
  <si>
    <t>cg02777633</t>
  </si>
  <si>
    <t>cg02780328</t>
  </si>
  <si>
    <t>cg02781704</t>
  </si>
  <si>
    <t>cg02789309</t>
  </si>
  <si>
    <t>cg02797548</t>
  </si>
  <si>
    <t>cg02797930</t>
  </si>
  <si>
    <t>cg02798066</t>
  </si>
  <si>
    <t>cg02801073</t>
  </si>
  <si>
    <t>cg02802062</t>
  </si>
  <si>
    <t>cg02803925</t>
  </si>
  <si>
    <t>cg02806645</t>
  </si>
  <si>
    <t>cg02817269</t>
  </si>
  <si>
    <t>cg02823728</t>
  </si>
  <si>
    <t>cg02826439</t>
  </si>
  <si>
    <t>cg02834722</t>
  </si>
  <si>
    <t>cg02834909</t>
  </si>
  <si>
    <t>cg02836020</t>
  </si>
  <si>
    <t>cg02842627</t>
  </si>
  <si>
    <t>cg02848093</t>
  </si>
  <si>
    <t>cg02860240</t>
  </si>
  <si>
    <t>cg02861441</t>
  </si>
  <si>
    <t>cg02862100</t>
  </si>
  <si>
    <t>cg02866870</t>
  </si>
  <si>
    <t>cg02904838</t>
  </si>
  <si>
    <t>cg02920514</t>
  </si>
  <si>
    <t>cg02930239</t>
  </si>
  <si>
    <t>cg02930432</t>
  </si>
  <si>
    <t>cg02933119</t>
  </si>
  <si>
    <t>cg02934633</t>
  </si>
  <si>
    <t>cg02938205</t>
  </si>
  <si>
    <t>cg02938303</t>
  </si>
  <si>
    <t>cg02941903</t>
  </si>
  <si>
    <t>cg02944578</t>
  </si>
  <si>
    <t>cg02945385</t>
  </si>
  <si>
    <t>cg02958321</t>
  </si>
  <si>
    <t>cg02960663</t>
  </si>
  <si>
    <t>cg02961575</t>
  </si>
  <si>
    <t>cg02970696</t>
  </si>
  <si>
    <t>cg02974815</t>
  </si>
  <si>
    <t>cg02978184</t>
  </si>
  <si>
    <t>cg02980152</t>
  </si>
  <si>
    <t>cg02980693</t>
  </si>
  <si>
    <t>cg03020605</t>
  </si>
  <si>
    <t>cg03022680</t>
  </si>
  <si>
    <t>cg03024619</t>
  </si>
  <si>
    <t>cg03028280</t>
  </si>
  <si>
    <t>cg03035248</t>
  </si>
  <si>
    <t>cg03037622</t>
  </si>
  <si>
    <t>cg03053875</t>
  </si>
  <si>
    <t>cg03059287</t>
  </si>
  <si>
    <t>cg03059470</t>
  </si>
  <si>
    <t>cg03089869</t>
  </si>
  <si>
    <t>cg03146073</t>
  </si>
  <si>
    <t>cg03159785</t>
  </si>
  <si>
    <t>cg03162045</t>
  </si>
  <si>
    <t>cg03163443</t>
  </si>
  <si>
    <t>cg03163878</t>
  </si>
  <si>
    <t>cg03168026</t>
  </si>
  <si>
    <t>cg03181118</t>
  </si>
  <si>
    <t>cg03188198</t>
  </si>
  <si>
    <t>cg03195031</t>
  </si>
  <si>
    <t>cg03198275</t>
  </si>
  <si>
    <t>cg03208482</t>
  </si>
  <si>
    <t>cg03241282</t>
  </si>
  <si>
    <t>cg03270929</t>
  </si>
  <si>
    <t>cg03272958</t>
  </si>
  <si>
    <t>cg03273952</t>
  </si>
  <si>
    <t>cg03278965</t>
  </si>
  <si>
    <t>cg03284879</t>
  </si>
  <si>
    <t>cg03290752</t>
  </si>
  <si>
    <t>cg03294218</t>
  </si>
  <si>
    <t>cg03296801</t>
  </si>
  <si>
    <t>cg03300805</t>
  </si>
  <si>
    <t>cg03315247</t>
  </si>
  <si>
    <t>cg03318940</t>
  </si>
  <si>
    <t>cg03321003</t>
  </si>
  <si>
    <t>cg03324578</t>
  </si>
  <si>
    <t>cg03325598</t>
  </si>
  <si>
    <t>cg03333361</t>
  </si>
  <si>
    <t>cg03336678</t>
  </si>
  <si>
    <t>cg03340649</t>
  </si>
  <si>
    <t>cg03352189</t>
  </si>
  <si>
    <t>cg03355998</t>
  </si>
  <si>
    <t>cg03363248</t>
  </si>
  <si>
    <t>cg03376880</t>
  </si>
  <si>
    <t>cg03377396</t>
  </si>
  <si>
    <t>cg03385233</t>
  </si>
  <si>
    <t>cg03386823</t>
  </si>
  <si>
    <t>cg03387111</t>
  </si>
  <si>
    <t>cg03390183</t>
  </si>
  <si>
    <t>cg03396324</t>
  </si>
  <si>
    <t>cg03396809</t>
  </si>
  <si>
    <t>cg03398966</t>
  </si>
  <si>
    <t>cg03404102</t>
  </si>
  <si>
    <t>cg03408033</t>
  </si>
  <si>
    <t>cg03414134</t>
  </si>
  <si>
    <t>cg03414471</t>
  </si>
  <si>
    <t>cg03414569</t>
  </si>
  <si>
    <t>cg03421212</t>
  </si>
  <si>
    <t>cg03424342</t>
  </si>
  <si>
    <t>cg03429645</t>
  </si>
  <si>
    <t>cg03433394</t>
  </si>
  <si>
    <t>cg03433560</t>
  </si>
  <si>
    <t>cg03434872</t>
  </si>
  <si>
    <t>cg03435608</t>
  </si>
  <si>
    <t>cg03436653</t>
  </si>
  <si>
    <t>cg03438904</t>
  </si>
  <si>
    <t>cg03446973</t>
  </si>
  <si>
    <t>cg03448396</t>
  </si>
  <si>
    <t>cg03449387</t>
  </si>
  <si>
    <t>cg03449660</t>
  </si>
  <si>
    <t>cg03452625</t>
  </si>
  <si>
    <t>cg03459543</t>
  </si>
  <si>
    <t>cg03459811</t>
  </si>
  <si>
    <t>cg03477080</t>
  </si>
  <si>
    <t>cg03484180</t>
  </si>
  <si>
    <t>cg03496122</t>
  </si>
  <si>
    <t>cg03508928</t>
  </si>
  <si>
    <t>cg03509671</t>
  </si>
  <si>
    <t>cg03513482</t>
  </si>
  <si>
    <t>cg03522824</t>
  </si>
  <si>
    <t>cg03532422</t>
  </si>
  <si>
    <t>cg03540175</t>
  </si>
  <si>
    <t>cg03550219</t>
  </si>
  <si>
    <t>cg03555424</t>
  </si>
  <si>
    <t>cg03556653</t>
  </si>
  <si>
    <t>cg03558399</t>
  </si>
  <si>
    <t>cg03558862</t>
  </si>
  <si>
    <t>cg03563329</t>
  </si>
  <si>
    <t>cg03583643</t>
  </si>
  <si>
    <t>cg03584693</t>
  </si>
  <si>
    <t>cg03585549</t>
  </si>
  <si>
    <t>cg03591561</t>
  </si>
  <si>
    <t>cg03592283</t>
  </si>
  <si>
    <t>cg03596635</t>
  </si>
  <si>
    <t>cg03600697</t>
  </si>
  <si>
    <t>cg03602730</t>
  </si>
  <si>
    <t>cg03604840</t>
  </si>
  <si>
    <t>cg03605117</t>
  </si>
  <si>
    <t>cg03610323</t>
  </si>
  <si>
    <t>cg03617693</t>
  </si>
  <si>
    <t>cg03619761</t>
  </si>
  <si>
    <t>cg03621566</t>
  </si>
  <si>
    <t>cg03621988</t>
  </si>
  <si>
    <t>cg03629458</t>
  </si>
  <si>
    <t>cg03629794</t>
  </si>
  <si>
    <t>cg03637781</t>
  </si>
  <si>
    <t>cg03642425</t>
  </si>
  <si>
    <t>cg03646234</t>
  </si>
  <si>
    <t>cg03657573</t>
  </si>
  <si>
    <t>cg03660538</t>
  </si>
  <si>
    <t>cg03668835</t>
  </si>
  <si>
    <t>cg03670164</t>
  </si>
  <si>
    <t>cg03677101</t>
  </si>
  <si>
    <t>cg03679504</t>
  </si>
  <si>
    <t>cg03732535</t>
  </si>
  <si>
    <t>cg03772909</t>
  </si>
  <si>
    <t>cg03774708</t>
  </si>
  <si>
    <t>cg03776034</t>
  </si>
  <si>
    <t>cg03780356</t>
  </si>
  <si>
    <t>cg03781594</t>
  </si>
  <si>
    <t>cg03784611</t>
  </si>
  <si>
    <t>cg03785065</t>
  </si>
  <si>
    <t>cg03787326</t>
  </si>
  <si>
    <t>cg03787490</t>
  </si>
  <si>
    <t>cg03792947</t>
  </si>
  <si>
    <t>cg03795608</t>
  </si>
  <si>
    <t>cg03800765</t>
  </si>
  <si>
    <t>cg03822350</t>
  </si>
  <si>
    <t>cg03829176</t>
  </si>
  <si>
    <t>cg03851645</t>
  </si>
  <si>
    <t>cg03852468</t>
  </si>
  <si>
    <t>cg03855276</t>
  </si>
  <si>
    <t>cg03861029</t>
  </si>
  <si>
    <t>cg03863817</t>
  </si>
  <si>
    <t>cg03865648</t>
  </si>
  <si>
    <t>cg03869063</t>
  </si>
  <si>
    <t>cg03881775</t>
  </si>
  <si>
    <t>cg03899775</t>
  </si>
  <si>
    <t>cg03903247</t>
  </si>
  <si>
    <t>cg03904607</t>
  </si>
  <si>
    <t>cg03913989</t>
  </si>
  <si>
    <t>cg03918306</t>
  </si>
  <si>
    <t>cg03926815</t>
  </si>
  <si>
    <t>cg03981074</t>
  </si>
  <si>
    <t>cg03986829</t>
  </si>
  <si>
    <t>cg03987639</t>
  </si>
  <si>
    <t>cg03992938</t>
  </si>
  <si>
    <t>cg04004754</t>
  </si>
  <si>
    <t>cg04006206</t>
  </si>
  <si>
    <t>cg04016160</t>
  </si>
  <si>
    <t>cg04061117</t>
  </si>
  <si>
    <t>cg04066019</t>
  </si>
  <si>
    <t>cg04069099</t>
  </si>
  <si>
    <t>cg04073039</t>
  </si>
  <si>
    <t>cg04078416</t>
  </si>
  <si>
    <t>cg04080291</t>
  </si>
  <si>
    <t>cg04087740</t>
  </si>
  <si>
    <t>cg04103315</t>
  </si>
  <si>
    <t>cg04106782</t>
  </si>
  <si>
    <t>cg04111064</t>
  </si>
  <si>
    <t>cg04120686</t>
  </si>
  <si>
    <t>cg04120839</t>
  </si>
  <si>
    <t>cg04125246</t>
  </si>
  <si>
    <t>cg04132452</t>
  </si>
  <si>
    <t>cg04136173</t>
  </si>
  <si>
    <t>cg04138502</t>
  </si>
  <si>
    <t>cg04151612</t>
  </si>
  <si>
    <t>cg04154825</t>
  </si>
  <si>
    <t>cg04203084</t>
  </si>
  <si>
    <t>cg04209425</t>
  </si>
  <si>
    <t>cg04210566</t>
  </si>
  <si>
    <t>cg04212619</t>
  </si>
  <si>
    <t>cg04216796</t>
  </si>
  <si>
    <t>cg04217658</t>
  </si>
  <si>
    <t>cg04218345</t>
  </si>
  <si>
    <t>cg04222358</t>
  </si>
  <si>
    <t>cg04226394</t>
  </si>
  <si>
    <t>cg04231050</t>
  </si>
  <si>
    <t>cg04231166</t>
  </si>
  <si>
    <t>cg04235837</t>
  </si>
  <si>
    <t>cg04238185</t>
  </si>
  <si>
    <t>cg04244215</t>
  </si>
  <si>
    <t>cg04320255</t>
  </si>
  <si>
    <t>cg04320257</t>
  </si>
  <si>
    <t>cg04332513</t>
  </si>
  <si>
    <t>cg04342737</t>
  </si>
  <si>
    <t>cg04342821</t>
  </si>
  <si>
    <t>cg04347624</t>
  </si>
  <si>
    <t>cg04348041</t>
  </si>
  <si>
    <t>cg04350287</t>
  </si>
  <si>
    <t>cg04351169</t>
  </si>
  <si>
    <t>cg04358685</t>
  </si>
  <si>
    <t>cg04359584</t>
  </si>
  <si>
    <t>cg04361551</t>
  </si>
  <si>
    <t>cg04362858</t>
  </si>
  <si>
    <t>cg04367486</t>
  </si>
  <si>
    <t>cg04369038</t>
  </si>
  <si>
    <t>cg04370476</t>
  </si>
  <si>
    <t>cg04373596</t>
  </si>
  <si>
    <t>cg04374190</t>
  </si>
  <si>
    <t>cg04376644</t>
  </si>
  <si>
    <t>cg04397547</t>
  </si>
  <si>
    <t>cg04398603</t>
  </si>
  <si>
    <t>cg04400940</t>
  </si>
  <si>
    <t>cg04408595</t>
  </si>
  <si>
    <t>cg04412755</t>
  </si>
  <si>
    <t>cg04415434</t>
  </si>
  <si>
    <t>cg04416750</t>
  </si>
  <si>
    <t>cg04419871</t>
  </si>
  <si>
    <t>cg04423572</t>
  </si>
  <si>
    <t>cg04424605</t>
  </si>
  <si>
    <t>cg04428853</t>
  </si>
  <si>
    <t>cg04441191</t>
  </si>
  <si>
    <t>cg04442328</t>
  </si>
  <si>
    <t>cg04444195</t>
  </si>
  <si>
    <t>cg04444674</t>
  </si>
  <si>
    <t>cg04453677</t>
  </si>
  <si>
    <t>cg04455646</t>
  </si>
  <si>
    <t>cg04456437</t>
  </si>
  <si>
    <t>cg04456579</t>
  </si>
  <si>
    <t>cg04464357</t>
  </si>
  <si>
    <t>cg04467162</t>
  </si>
  <si>
    <t>cg04470066</t>
  </si>
  <si>
    <t>cg04474990</t>
  </si>
  <si>
    <t>cg04479354</t>
  </si>
  <si>
    <t>cg04481181</t>
  </si>
  <si>
    <t>cg04488153</t>
  </si>
  <si>
    <t>cg04489338</t>
  </si>
  <si>
    <t>cg04498104</t>
  </si>
  <si>
    <t>cg04504284</t>
  </si>
  <si>
    <t>cg04507915</t>
  </si>
  <si>
    <t>cg04517010</t>
  </si>
  <si>
    <t>cg04517960</t>
  </si>
  <si>
    <t>cg04523731</t>
  </si>
  <si>
    <t>cg04525508</t>
  </si>
  <si>
    <t>cg04527876</t>
  </si>
  <si>
    <t>cg04533214</t>
  </si>
  <si>
    <t>cg04533487</t>
  </si>
  <si>
    <t>cg04534198</t>
  </si>
  <si>
    <t>cg04534726</t>
  </si>
  <si>
    <t>cg04535829</t>
  </si>
  <si>
    <t>cg04537229</t>
  </si>
  <si>
    <t>cg04546205</t>
  </si>
  <si>
    <t>cg04554240</t>
  </si>
  <si>
    <t>cg04558973</t>
  </si>
  <si>
    <t>cg04562217</t>
  </si>
  <si>
    <t>cg04568613</t>
  </si>
  <si>
    <t>cg04571742</t>
  </si>
  <si>
    <t>cg04572013</t>
  </si>
  <si>
    <t>cg04575016</t>
  </si>
  <si>
    <t>cg04583043</t>
  </si>
  <si>
    <t>cg04588204</t>
  </si>
  <si>
    <t>cg04602284</t>
  </si>
  <si>
    <t>cg04606039</t>
  </si>
  <si>
    <t>cg04606471</t>
  </si>
  <si>
    <t>cg04614380</t>
  </si>
  <si>
    <t>cg04678713</t>
  </si>
  <si>
    <t>cg04682135</t>
  </si>
  <si>
    <t>cg04689145</t>
  </si>
  <si>
    <t>cg04726800</t>
  </si>
  <si>
    <t>cg04737283</t>
  </si>
  <si>
    <t>cg04738965</t>
  </si>
  <si>
    <t>cg04740258</t>
  </si>
  <si>
    <t>cg04740599</t>
  </si>
  <si>
    <t>cg04741853</t>
  </si>
  <si>
    <t>cg04744843</t>
  </si>
  <si>
    <t>cg04783896</t>
  </si>
  <si>
    <t>cg04791456</t>
  </si>
  <si>
    <t>cg04797648</t>
  </si>
  <si>
    <t>cg04798497</t>
  </si>
  <si>
    <t>cg04798574</t>
  </si>
  <si>
    <t>cg04802248</t>
  </si>
  <si>
    <t>cg04804808</t>
  </si>
  <si>
    <t>cg04808658</t>
  </si>
  <si>
    <t>cg04811592</t>
  </si>
  <si>
    <t>cg04814837</t>
  </si>
  <si>
    <t>cg04836786</t>
  </si>
  <si>
    <t>cg04840739</t>
  </si>
  <si>
    <t>cg04843801</t>
  </si>
  <si>
    <t>cg04844543</t>
  </si>
  <si>
    <t>cg04844977</t>
  </si>
  <si>
    <t>cg04845734</t>
  </si>
  <si>
    <t>cg04855494</t>
  </si>
  <si>
    <t>cg04855678</t>
  </si>
  <si>
    <t>cg04859466</t>
  </si>
  <si>
    <t>cg04876072</t>
  </si>
  <si>
    <t>cg04876606</t>
  </si>
  <si>
    <t>cg04879506</t>
  </si>
  <si>
    <t>cg04883139</t>
  </si>
  <si>
    <t>cg04885475</t>
  </si>
  <si>
    <t>cg04888849</t>
  </si>
  <si>
    <t>cg04889221</t>
  </si>
  <si>
    <t>cg04890406</t>
  </si>
  <si>
    <t>cg04894619</t>
  </si>
  <si>
    <t>cg04901374</t>
  </si>
  <si>
    <t>cg04905789</t>
  </si>
  <si>
    <t>cg04908625</t>
  </si>
  <si>
    <t>cg04909259</t>
  </si>
  <si>
    <t>cg04912999</t>
  </si>
  <si>
    <t>cg04913979</t>
  </si>
  <si>
    <t>cg04919579</t>
  </si>
  <si>
    <t>cg04924511</t>
  </si>
  <si>
    <t>cg04927889</t>
  </si>
  <si>
    <t>cg04928005</t>
  </si>
  <si>
    <t>cg04931256</t>
  </si>
  <si>
    <t>cg04945331</t>
  </si>
  <si>
    <t>cg04945395</t>
  </si>
  <si>
    <t>cg04948892</t>
  </si>
  <si>
    <t>cg04949981</t>
  </si>
  <si>
    <t>cg04970117</t>
  </si>
  <si>
    <t>cg04981665</t>
  </si>
  <si>
    <t>cg04995978</t>
  </si>
  <si>
    <t>cg04998375</t>
  </si>
  <si>
    <t>cg05008406</t>
  </si>
  <si>
    <t>cg05009141</t>
  </si>
  <si>
    <t>cg05048199</t>
  </si>
  <si>
    <t>cg05049028</t>
  </si>
  <si>
    <t>cg05051199</t>
  </si>
  <si>
    <t>cg05052031</t>
  </si>
  <si>
    <t>cg05063096</t>
  </si>
  <si>
    <t>cg05064121</t>
  </si>
  <si>
    <t>cg05064398</t>
  </si>
  <si>
    <t>cg05075118</t>
  </si>
  <si>
    <t>cg05106206</t>
  </si>
  <si>
    <t>cg05112617</t>
  </si>
  <si>
    <t>cg05116002</t>
  </si>
  <si>
    <t>cg05116242</t>
  </si>
  <si>
    <t>cg05118960</t>
  </si>
  <si>
    <t>cg05119979</t>
  </si>
  <si>
    <t>cg05127367</t>
  </si>
  <si>
    <t>cg05127553</t>
  </si>
  <si>
    <t>cg05130304</t>
  </si>
  <si>
    <t>cg05134500</t>
  </si>
  <si>
    <t>cg05134945</t>
  </si>
  <si>
    <t>cg05136179</t>
  </si>
  <si>
    <t>cg05136476</t>
  </si>
  <si>
    <t>cg05138918</t>
  </si>
  <si>
    <t>cg05141709</t>
  </si>
  <si>
    <t>cg05142211</t>
  </si>
  <si>
    <t>cg05144642</t>
  </si>
  <si>
    <t>cg05147070</t>
  </si>
  <si>
    <t>cg05148217</t>
  </si>
  <si>
    <t>cg05258261</t>
  </si>
  <si>
    <t>cg05258757</t>
  </si>
  <si>
    <t>cg05264446</t>
  </si>
  <si>
    <t>cg05269017</t>
  </si>
  <si>
    <t>cg05270106</t>
  </si>
  <si>
    <t>cg05278650</t>
  </si>
  <si>
    <t>cg05280555</t>
  </si>
  <si>
    <t>cg05294250</t>
  </si>
  <si>
    <t>cg05301252</t>
  </si>
  <si>
    <t>cg05304177</t>
  </si>
  <si>
    <t>cg05308617</t>
  </si>
  <si>
    <t>cg05369142</t>
  </si>
  <si>
    <t>cg05378013</t>
  </si>
  <si>
    <t>cg05379650</t>
  </si>
  <si>
    <t>cg05380741</t>
  </si>
  <si>
    <t>cg05386493</t>
  </si>
  <si>
    <t>cg05387404</t>
  </si>
  <si>
    <t>cg05388265</t>
  </si>
  <si>
    <t>cg05393726</t>
  </si>
  <si>
    <t>cg05401364</t>
  </si>
  <si>
    <t>cg05401764</t>
  </si>
  <si>
    <t>cg05407778</t>
  </si>
  <si>
    <t>cg05409218</t>
  </si>
  <si>
    <t>cg05412896</t>
  </si>
  <si>
    <t>cg05421946</t>
  </si>
  <si>
    <t>cg05439191</t>
  </si>
  <si>
    <t>cg05441233</t>
  </si>
  <si>
    <t>cg05451573</t>
  </si>
  <si>
    <t>cg05451654</t>
  </si>
  <si>
    <t>cg05452836</t>
  </si>
  <si>
    <t>cg05460370</t>
  </si>
  <si>
    <t>cg05467676</t>
  </si>
  <si>
    <t>cg05468251</t>
  </si>
  <si>
    <t>cg05470468</t>
  </si>
  <si>
    <t>cg05471523</t>
  </si>
  <si>
    <t>cg05472420</t>
  </si>
  <si>
    <t>cg05476130</t>
  </si>
  <si>
    <t>cg05480110</t>
  </si>
  <si>
    <t>cg05480594</t>
  </si>
  <si>
    <t>cg05484393</t>
  </si>
  <si>
    <t>cg05488043</t>
  </si>
  <si>
    <t>cg05489143</t>
  </si>
  <si>
    <t>cg05498100</t>
  </si>
  <si>
    <t>cg05513806</t>
  </si>
  <si>
    <t>cg05513983</t>
  </si>
  <si>
    <t>cg05523500</t>
  </si>
  <si>
    <t>cg05529157</t>
  </si>
  <si>
    <t>cg05531044</t>
  </si>
  <si>
    <t>cg05531255</t>
  </si>
  <si>
    <t>cg05550449</t>
  </si>
  <si>
    <t>cg05551922</t>
  </si>
  <si>
    <t>cg05555455</t>
  </si>
  <si>
    <t>cg05555772</t>
  </si>
  <si>
    <t>cg05571164</t>
  </si>
  <si>
    <t>cg05573109</t>
  </si>
  <si>
    <t>cg05573133</t>
  </si>
  <si>
    <t>cg05573287</t>
  </si>
  <si>
    <t>cg05573837</t>
  </si>
  <si>
    <t>cg05577596</t>
  </si>
  <si>
    <t>cg05580655</t>
  </si>
  <si>
    <t>cg05585810</t>
  </si>
  <si>
    <t>cg05586304</t>
  </si>
  <si>
    <t>cg05587853</t>
  </si>
  <si>
    <t>cg05596328</t>
  </si>
  <si>
    <t>cg05597270</t>
  </si>
  <si>
    <t>cg05617996</t>
  </si>
  <si>
    <t>cg05642802</t>
  </si>
  <si>
    <t>cg05651657</t>
  </si>
  <si>
    <t>cg05654049</t>
  </si>
  <si>
    <t>cg05663573</t>
  </si>
  <si>
    <t>cg05666842</t>
  </si>
  <si>
    <t>cg05669873</t>
  </si>
  <si>
    <t>cg05671241</t>
  </si>
  <si>
    <t>cg05673432</t>
  </si>
  <si>
    <t>cg05674437</t>
  </si>
  <si>
    <t>cg05677579</t>
  </si>
  <si>
    <t>cg05699592</t>
  </si>
  <si>
    <t>cg05716504</t>
  </si>
  <si>
    <t>cg05717204</t>
  </si>
  <si>
    <t>cg05768427</t>
  </si>
  <si>
    <t>cg05769097</t>
  </si>
  <si>
    <t>cg05776084</t>
  </si>
  <si>
    <t>cg05776704</t>
  </si>
  <si>
    <t>cg05781968</t>
  </si>
  <si>
    <t>cg05787890</t>
  </si>
  <si>
    <t>cg05787931</t>
  </si>
  <si>
    <t>cg05788437</t>
  </si>
  <si>
    <t>cg05789005</t>
  </si>
  <si>
    <t>cg05791779</t>
  </si>
  <si>
    <t>cg05840612</t>
  </si>
  <si>
    <t>cg05881034</t>
  </si>
  <si>
    <t>cg05882673</t>
  </si>
  <si>
    <t>cg05882938</t>
  </si>
  <si>
    <t>cg05890243</t>
  </si>
  <si>
    <t>cg05890285</t>
  </si>
  <si>
    <t>cg05893674</t>
  </si>
  <si>
    <t>cg05897008</t>
  </si>
  <si>
    <t>cg05902884</t>
  </si>
  <si>
    <t>cg05906740</t>
  </si>
  <si>
    <t>cg05911610</t>
  </si>
  <si>
    <t>cg05924489</t>
  </si>
  <si>
    <t>cg05935283</t>
  </si>
  <si>
    <t>cg05937194</t>
  </si>
  <si>
    <t>cg05937737</t>
  </si>
  <si>
    <t>cg05953927</t>
  </si>
  <si>
    <t>cg05957736</t>
  </si>
  <si>
    <t>cg05960081</t>
  </si>
  <si>
    <t>cg05964723</t>
  </si>
  <si>
    <t>cg05970311</t>
  </si>
  <si>
    <t>cg05971911</t>
  </si>
  <si>
    <t>cg05983061</t>
  </si>
  <si>
    <t>cg05983640</t>
  </si>
  <si>
    <t>cg05985073</t>
  </si>
  <si>
    <t>cg05985447</t>
  </si>
  <si>
    <t>cg05987698</t>
  </si>
  <si>
    <t>cg06005571</t>
  </si>
  <si>
    <t>cg06020130</t>
  </si>
  <si>
    <t>cg06021447</t>
  </si>
  <si>
    <t>cg06034437</t>
  </si>
  <si>
    <t>cg06035161</t>
  </si>
  <si>
    <t>cg06041567</t>
  </si>
  <si>
    <t>cg06047990</t>
  </si>
  <si>
    <t>cg06059056</t>
  </si>
  <si>
    <t>cg06061536</t>
  </si>
  <si>
    <t>cg06062590</t>
  </si>
  <si>
    <t>cg06062984</t>
  </si>
  <si>
    <t>cg06066568</t>
  </si>
  <si>
    <t>cg06069310</t>
  </si>
  <si>
    <t>cg06069457</t>
  </si>
  <si>
    <t>cg06070960</t>
  </si>
  <si>
    <t>cg06077741</t>
  </si>
  <si>
    <t>cg06081371</t>
  </si>
  <si>
    <t>cg06085877</t>
  </si>
  <si>
    <t>cg06086148</t>
  </si>
  <si>
    <t>cg06087029</t>
  </si>
  <si>
    <t>cg06088918</t>
  </si>
  <si>
    <t>cg06116495</t>
  </si>
  <si>
    <t>cg06141120</t>
  </si>
  <si>
    <t>cg06143361</t>
  </si>
  <si>
    <t>cg06172138</t>
  </si>
  <si>
    <t>cg06181784</t>
  </si>
  <si>
    <t>cg06182322</t>
  </si>
  <si>
    <t>cg06186646</t>
  </si>
  <si>
    <t>cg06186698</t>
  </si>
  <si>
    <t>cg06189303</t>
  </si>
  <si>
    <t>cg06190677</t>
  </si>
  <si>
    <t>cg06192381</t>
  </si>
  <si>
    <t>cg06200860</t>
  </si>
  <si>
    <t>cg06208339</t>
  </si>
  <si>
    <t>cg06212498</t>
  </si>
  <si>
    <t>cg06217323</t>
  </si>
  <si>
    <t>cg06222184</t>
  </si>
  <si>
    <t>cg06239037</t>
  </si>
  <si>
    <t>cg06241292</t>
  </si>
  <si>
    <t>cg06267913</t>
  </si>
  <si>
    <t>cg06271087</t>
  </si>
  <si>
    <t>cg06277271</t>
  </si>
  <si>
    <t>cg06288251</t>
  </si>
  <si>
    <t>cg06294803</t>
  </si>
  <si>
    <t>cg06295987</t>
  </si>
  <si>
    <t>cg06308857</t>
  </si>
  <si>
    <t>cg06312785</t>
  </si>
  <si>
    <t>cg06312797</t>
  </si>
  <si>
    <t>cg06327849</t>
  </si>
  <si>
    <t>cg06341749</t>
  </si>
  <si>
    <t>cg06342957</t>
  </si>
  <si>
    <t>cg06346696</t>
  </si>
  <si>
    <t>cg06348081</t>
  </si>
  <si>
    <t>cg06348477</t>
  </si>
  <si>
    <t>cg06352924</t>
  </si>
  <si>
    <t>cg06364319</t>
  </si>
  <si>
    <t>cg06369090</t>
  </si>
  <si>
    <t>cg06375085</t>
  </si>
  <si>
    <t>cg06382244</t>
  </si>
  <si>
    <t>cg06384952</t>
  </si>
  <si>
    <t>cg06387459</t>
  </si>
  <si>
    <t>cg06391377</t>
  </si>
  <si>
    <t>cg06391982</t>
  </si>
  <si>
    <t>cg06397381</t>
  </si>
  <si>
    <t>cg06397523</t>
  </si>
  <si>
    <t>cg06398166</t>
  </si>
  <si>
    <t>cg06479057</t>
  </si>
  <si>
    <t>cg06490988</t>
  </si>
  <si>
    <t>cg06491573</t>
  </si>
  <si>
    <t>cg06492496</t>
  </si>
  <si>
    <t>cg06494592</t>
  </si>
  <si>
    <t>cg06495728</t>
  </si>
  <si>
    <t>cg06499271</t>
  </si>
  <si>
    <t>cg06508320</t>
  </si>
  <si>
    <t>cg06508783</t>
  </si>
  <si>
    <t>cg06510410</t>
  </si>
  <si>
    <t>cg06514371</t>
  </si>
  <si>
    <t>cg06572115</t>
  </si>
  <si>
    <t>cg06573644</t>
  </si>
  <si>
    <t>cg06577708</t>
  </si>
  <si>
    <t>cg06580782</t>
  </si>
  <si>
    <t>cg06584662</t>
  </si>
  <si>
    <t>cg06587054</t>
  </si>
  <si>
    <t>cg06590608</t>
  </si>
  <si>
    <t>cg06598836</t>
  </si>
  <si>
    <t>cg06613095</t>
  </si>
  <si>
    <t>cg06614436</t>
  </si>
  <si>
    <t>cg06624156</t>
  </si>
  <si>
    <t>cg06625258</t>
  </si>
  <si>
    <t>cg06636831</t>
  </si>
  <si>
    <t>cg06648483</t>
  </si>
  <si>
    <t>cg06648971</t>
  </si>
  <si>
    <t>cg06651286</t>
  </si>
  <si>
    <t>cg06651450</t>
  </si>
  <si>
    <t>cg06652112</t>
  </si>
  <si>
    <t>cg06656414</t>
  </si>
  <si>
    <t>cg06657807</t>
  </si>
  <si>
    <t>cg06663068</t>
  </si>
  <si>
    <t>cg06666836</t>
  </si>
  <si>
    <t>cg06667063</t>
  </si>
  <si>
    <t>cg06667416</t>
  </si>
  <si>
    <t>cg06671690</t>
  </si>
  <si>
    <t>cg06675530</t>
  </si>
  <si>
    <t>cg06678279</t>
  </si>
  <si>
    <t>cg06679760</t>
  </si>
  <si>
    <t>cg06681566</t>
  </si>
  <si>
    <t>cg06686306</t>
  </si>
  <si>
    <t>cg06686826</t>
  </si>
  <si>
    <t>cg06705862</t>
  </si>
  <si>
    <t>cg06716686</t>
  </si>
  <si>
    <t>cg06722069</t>
  </si>
  <si>
    <t>cg06726935</t>
  </si>
  <si>
    <t>cg06730340</t>
  </si>
  <si>
    <t>cg06734342</t>
  </si>
  <si>
    <t>cg06784576</t>
  </si>
  <si>
    <t>cg06785788</t>
  </si>
  <si>
    <t>cg06787431</t>
  </si>
  <si>
    <t>cg06789412</t>
  </si>
  <si>
    <t>cg06792262</t>
  </si>
  <si>
    <t>cg06796779</t>
  </si>
  <si>
    <t>cg06798480</t>
  </si>
  <si>
    <t>cg06805551</t>
  </si>
  <si>
    <t>cg06812153</t>
  </si>
  <si>
    <t>cg06820545</t>
  </si>
  <si>
    <t>cg06824980</t>
  </si>
  <si>
    <t>cg06825957</t>
  </si>
  <si>
    <t>cg06830555</t>
  </si>
  <si>
    <t>cg06832331</t>
  </si>
  <si>
    <t>cg06842518</t>
  </si>
  <si>
    <t>cg06854015</t>
  </si>
  <si>
    <t>cg06858559</t>
  </si>
  <si>
    <t>cg07052476</t>
  </si>
  <si>
    <t>cg07055504</t>
  </si>
  <si>
    <t>cg07057670</t>
  </si>
  <si>
    <t>cg07061775</t>
  </si>
  <si>
    <t>cg07065220</t>
  </si>
  <si>
    <t>cg07068942</t>
  </si>
  <si>
    <t>cg07074543</t>
  </si>
  <si>
    <t>cg07077209</t>
  </si>
  <si>
    <t>cg07079407</t>
  </si>
  <si>
    <t>cg07089020</t>
  </si>
  <si>
    <t>cg07091593</t>
  </si>
  <si>
    <t>cg07094735</t>
  </si>
  <si>
    <t>cg07096110</t>
  </si>
  <si>
    <t>cg07100595</t>
  </si>
  <si>
    <t>cg07101782</t>
  </si>
  <si>
    <t>cg07107441</t>
  </si>
  <si>
    <t>cg07110217</t>
  </si>
  <si>
    <t>cg07121640</t>
  </si>
  <si>
    <t>cg07128245</t>
  </si>
  <si>
    <t>cg07131136</t>
  </si>
  <si>
    <t>cg07131655</t>
  </si>
  <si>
    <t>cg07135614</t>
  </si>
  <si>
    <t>cg07148879</t>
  </si>
  <si>
    <t>cg07150925</t>
  </si>
  <si>
    <t>cg07152216</t>
  </si>
  <si>
    <t>cg07155478</t>
  </si>
  <si>
    <t>cg07184411</t>
  </si>
  <si>
    <t>cg07185068</t>
  </si>
  <si>
    <t>cg07207099</t>
  </si>
  <si>
    <t>cg07216258</t>
  </si>
  <si>
    <t>cg07221511</t>
  </si>
  <si>
    <t>cg07226813</t>
  </si>
  <si>
    <t>cg07231955</t>
  </si>
  <si>
    <t>cg07248043</t>
  </si>
  <si>
    <t>cg07251603</t>
  </si>
  <si>
    <t>cg07264154</t>
  </si>
  <si>
    <t>cg07269003</t>
  </si>
  <si>
    <t>cg07276534</t>
  </si>
  <si>
    <t>cg07279281</t>
  </si>
  <si>
    <t>cg07279802</t>
  </si>
  <si>
    <t>cg07279963</t>
  </si>
  <si>
    <t>cg07283098</t>
  </si>
  <si>
    <t>cg07283616</t>
  </si>
  <si>
    <t>cg07294177</t>
  </si>
  <si>
    <t>cg07297582</t>
  </si>
  <si>
    <t>cg07300316</t>
  </si>
  <si>
    <t>cg07303187</t>
  </si>
  <si>
    <t>cg07304068</t>
  </si>
  <si>
    <t>cg07317755</t>
  </si>
  <si>
    <t>cg07330230</t>
  </si>
  <si>
    <t>cg07330908</t>
  </si>
  <si>
    <t>cg07341007</t>
  </si>
  <si>
    <t>cg07344955</t>
  </si>
  <si>
    <t>cg07348706</t>
  </si>
  <si>
    <t>cg07348809</t>
  </si>
  <si>
    <t>cg07351192</t>
  </si>
  <si>
    <t>cg07357021</t>
  </si>
  <si>
    <t>cg07357827</t>
  </si>
  <si>
    <t>cg07360893</t>
  </si>
  <si>
    <t>cg07365274</t>
  </si>
  <si>
    <t>cg07365452</t>
  </si>
  <si>
    <t>cg07377586</t>
  </si>
  <si>
    <t>cg07378760</t>
  </si>
  <si>
    <t>cg07381000</t>
  </si>
  <si>
    <t>cg07398614</t>
  </si>
  <si>
    <t>cg07413251</t>
  </si>
  <si>
    <t>cg07437373</t>
  </si>
  <si>
    <t>cg07438288</t>
  </si>
  <si>
    <t>cg07448319</t>
  </si>
  <si>
    <t>cg07450135</t>
  </si>
  <si>
    <t>cg07451391</t>
  </si>
  <si>
    <t>cg07452777</t>
  </si>
  <si>
    <t>cg07464924</t>
  </si>
  <si>
    <t>cg07467520</t>
  </si>
  <si>
    <t>cg07474652</t>
  </si>
  <si>
    <t>cg07482199</t>
  </si>
  <si>
    <t>cg07541442</t>
  </si>
  <si>
    <t>cg07542475</t>
  </si>
  <si>
    <t>cg07544984</t>
  </si>
  <si>
    <t>cg07552157</t>
  </si>
  <si>
    <t>cg07553761</t>
  </si>
  <si>
    <t>cg07556148</t>
  </si>
  <si>
    <t>cg07574621</t>
  </si>
  <si>
    <t>cg07575867</t>
  </si>
  <si>
    <t>cg07581811</t>
  </si>
  <si>
    <t>cg07585587</t>
  </si>
  <si>
    <t>cg07588141</t>
  </si>
  <si>
    <t>cg07593340</t>
  </si>
  <si>
    <t>cg07612497</t>
  </si>
  <si>
    <t>cg07613752</t>
  </si>
  <si>
    <t>cg07618626</t>
  </si>
  <si>
    <t>cg07619542</t>
  </si>
  <si>
    <t>cg07629454</t>
  </si>
  <si>
    <t>cg07629965</t>
  </si>
  <si>
    <t>cg07630564</t>
  </si>
  <si>
    <t>cg07638105</t>
  </si>
  <si>
    <t>cg07638500</t>
  </si>
  <si>
    <t>cg07638884</t>
  </si>
  <si>
    <t>cg07645858</t>
  </si>
  <si>
    <t>cg07664370</t>
  </si>
  <si>
    <t>cg07666579</t>
  </si>
  <si>
    <t>cg07681728</t>
  </si>
  <si>
    <t>cg07692540</t>
  </si>
  <si>
    <t>cg07693931</t>
  </si>
  <si>
    <t>cg07694711</t>
  </si>
  <si>
    <t>cg07696485</t>
  </si>
  <si>
    <t>cg07700266</t>
  </si>
  <si>
    <t>cg07700837</t>
  </si>
  <si>
    <t>cg07704136</t>
  </si>
  <si>
    <t>cg07706279</t>
  </si>
  <si>
    <t>cg07731455</t>
  </si>
  <si>
    <t>cg07733576</t>
  </si>
  <si>
    <t>cg07744841</t>
  </si>
  <si>
    <t>cg07752472</t>
  </si>
  <si>
    <t>cg07754938</t>
  </si>
  <si>
    <t>cg07755390</t>
  </si>
  <si>
    <t>cg07757611</t>
  </si>
  <si>
    <t>cg07765813</t>
  </si>
  <si>
    <t>cg07772145</t>
  </si>
  <si>
    <t>cg07785076</t>
  </si>
  <si>
    <t>cg07802917</t>
  </si>
  <si>
    <t>cg07805699</t>
  </si>
  <si>
    <t>cg07805724</t>
  </si>
  <si>
    <t>cg07806886</t>
  </si>
  <si>
    <t>cg07851808</t>
  </si>
  <si>
    <t>cg07852840</t>
  </si>
  <si>
    <t>cg07857225</t>
  </si>
  <si>
    <t>cg07864031</t>
  </si>
  <si>
    <t>cg07864883</t>
  </si>
  <si>
    <t>cg07869994</t>
  </si>
  <si>
    <t>cg07880337</t>
  </si>
  <si>
    <t>cg07881061</t>
  </si>
  <si>
    <t>cg07882382</t>
  </si>
  <si>
    <t>cg07883600</t>
  </si>
  <si>
    <t>cg07884487</t>
  </si>
  <si>
    <t>cg07886860</t>
  </si>
  <si>
    <t>cg07889826</t>
  </si>
  <si>
    <t>cg07892785</t>
  </si>
  <si>
    <t>cg07893149</t>
  </si>
  <si>
    <t>cg07908870</t>
  </si>
  <si>
    <t>cg07911463</t>
  </si>
  <si>
    <t>cg07963181</t>
  </si>
  <si>
    <t>cg07998374</t>
  </si>
  <si>
    <t>cg07998479</t>
  </si>
  <si>
    <t>cg08001520</t>
  </si>
  <si>
    <t>cg08002883</t>
  </si>
  <si>
    <t>cg08006166</t>
  </si>
  <si>
    <t>cg08013557</t>
  </si>
  <si>
    <t>cg08015507</t>
  </si>
  <si>
    <t>cg08017498</t>
  </si>
  <si>
    <t>cg08023179</t>
  </si>
  <si>
    <t>cg08026502</t>
  </si>
  <si>
    <t>cg08051076</t>
  </si>
  <si>
    <t>cg08056012</t>
  </si>
  <si>
    <t>cg08059820</t>
  </si>
  <si>
    <t>cg08060454</t>
  </si>
  <si>
    <t>cg08065241</t>
  </si>
  <si>
    <t>cg08072251</t>
  </si>
  <si>
    <t>cg08073312</t>
  </si>
  <si>
    <t>cg08084454</t>
  </si>
  <si>
    <t>cg08093226</t>
  </si>
  <si>
    <t>cg08100565</t>
  </si>
  <si>
    <t>cg08102508</t>
  </si>
  <si>
    <t>cg08109969</t>
  </si>
  <si>
    <t>cg08121925</t>
  </si>
  <si>
    <t>cg08130643</t>
  </si>
  <si>
    <t>cg08143003</t>
  </si>
  <si>
    <t>cg08149078</t>
  </si>
  <si>
    <t>cg08154107</t>
  </si>
  <si>
    <t>cg08162476</t>
  </si>
  <si>
    <t>cg08163220</t>
  </si>
  <si>
    <t>cg08170359</t>
  </si>
  <si>
    <t>cg08173404</t>
  </si>
  <si>
    <t>cg08175029</t>
  </si>
  <si>
    <t>cg08195943</t>
  </si>
  <si>
    <t>cg08195983</t>
  </si>
  <si>
    <t>cg08202836</t>
  </si>
  <si>
    <t>cg08204817</t>
  </si>
  <si>
    <t>cg08207895</t>
  </si>
  <si>
    <t>cg08212981</t>
  </si>
  <si>
    <t>cg08215925</t>
  </si>
  <si>
    <t>cg08216768</t>
  </si>
  <si>
    <t>cg08219531</t>
  </si>
  <si>
    <t>cg08222081</t>
  </si>
  <si>
    <t>cg08222555</t>
  </si>
  <si>
    <t>cg08230332</t>
  </si>
  <si>
    <t>cg08263589</t>
  </si>
  <si>
    <t>cg08268125</t>
  </si>
  <si>
    <t>cg08270258</t>
  </si>
  <si>
    <t>cg08275638</t>
  </si>
  <si>
    <t>cg08276289</t>
  </si>
  <si>
    <t>cg08278194</t>
  </si>
  <si>
    <t>cg08348959</t>
  </si>
  <si>
    <t>cg08366952</t>
  </si>
  <si>
    <t>cg08379496</t>
  </si>
  <si>
    <t>cg08443345</t>
  </si>
  <si>
    <t>cg08447327</t>
  </si>
  <si>
    <t>cg08447525</t>
  </si>
  <si>
    <t>cg08450501</t>
  </si>
  <si>
    <t>cg08455380</t>
  </si>
  <si>
    <t>cg08458655</t>
  </si>
  <si>
    <t>cg08460226</t>
  </si>
  <si>
    <t>cg08463543</t>
  </si>
  <si>
    <t>cg08478709</t>
  </si>
  <si>
    <t>cg08483723</t>
  </si>
  <si>
    <t>cg08493356</t>
  </si>
  <si>
    <t>cg08498485</t>
  </si>
  <si>
    <t>cg08502511</t>
  </si>
  <si>
    <t>cg08510077</t>
  </si>
  <si>
    <t>cg08511440</t>
  </si>
  <si>
    <t>cg08516262</t>
  </si>
  <si>
    <t>cg08519233</t>
  </si>
  <si>
    <t>cg08529019</t>
  </si>
  <si>
    <t>cg08536228</t>
  </si>
  <si>
    <t>cg08538186</t>
  </si>
  <si>
    <t>cg08538682</t>
  </si>
  <si>
    <t>cg08542227</t>
  </si>
  <si>
    <t>cg08543242</t>
  </si>
  <si>
    <t>cg08547873</t>
  </si>
  <si>
    <t>cg08555653</t>
  </si>
  <si>
    <t>cg08563994</t>
  </si>
  <si>
    <t>cg08584430</t>
  </si>
  <si>
    <t>cg08655589</t>
  </si>
  <si>
    <t>cg08659357</t>
  </si>
  <si>
    <t>cg08665961</t>
  </si>
  <si>
    <t>cg08668199</t>
  </si>
  <si>
    <t>cg08671326</t>
  </si>
  <si>
    <t>cg08671343</t>
  </si>
  <si>
    <t>cg08675000</t>
  </si>
  <si>
    <t>cg08675193</t>
  </si>
  <si>
    <t>cg08679134</t>
  </si>
  <si>
    <t>cg08688006</t>
  </si>
  <si>
    <t>cg08690200</t>
  </si>
  <si>
    <t>cg08700032</t>
  </si>
  <si>
    <t>cg08754625</t>
  </si>
  <si>
    <t>cg08768852</t>
  </si>
  <si>
    <t>cg08770580</t>
  </si>
  <si>
    <t>cg08774368</t>
  </si>
  <si>
    <t>cg08797741</t>
  </si>
  <si>
    <t>cg08802409</t>
  </si>
  <si>
    <t>cg08803571</t>
  </si>
  <si>
    <t>cg08806444</t>
  </si>
  <si>
    <t>cg08806578</t>
  </si>
  <si>
    <t>cg08808811</t>
  </si>
  <si>
    <t>cg08813099</t>
  </si>
  <si>
    <t>cg08816037</t>
  </si>
  <si>
    <t>cg08817168</t>
  </si>
  <si>
    <t>cg08824232</t>
  </si>
  <si>
    <t>cg08826127</t>
  </si>
  <si>
    <t>cg08828664</t>
  </si>
  <si>
    <t>cg08830818</t>
  </si>
  <si>
    <t>cg08831077</t>
  </si>
  <si>
    <t>cg08834459</t>
  </si>
  <si>
    <t>cg08836199</t>
  </si>
  <si>
    <t>cg08839267</t>
  </si>
  <si>
    <t>cg08841889</t>
  </si>
  <si>
    <t>cg08841910</t>
  </si>
  <si>
    <t>cg08846783</t>
  </si>
  <si>
    <t>cg08853659</t>
  </si>
  <si>
    <t>cg08855568</t>
  </si>
  <si>
    <t>cg08857159</t>
  </si>
  <si>
    <t>cg08858437</t>
  </si>
  <si>
    <t>cg08872937</t>
  </si>
  <si>
    <t>cg08877188</t>
  </si>
  <si>
    <t>cg08880904</t>
  </si>
  <si>
    <t>cg08882707</t>
  </si>
  <si>
    <t>cg08888203</t>
  </si>
  <si>
    <t>cg08920773</t>
  </si>
  <si>
    <t>cg08929133</t>
  </si>
  <si>
    <t>cg08936897</t>
  </si>
  <si>
    <t>cg08941759</t>
  </si>
  <si>
    <t>cg08942682</t>
  </si>
  <si>
    <t>cg08945011</t>
  </si>
  <si>
    <t>cg08962590</t>
  </si>
  <si>
    <t>cg08977130</t>
  </si>
  <si>
    <t>cg08977270</t>
  </si>
  <si>
    <t>cg08978399</t>
  </si>
  <si>
    <t>cg08980237</t>
  </si>
  <si>
    <t>cg08986653</t>
  </si>
  <si>
    <t>cg08987506</t>
  </si>
  <si>
    <t>cg08988226</t>
  </si>
  <si>
    <t>cg08988364</t>
  </si>
  <si>
    <t>cg08993582</t>
  </si>
  <si>
    <t>cg08996790</t>
  </si>
  <si>
    <t>cg09006015</t>
  </si>
  <si>
    <t>cg09008417</t>
  </si>
  <si>
    <t>cg09009074</t>
  </si>
  <si>
    <t>cg09010904</t>
  </si>
  <si>
    <t>cg09022422</t>
  </si>
  <si>
    <t>cg09024340</t>
  </si>
  <si>
    <t>cg09065654</t>
  </si>
  <si>
    <t>cg09087777</t>
  </si>
  <si>
    <t>cg09090724</t>
  </si>
  <si>
    <t>cg09096430</t>
  </si>
  <si>
    <t>cg09097697</t>
  </si>
  <si>
    <t>cg09098825</t>
  </si>
  <si>
    <t>cg09150212</t>
  </si>
  <si>
    <t>cg09220838</t>
  </si>
  <si>
    <t>cg09221314</t>
  </si>
  <si>
    <t>cg09225691</t>
  </si>
  <si>
    <t>cg09242721</t>
  </si>
  <si>
    <t>cg09246203</t>
  </si>
  <si>
    <t>cg09254361</t>
  </si>
  <si>
    <t>cg09331640</t>
  </si>
  <si>
    <t>cg09342567</t>
  </si>
  <si>
    <t>cg09352908</t>
  </si>
  <si>
    <t>cg09355697</t>
  </si>
  <si>
    <t>cg09369490</t>
  </si>
  <si>
    <t>cg09373148</t>
  </si>
  <si>
    <t>cg09377149</t>
  </si>
  <si>
    <t>cg09386682</t>
  </si>
  <si>
    <t>cg09386807</t>
  </si>
  <si>
    <t>cg09388137</t>
  </si>
  <si>
    <t>cg09389280</t>
  </si>
  <si>
    <t>cg09396181</t>
  </si>
  <si>
    <t>cg09400030</t>
  </si>
  <si>
    <t>cg09404911</t>
  </si>
  <si>
    <t>cg09405169</t>
  </si>
  <si>
    <t>cg09407429</t>
  </si>
  <si>
    <t>cg09410434</t>
  </si>
  <si>
    <t>cg09419983</t>
  </si>
  <si>
    <t>cg09424682</t>
  </si>
  <si>
    <t>cg09429345</t>
  </si>
  <si>
    <t>cg09429700</t>
  </si>
  <si>
    <t>cg09434534</t>
  </si>
  <si>
    <t>cg09435025</t>
  </si>
  <si>
    <t>cg09435674</t>
  </si>
  <si>
    <t>cg09436851</t>
  </si>
  <si>
    <t>cg09444327</t>
  </si>
  <si>
    <t>cg09452751</t>
  </si>
  <si>
    <t>cg09453767</t>
  </si>
  <si>
    <t>cg09455182</t>
  </si>
  <si>
    <t>cg09456388</t>
  </si>
  <si>
    <t>cg09461650</t>
  </si>
  <si>
    <t>cg09462808</t>
  </si>
  <si>
    <t>cg09463755</t>
  </si>
  <si>
    <t>cg09465746</t>
  </si>
  <si>
    <t>cg09469302</t>
  </si>
  <si>
    <t>cg09472360</t>
  </si>
  <si>
    <t>cg09482109</t>
  </si>
  <si>
    <t>cg09538633</t>
  </si>
  <si>
    <t>cg09562655</t>
  </si>
  <si>
    <t>cg09564068</t>
  </si>
  <si>
    <t>cg09591072</t>
  </si>
  <si>
    <t>cg09591533</t>
  </si>
  <si>
    <t>cg09596674</t>
  </si>
  <si>
    <t>cg09597785</t>
  </si>
  <si>
    <t>cg09604352</t>
  </si>
  <si>
    <t>cg09604762</t>
  </si>
  <si>
    <t>cg09606015</t>
  </si>
  <si>
    <t>cg09615786</t>
  </si>
  <si>
    <t>cg09618015</t>
  </si>
  <si>
    <t>cg09623457</t>
  </si>
  <si>
    <t>cg09628877</t>
  </si>
  <si>
    <t>cg09643587</t>
  </si>
  <si>
    <t>cg09645126</t>
  </si>
  <si>
    <t>cg09650880</t>
  </si>
  <si>
    <t>cg09652652</t>
  </si>
  <si>
    <t>cg09657378</t>
  </si>
  <si>
    <t>cg09660365</t>
  </si>
  <si>
    <t>cg09662571</t>
  </si>
  <si>
    <t>cg09668216</t>
  </si>
  <si>
    <t>cg09671131</t>
  </si>
  <si>
    <t>cg09682251</t>
  </si>
  <si>
    <t>cg09684136</t>
  </si>
  <si>
    <t>cg09687332</t>
  </si>
  <si>
    <t>cg09695647</t>
  </si>
  <si>
    <t>cg09695652</t>
  </si>
  <si>
    <t>cg09698395</t>
  </si>
  <si>
    <t>cg09700085</t>
  </si>
  <si>
    <t>cg09706721</t>
  </si>
  <si>
    <t>cg09710790</t>
  </si>
  <si>
    <t>cg09711970</t>
  </si>
  <si>
    <t>cg09712216</t>
  </si>
  <si>
    <t>cg09713000</t>
  </si>
  <si>
    <t>cg09721739</t>
  </si>
  <si>
    <t>cg09728506</t>
  </si>
  <si>
    <t>cg09737845</t>
  </si>
  <si>
    <t>cg09744376</t>
  </si>
  <si>
    <t>cg09805010</t>
  </si>
  <si>
    <t>cg09827037</t>
  </si>
  <si>
    <t>cg09827701</t>
  </si>
  <si>
    <t>cg09852007</t>
  </si>
  <si>
    <t>cg09861318</t>
  </si>
  <si>
    <t>cg09862076</t>
  </si>
  <si>
    <t>cg09865413</t>
  </si>
  <si>
    <t>cg09868336</t>
  </si>
  <si>
    <t>cg09874107</t>
  </si>
  <si>
    <t>cg09881545</t>
  </si>
  <si>
    <t>cg09997760</t>
  </si>
  <si>
    <t>cg10029213</t>
  </si>
  <si>
    <t>cg10030417</t>
  </si>
  <si>
    <t>cg10109351</t>
  </si>
  <si>
    <t>cg10109442</t>
  </si>
  <si>
    <t>cg10109500</t>
  </si>
  <si>
    <t>cg10113231</t>
  </si>
  <si>
    <t>cg10128511</t>
  </si>
  <si>
    <t>cg10130344</t>
  </si>
  <si>
    <t>cg10130694</t>
  </si>
  <si>
    <t>cg10132987</t>
  </si>
  <si>
    <t>cg10135532</t>
  </si>
  <si>
    <t>cg10137084</t>
  </si>
  <si>
    <t>cg10143433</t>
  </si>
  <si>
    <t>cg10143842</t>
  </si>
  <si>
    <t>cg10144104</t>
  </si>
  <si>
    <t>cg10172107</t>
  </si>
  <si>
    <t>cg10172415</t>
  </si>
  <si>
    <t>cg10173186</t>
  </si>
  <si>
    <t>cg10174972</t>
  </si>
  <si>
    <t>cg10176160</t>
  </si>
  <si>
    <t>cg10179004</t>
  </si>
  <si>
    <t>cg10182102</t>
  </si>
  <si>
    <t>cg10217975</t>
  </si>
  <si>
    <t>cg10243398</t>
  </si>
  <si>
    <t>cg10245988</t>
  </si>
  <si>
    <t>cg10248552</t>
  </si>
  <si>
    <t>cg10252695</t>
  </si>
  <si>
    <t>cg10259735</t>
  </si>
  <si>
    <t>cg10263370</t>
  </si>
  <si>
    <t>cg10263682</t>
  </si>
  <si>
    <t>cg10282524</t>
  </si>
  <si>
    <t>cg10283155</t>
  </si>
  <si>
    <t>cg10298173</t>
  </si>
  <si>
    <t>cg10309166</t>
  </si>
  <si>
    <t>cg10313047</t>
  </si>
  <si>
    <t>cg10315347</t>
  </si>
  <si>
    <t>cg10324329</t>
  </si>
  <si>
    <t>cg10338082</t>
  </si>
  <si>
    <t>cg10341991</t>
  </si>
  <si>
    <t>cg10347032</t>
  </si>
  <si>
    <t>cg10349197</t>
  </si>
  <si>
    <t>cg10350352</t>
  </si>
  <si>
    <t>cg10352003</t>
  </si>
  <si>
    <t>cg10361095</t>
  </si>
  <si>
    <t>cg10365889</t>
  </si>
  <si>
    <t>cg10369313</t>
  </si>
  <si>
    <t>cg10372701</t>
  </si>
  <si>
    <t>cg10449522</t>
  </si>
  <si>
    <t>cg10455785</t>
  </si>
  <si>
    <t>cg10459387</t>
  </si>
  <si>
    <t>cg10460643</t>
  </si>
  <si>
    <t>cg10461547</t>
  </si>
  <si>
    <t>cg10479901</t>
  </si>
  <si>
    <t>cg10507275</t>
  </si>
  <si>
    <t>cg10510478</t>
  </si>
  <si>
    <t>cg10523807</t>
  </si>
  <si>
    <t>cg10527010</t>
  </si>
  <si>
    <t>cg10529387</t>
  </si>
  <si>
    <t>cg10531521</t>
  </si>
  <si>
    <t>cg10532384</t>
  </si>
  <si>
    <t>cg10542584</t>
  </si>
  <si>
    <t>cg10542883</t>
  </si>
  <si>
    <t>cg10545536</t>
  </si>
  <si>
    <t>cg10546523</t>
  </si>
  <si>
    <t>cg10551556</t>
  </si>
  <si>
    <t>cg10553028</t>
  </si>
  <si>
    <t>cg10573386</t>
  </si>
  <si>
    <t>cg10580335</t>
  </si>
  <si>
    <t>cg10587218</t>
  </si>
  <si>
    <t>cg10588034</t>
  </si>
  <si>
    <t>cg10594237</t>
  </si>
  <si>
    <t>cg10594818</t>
  </si>
  <si>
    <t>cg10596006</t>
  </si>
  <si>
    <t>cg10598595</t>
  </si>
  <si>
    <t>cg10602180</t>
  </si>
  <si>
    <t>cg10603275</t>
  </si>
  <si>
    <t>cg10604373</t>
  </si>
  <si>
    <t>cg10608570</t>
  </si>
  <si>
    <t>cg10624175</t>
  </si>
  <si>
    <t>cg10625578</t>
  </si>
  <si>
    <t>cg10626541</t>
  </si>
  <si>
    <t>cg10659624</t>
  </si>
  <si>
    <t>cg10659748</t>
  </si>
  <si>
    <t>cg10661191</t>
  </si>
  <si>
    <t>cg10663765</t>
  </si>
  <si>
    <t>cg10666906</t>
  </si>
  <si>
    <t>cg10667969</t>
  </si>
  <si>
    <t>cg10668555</t>
  </si>
  <si>
    <t>cg10676442</t>
  </si>
  <si>
    <t>cg10678427</t>
  </si>
  <si>
    <t>cg10679755</t>
  </si>
  <si>
    <t>cg10681256</t>
  </si>
  <si>
    <t>cg10683958</t>
  </si>
  <si>
    <t>cg10685336</t>
  </si>
  <si>
    <t>cg10691848</t>
  </si>
  <si>
    <t>cg10696724</t>
  </si>
  <si>
    <t>cg10701252</t>
  </si>
  <si>
    <t>cg10702113</t>
  </si>
  <si>
    <t>cg10713320</t>
  </si>
  <si>
    <t>cg10726475</t>
  </si>
  <si>
    <t>cg10728960</t>
  </si>
  <si>
    <t>cg10729325</t>
  </si>
  <si>
    <t>cg10730421</t>
  </si>
  <si>
    <t>cg10731910</t>
  </si>
  <si>
    <t>cg10739087</t>
  </si>
  <si>
    <t>cg10739095</t>
  </si>
  <si>
    <t>cg10741399</t>
  </si>
  <si>
    <t>cg10742605</t>
  </si>
  <si>
    <t>cg10747042</t>
  </si>
  <si>
    <t>cg10747115</t>
  </si>
  <si>
    <t>cg10747118</t>
  </si>
  <si>
    <t>cg10748086</t>
  </si>
  <si>
    <t>cg10755058</t>
  </si>
  <si>
    <t>cg10755512</t>
  </si>
  <si>
    <t>cg10769017</t>
  </si>
  <si>
    <t>cg10774808</t>
  </si>
  <si>
    <t>cg10775230</t>
  </si>
  <si>
    <t>cg10779423</t>
  </si>
  <si>
    <t>cg10779801</t>
  </si>
  <si>
    <t>cg10784414</t>
  </si>
  <si>
    <t>cg10788918</t>
  </si>
  <si>
    <t>cg10791959</t>
  </si>
  <si>
    <t>cg10793234</t>
  </si>
  <si>
    <t>cg10800953</t>
  </si>
  <si>
    <t>cg10802528</t>
  </si>
  <si>
    <t>cg10880995</t>
  </si>
  <si>
    <t>cg10893140</t>
  </si>
  <si>
    <t>cg10901368</t>
  </si>
  <si>
    <t>cg10905877</t>
  </si>
  <si>
    <t>cg10908625</t>
  </si>
  <si>
    <t>cg10911063</t>
  </si>
  <si>
    <t>cg10911865</t>
  </si>
  <si>
    <t>cg10911980</t>
  </si>
  <si>
    <t>cg10912509</t>
  </si>
  <si>
    <t>cg10912796</t>
  </si>
  <si>
    <t>cg10916702</t>
  </si>
  <si>
    <t>cg10920302</t>
  </si>
  <si>
    <t>cg10938441</t>
  </si>
  <si>
    <t>cg10942903</t>
  </si>
  <si>
    <t>cg10943458</t>
  </si>
  <si>
    <t>cg10944051</t>
  </si>
  <si>
    <t>cg10955958</t>
  </si>
  <si>
    <t>cg10956162</t>
  </si>
  <si>
    <t>cg10956904</t>
  </si>
  <si>
    <t>cg10959999</t>
  </si>
  <si>
    <t>cg10985281</t>
  </si>
  <si>
    <t>cg10988124</t>
  </si>
  <si>
    <t>cg10989214</t>
  </si>
  <si>
    <t>cg10991303</t>
  </si>
  <si>
    <t>cg10992925</t>
  </si>
  <si>
    <t>cg10996014</t>
  </si>
  <si>
    <t>cg10997479</t>
  </si>
  <si>
    <t>cg11002227</t>
  </si>
  <si>
    <t>cg11003573</t>
  </si>
  <si>
    <t>cg11004117</t>
  </si>
  <si>
    <t>cg11012543</t>
  </si>
  <si>
    <t>cg11013977</t>
  </si>
  <si>
    <t>cg11016663</t>
  </si>
  <si>
    <t>cg11020537</t>
  </si>
  <si>
    <t>cg11021744</t>
  </si>
  <si>
    <t>cg11022432</t>
  </si>
  <si>
    <t>cg11022985</t>
  </si>
  <si>
    <t>cg11036189</t>
  </si>
  <si>
    <t>cg11039464</t>
  </si>
  <si>
    <t>cg11039694</t>
  </si>
  <si>
    <t>cg11074977</t>
  </si>
  <si>
    <t>cg11090352</t>
  </si>
  <si>
    <t>cg11098493</t>
  </si>
  <si>
    <t>cg11099041</t>
  </si>
  <si>
    <t>cg11100465</t>
  </si>
  <si>
    <t>cg11102611</t>
  </si>
  <si>
    <t>cg11102844</t>
  </si>
  <si>
    <t>cg11103393</t>
  </si>
  <si>
    <t>cg11108137</t>
  </si>
  <si>
    <t>cg11118681</t>
  </si>
  <si>
    <t>cg11137483</t>
  </si>
  <si>
    <t>cg11137761</t>
  </si>
  <si>
    <t>cg11142406</t>
  </si>
  <si>
    <t>cg11143507</t>
  </si>
  <si>
    <t>cg11145160</t>
  </si>
  <si>
    <t>cg11145772</t>
  </si>
  <si>
    <t>cg11150667</t>
  </si>
  <si>
    <t>cg11158819</t>
  </si>
  <si>
    <t>cg11159141</t>
  </si>
  <si>
    <t>cg11161853</t>
  </si>
  <si>
    <t>cg11166759</t>
  </si>
  <si>
    <t>cg11178025</t>
  </si>
  <si>
    <t>cg11178810</t>
  </si>
  <si>
    <t>cg11179513</t>
  </si>
  <si>
    <t>cg11184748</t>
  </si>
  <si>
    <t>cg11186962</t>
  </si>
  <si>
    <t>cg11196693</t>
  </si>
  <si>
    <t>cg11198734</t>
  </si>
  <si>
    <t>cg11198863</t>
  </si>
  <si>
    <t>cg11199036</t>
  </si>
  <si>
    <t>cg11210604</t>
  </si>
  <si>
    <t>cg11223367</t>
  </si>
  <si>
    <t>cg11224603</t>
  </si>
  <si>
    <t>cg11227576</t>
  </si>
  <si>
    <t>cg11228005</t>
  </si>
  <si>
    <t>cg11229284</t>
  </si>
  <si>
    <t>cg11234564</t>
  </si>
  <si>
    <t>cg11235602</t>
  </si>
  <si>
    <t>cg11264669</t>
  </si>
  <si>
    <t>cg11265952</t>
  </si>
  <si>
    <t>cg11270070</t>
  </si>
  <si>
    <t>cg11272515</t>
  </si>
  <si>
    <t>cg11279488</t>
  </si>
  <si>
    <t>cg11299168</t>
  </si>
  <si>
    <t>cg11301513</t>
  </si>
  <si>
    <t>cg11302533</t>
  </si>
  <si>
    <t>cg11311564</t>
  </si>
  <si>
    <t>cg11314274</t>
  </si>
  <si>
    <t>cg11324650</t>
  </si>
  <si>
    <t>cg11325267</t>
  </si>
  <si>
    <t>cg11326485</t>
  </si>
  <si>
    <t>cg11333436</t>
  </si>
  <si>
    <t>cg11334070</t>
  </si>
  <si>
    <t>cg11336053</t>
  </si>
  <si>
    <t>cg11361636</t>
  </si>
  <si>
    <t>cg11362770</t>
  </si>
  <si>
    <t>cg11371851</t>
  </si>
  <si>
    <t>cg11374425</t>
  </si>
  <si>
    <t>cg11376330</t>
  </si>
  <si>
    <t>cg11381843</t>
  </si>
  <si>
    <t>cg11384281</t>
  </si>
  <si>
    <t>cg11384718</t>
  </si>
  <si>
    <t>cg11410023</t>
  </si>
  <si>
    <t>cg11417259</t>
  </si>
  <si>
    <t>cg11423909</t>
  </si>
  <si>
    <t>cg11424665</t>
  </si>
  <si>
    <t>cg11431257</t>
  </si>
  <si>
    <t>cg11440409</t>
  </si>
  <si>
    <t>cg11442381</t>
  </si>
  <si>
    <t>cg11489389</t>
  </si>
  <si>
    <t>cg11490961</t>
  </si>
  <si>
    <t>cg11564042</t>
  </si>
  <si>
    <t>cg11566054</t>
  </si>
  <si>
    <t>cg11574180</t>
  </si>
  <si>
    <t>cg11576436</t>
  </si>
  <si>
    <t>cg11577361</t>
  </si>
  <si>
    <t>cg11578066</t>
  </si>
  <si>
    <t>cg11585767</t>
  </si>
  <si>
    <t>cg11591485</t>
  </si>
  <si>
    <t>cg11593482</t>
  </si>
  <si>
    <t>cg11593791</t>
  </si>
  <si>
    <t>cg11594731</t>
  </si>
  <si>
    <t>cg11597332</t>
  </si>
  <si>
    <t>cg11598976</t>
  </si>
  <si>
    <t>cg11600697</t>
  </si>
  <si>
    <t>cg11610350</t>
  </si>
  <si>
    <t>cg11612799</t>
  </si>
  <si>
    <t>cg11616271</t>
  </si>
  <si>
    <t>cg11616732</t>
  </si>
  <si>
    <t>cg11625262</t>
  </si>
  <si>
    <t>cg11628541</t>
  </si>
  <si>
    <t>cg11630154</t>
  </si>
  <si>
    <t>cg11631334</t>
  </si>
  <si>
    <t>cg11642106</t>
  </si>
  <si>
    <t>cg11642909</t>
  </si>
  <si>
    <t>cg11663289</t>
  </si>
  <si>
    <t>cg11663481</t>
  </si>
  <si>
    <t>cg11665333</t>
  </si>
  <si>
    <t>cg11704396</t>
  </si>
  <si>
    <t>cg11733272</t>
  </si>
  <si>
    <t>cg11733675</t>
  </si>
  <si>
    <t>cg11734164</t>
  </si>
  <si>
    <t>cg11735308</t>
  </si>
  <si>
    <t>cg11741902</t>
  </si>
  <si>
    <t>cg11799511</t>
  </si>
  <si>
    <t>cg11800013</t>
  </si>
  <si>
    <t>cg11816769</t>
  </si>
  <si>
    <t>cg11816841</t>
  </si>
  <si>
    <t>cg11828621</t>
  </si>
  <si>
    <t>cg11829528</t>
  </si>
  <si>
    <t>cg11830695</t>
  </si>
  <si>
    <t>cg11839681</t>
  </si>
  <si>
    <t>cg11843799</t>
  </si>
  <si>
    <t>cg11855022</t>
  </si>
  <si>
    <t>cg11865578</t>
  </si>
  <si>
    <t>cg11866943</t>
  </si>
  <si>
    <t>cg11873667</t>
  </si>
  <si>
    <t>cg11876979</t>
  </si>
  <si>
    <t>cg11883737</t>
  </si>
  <si>
    <t>cg11883836</t>
  </si>
  <si>
    <t>cg11885407</t>
  </si>
  <si>
    <t>cg11888381</t>
  </si>
  <si>
    <t>cg11926063</t>
  </si>
  <si>
    <t>cg11929643</t>
  </si>
  <si>
    <t>cg11930768</t>
  </si>
  <si>
    <t>cg11936145</t>
  </si>
  <si>
    <t>cg11939346</t>
  </si>
  <si>
    <t>cg12019990</t>
  </si>
  <si>
    <t>cg12031396</t>
  </si>
  <si>
    <t>cg12062464</t>
  </si>
  <si>
    <t>cg12069309</t>
  </si>
  <si>
    <t>cg12074728</t>
  </si>
  <si>
    <t>cg12075144</t>
  </si>
  <si>
    <t>cg12084407</t>
  </si>
  <si>
    <t>cg12084452</t>
  </si>
  <si>
    <t>cg12091346</t>
  </si>
  <si>
    <t>cg12101558</t>
  </si>
  <si>
    <t>cg12105765</t>
  </si>
  <si>
    <t>cg12108269</t>
  </si>
  <si>
    <t>cg12108375</t>
  </si>
  <si>
    <t>cg12111170</t>
  </si>
  <si>
    <t>cg12112073</t>
  </si>
  <si>
    <t>cg12146386</t>
  </si>
  <si>
    <t>cg12146673</t>
  </si>
  <si>
    <t>cg12173506</t>
  </si>
  <si>
    <t>cg12177944</t>
  </si>
  <si>
    <t>cg12178431</t>
  </si>
  <si>
    <t>cg12185435</t>
  </si>
  <si>
    <t>cg12185908</t>
  </si>
  <si>
    <t>cg12196367</t>
  </si>
  <si>
    <t>cg12205700</t>
  </si>
  <si>
    <t>cg12217936</t>
  </si>
  <si>
    <t>cg12219082</t>
  </si>
  <si>
    <t>cg12233334</t>
  </si>
  <si>
    <t>cg12249227</t>
  </si>
  <si>
    <t>cg12252865</t>
  </si>
  <si>
    <t>cg12252866</t>
  </si>
  <si>
    <t>cg12258785</t>
  </si>
  <si>
    <t>cg12260146</t>
  </si>
  <si>
    <t>cg12262069</t>
  </si>
  <si>
    <t>cg12267000</t>
  </si>
  <si>
    <t>cg12292584</t>
  </si>
  <si>
    <t>cg12296552</t>
  </si>
  <si>
    <t>cg12306156</t>
  </si>
  <si>
    <t>cg12311052</t>
  </si>
  <si>
    <t>cg12317783</t>
  </si>
  <si>
    <t>cg12326526</t>
  </si>
  <si>
    <t>cg12335473</t>
  </si>
  <si>
    <t>cg12338417</t>
  </si>
  <si>
    <t>cg12341874</t>
  </si>
  <si>
    <t>cg12345593</t>
  </si>
  <si>
    <t>cg12349858</t>
  </si>
  <si>
    <t>cg12363545</t>
  </si>
  <si>
    <t>cg12365107</t>
  </si>
  <si>
    <t>cg12368055</t>
  </si>
  <si>
    <t>cg12370175</t>
  </si>
  <si>
    <t>cg12370248</t>
  </si>
  <si>
    <t>cg12371681</t>
  </si>
  <si>
    <t>cg12377709</t>
  </si>
  <si>
    <t>cg12380319</t>
  </si>
  <si>
    <t>cg12382234</t>
  </si>
  <si>
    <t>cg12384572</t>
  </si>
  <si>
    <t>cg12392528</t>
  </si>
  <si>
    <t>cg12396054</t>
  </si>
  <si>
    <t>cg12410154</t>
  </si>
  <si>
    <t>cg12412079</t>
  </si>
  <si>
    <t>cg12415479</t>
  </si>
  <si>
    <t>cg12417685</t>
  </si>
  <si>
    <t>cg12423338</t>
  </si>
  <si>
    <t>cg12430824</t>
  </si>
  <si>
    <t>cg12431087</t>
  </si>
  <si>
    <t>cg12433479</t>
  </si>
  <si>
    <t>cg12435415</t>
  </si>
  <si>
    <t>cg12457721</t>
  </si>
  <si>
    <t>cg12457740</t>
  </si>
  <si>
    <t>cg12459316</t>
  </si>
  <si>
    <t>cg12461469</t>
  </si>
  <si>
    <t>cg12463703</t>
  </si>
  <si>
    <t>cg12477452</t>
  </si>
  <si>
    <t>cg12479047</t>
  </si>
  <si>
    <t>cg12497564</t>
  </si>
  <si>
    <t>cg12525224</t>
  </si>
  <si>
    <t>cg12579534</t>
  </si>
  <si>
    <t>cg12580509</t>
  </si>
  <si>
    <t>cg12583659</t>
  </si>
  <si>
    <t>cg12591404</t>
  </si>
  <si>
    <t>cg12595013</t>
  </si>
  <si>
    <t>cg12595697</t>
  </si>
  <si>
    <t>cg12605564</t>
  </si>
  <si>
    <t>cg12616683</t>
  </si>
  <si>
    <t>cg12622139</t>
  </si>
  <si>
    <t>cg12624667</t>
  </si>
  <si>
    <t>cg12655621</t>
  </si>
  <si>
    <t>cg12659159</t>
  </si>
  <si>
    <t>cg12661343</t>
  </si>
  <si>
    <t>cg12668309</t>
  </si>
  <si>
    <t>cg12678451</t>
  </si>
  <si>
    <t>cg12678686</t>
  </si>
  <si>
    <t>cg12683200</t>
  </si>
  <si>
    <t>cg12683467</t>
  </si>
  <si>
    <t>cg12687897</t>
  </si>
  <si>
    <t>cg12691230</t>
  </si>
  <si>
    <t>cg12696666</t>
  </si>
  <si>
    <t>cg12700904</t>
  </si>
  <si>
    <t>cg12701112</t>
  </si>
  <si>
    <t>cg12702981</t>
  </si>
  <si>
    <t>cg12705340</t>
  </si>
  <si>
    <t>cg12708802</t>
  </si>
  <si>
    <t>cg12727513</t>
  </si>
  <si>
    <t>cg12727529</t>
  </si>
  <si>
    <t>cg12732814</t>
  </si>
  <si>
    <t>cg12733004</t>
  </si>
  <si>
    <t>cg12733907</t>
  </si>
  <si>
    <t>cg12735820</t>
  </si>
  <si>
    <t>cg12762517</t>
  </si>
  <si>
    <t>cg12771118</t>
  </si>
  <si>
    <t>cg12780433</t>
  </si>
  <si>
    <t>cg12795952</t>
  </si>
  <si>
    <t>cg12796028</t>
  </si>
  <si>
    <t>cg12798564</t>
  </si>
  <si>
    <t>cg12801072</t>
  </si>
  <si>
    <t>cg12817999</t>
  </si>
  <si>
    <t>cg12820191</t>
  </si>
  <si>
    <t>cg12832630</t>
  </si>
  <si>
    <t>cg12835118</t>
  </si>
  <si>
    <t>cg12836959</t>
  </si>
  <si>
    <t>cg12841650</t>
  </si>
  <si>
    <t>cg12843448</t>
  </si>
  <si>
    <t>cg12851504</t>
  </si>
  <si>
    <t>cg12871990</t>
  </si>
  <si>
    <t>cg12872693</t>
  </si>
  <si>
    <t>cg12884381</t>
  </si>
  <si>
    <t>cg12891667</t>
  </si>
  <si>
    <t>cg12892506</t>
  </si>
  <si>
    <t>cg12892799</t>
  </si>
  <si>
    <t>cg12902206</t>
  </si>
  <si>
    <t>cg12903374</t>
  </si>
  <si>
    <t>cg12905688</t>
  </si>
  <si>
    <t>cg12913496</t>
  </si>
  <si>
    <t>cg12926589</t>
  </si>
  <si>
    <t>cg12930269</t>
  </si>
  <si>
    <t>cg12930573</t>
  </si>
  <si>
    <t>cg12942328</t>
  </si>
  <si>
    <t>cg12943155</t>
  </si>
  <si>
    <t>cg12946524</t>
  </si>
  <si>
    <t>cg12946880</t>
  </si>
  <si>
    <t>cg12948123</t>
  </si>
  <si>
    <t>cg12972643</t>
  </si>
  <si>
    <t>cg12976108</t>
  </si>
  <si>
    <t>cg12976582</t>
  </si>
  <si>
    <t>cg12987059</t>
  </si>
  <si>
    <t>cg12989890</t>
  </si>
  <si>
    <t>cg12993715</t>
  </si>
  <si>
    <t>cg12999941</t>
  </si>
  <si>
    <t>cg13003239</t>
  </si>
  <si>
    <t>cg13011604</t>
  </si>
  <si>
    <t>cg13017478</t>
  </si>
  <si>
    <t>cg13024018</t>
  </si>
  <si>
    <t>cg13026730</t>
  </si>
  <si>
    <t>cg13029400</t>
  </si>
  <si>
    <t>cg13033938</t>
  </si>
  <si>
    <t>cg13036855</t>
  </si>
  <si>
    <t>cg13040009</t>
  </si>
  <si>
    <t>cg13041467</t>
  </si>
  <si>
    <t>cg13047869</t>
  </si>
  <si>
    <t>cg13047989</t>
  </si>
  <si>
    <t>cg13056927</t>
  </si>
  <si>
    <t>cg13063405</t>
  </si>
  <si>
    <t>cg13065169</t>
  </si>
  <si>
    <t>cg13070763</t>
  </si>
  <si>
    <t>cg13071210</t>
  </si>
  <si>
    <t>cg13071386</t>
  </si>
  <si>
    <t>cg13072611</t>
  </si>
  <si>
    <t>cg13132965</t>
  </si>
  <si>
    <t>cg13141009</t>
  </si>
  <si>
    <t>cg13142700</t>
  </si>
  <si>
    <t>cg13147822</t>
  </si>
  <si>
    <t>cg13149731</t>
  </si>
  <si>
    <t>cg13151498</t>
  </si>
  <si>
    <t>cg13153394</t>
  </si>
  <si>
    <t>cg13155421</t>
  </si>
  <si>
    <t>cg13209567</t>
  </si>
  <si>
    <t>cg13216995</t>
  </si>
  <si>
    <t>cg13217064</t>
  </si>
  <si>
    <t>cg13219625</t>
  </si>
  <si>
    <t>cg13220424</t>
  </si>
  <si>
    <t>cg13234063</t>
  </si>
  <si>
    <t>cg13238350</t>
  </si>
  <si>
    <t>cg13239077</t>
  </si>
  <si>
    <t>cg13250745</t>
  </si>
  <si>
    <t>cg13250884</t>
  </si>
  <si>
    <t>cg13257812</t>
  </si>
  <si>
    <t>cg13278241</t>
  </si>
  <si>
    <t>cg13278911</t>
  </si>
  <si>
    <t>cg13282908</t>
  </si>
  <si>
    <t>cg13283877</t>
  </si>
  <si>
    <t>cg13291004</t>
  </si>
  <si>
    <t>cg13293757</t>
  </si>
  <si>
    <t>cg13308143</t>
  </si>
  <si>
    <t>cg13311890</t>
  </si>
  <si>
    <t>cg13323489</t>
  </si>
  <si>
    <t>cg13327336</t>
  </si>
  <si>
    <t>cg13331200</t>
  </si>
  <si>
    <t>cg13334304</t>
  </si>
  <si>
    <t>cg13335434</t>
  </si>
  <si>
    <t>cg13341536</t>
  </si>
  <si>
    <t>cg13343687</t>
  </si>
  <si>
    <t>cg13347257</t>
  </si>
  <si>
    <t>cg13347679</t>
  </si>
  <si>
    <t>cg13348059</t>
  </si>
  <si>
    <t>cg13349776</t>
  </si>
  <si>
    <t>cg13383019</t>
  </si>
  <si>
    <t>cg13389611</t>
  </si>
  <si>
    <t>cg13396682</t>
  </si>
  <si>
    <t>cg13397067</t>
  </si>
  <si>
    <t>cg13398864</t>
  </si>
  <si>
    <t>cg13403369</t>
  </si>
  <si>
    <t>cg13409248</t>
  </si>
  <si>
    <t>cg13419791</t>
  </si>
  <si>
    <t>cg13421412</t>
  </si>
  <si>
    <t>cg13422008</t>
  </si>
  <si>
    <t>cg13424608</t>
  </si>
  <si>
    <t>cg13436085</t>
  </si>
  <si>
    <t>cg13445604</t>
  </si>
  <si>
    <t>cg13454935</t>
  </si>
  <si>
    <t>cg13457101</t>
  </si>
  <si>
    <t>cg13460850</t>
  </si>
  <si>
    <t>cg13468002</t>
  </si>
  <si>
    <t>cg13469180</t>
  </si>
  <si>
    <t>cg13470477</t>
  </si>
  <si>
    <t>cg13473356</t>
  </si>
  <si>
    <t>cg13475665</t>
  </si>
  <si>
    <t>cg13483916</t>
  </si>
  <si>
    <t>cg13485052</t>
  </si>
  <si>
    <t>cg13491481</t>
  </si>
  <si>
    <t>cg13494191</t>
  </si>
  <si>
    <t>cg13496041</t>
  </si>
  <si>
    <t>cg13496790</t>
  </si>
  <si>
    <t>cg13501181</t>
  </si>
  <si>
    <t>cg13504215</t>
  </si>
  <si>
    <t>cg13507091</t>
  </si>
  <si>
    <t>cg13512580</t>
  </si>
  <si>
    <t>cg13517305</t>
  </si>
  <si>
    <t>cg13532478</t>
  </si>
  <si>
    <t>cg13538845</t>
  </si>
  <si>
    <t>cg13539115</t>
  </si>
  <si>
    <t>cg13562542</t>
  </si>
  <si>
    <t>cg13575638</t>
  </si>
  <si>
    <t>cg13577407</t>
  </si>
  <si>
    <t>cg13577493</t>
  </si>
  <si>
    <t>cg13592780</t>
  </si>
  <si>
    <t>cg13592925</t>
  </si>
  <si>
    <t>cg13599271</t>
  </si>
  <si>
    <t>cg13601427</t>
  </si>
  <si>
    <t>cg13602813</t>
  </si>
  <si>
    <t>cg13606999</t>
  </si>
  <si>
    <t>cg13607248</t>
  </si>
  <si>
    <t>cg13611854</t>
  </si>
  <si>
    <t>cg13613891</t>
  </si>
  <si>
    <t>cg13618735</t>
  </si>
  <si>
    <t>cg13634292</t>
  </si>
  <si>
    <t>cg13670911</t>
  </si>
  <si>
    <t>cg13672843</t>
  </si>
  <si>
    <t>cg13680844</t>
  </si>
  <si>
    <t>cg13682223</t>
  </si>
  <si>
    <t>cg13685964</t>
  </si>
  <si>
    <t>cg13703364</t>
  </si>
  <si>
    <t>cg13704678</t>
  </si>
  <si>
    <t>cg13708016</t>
  </si>
  <si>
    <t>cg13730859</t>
  </si>
  <si>
    <t>cg13731338</t>
  </si>
  <si>
    <t>cg13731422</t>
  </si>
  <si>
    <t>cg13735557</t>
  </si>
  <si>
    <t>cg13736369</t>
  </si>
  <si>
    <t>cg13743996</t>
  </si>
  <si>
    <t>cg13752114</t>
  </si>
  <si>
    <t>cg13764828</t>
  </si>
  <si>
    <t>cg13775495</t>
  </si>
  <si>
    <t>cg13790603</t>
  </si>
  <si>
    <t>cg13791938</t>
  </si>
  <si>
    <t>cg13792233</t>
  </si>
  <si>
    <t>cg13797228</t>
  </si>
  <si>
    <t>cg13803214</t>
  </si>
  <si>
    <t>cg13815971</t>
  </si>
  <si>
    <t>cg13872831</t>
  </si>
  <si>
    <t>cg13878677</t>
  </si>
  <si>
    <t>cg13889508</t>
  </si>
  <si>
    <t>cg13891898</t>
  </si>
  <si>
    <t>cg13898157</t>
  </si>
  <si>
    <t>cg13901143</t>
  </si>
  <si>
    <t>cg13905238</t>
  </si>
  <si>
    <t>cg13906045</t>
  </si>
  <si>
    <t>cg13913917</t>
  </si>
  <si>
    <t>cg13959088</t>
  </si>
  <si>
    <t>cg13964906</t>
  </si>
  <si>
    <t>cg13965724</t>
  </si>
  <si>
    <t>cg14012610</t>
  </si>
  <si>
    <t>cg14014369</t>
  </si>
  <si>
    <t>cg14016680</t>
  </si>
  <si>
    <t>cg14036303</t>
  </si>
  <si>
    <t>cg14049380</t>
  </si>
  <si>
    <t>cg14051544</t>
  </si>
  <si>
    <t>cg14054013</t>
  </si>
  <si>
    <t>cg14096962</t>
  </si>
  <si>
    <t>cg14097577</t>
  </si>
  <si>
    <t>cg14140830</t>
  </si>
  <si>
    <t>cg14153557</t>
  </si>
  <si>
    <t>cg14183176</t>
  </si>
  <si>
    <t>cg14183384</t>
  </si>
  <si>
    <t>cg14203525</t>
  </si>
  <si>
    <t>cg14207967</t>
  </si>
  <si>
    <t>cg14212504</t>
  </si>
  <si>
    <t>cg14212852</t>
  </si>
  <si>
    <t>cg14214745</t>
  </si>
  <si>
    <t>cg14216142</t>
  </si>
  <si>
    <t>cg14218504</t>
  </si>
  <si>
    <t>cg14223053</t>
  </si>
  <si>
    <t>cg14226182</t>
  </si>
  <si>
    <t>cg14227821</t>
  </si>
  <si>
    <t>cg14272175</t>
  </si>
  <si>
    <t>cg14310703</t>
  </si>
  <si>
    <t>cg14317554</t>
  </si>
  <si>
    <t>cg14318237</t>
  </si>
  <si>
    <t>cg14325153</t>
  </si>
  <si>
    <t>cg14339848</t>
  </si>
  <si>
    <t>cg14415034</t>
  </si>
  <si>
    <t>cg14452875</t>
  </si>
  <si>
    <t>cg14460708</t>
  </si>
  <si>
    <t>cg14461492</t>
  </si>
  <si>
    <t>cg14463292</t>
  </si>
  <si>
    <t>cg14470594</t>
  </si>
  <si>
    <t>cg14473344</t>
  </si>
  <si>
    <t>cg14483431</t>
  </si>
  <si>
    <t>cg14499413</t>
  </si>
  <si>
    <t>cg14500375</t>
  </si>
  <si>
    <t>cg14506646</t>
  </si>
  <si>
    <t>cg14517067</t>
  </si>
  <si>
    <t>cg14522847</t>
  </si>
  <si>
    <t>cg14526892</t>
  </si>
  <si>
    <t>cg14527942</t>
  </si>
  <si>
    <t>cg14528821</t>
  </si>
  <si>
    <t>cg14529754</t>
  </si>
  <si>
    <t>cg14533390</t>
  </si>
  <si>
    <t>cg14551251</t>
  </si>
  <si>
    <t>cg14553506</t>
  </si>
  <si>
    <t>cg14557185</t>
  </si>
  <si>
    <t>cg14557534</t>
  </si>
  <si>
    <t>cg14558191</t>
  </si>
  <si>
    <t>cg14560001</t>
  </si>
  <si>
    <t>cg14561079</t>
  </si>
  <si>
    <t>cg14564974</t>
  </si>
  <si>
    <t>cg14567877</t>
  </si>
  <si>
    <t>cg14572581</t>
  </si>
  <si>
    <t>cg14582245</t>
  </si>
  <si>
    <t>cg14611399</t>
  </si>
  <si>
    <t>cg14612785</t>
  </si>
  <si>
    <t>cg14623735</t>
  </si>
  <si>
    <t>cg14637144</t>
  </si>
  <si>
    <t>cg14641596</t>
  </si>
  <si>
    <t>cg14641705</t>
  </si>
  <si>
    <t>cg14644166</t>
  </si>
  <si>
    <t>cg14644209</t>
  </si>
  <si>
    <t>cg14652434</t>
  </si>
  <si>
    <t>cg14654533</t>
  </si>
  <si>
    <t>cg14659179</t>
  </si>
  <si>
    <t>cg14667004</t>
  </si>
  <si>
    <t>cg14673267</t>
  </si>
  <si>
    <t>cg14688588</t>
  </si>
  <si>
    <t>cg14695609</t>
  </si>
  <si>
    <t>cg14697246</t>
  </si>
  <si>
    <t>cg14699228</t>
  </si>
  <si>
    <t>cg14701491</t>
  </si>
  <si>
    <t>cg14705524</t>
  </si>
  <si>
    <t>cg14705919</t>
  </si>
  <si>
    <t>cg14706226</t>
  </si>
  <si>
    <t>cg14707269</t>
  </si>
  <si>
    <t>cg14716208</t>
  </si>
  <si>
    <t>cg14725804</t>
  </si>
  <si>
    <t>cg14732376</t>
  </si>
  <si>
    <t>cg14750948</t>
  </si>
  <si>
    <t>cg14751177</t>
  </si>
  <si>
    <t>cg14753334</t>
  </si>
  <si>
    <t>cg14754713</t>
  </si>
  <si>
    <t>cg14756353</t>
  </si>
  <si>
    <t>cg14763193</t>
  </si>
  <si>
    <t>cg14764512</t>
  </si>
  <si>
    <t>cg14767442</t>
  </si>
  <si>
    <t>cg14768785</t>
  </si>
  <si>
    <t>cg14769570</t>
  </si>
  <si>
    <t>cg14773685</t>
  </si>
  <si>
    <t>cg14775487</t>
  </si>
  <si>
    <t>cg14777509</t>
  </si>
  <si>
    <t>cg14779951</t>
  </si>
  <si>
    <t>cg14781521</t>
  </si>
  <si>
    <t>cg14783675</t>
  </si>
  <si>
    <t>cg14793819</t>
  </si>
  <si>
    <t>cg14793835</t>
  </si>
  <si>
    <t>cg14794076</t>
  </si>
  <si>
    <t>cg14840664</t>
  </si>
  <si>
    <t>cg14847243</t>
  </si>
  <si>
    <t>cg14852625</t>
  </si>
  <si>
    <t>cg14859047</t>
  </si>
  <si>
    <t>cg14873885</t>
  </si>
  <si>
    <t>cg14875327</t>
  </si>
  <si>
    <t>cg14875449</t>
  </si>
  <si>
    <t>cg14877820</t>
  </si>
  <si>
    <t>cg14884256</t>
  </si>
  <si>
    <t>cg14911395</t>
  </si>
  <si>
    <t>cg14914739</t>
  </si>
  <si>
    <t>cg14917700</t>
  </si>
  <si>
    <t>cg14919823</t>
  </si>
  <si>
    <t>cg14925137</t>
  </si>
  <si>
    <t>cg14925342</t>
  </si>
  <si>
    <t>cg14928617</t>
  </si>
  <si>
    <t>cg14930269</t>
  </si>
  <si>
    <t>cg14931304</t>
  </si>
  <si>
    <t>cg14936968</t>
  </si>
  <si>
    <t>cg14946011</t>
  </si>
  <si>
    <t>cg14957639</t>
  </si>
  <si>
    <t>cg14961949</t>
  </si>
  <si>
    <t>cg14965968</t>
  </si>
  <si>
    <t>cg14974841</t>
  </si>
  <si>
    <t>cg14992144</t>
  </si>
  <si>
    <t>cg14999852</t>
  </si>
  <si>
    <t>cg15013526</t>
  </si>
  <si>
    <t>cg15025640</t>
  </si>
  <si>
    <t>cg15028458</t>
  </si>
  <si>
    <t>cg15034757</t>
  </si>
  <si>
    <t>cg15034779</t>
  </si>
  <si>
    <t>cg15035459</t>
  </si>
  <si>
    <t>cg15038286</t>
  </si>
  <si>
    <t>cg15043384</t>
  </si>
  <si>
    <t>cg15048660</t>
  </si>
  <si>
    <t>cg15060599</t>
  </si>
  <si>
    <t>cg15065371</t>
  </si>
  <si>
    <t>cg15078681</t>
  </si>
  <si>
    <t>cg15085322</t>
  </si>
  <si>
    <t>cg15089892</t>
  </si>
  <si>
    <t>cg15092395</t>
  </si>
  <si>
    <t>cg15093079</t>
  </si>
  <si>
    <t>cg15105326</t>
  </si>
  <si>
    <t>cg15106134</t>
  </si>
  <si>
    <t>cg15109851</t>
  </si>
  <si>
    <t>cg15113064</t>
  </si>
  <si>
    <t>cg15121240</t>
  </si>
  <si>
    <t>cg15135047</t>
  </si>
  <si>
    <t>cg15135999</t>
  </si>
  <si>
    <t>cg15141371</t>
  </si>
  <si>
    <t>cg15142694</t>
  </si>
  <si>
    <t>cg15144016</t>
  </si>
  <si>
    <t>cg15146556</t>
  </si>
  <si>
    <t>cg15149275</t>
  </si>
  <si>
    <t>cg15162101</t>
  </si>
  <si>
    <t>cg15166552</t>
  </si>
  <si>
    <t>cg15172734</t>
  </si>
  <si>
    <t>cg15174463</t>
  </si>
  <si>
    <t>cg15175194</t>
  </si>
  <si>
    <t>cg15179872</t>
  </si>
  <si>
    <t>cg15210612</t>
  </si>
  <si>
    <t>cg15213026</t>
  </si>
  <si>
    <t>cg15219878</t>
  </si>
  <si>
    <t>cg15224187</t>
  </si>
  <si>
    <t>cg15225657</t>
  </si>
  <si>
    <t>cg15233126</t>
  </si>
  <si>
    <t>cg15236798</t>
  </si>
  <si>
    <t>cg15251319</t>
  </si>
  <si>
    <t>cg15263666</t>
  </si>
  <si>
    <t>cg15264020</t>
  </si>
  <si>
    <t>cg15265785</t>
  </si>
  <si>
    <t>cg15268007</t>
  </si>
  <si>
    <t>cg15278957</t>
  </si>
  <si>
    <t>cg15287092</t>
  </si>
  <si>
    <t>cg15287403</t>
  </si>
  <si>
    <t>cg15296766</t>
  </si>
  <si>
    <t>cg15317522</t>
  </si>
  <si>
    <t>cg15320272</t>
  </si>
  <si>
    <t>cg15322641</t>
  </si>
  <si>
    <t>cg15324256</t>
  </si>
  <si>
    <t>cg15329426</t>
  </si>
  <si>
    <t>cg15334456</t>
  </si>
  <si>
    <t>cg15347189</t>
  </si>
  <si>
    <t>cg15348799</t>
  </si>
  <si>
    <t>cg15352224</t>
  </si>
  <si>
    <t>cg15356923</t>
  </si>
  <si>
    <t>cg15358103</t>
  </si>
  <si>
    <t>cg15361065</t>
  </si>
  <si>
    <t>cg15377013</t>
  </si>
  <si>
    <t>cg15421087</t>
  </si>
  <si>
    <t>cg15427160</t>
  </si>
  <si>
    <t>cg15431659</t>
  </si>
  <si>
    <t>cg15433164</t>
  </si>
  <si>
    <t>cg15434853</t>
  </si>
  <si>
    <t>cg15442166</t>
  </si>
  <si>
    <t>cg15457795</t>
  </si>
  <si>
    <t>cg15473186</t>
  </si>
  <si>
    <t>cg15485556</t>
  </si>
  <si>
    <t>cg15493073</t>
  </si>
  <si>
    <t>cg15494117</t>
  </si>
  <si>
    <t>cg15500862</t>
  </si>
  <si>
    <t>cg15503553</t>
  </si>
  <si>
    <t>cg15511625</t>
  </si>
  <si>
    <t>cg15562912</t>
  </si>
  <si>
    <t>cg15577135</t>
  </si>
  <si>
    <t>cg15578615</t>
  </si>
  <si>
    <t>cg15584630</t>
  </si>
  <si>
    <t>cg15585318</t>
  </si>
  <si>
    <t>cg15593298</t>
  </si>
  <si>
    <t>cg15599946</t>
  </si>
  <si>
    <t>cg15602053</t>
  </si>
  <si>
    <t>cg15602950</t>
  </si>
  <si>
    <t>cg15611150</t>
  </si>
  <si>
    <t>cg15622040</t>
  </si>
  <si>
    <t>cg15624852</t>
  </si>
  <si>
    <t>cg15628708</t>
  </si>
  <si>
    <t>cg15629311</t>
  </si>
  <si>
    <t>cg15630071</t>
  </si>
  <si>
    <t>cg15665928</t>
  </si>
  <si>
    <t>cg15665967</t>
  </si>
  <si>
    <t>cg15684481</t>
  </si>
  <si>
    <t>cg15688370</t>
  </si>
  <si>
    <t>cg15688396</t>
  </si>
  <si>
    <t>cg15688619</t>
  </si>
  <si>
    <t>cg15693898</t>
  </si>
  <si>
    <t>cg15705999</t>
  </si>
  <si>
    <t>cg15716129</t>
  </si>
  <si>
    <t>cg15720669</t>
  </si>
  <si>
    <t>cg15730967</t>
  </si>
  <si>
    <t>cg15732221</t>
  </si>
  <si>
    <t>cg15733367</t>
  </si>
  <si>
    <t>cg15736553</t>
  </si>
  <si>
    <t>cg15738605</t>
  </si>
  <si>
    <t>cg15739717</t>
  </si>
  <si>
    <t>cg15764058</t>
  </si>
  <si>
    <t>cg15766865</t>
  </si>
  <si>
    <t>cg15773482</t>
  </si>
  <si>
    <t>cg15776516</t>
  </si>
  <si>
    <t>cg15778365</t>
  </si>
  <si>
    <t>cg15779737</t>
  </si>
  <si>
    <t>cg15786541</t>
  </si>
  <si>
    <t>cg15787616</t>
  </si>
  <si>
    <t>cg15852572</t>
  </si>
  <si>
    <t>cg15856195</t>
  </si>
  <si>
    <t>cg15859320</t>
  </si>
  <si>
    <t>cg15863826</t>
  </si>
  <si>
    <t>cg15867939</t>
  </si>
  <si>
    <t>cg15868235</t>
  </si>
  <si>
    <t>cg15871749</t>
  </si>
  <si>
    <t>cg15904821</t>
  </si>
  <si>
    <t>cg15907867</t>
  </si>
  <si>
    <t>cg15910949</t>
  </si>
  <si>
    <t>cg15914589</t>
  </si>
  <si>
    <t>cg15916166</t>
  </si>
  <si>
    <t>cg15916349</t>
  </si>
  <si>
    <t>cg15920867</t>
  </si>
  <si>
    <t>cg15963552</t>
  </si>
  <si>
    <t>cg15965134</t>
  </si>
  <si>
    <t>cg15965542</t>
  </si>
  <si>
    <t>cg15975282</t>
  </si>
  <si>
    <t>cg15987088</t>
  </si>
  <si>
    <t>cg15988693</t>
  </si>
  <si>
    <t>cg15993383</t>
  </si>
  <si>
    <t>cg15997088</t>
  </si>
  <si>
    <t>cg15998195</t>
  </si>
  <si>
    <t>cg16008009</t>
  </si>
  <si>
    <t>cg16014122</t>
  </si>
  <si>
    <t>cg16016176</t>
  </si>
  <si>
    <t>cg16031872</t>
  </si>
  <si>
    <t>cg16046493</t>
  </si>
  <si>
    <t>cg16047223</t>
  </si>
  <si>
    <t>cg16049468</t>
  </si>
  <si>
    <t>cg16052390</t>
  </si>
  <si>
    <t>cg16053281</t>
  </si>
  <si>
    <t>cg16053434</t>
  </si>
  <si>
    <t>cg16082007</t>
  </si>
  <si>
    <t>cg16088307</t>
  </si>
  <si>
    <t>cg16139664</t>
  </si>
  <si>
    <t>cg16154073</t>
  </si>
  <si>
    <t>cg16180217</t>
  </si>
  <si>
    <t>cg16182936</t>
  </si>
  <si>
    <t>cg16183450</t>
  </si>
  <si>
    <t>cg16189024</t>
  </si>
  <si>
    <t>cg16189160</t>
  </si>
  <si>
    <t>cg16198129</t>
  </si>
  <si>
    <t>cg16203711</t>
  </si>
  <si>
    <t>cg16214179</t>
  </si>
  <si>
    <t>cg16216305</t>
  </si>
  <si>
    <t>cg16216311</t>
  </si>
  <si>
    <t>cg16225429</t>
  </si>
  <si>
    <t>cg16240060</t>
  </si>
  <si>
    <t>cg16240162</t>
  </si>
  <si>
    <t>cg16240550</t>
  </si>
  <si>
    <t>cg16240572</t>
  </si>
  <si>
    <t>cg16241218</t>
  </si>
  <si>
    <t>cg16248795</t>
  </si>
  <si>
    <t>cg16262614</t>
  </si>
  <si>
    <t>cg16263825</t>
  </si>
  <si>
    <t>cg16270079</t>
  </si>
  <si>
    <t>cg16274115</t>
  </si>
  <si>
    <t>cg16276063</t>
  </si>
  <si>
    <t>cg16277835</t>
  </si>
  <si>
    <t>cg16289538</t>
  </si>
  <si>
    <t>cg16290163</t>
  </si>
  <si>
    <t>cg16291962</t>
  </si>
  <si>
    <t>cg16303686</t>
  </si>
  <si>
    <t>cg16303825</t>
  </si>
  <si>
    <t>cg16305746</t>
  </si>
  <si>
    <t>cg16306190</t>
  </si>
  <si>
    <t>cg16306731</t>
  </si>
  <si>
    <t>cg16311339</t>
  </si>
  <si>
    <t>cg16319080</t>
  </si>
  <si>
    <t>cg16319859</t>
  </si>
  <si>
    <t>cg16320398</t>
  </si>
  <si>
    <t>cg16320413</t>
  </si>
  <si>
    <t>cg16321540</t>
  </si>
  <si>
    <t>cg16322893</t>
  </si>
  <si>
    <t>cg16339096</t>
  </si>
  <si>
    <t>cg16341592</t>
  </si>
  <si>
    <t>cg16342439</t>
  </si>
  <si>
    <t>cg16355771</t>
  </si>
  <si>
    <t>cg16358565</t>
  </si>
  <si>
    <t>cg16362603</t>
  </si>
  <si>
    <t>cg16369288</t>
  </si>
  <si>
    <t>cg16371082</t>
  </si>
  <si>
    <t>cg16376000</t>
  </si>
  <si>
    <t>cg16414659</t>
  </si>
  <si>
    <t>cg16415457</t>
  </si>
  <si>
    <t>cg16415785</t>
  </si>
  <si>
    <t>cg16433211</t>
  </si>
  <si>
    <t>cg16434657</t>
  </si>
  <si>
    <t>cg16435077</t>
  </si>
  <si>
    <t>cg16435571</t>
  </si>
  <si>
    <t>cg16435858</t>
  </si>
  <si>
    <t>cg16450309</t>
  </si>
  <si>
    <t>cg16457027</t>
  </si>
  <si>
    <t>cg16461102</t>
  </si>
  <si>
    <t>cg16463573</t>
  </si>
  <si>
    <t>cg16468914</t>
  </si>
  <si>
    <t>cg16472210</t>
  </si>
  <si>
    <t>cg16496687</t>
  </si>
  <si>
    <t>cg16503057</t>
  </si>
  <si>
    <t>cg16509829</t>
  </si>
  <si>
    <t>cg16524193</t>
  </si>
  <si>
    <t>cg16526952</t>
  </si>
  <si>
    <t>cg16529883</t>
  </si>
  <si>
    <t>cg16531585</t>
  </si>
  <si>
    <t>cg16531718</t>
  </si>
  <si>
    <t>cg16538496</t>
  </si>
  <si>
    <t>cg16542424</t>
  </si>
  <si>
    <t>cg16542478</t>
  </si>
  <si>
    <t>cg16560495</t>
  </si>
  <si>
    <t>cg16568314</t>
  </si>
  <si>
    <t>cg16578537</t>
  </si>
  <si>
    <t>cg16579438</t>
  </si>
  <si>
    <t>cg16579954</t>
  </si>
  <si>
    <t>cg16589135</t>
  </si>
  <si>
    <t>cg16613176</t>
  </si>
  <si>
    <t>cg16618282</t>
  </si>
  <si>
    <t>cg16619395</t>
  </si>
  <si>
    <t>cg16624187</t>
  </si>
  <si>
    <t>cg16625000</t>
  </si>
  <si>
    <t>cg16627395</t>
  </si>
  <si>
    <t>cg16636054</t>
  </si>
  <si>
    <t>cg16637178</t>
  </si>
  <si>
    <t>cg16639922</t>
  </si>
  <si>
    <t>cg16643090</t>
  </si>
  <si>
    <t>cg16650677</t>
  </si>
  <si>
    <t>cg16656852</t>
  </si>
  <si>
    <t>cg16657164</t>
  </si>
  <si>
    <t>cg16669541</t>
  </si>
  <si>
    <t>cg16671114</t>
  </si>
  <si>
    <t>cg16696536</t>
  </si>
  <si>
    <t>cg16700000</t>
  </si>
  <si>
    <t>cg16703882</t>
  </si>
  <si>
    <t>cg16704739</t>
  </si>
  <si>
    <t>cg16705744</t>
  </si>
  <si>
    <t>cg16711083</t>
  </si>
  <si>
    <t>cg16755393</t>
  </si>
  <si>
    <t>cg16764580</t>
  </si>
  <si>
    <t>cg16768018</t>
  </si>
  <si>
    <t>cg16768441</t>
  </si>
  <si>
    <t>cg16770712</t>
  </si>
  <si>
    <t>cg16771862</t>
  </si>
  <si>
    <t>cg16786712</t>
  </si>
  <si>
    <t>cg16794345</t>
  </si>
  <si>
    <t>cg16795821</t>
  </si>
  <si>
    <t>cg16799998</t>
  </si>
  <si>
    <t>cg16800028</t>
  </si>
  <si>
    <t>cg16817826</t>
  </si>
  <si>
    <t>cg16822855</t>
  </si>
  <si>
    <t>cg16829674</t>
  </si>
  <si>
    <t>cg16850917</t>
  </si>
  <si>
    <t>cg16856100</t>
  </si>
  <si>
    <t>cg16857015</t>
  </si>
  <si>
    <t>cg16861959</t>
  </si>
  <si>
    <t>cg16872172</t>
  </si>
  <si>
    <t>cg16872693</t>
  </si>
  <si>
    <t>cg16877758</t>
  </si>
  <si>
    <t>cg16898124</t>
  </si>
  <si>
    <t>cg16904899</t>
  </si>
  <si>
    <t>cg16905586</t>
  </si>
  <si>
    <t>cg16909408</t>
  </si>
  <si>
    <t>cg16910340</t>
  </si>
  <si>
    <t>cg16917654</t>
  </si>
  <si>
    <t>cg16921083</t>
  </si>
  <si>
    <t>cg16922785</t>
  </si>
  <si>
    <t>cg16927040</t>
  </si>
  <si>
    <t>cg16931877</t>
  </si>
  <si>
    <t>cg16932324</t>
  </si>
  <si>
    <t>cg16935709</t>
  </si>
  <si>
    <t>cg16938490</t>
  </si>
  <si>
    <t>cg16951854</t>
  </si>
  <si>
    <t>cg16952345</t>
  </si>
  <si>
    <t>cg16953067</t>
  </si>
  <si>
    <t>cg16953475</t>
  </si>
  <si>
    <t>cg16955692</t>
  </si>
  <si>
    <t>cg16955889</t>
  </si>
  <si>
    <t>cg16964716</t>
  </si>
  <si>
    <t>cg16975587</t>
  </si>
  <si>
    <t>cg16978797</t>
  </si>
  <si>
    <t>cg16986746</t>
  </si>
  <si>
    <t>cg16994446</t>
  </si>
  <si>
    <t>cg17024526</t>
  </si>
  <si>
    <t>cg17034030</t>
  </si>
  <si>
    <t>cg17054674</t>
  </si>
  <si>
    <t>cg17054708</t>
  </si>
  <si>
    <t>cg17069349</t>
  </si>
  <si>
    <t>cg17076539</t>
  </si>
  <si>
    <t>cg17078980</t>
  </si>
  <si>
    <t>cg17088155</t>
  </si>
  <si>
    <t>cg17092624</t>
  </si>
  <si>
    <t>cg17094985</t>
  </si>
  <si>
    <t>cg17167289</t>
  </si>
  <si>
    <t>cg17171325</t>
  </si>
  <si>
    <t>cg17171448</t>
  </si>
  <si>
    <t>cg17172980</t>
  </si>
  <si>
    <t>cg17176517</t>
  </si>
  <si>
    <t>cg17178919</t>
  </si>
  <si>
    <t>cg17182002</t>
  </si>
  <si>
    <t>cg17189748</t>
  </si>
  <si>
    <t>cg17198587</t>
  </si>
  <si>
    <t>cg17199247</t>
  </si>
  <si>
    <t>cg17204834</t>
  </si>
  <si>
    <t>cg17206034</t>
  </si>
  <si>
    <t>cg17206748</t>
  </si>
  <si>
    <t>cg17207836</t>
  </si>
  <si>
    <t>cg17215036</t>
  </si>
  <si>
    <t>cg17216759</t>
  </si>
  <si>
    <t>cg17216904</t>
  </si>
  <si>
    <t>cg17222645</t>
  </si>
  <si>
    <t>cg17228335</t>
  </si>
  <si>
    <t>cg17230874</t>
  </si>
  <si>
    <t>cg17237320</t>
  </si>
  <si>
    <t>cg17241999</t>
  </si>
  <si>
    <t>cg17247149</t>
  </si>
  <si>
    <t>cg17250947</t>
  </si>
  <si>
    <t>cg17251433</t>
  </si>
  <si>
    <t>cg17253884</t>
  </si>
  <si>
    <t>cg17277892</t>
  </si>
  <si>
    <t>cg17281763</t>
  </si>
  <si>
    <t>cg17285225</t>
  </si>
  <si>
    <t>cg17292583</t>
  </si>
  <si>
    <t>cg17295957</t>
  </si>
  <si>
    <t>cg17299830</t>
  </si>
  <si>
    <t>cg17304646</t>
  </si>
  <si>
    <t>cg17309592</t>
  </si>
  <si>
    <t>cg17319894</t>
  </si>
  <si>
    <t>cg17321883</t>
  </si>
  <si>
    <t>cg17323383</t>
  </si>
  <si>
    <t>cg17326690</t>
  </si>
  <si>
    <t>cg17334114</t>
  </si>
  <si>
    <t>cg17336172</t>
  </si>
  <si>
    <t>cg17339956</t>
  </si>
  <si>
    <t>cg17341955</t>
  </si>
  <si>
    <t>cg17342901</t>
  </si>
  <si>
    <t>cg17342973</t>
  </si>
  <si>
    <t>cg17346866</t>
  </si>
  <si>
    <t>cg17372223</t>
  </si>
  <si>
    <t>cg17374534</t>
  </si>
  <si>
    <t>cg17377625</t>
  </si>
  <si>
    <t>cg17380870</t>
  </si>
  <si>
    <t>cg17384114</t>
  </si>
  <si>
    <t>cg17385936</t>
  </si>
  <si>
    <t>cg17391316</t>
  </si>
  <si>
    <t>cg17393267</t>
  </si>
  <si>
    <t>cg17393362</t>
  </si>
  <si>
    <t>cg17410922</t>
  </si>
  <si>
    <t>cg17414580</t>
  </si>
  <si>
    <t>cg17441889</t>
  </si>
  <si>
    <t>cg17451771</t>
  </si>
  <si>
    <t>cg17452316</t>
  </si>
  <si>
    <t>cg17462381</t>
  </si>
  <si>
    <t>cg17466891</t>
  </si>
  <si>
    <t>cg17467879</t>
  </si>
  <si>
    <t>cg17470227</t>
  </si>
  <si>
    <t>cg17472985</t>
  </si>
  <si>
    <t>cg17481046</t>
  </si>
  <si>
    <t>cg17493765</t>
  </si>
  <si>
    <t>cg17527142</t>
  </si>
  <si>
    <t>cg17527574</t>
  </si>
  <si>
    <t>cg17533884</t>
  </si>
  <si>
    <t>cg17542097</t>
  </si>
  <si>
    <t>cg17550268</t>
  </si>
  <si>
    <t>cg17552116</t>
  </si>
  <si>
    <t>cg17552869</t>
  </si>
  <si>
    <t>cg17553300</t>
  </si>
  <si>
    <t>cg17560006</t>
  </si>
  <si>
    <t>cg17563338</t>
  </si>
  <si>
    <t>cg17576104</t>
  </si>
  <si>
    <t>cg17579786</t>
  </si>
  <si>
    <t>cg17582391</t>
  </si>
  <si>
    <t>cg17613214</t>
  </si>
  <si>
    <t>cg17616205</t>
  </si>
  <si>
    <t>cg17621259</t>
  </si>
  <si>
    <t>cg17621718</t>
  </si>
  <si>
    <t>cg17631972</t>
  </si>
  <si>
    <t>cg17634912</t>
  </si>
  <si>
    <t>cg17640485</t>
  </si>
  <si>
    <t>cg17641046</t>
  </si>
  <si>
    <t>cg17641857</t>
  </si>
  <si>
    <t>cg17647863</t>
  </si>
  <si>
    <t>cg17656513</t>
  </si>
  <si>
    <t>cg17658717</t>
  </si>
  <si>
    <t>cg17663358</t>
  </si>
  <si>
    <t>cg17665164</t>
  </si>
  <si>
    <t>cg17679864</t>
  </si>
  <si>
    <t>cg17680792</t>
  </si>
  <si>
    <t>cg17683031</t>
  </si>
  <si>
    <t>cg17696406</t>
  </si>
  <si>
    <t>cg17697381</t>
  </si>
  <si>
    <t>cg17698584</t>
  </si>
  <si>
    <t>cg17699947</t>
  </si>
  <si>
    <t>cg17757117</t>
  </si>
  <si>
    <t>cg17759082</t>
  </si>
  <si>
    <t>cg17762035</t>
  </si>
  <si>
    <t>cg17768439</t>
  </si>
  <si>
    <t>cg17775736</t>
  </si>
  <si>
    <t>cg17775857</t>
  </si>
  <si>
    <t>cg17789800</t>
  </si>
  <si>
    <t>cg17792564</t>
  </si>
  <si>
    <t>cg17802213</t>
  </si>
  <si>
    <t>cg17802942</t>
  </si>
  <si>
    <t>cg17804387</t>
  </si>
  <si>
    <t>cg17804987</t>
  </si>
  <si>
    <t>cg17810802</t>
  </si>
  <si>
    <t>cg17859426</t>
  </si>
  <si>
    <t>cg17868320</t>
  </si>
  <si>
    <t>cg17879804</t>
  </si>
  <si>
    <t>cg17884327</t>
  </si>
  <si>
    <t>cg17888249</t>
  </si>
  <si>
    <t>cg17895377</t>
  </si>
  <si>
    <t>cg17900356</t>
  </si>
  <si>
    <t>cg17901955</t>
  </si>
  <si>
    <t>cg17903067</t>
  </si>
  <si>
    <t>cg17903246</t>
  </si>
  <si>
    <t>cg17904852</t>
  </si>
  <si>
    <t>cg17906146</t>
  </si>
  <si>
    <t>cg17908442</t>
  </si>
  <si>
    <t>cg17912370</t>
  </si>
  <si>
    <t>cg17913255</t>
  </si>
  <si>
    <t>cg17913259</t>
  </si>
  <si>
    <t>cg17914378</t>
  </si>
  <si>
    <t>cg17916447</t>
  </si>
  <si>
    <t>cg17943757</t>
  </si>
  <si>
    <t>cg17945282</t>
  </si>
  <si>
    <t>cg17981091</t>
  </si>
  <si>
    <t>cg17991940</t>
  </si>
  <si>
    <t>cg17996591</t>
  </si>
  <si>
    <t>cg17998013</t>
  </si>
  <si>
    <t>cg18004262</t>
  </si>
  <si>
    <t>cg18005280</t>
  </si>
  <si>
    <t>cg18005693</t>
  </si>
  <si>
    <t>cg18007850</t>
  </si>
  <si>
    <t>cg18010900</t>
  </si>
  <si>
    <t>cg18019999</t>
  </si>
  <si>
    <t>cg18026197</t>
  </si>
  <si>
    <t>cg18027227</t>
  </si>
  <si>
    <t>cg18028347</t>
  </si>
  <si>
    <t>cg18038779</t>
  </si>
  <si>
    <t>cg18044763</t>
  </si>
  <si>
    <t>cg18050194</t>
  </si>
  <si>
    <t>cg18050295</t>
  </si>
  <si>
    <t>cg18057185</t>
  </si>
  <si>
    <t>cg18058742</t>
  </si>
  <si>
    <t>cg18058994</t>
  </si>
  <si>
    <t>cg18060685</t>
  </si>
  <si>
    <t>cg18065337</t>
  </si>
  <si>
    <t>cg18075011</t>
  </si>
  <si>
    <t>cg18082337</t>
  </si>
  <si>
    <t>cg18083704</t>
  </si>
  <si>
    <t>cg18084083</t>
  </si>
  <si>
    <t>cg18086594</t>
  </si>
  <si>
    <t>cg18094781</t>
  </si>
  <si>
    <t>cg18095506</t>
  </si>
  <si>
    <t>cg18100347</t>
  </si>
  <si>
    <t>cg18104012</t>
  </si>
  <si>
    <t>cg18115215</t>
  </si>
  <si>
    <t>cg18116154</t>
  </si>
  <si>
    <t>cg18116574</t>
  </si>
  <si>
    <t>cg18118399</t>
  </si>
  <si>
    <t>cg18127680</t>
  </si>
  <si>
    <t>cg18128437</t>
  </si>
  <si>
    <t>cg18129648</t>
  </si>
  <si>
    <t>cg18140433</t>
  </si>
  <si>
    <t>cg18143243</t>
  </si>
  <si>
    <t>cg18149689</t>
  </si>
  <si>
    <t>cg18164983</t>
  </si>
  <si>
    <t>cg18165186</t>
  </si>
  <si>
    <t>cg18165852</t>
  </si>
  <si>
    <t>cg18176703</t>
  </si>
  <si>
    <t>cg18179849</t>
  </si>
  <si>
    <t>cg18181936</t>
  </si>
  <si>
    <t>cg18183019</t>
  </si>
  <si>
    <t>cg18183817</t>
  </si>
  <si>
    <t>cg18185028</t>
  </si>
  <si>
    <t>cg18187862</t>
  </si>
  <si>
    <t>cg18190798</t>
  </si>
  <si>
    <t>cg18244601</t>
  </si>
  <si>
    <t>cg18245890</t>
  </si>
  <si>
    <t>cg18246056</t>
  </si>
  <si>
    <t>cg18249634</t>
  </si>
  <si>
    <t>cg18261468</t>
  </si>
  <si>
    <t>cg18262028</t>
  </si>
  <si>
    <t>cg18264306</t>
  </si>
  <si>
    <t>cg18264383</t>
  </si>
  <si>
    <t>cg18264925</t>
  </si>
  <si>
    <t>cg18274619</t>
  </si>
  <si>
    <t>cg18286534</t>
  </si>
  <si>
    <t>cg18290624</t>
  </si>
  <si>
    <t>cg18292904</t>
  </si>
  <si>
    <t>cg18297437</t>
  </si>
  <si>
    <t>cg18308527</t>
  </si>
  <si>
    <t>cg18310412</t>
  </si>
  <si>
    <t>cg18313110</t>
  </si>
  <si>
    <t>cg18334542</t>
  </si>
  <si>
    <t>cg18337222</t>
  </si>
  <si>
    <t>cg18337363</t>
  </si>
  <si>
    <t>cg18340446</t>
  </si>
  <si>
    <t>cg18348936</t>
  </si>
  <si>
    <t>cg18349056</t>
  </si>
  <si>
    <t>cg18349298</t>
  </si>
  <si>
    <t>cg18361815</t>
  </si>
  <si>
    <t>cg18405727</t>
  </si>
  <si>
    <t>cg18413131</t>
  </si>
  <si>
    <t>cg18415444</t>
  </si>
  <si>
    <t>cg18421529</t>
  </si>
  <si>
    <t>cg18424634</t>
  </si>
  <si>
    <t>cg18442453</t>
  </si>
  <si>
    <t>cg18452149</t>
  </si>
  <si>
    <t>cg18452155</t>
  </si>
  <si>
    <t>cg18467168</t>
  </si>
  <si>
    <t>cg18475966</t>
  </si>
  <si>
    <t>cg18475969</t>
  </si>
  <si>
    <t>cg18498877</t>
  </si>
  <si>
    <t>cg18500192</t>
  </si>
  <si>
    <t>cg18503679</t>
  </si>
  <si>
    <t>cg18507615</t>
  </si>
  <si>
    <t>cg18509826</t>
  </si>
  <si>
    <t>cg18514406</t>
  </si>
  <si>
    <t>cg18521047</t>
  </si>
  <si>
    <t>cg18523979</t>
  </si>
  <si>
    <t>cg18530113</t>
  </si>
  <si>
    <t>cg18531004</t>
  </si>
  <si>
    <t>cg18540455</t>
  </si>
  <si>
    <t>cg18548199</t>
  </si>
  <si>
    <t>cg18548864</t>
  </si>
  <si>
    <t>cg18555811</t>
  </si>
  <si>
    <t>cg18592273</t>
  </si>
  <si>
    <t>cg18595011</t>
  </si>
  <si>
    <t>cg18630857</t>
  </si>
  <si>
    <t>cg18637847</t>
  </si>
  <si>
    <t>cg18639129</t>
  </si>
  <si>
    <t>cg18639405</t>
  </si>
  <si>
    <t>cg18644618</t>
  </si>
  <si>
    <t>cg18645101</t>
  </si>
  <si>
    <t>cg18647275</t>
  </si>
  <si>
    <t>cg18648997</t>
  </si>
  <si>
    <t>cg18651515</t>
  </si>
  <si>
    <t>cg18660891</t>
  </si>
  <si>
    <t>cg18663499</t>
  </si>
  <si>
    <t>cg18671784</t>
  </si>
  <si>
    <t>cg18676082</t>
  </si>
  <si>
    <t>cg18679712</t>
  </si>
  <si>
    <t>cg18683875</t>
  </si>
  <si>
    <t>cg18684041</t>
  </si>
  <si>
    <t>cg18690712</t>
  </si>
  <si>
    <t>cg18692955</t>
  </si>
  <si>
    <t>cg18698690</t>
  </si>
  <si>
    <t>cg18713168</t>
  </si>
  <si>
    <t>cg18715716</t>
  </si>
  <si>
    <t>cg18721026</t>
  </si>
  <si>
    <t>cg18724032</t>
  </si>
  <si>
    <t>cg18730307</t>
  </si>
  <si>
    <t>cg18730746</t>
  </si>
  <si>
    <t>cg18731398</t>
  </si>
  <si>
    <t>cg18735798</t>
  </si>
  <si>
    <t>cg18740893</t>
  </si>
  <si>
    <t>cg18746364</t>
  </si>
  <si>
    <t>cg18753928</t>
  </si>
  <si>
    <t>cg18754754</t>
  </si>
  <si>
    <t>cg18760251</t>
  </si>
  <si>
    <t>cg18764438</t>
  </si>
  <si>
    <t>cg18767287</t>
  </si>
  <si>
    <t>cg18768347</t>
  </si>
  <si>
    <t>cg18770345</t>
  </si>
  <si>
    <t>cg18772127</t>
  </si>
  <si>
    <t>cg18780257</t>
  </si>
  <si>
    <t>cg18780412</t>
  </si>
  <si>
    <t>cg18783792</t>
  </si>
  <si>
    <t>cg18790741</t>
  </si>
  <si>
    <t>cg18804080</t>
  </si>
  <si>
    <t>cg18813448</t>
  </si>
  <si>
    <t>cg18816487</t>
  </si>
  <si>
    <t>cg18849300</t>
  </si>
  <si>
    <t>cg18861151</t>
  </si>
  <si>
    <t>cg18863595</t>
  </si>
  <si>
    <t>cg18986332</t>
  </si>
  <si>
    <t>cg19003066</t>
  </si>
  <si>
    <t>cg19003646</t>
  </si>
  <si>
    <t>cg19011826</t>
  </si>
  <si>
    <t>cg19028357</t>
  </si>
  <si>
    <t>cg19029181</t>
  </si>
  <si>
    <t>cg19031374</t>
  </si>
  <si>
    <t>cg19032951</t>
  </si>
  <si>
    <t>cg19033906</t>
  </si>
  <si>
    <t>cg19049316</t>
  </si>
  <si>
    <t>cg19066391</t>
  </si>
  <si>
    <t>cg19091756</t>
  </si>
  <si>
    <t>cg19098796</t>
  </si>
  <si>
    <t>cg19099050</t>
  </si>
  <si>
    <t>cg19100138</t>
  </si>
  <si>
    <t>cg19110795</t>
  </si>
  <si>
    <t>cg19111042</t>
  </si>
  <si>
    <t>cg19113686</t>
  </si>
  <si>
    <t>cg19116545</t>
  </si>
  <si>
    <t>cg19117365</t>
  </si>
  <si>
    <t>cg19119818</t>
  </si>
  <si>
    <t>cg19127283</t>
  </si>
  <si>
    <t>cg19132762</t>
  </si>
  <si>
    <t>cg19139554</t>
  </si>
  <si>
    <t>cg19143760</t>
  </si>
  <si>
    <t>cg19148440</t>
  </si>
  <si>
    <t>cg19149264</t>
  </si>
  <si>
    <t>cg19152024</t>
  </si>
  <si>
    <t>cg19155007</t>
  </si>
  <si>
    <t>cg19155557</t>
  </si>
  <si>
    <t>cg19156280</t>
  </si>
  <si>
    <t>cg19188060</t>
  </si>
  <si>
    <t>cg19210302</t>
  </si>
  <si>
    <t>cg19216204</t>
  </si>
  <si>
    <t>cg19219068</t>
  </si>
  <si>
    <t>cg19224656</t>
  </si>
  <si>
    <t>cg19226934</t>
  </si>
  <si>
    <t>cg19227130</t>
  </si>
  <si>
    <t>cg19231082</t>
  </si>
  <si>
    <t>cg19251352</t>
  </si>
  <si>
    <t>cg19252529</t>
  </si>
  <si>
    <t>cg19252739</t>
  </si>
  <si>
    <t>cg19254830</t>
  </si>
  <si>
    <t>cg19260500</t>
  </si>
  <si>
    <t>cg19268498</t>
  </si>
  <si>
    <t>cg19377234</t>
  </si>
  <si>
    <t>cg19380499</t>
  </si>
  <si>
    <t>cg19385628</t>
  </si>
  <si>
    <t>cg19388776</t>
  </si>
  <si>
    <t>cg19389001</t>
  </si>
  <si>
    <t>cg19391888</t>
  </si>
  <si>
    <t>cg19393219</t>
  </si>
  <si>
    <t>cg19402939</t>
  </si>
  <si>
    <t>cg19403653</t>
  </si>
  <si>
    <t>cg19408535</t>
  </si>
  <si>
    <t>cg19409588</t>
  </si>
  <si>
    <t>cg19423197</t>
  </si>
  <si>
    <t>cg19424343</t>
  </si>
  <si>
    <t>cg19430967</t>
  </si>
  <si>
    <t>cg19436429</t>
  </si>
  <si>
    <t>cg19436502</t>
  </si>
  <si>
    <t>cg19442495</t>
  </si>
  <si>
    <t>cg19445322</t>
  </si>
  <si>
    <t>cg19450531</t>
  </si>
  <si>
    <t>cg19452873</t>
  </si>
  <si>
    <t>cg19454405</t>
  </si>
  <si>
    <t>cg19455322</t>
  </si>
  <si>
    <t>cg19456938</t>
  </si>
  <si>
    <t>cg19459508</t>
  </si>
  <si>
    <t>cg19459834</t>
  </si>
  <si>
    <t>cg19462118</t>
  </si>
  <si>
    <t>cg19472303</t>
  </si>
  <si>
    <t>cg19472611</t>
  </si>
  <si>
    <t>cg19474418</t>
  </si>
  <si>
    <t>cg19483126</t>
  </si>
  <si>
    <t>cg19494762</t>
  </si>
  <si>
    <t>cg19497325</t>
  </si>
  <si>
    <t>cg19498237</t>
  </si>
  <si>
    <t>cg19505136</t>
  </si>
  <si>
    <t>cg19507527</t>
  </si>
  <si>
    <t>cg19509715</t>
  </si>
  <si>
    <t>cg19511316</t>
  </si>
  <si>
    <t>cg19515239</t>
  </si>
  <si>
    <t>cg19526908</t>
  </si>
  <si>
    <t>cg19530176</t>
  </si>
  <si>
    <t>cg19536404</t>
  </si>
  <si>
    <t>cg19536652</t>
  </si>
  <si>
    <t>cg19538517</t>
  </si>
  <si>
    <t>cg19538674</t>
  </si>
  <si>
    <t>cg19547144</t>
  </si>
  <si>
    <t>cg19591588</t>
  </si>
  <si>
    <t>cg19592439</t>
  </si>
  <si>
    <t>cg19596790</t>
  </si>
  <si>
    <t>cg19602773</t>
  </si>
  <si>
    <t>cg19604222</t>
  </si>
  <si>
    <t>cg19611175</t>
  </si>
  <si>
    <t>cg19612450</t>
  </si>
  <si>
    <t>cg19622348</t>
  </si>
  <si>
    <t>cg19627446</t>
  </si>
  <si>
    <t>cg19628164</t>
  </si>
  <si>
    <t>cg19628771</t>
  </si>
  <si>
    <t>cg19631064</t>
  </si>
  <si>
    <t>cg19709625</t>
  </si>
  <si>
    <t>cg19716004</t>
  </si>
  <si>
    <t>cg19727641</t>
  </si>
  <si>
    <t>cg19732171</t>
  </si>
  <si>
    <t>cg19741945</t>
  </si>
  <si>
    <t>cg19753138</t>
  </si>
  <si>
    <t>cg19759549</t>
  </si>
  <si>
    <t>cg19760072</t>
  </si>
  <si>
    <t>cg19764594</t>
  </si>
  <si>
    <t>cg19768599</t>
  </si>
  <si>
    <t>cg19770116</t>
  </si>
  <si>
    <t>cg19771031</t>
  </si>
  <si>
    <t>cg19780717</t>
  </si>
  <si>
    <t>cg19790935</t>
  </si>
  <si>
    <t>cg19797087</t>
  </si>
  <si>
    <t>cg19800096</t>
  </si>
  <si>
    <t>cg19815327</t>
  </si>
  <si>
    <t>cg19823793</t>
  </si>
  <si>
    <t>cg19827650</t>
  </si>
  <si>
    <t>cg19830849</t>
  </si>
  <si>
    <t>cg19831962</t>
  </si>
  <si>
    <t>cg19836345</t>
  </si>
  <si>
    <t>cg19851029</t>
  </si>
  <si>
    <t>cg19856822</t>
  </si>
  <si>
    <t>cg19859486</t>
  </si>
  <si>
    <t>cg19860178</t>
  </si>
  <si>
    <t>cg19860441</t>
  </si>
  <si>
    <t>cg19862838</t>
  </si>
  <si>
    <t>cg19865133</t>
  </si>
  <si>
    <t>cg19876724</t>
  </si>
  <si>
    <t>cg19882663</t>
  </si>
  <si>
    <t>cg19887178</t>
  </si>
  <si>
    <t>cg19890469</t>
  </si>
  <si>
    <t>cg19893077</t>
  </si>
  <si>
    <t>cg19922281</t>
  </si>
  <si>
    <t>cg19930721</t>
  </si>
  <si>
    <t>cg19932227</t>
  </si>
  <si>
    <t>cg19936194</t>
  </si>
  <si>
    <t>cg19941450</t>
  </si>
  <si>
    <t>cg19942813</t>
  </si>
  <si>
    <t>cg19944217</t>
  </si>
  <si>
    <t>cg19946376</t>
  </si>
  <si>
    <t>cg19952228</t>
  </si>
  <si>
    <t>cg19955173</t>
  </si>
  <si>
    <t>cg19956062</t>
  </si>
  <si>
    <t>cg19959648</t>
  </si>
  <si>
    <t>cg19967421</t>
  </si>
  <si>
    <t>cg19968403</t>
  </si>
  <si>
    <t>cg19972858</t>
  </si>
  <si>
    <t>cg19973659</t>
  </si>
  <si>
    <t>cg19979540</t>
  </si>
  <si>
    <t>cg19983801</t>
  </si>
  <si>
    <t>cg19986202</t>
  </si>
  <si>
    <t>cg20026205</t>
  </si>
  <si>
    <t>cg20037507</t>
  </si>
  <si>
    <t>cg20038252</t>
  </si>
  <si>
    <t>cg20042798</t>
  </si>
  <si>
    <t>cg20072171</t>
  </si>
  <si>
    <t>cg20074371</t>
  </si>
  <si>
    <t>cg20075304</t>
  </si>
  <si>
    <t>cg20076186</t>
  </si>
  <si>
    <t>cg20077169</t>
  </si>
  <si>
    <t>cg20077230</t>
  </si>
  <si>
    <t>cg20078054</t>
  </si>
  <si>
    <t>cg20080006</t>
  </si>
  <si>
    <t>cg20084815</t>
  </si>
  <si>
    <t>cg20085812</t>
  </si>
  <si>
    <t>cg20089095</t>
  </si>
  <si>
    <t>cg20092936</t>
  </si>
  <si>
    <t>cg20103104</t>
  </si>
  <si>
    <t>cg20106907</t>
  </si>
  <si>
    <t>cg20109541</t>
  </si>
  <si>
    <t>cg20116266</t>
  </si>
  <si>
    <t>cg20121803</t>
  </si>
  <si>
    <t>cg20126521</t>
  </si>
  <si>
    <t>cg20132590</t>
  </si>
  <si>
    <t>cg20136444</t>
  </si>
  <si>
    <t>cg20138711</t>
  </si>
  <si>
    <t>cg20141105</t>
  </si>
  <si>
    <t>cg20141549</t>
  </si>
  <si>
    <t>cg20168412</t>
  </si>
  <si>
    <t>cg20168479</t>
  </si>
  <si>
    <t>cg20173120</t>
  </si>
  <si>
    <t>cg20179222</t>
  </si>
  <si>
    <t>cg20182189</t>
  </si>
  <si>
    <t>cg20183308</t>
  </si>
  <si>
    <t>cg20184106</t>
  </si>
  <si>
    <t>cg20186995</t>
  </si>
  <si>
    <t>cg20190357</t>
  </si>
  <si>
    <t>cg20198526</t>
  </si>
  <si>
    <t>cg20201475</t>
  </si>
  <si>
    <t>cg20205542</t>
  </si>
  <si>
    <t>cg20216802</t>
  </si>
  <si>
    <t>cg20216950</t>
  </si>
  <si>
    <t>cg20228115</t>
  </si>
  <si>
    <t>cg20237291</t>
  </si>
  <si>
    <t>cg20238978</t>
  </si>
  <si>
    <t>cg20247102</t>
  </si>
  <si>
    <t>cg20259594</t>
  </si>
  <si>
    <t>cg20270775</t>
  </si>
  <si>
    <t>cg20272733</t>
  </si>
  <si>
    <t>cg20275925</t>
  </si>
  <si>
    <t>cg20276377</t>
  </si>
  <si>
    <t>cg20283971</t>
  </si>
  <si>
    <t>cg20284698</t>
  </si>
  <si>
    <t>cg20293716</t>
  </si>
  <si>
    <t>cg20296001</t>
  </si>
  <si>
    <t>cg20297566</t>
  </si>
  <si>
    <t>cg20299697</t>
  </si>
  <si>
    <t>cg20367852</t>
  </si>
  <si>
    <t>cg20384732</t>
  </si>
  <si>
    <t>cg20388704</t>
  </si>
  <si>
    <t>cg20391883</t>
  </si>
  <si>
    <t>cg20449692</t>
  </si>
  <si>
    <t>cg20455131</t>
  </si>
  <si>
    <t>cg20495429</t>
  </si>
  <si>
    <t>cg20498859</t>
  </si>
  <si>
    <t>cg20500144</t>
  </si>
  <si>
    <t>cg20506715</t>
  </si>
  <si>
    <t>cg20517764</t>
  </si>
  <si>
    <t>cg20522387</t>
  </si>
  <si>
    <t>cg20526654</t>
  </si>
  <si>
    <t>cg20530585</t>
  </si>
  <si>
    <t>cg20541238</t>
  </si>
  <si>
    <t>cg20560906</t>
  </si>
  <si>
    <t>cg20574550</t>
  </si>
  <si>
    <t>cg20584918</t>
  </si>
  <si>
    <t>cg20585088</t>
  </si>
  <si>
    <t>cg20586210</t>
  </si>
  <si>
    <t>cg20591405</t>
  </si>
  <si>
    <t>cg20603260</t>
  </si>
  <si>
    <t>cg20668838</t>
  </si>
  <si>
    <t>cg20671117</t>
  </si>
  <si>
    <t>cg20683223</t>
  </si>
  <si>
    <t>cg20693607</t>
  </si>
  <si>
    <t>cg20696912</t>
  </si>
  <si>
    <t>cg20707970</t>
  </si>
  <si>
    <t>cg20712058</t>
  </si>
  <si>
    <t>cg20714059</t>
  </si>
  <si>
    <t>cg20714110</t>
  </si>
  <si>
    <t>cg20724810</t>
  </si>
  <si>
    <t>cg20725035</t>
  </si>
  <si>
    <t>cg20728026</t>
  </si>
  <si>
    <t>cg20746084</t>
  </si>
  <si>
    <t>cg20751361</t>
  </si>
  <si>
    <t>cg20786557</t>
  </si>
  <si>
    <t>cg20795139</t>
  </si>
  <si>
    <t>cg20824211</t>
  </si>
  <si>
    <t>cg20824576</t>
  </si>
  <si>
    <t>cg20829379</t>
  </si>
  <si>
    <t>cg20831741</t>
  </si>
  <si>
    <t>cg20835789</t>
  </si>
  <si>
    <t>cg20835807</t>
  </si>
  <si>
    <t>cg20839041</t>
  </si>
  <si>
    <t>cg20844692</t>
  </si>
  <si>
    <t>cg20847228</t>
  </si>
  <si>
    <t>cg20848924</t>
  </si>
  <si>
    <t>cg20850873</t>
  </si>
  <si>
    <t>cg20854025</t>
  </si>
  <si>
    <t>cg20856064</t>
  </si>
  <si>
    <t>cg20860638</t>
  </si>
  <si>
    <t>cg20885179</t>
  </si>
  <si>
    <t>cg20896479</t>
  </si>
  <si>
    <t>cg20915907</t>
  </si>
  <si>
    <t>cg20916523</t>
  </si>
  <si>
    <t>cg20919844</t>
  </si>
  <si>
    <t>cg20922251</t>
  </si>
  <si>
    <t>cg20927312</t>
  </si>
  <si>
    <t>cg20936475</t>
  </si>
  <si>
    <t>cg20944305</t>
  </si>
  <si>
    <t>cg20950724</t>
  </si>
  <si>
    <t>cg20950754</t>
  </si>
  <si>
    <t>cg20955328</t>
  </si>
  <si>
    <t>cg20959274</t>
  </si>
  <si>
    <t>cg20960167</t>
  </si>
  <si>
    <t>cg20970111</t>
  </si>
  <si>
    <t>cg20970697</t>
  </si>
  <si>
    <t>cg20977078</t>
  </si>
  <si>
    <t>cg20977992</t>
  </si>
  <si>
    <t>cg20979003</t>
  </si>
  <si>
    <t>cg20979852</t>
  </si>
  <si>
    <t>cg20982412</t>
  </si>
  <si>
    <t>cg20985755</t>
  </si>
  <si>
    <t>cg21028292</t>
  </si>
  <si>
    <t>cg21069814</t>
  </si>
  <si>
    <t>cg21071815</t>
  </si>
  <si>
    <t>cg21074827</t>
  </si>
  <si>
    <t>cg21075593</t>
  </si>
  <si>
    <t>cg21078002</t>
  </si>
  <si>
    <t>cg21087962</t>
  </si>
  <si>
    <t>cg21090033</t>
  </si>
  <si>
    <t>cg21093807</t>
  </si>
  <si>
    <t>cg21096345</t>
  </si>
  <si>
    <t>cg21097199</t>
  </si>
  <si>
    <t>cg21101714</t>
  </si>
  <si>
    <t>cg21123160</t>
  </si>
  <si>
    <t>cg21127068</t>
  </si>
  <si>
    <t>cg21129615</t>
  </si>
  <si>
    <t>cg21130063</t>
  </si>
  <si>
    <t>cg21136104</t>
  </si>
  <si>
    <t>cg21140931</t>
  </si>
  <si>
    <t>cg21148362</t>
  </si>
  <si>
    <t>cg21176048</t>
  </si>
  <si>
    <t>cg21186449</t>
  </si>
  <si>
    <t>cg21200353</t>
  </si>
  <si>
    <t>cg21209629</t>
  </si>
  <si>
    <t>cg21222826</t>
  </si>
  <si>
    <t>cg21223075</t>
  </si>
  <si>
    <t>cg21303011</t>
  </si>
  <si>
    <t>cg21327694</t>
  </si>
  <si>
    <t>cg21333217</t>
  </si>
  <si>
    <t>cg21367580</t>
  </si>
  <si>
    <t>cg21373739</t>
  </si>
  <si>
    <t>cg21379004</t>
  </si>
  <si>
    <t>cg21379800</t>
  </si>
  <si>
    <t>cg21389394</t>
  </si>
  <si>
    <t>cg21389924</t>
  </si>
  <si>
    <t>cg21395120</t>
  </si>
  <si>
    <t>cg21396456</t>
  </si>
  <si>
    <t>cg21401219</t>
  </si>
  <si>
    <t>cg21408716</t>
  </si>
  <si>
    <t>cg21413905</t>
  </si>
  <si>
    <t>cg21415305</t>
  </si>
  <si>
    <t>cg21415969</t>
  </si>
  <si>
    <t>cg21425003</t>
  </si>
  <si>
    <t>cg21425723</t>
  </si>
  <si>
    <t>cg21429725</t>
  </si>
  <si>
    <t>cg21430959</t>
  </si>
  <si>
    <t>cg21433121</t>
  </si>
  <si>
    <t>cg21453451</t>
  </si>
  <si>
    <t>cg21459229</t>
  </si>
  <si>
    <t>cg21473142</t>
  </si>
  <si>
    <t>cg21483475</t>
  </si>
  <si>
    <t>cg21483906</t>
  </si>
  <si>
    <t>cg21484228</t>
  </si>
  <si>
    <t>cg21487550</t>
  </si>
  <si>
    <t>cg21494636</t>
  </si>
  <si>
    <t>cg21496518</t>
  </si>
  <si>
    <t>cg21502255</t>
  </si>
  <si>
    <t>cg21518974</t>
  </si>
  <si>
    <t>cg21522636</t>
  </si>
  <si>
    <t>cg21527078</t>
  </si>
  <si>
    <t>cg21538020</t>
  </si>
  <si>
    <t>cg21548772</t>
  </si>
  <si>
    <t>cg21553700</t>
  </si>
  <si>
    <t>cg21558706</t>
  </si>
  <si>
    <t>cg21567404</t>
  </si>
  <si>
    <t>cg21570062</t>
  </si>
  <si>
    <t>cg21582582</t>
  </si>
  <si>
    <t>cg21585138</t>
  </si>
  <si>
    <t>cg21587412</t>
  </si>
  <si>
    <t>cg21588307</t>
  </si>
  <si>
    <t>cg21593670</t>
  </si>
  <si>
    <t>cg21595543</t>
  </si>
  <si>
    <t>cg21605068</t>
  </si>
  <si>
    <t>cg21611775</t>
  </si>
  <si>
    <t>cg21611868</t>
  </si>
  <si>
    <t>cg21618784</t>
  </si>
  <si>
    <t>cg21621104</t>
  </si>
  <si>
    <t>cg21624902</t>
  </si>
  <si>
    <t>cg21627187</t>
  </si>
  <si>
    <t>cg21637015</t>
  </si>
  <si>
    <t>cg21637884</t>
  </si>
  <si>
    <t>cg21638219</t>
  </si>
  <si>
    <t>cg21640566</t>
  </si>
  <si>
    <t>cg21647473</t>
  </si>
  <si>
    <t>cg21653581</t>
  </si>
  <si>
    <t>cg21655280</t>
  </si>
  <si>
    <t>cg21659725</t>
  </si>
  <si>
    <t>cg21665057</t>
  </si>
  <si>
    <t>cg21733911</t>
  </si>
  <si>
    <t>cg21737066</t>
  </si>
  <si>
    <t>cg21741689</t>
  </si>
  <si>
    <t>cg21745444</t>
  </si>
  <si>
    <t>cg21746851</t>
  </si>
  <si>
    <t>cg21747617</t>
  </si>
  <si>
    <t>cg21755440</t>
  </si>
  <si>
    <t>cg21763723</t>
  </si>
  <si>
    <t>cg21767135</t>
  </si>
  <si>
    <t>cg21771463</t>
  </si>
  <si>
    <t>cg21787249</t>
  </si>
  <si>
    <t>cg21789181</t>
  </si>
  <si>
    <t>cg21789849</t>
  </si>
  <si>
    <t>cg21792155</t>
  </si>
  <si>
    <t>cg21798964</t>
  </si>
  <si>
    <t>cg21810733</t>
  </si>
  <si>
    <t>cg21818713</t>
  </si>
  <si>
    <t>cg21821833</t>
  </si>
  <si>
    <t>cg21824413</t>
  </si>
  <si>
    <t>cg21825625</t>
  </si>
  <si>
    <t>cg21825757</t>
  </si>
  <si>
    <t>cg21826946</t>
  </si>
  <si>
    <t>cg21827221</t>
  </si>
  <si>
    <t>cg21830066</t>
  </si>
  <si>
    <t>cg21834001</t>
  </si>
  <si>
    <t>cg21838625</t>
  </si>
  <si>
    <t>cg21847393</t>
  </si>
  <si>
    <t>cg21856334</t>
  </si>
  <si>
    <t>cg21856689</t>
  </si>
  <si>
    <t>cg21858485</t>
  </si>
  <si>
    <t>cg21864259</t>
  </si>
  <si>
    <t>cg21869590</t>
  </si>
  <si>
    <t>cg21871203</t>
  </si>
  <si>
    <t>cg21871583</t>
  </si>
  <si>
    <t>cg21871633</t>
  </si>
  <si>
    <t>cg21878275</t>
  </si>
  <si>
    <t>cg21878500</t>
  </si>
  <si>
    <t>cg21882527</t>
  </si>
  <si>
    <t>cg21892522</t>
  </si>
  <si>
    <t>cg21899138</t>
  </si>
  <si>
    <t>cg21903625</t>
  </si>
  <si>
    <t>cg21908638</t>
  </si>
  <si>
    <t>cg21908796</t>
  </si>
  <si>
    <t>cg21915360</t>
  </si>
  <si>
    <t>cg21926402</t>
  </si>
  <si>
    <t>cg21936789</t>
  </si>
  <si>
    <t>cg21937593</t>
  </si>
  <si>
    <t>cg21942256</t>
  </si>
  <si>
    <t>cg21945992</t>
  </si>
  <si>
    <t>cg21946299</t>
  </si>
  <si>
    <t>cg21948071</t>
  </si>
  <si>
    <t>cg21951070</t>
  </si>
  <si>
    <t>cg22037648</t>
  </si>
  <si>
    <t>cg22066262</t>
  </si>
  <si>
    <t>cg22069388</t>
  </si>
  <si>
    <t>cg22084642</t>
  </si>
  <si>
    <t>cg22092811</t>
  </si>
  <si>
    <t>cg22112133</t>
  </si>
  <si>
    <t>cg22122410</t>
  </si>
  <si>
    <t>cg22126211</t>
  </si>
  <si>
    <t>cg22135941</t>
  </si>
  <si>
    <t>cg22136672</t>
  </si>
  <si>
    <t>cg22156255</t>
  </si>
  <si>
    <t>cg22159075</t>
  </si>
  <si>
    <t>cg22160329</t>
  </si>
  <si>
    <t>cg22175303</t>
  </si>
  <si>
    <t>cg22209752</t>
  </si>
  <si>
    <t>cg22218058</t>
  </si>
  <si>
    <t>cg22218536</t>
  </si>
  <si>
    <t>cg22219795</t>
  </si>
  <si>
    <t>cg22221026</t>
  </si>
  <si>
    <t>cg22225802</t>
  </si>
  <si>
    <t>cg22229016</t>
  </si>
  <si>
    <t>cg22240853</t>
  </si>
  <si>
    <t>cg22241014</t>
  </si>
  <si>
    <t>cg22251124</t>
  </si>
  <si>
    <t>cg22254681</t>
  </si>
  <si>
    <t>cg22255532</t>
  </si>
  <si>
    <t>cg22258490</t>
  </si>
  <si>
    <t>cg22279341</t>
  </si>
  <si>
    <t>cg22280173</t>
  </si>
  <si>
    <t>cg22282632</t>
  </si>
  <si>
    <t>cg22288737</t>
  </si>
  <si>
    <t>cg22304507</t>
  </si>
  <si>
    <t>cg22306344</t>
  </si>
  <si>
    <t>cg22309949</t>
  </si>
  <si>
    <t>cg22331862</t>
  </si>
  <si>
    <t>cg22374290</t>
  </si>
  <si>
    <t>cg22450923</t>
  </si>
  <si>
    <t>cg22462726</t>
  </si>
  <si>
    <t>cg22468065</t>
  </si>
  <si>
    <t>cg22470056</t>
  </si>
  <si>
    <t>cg22471230</t>
  </si>
  <si>
    <t>cg22477501</t>
  </si>
  <si>
    <t>cg22479710</t>
  </si>
  <si>
    <t>cg22496559</t>
  </si>
  <si>
    <t>cg22498996</t>
  </si>
  <si>
    <t>cg22507869</t>
  </si>
  <si>
    <t>cg22508569</t>
  </si>
  <si>
    <t>cg22512322</t>
  </si>
  <si>
    <t>cg22512438</t>
  </si>
  <si>
    <t>cg22533724</t>
  </si>
  <si>
    <t>cg22534681</t>
  </si>
  <si>
    <t>cg22535057</t>
  </si>
  <si>
    <t>cg22536150</t>
  </si>
  <si>
    <t>cg22549268</t>
  </si>
  <si>
    <t>cg22550309</t>
  </si>
  <si>
    <t>cg22550330</t>
  </si>
  <si>
    <t>cg22555392</t>
  </si>
  <si>
    <t>cg22559218</t>
  </si>
  <si>
    <t>cg22589745</t>
  </si>
  <si>
    <t>cg22594323</t>
  </si>
  <si>
    <t>cg22610211</t>
  </si>
  <si>
    <t>cg22613854</t>
  </si>
  <si>
    <t>cg22614239</t>
  </si>
  <si>
    <t>cg22614748</t>
  </si>
  <si>
    <t>cg22615158</t>
  </si>
  <si>
    <t>cg22617878</t>
  </si>
  <si>
    <t>cg22618215</t>
  </si>
  <si>
    <t>cg22620414</t>
  </si>
  <si>
    <t>cg22620797</t>
  </si>
  <si>
    <t>cg22621867</t>
  </si>
  <si>
    <t>cg22623967</t>
  </si>
  <si>
    <t>cg22624966</t>
  </si>
  <si>
    <t>cg22668421</t>
  </si>
  <si>
    <t>cg22687437</t>
  </si>
  <si>
    <t>cg22693042</t>
  </si>
  <si>
    <t>cg22694480</t>
  </si>
  <si>
    <t>cg22702772</t>
  </si>
  <si>
    <t>cg22805431</t>
  </si>
  <si>
    <t>cg22811818</t>
  </si>
  <si>
    <t>cg22816651</t>
  </si>
  <si>
    <t>cg22818988</t>
  </si>
  <si>
    <t>cg22819488</t>
  </si>
  <si>
    <t>cg22823146</t>
  </si>
  <si>
    <t>cg22830844</t>
  </si>
  <si>
    <t>cg22834653</t>
  </si>
  <si>
    <t>cg22839075</t>
  </si>
  <si>
    <t>cg22840556</t>
  </si>
  <si>
    <t>cg22843684</t>
  </si>
  <si>
    <t>cg22844232</t>
  </si>
  <si>
    <t>cg22863122</t>
  </si>
  <si>
    <t>cg22881941</t>
  </si>
  <si>
    <t>cg22887981</t>
  </si>
  <si>
    <t>cg22889573</t>
  </si>
  <si>
    <t>cg22902177</t>
  </si>
  <si>
    <t>cg22902534</t>
  </si>
  <si>
    <t>cg22907065</t>
  </si>
  <si>
    <t>cg22915705</t>
  </si>
  <si>
    <t>cg22921096</t>
  </si>
  <si>
    <t>cg22924550</t>
  </si>
  <si>
    <t>cg22930777</t>
  </si>
  <si>
    <t>cg22931738</t>
  </si>
  <si>
    <t>cg22933469</t>
  </si>
  <si>
    <t>cg22934568</t>
  </si>
  <si>
    <t>cg22955973</t>
  </si>
  <si>
    <t>cg22957201</t>
  </si>
  <si>
    <t>cg22957206</t>
  </si>
  <si>
    <t>cg22960945</t>
  </si>
  <si>
    <t>cg22972318</t>
  </si>
  <si>
    <t>cg22973319</t>
  </si>
  <si>
    <t>cg22984439</t>
  </si>
  <si>
    <t>cg22984571</t>
  </si>
  <si>
    <t>cg22986271</t>
  </si>
  <si>
    <t>cg22988851</t>
  </si>
  <si>
    <t>cg22991512</t>
  </si>
  <si>
    <t>cg22993195</t>
  </si>
  <si>
    <t>cg22993707</t>
  </si>
  <si>
    <t>cg22995356</t>
  </si>
  <si>
    <t>cg23015696</t>
  </si>
  <si>
    <t>cg23025893</t>
  </si>
  <si>
    <t>cg23036508</t>
  </si>
  <si>
    <t>cg23037648</t>
  </si>
  <si>
    <t>cg23044647</t>
  </si>
  <si>
    <t>cg23053438</t>
  </si>
  <si>
    <t>cg23053624</t>
  </si>
  <si>
    <t>cg23064060</t>
  </si>
  <si>
    <t>cg23065100</t>
  </si>
  <si>
    <t>cg23069822</t>
  </si>
  <si>
    <t>cg23078565</t>
  </si>
  <si>
    <t>cg23078896</t>
  </si>
  <si>
    <t>cg23087239</t>
  </si>
  <si>
    <t>cg23087992</t>
  </si>
  <si>
    <t>cg23141355</t>
  </si>
  <si>
    <t>cg23151747</t>
  </si>
  <si>
    <t>cg23155810</t>
  </si>
  <si>
    <t>cg23157433</t>
  </si>
  <si>
    <t>cg23158658</t>
  </si>
  <si>
    <t>cg23162396</t>
  </si>
  <si>
    <t>cg23162967</t>
  </si>
  <si>
    <t>cg23163386</t>
  </si>
  <si>
    <t>cg23163999</t>
  </si>
  <si>
    <t>cg23168339</t>
  </si>
  <si>
    <t>cg23168649</t>
  </si>
  <si>
    <t>cg23180365</t>
  </si>
  <si>
    <t>cg23181900</t>
  </si>
  <si>
    <t>cg23192683</t>
  </si>
  <si>
    <t>cg23197191</t>
  </si>
  <si>
    <t>cg23201032</t>
  </si>
  <si>
    <t>cg23202468</t>
  </si>
  <si>
    <t>cg23203755</t>
  </si>
  <si>
    <t>cg23207710</t>
  </si>
  <si>
    <t>cg23208152</t>
  </si>
  <si>
    <t>cg23209255</t>
  </si>
  <si>
    <t>cg23210127</t>
  </si>
  <si>
    <t>cg23213016</t>
  </si>
  <si>
    <t>cg23221915</t>
  </si>
  <si>
    <t>cg23222057</t>
  </si>
  <si>
    <t>cg23223339</t>
  </si>
  <si>
    <t>cg23231268</t>
  </si>
  <si>
    <t>cg23234832</t>
  </si>
  <si>
    <t>cg23235460</t>
  </si>
  <si>
    <t>cg23245007</t>
  </si>
  <si>
    <t>cg23247337</t>
  </si>
  <si>
    <t>cg23250039</t>
  </si>
  <si>
    <t>cg23259384</t>
  </si>
  <si>
    <t>cg23328922</t>
  </si>
  <si>
    <t>cg23330828</t>
  </si>
  <si>
    <t>cg23336797</t>
  </si>
  <si>
    <t>cg23345097</t>
  </si>
  <si>
    <t>cg23346462</t>
  </si>
  <si>
    <t>cg23350106</t>
  </si>
  <si>
    <t>cg23350558</t>
  </si>
  <si>
    <t>cg23363832</t>
  </si>
  <si>
    <t>cg23405575</t>
  </si>
  <si>
    <t>cg23409587</t>
  </si>
  <si>
    <t>cg23416197</t>
  </si>
  <si>
    <t>cg23431892</t>
  </si>
  <si>
    <t>cg23434122</t>
  </si>
  <si>
    <t>cg23438371</t>
  </si>
  <si>
    <t>cg23442853</t>
  </si>
  <si>
    <t>cg23449696</t>
  </si>
  <si>
    <t>cg23456221</t>
  </si>
  <si>
    <t>cg23468678</t>
  </si>
  <si>
    <t>cg23479892</t>
  </si>
  <si>
    <t>cg23479905</t>
  </si>
  <si>
    <t>cg23483656</t>
  </si>
  <si>
    <t>cg23485473</t>
  </si>
  <si>
    <t>cg23486179</t>
  </si>
  <si>
    <t>cg23489729</t>
  </si>
  <si>
    <t>cg23500122</t>
  </si>
  <si>
    <t>cg23502789</t>
  </si>
  <si>
    <t>cg23504240</t>
  </si>
  <si>
    <t>cg23504634</t>
  </si>
  <si>
    <t>cg23505966</t>
  </si>
  <si>
    <t>cg23509745</t>
  </si>
  <si>
    <t>cg23515942</t>
  </si>
  <si>
    <t>cg23516634</t>
  </si>
  <si>
    <t>cg23520090</t>
  </si>
  <si>
    <t>cg23521916</t>
  </si>
  <si>
    <t>cg23526861</t>
  </si>
  <si>
    <t>cg23528400</t>
  </si>
  <si>
    <t>cg23531873</t>
  </si>
  <si>
    <t>cg23533254</t>
  </si>
  <si>
    <t>cg23536277</t>
  </si>
  <si>
    <t>cg23536921</t>
  </si>
  <si>
    <t>cg23543352</t>
  </si>
  <si>
    <t>cg23544545</t>
  </si>
  <si>
    <t>cg23548719</t>
  </si>
  <si>
    <t>cg23552779</t>
  </si>
  <si>
    <t>cg23610018</t>
  </si>
  <si>
    <t>cg23623364</t>
  </si>
  <si>
    <t>cg23625931</t>
  </si>
  <si>
    <t>cg23651146</t>
  </si>
  <si>
    <t>cg23655615</t>
  </si>
  <si>
    <t>cg23655934</t>
  </si>
  <si>
    <t>cg23658326</t>
  </si>
  <si>
    <t>cg23661306</t>
  </si>
  <si>
    <t>cg23662487</t>
  </si>
  <si>
    <t>cg23665729</t>
  </si>
  <si>
    <t>cg23670415</t>
  </si>
  <si>
    <t>cg23670932</t>
  </si>
  <si>
    <t>cg23715830</t>
  </si>
  <si>
    <t>cg23718026</t>
  </si>
  <si>
    <t>cg23727321</t>
  </si>
  <si>
    <t>cg23732368</t>
  </si>
  <si>
    <t>cg23732560</t>
  </si>
  <si>
    <t>cg23733502</t>
  </si>
  <si>
    <t>cg23814691</t>
  </si>
  <si>
    <t>cg23816347</t>
  </si>
  <si>
    <t>cg23816928</t>
  </si>
  <si>
    <t>cg23817170</t>
  </si>
  <si>
    <t>cg23825335</t>
  </si>
  <si>
    <t>cg23827531</t>
  </si>
  <si>
    <t>cg23844090</t>
  </si>
  <si>
    <t>cg23965022</t>
  </si>
  <si>
    <t>cg23965905</t>
  </si>
  <si>
    <t>cg23969669</t>
  </si>
  <si>
    <t>cg23971255</t>
  </si>
  <si>
    <t>cg23971915</t>
  </si>
  <si>
    <t>cg23972409</t>
  </si>
  <si>
    <t>cg23976179</t>
  </si>
  <si>
    <t>cg23978504</t>
  </si>
  <si>
    <t>cg23982279</t>
  </si>
  <si>
    <t>cg23985619</t>
  </si>
  <si>
    <t>cg24002522</t>
  </si>
  <si>
    <t>cg24007312</t>
  </si>
  <si>
    <t>cg24011261</t>
  </si>
  <si>
    <t>cg24034568</t>
  </si>
  <si>
    <t>cg24043236</t>
  </si>
  <si>
    <t>cg24050613</t>
  </si>
  <si>
    <t>cg24051057</t>
  </si>
  <si>
    <t>cg24068859</t>
  </si>
  <si>
    <t>cg24075738</t>
  </si>
  <si>
    <t>cg24082730</t>
  </si>
  <si>
    <t>cg24086758</t>
  </si>
  <si>
    <t>cg24098516</t>
  </si>
  <si>
    <t>cg24100506</t>
  </si>
  <si>
    <t>cg24104623</t>
  </si>
  <si>
    <t>cg24107411</t>
  </si>
  <si>
    <t>cg24122247</t>
  </si>
  <si>
    <t>cg24123712</t>
  </si>
  <si>
    <t>cg24126187</t>
  </si>
  <si>
    <t>cg24130739</t>
  </si>
  <si>
    <t>cg24143101</t>
  </si>
  <si>
    <t>cg24146408</t>
  </si>
  <si>
    <t>cg24158187</t>
  </si>
  <si>
    <t>cg24159247</t>
  </si>
  <si>
    <t>cg24159550</t>
  </si>
  <si>
    <t>cg24169875</t>
  </si>
  <si>
    <t>cg24170085</t>
  </si>
  <si>
    <t>cg24173921</t>
  </si>
  <si>
    <t>cg24182293</t>
  </si>
  <si>
    <t>cg24196351</t>
  </si>
  <si>
    <t>cg24198558</t>
  </si>
  <si>
    <t>cg24213507</t>
  </si>
  <si>
    <t>cg24216220</t>
  </si>
  <si>
    <t>cg24248486</t>
  </si>
  <si>
    <t>cg24255728</t>
  </si>
  <si>
    <t>cg24257776</t>
  </si>
  <si>
    <t>cg24261754</t>
  </si>
  <si>
    <t>cg24267283</t>
  </si>
  <si>
    <t>cg24267428</t>
  </si>
  <si>
    <t>cg24269434</t>
  </si>
  <si>
    <t>cg24270191</t>
  </si>
  <si>
    <t>cg24272902</t>
  </si>
  <si>
    <t>cg24273718</t>
  </si>
  <si>
    <t>cg24282422</t>
  </si>
  <si>
    <t>cg24290948</t>
  </si>
  <si>
    <t>cg24291822</t>
  </si>
  <si>
    <t>cg24295125</t>
  </si>
  <si>
    <t>cg24295479</t>
  </si>
  <si>
    <t>cg24295551</t>
  </si>
  <si>
    <t>cg24307799</t>
  </si>
  <si>
    <t>cg24319825</t>
  </si>
  <si>
    <t>cg24330379</t>
  </si>
  <si>
    <t>cg24336718</t>
  </si>
  <si>
    <t>cg24345060</t>
  </si>
  <si>
    <t>cg24346629</t>
  </si>
  <si>
    <t>cg24360773</t>
  </si>
  <si>
    <t>cg24363298</t>
  </si>
  <si>
    <t>cg24364084</t>
  </si>
  <si>
    <t>cg24365088</t>
  </si>
  <si>
    <t>cg24366127</t>
  </si>
  <si>
    <t>cg24366877</t>
  </si>
  <si>
    <t>cg24368167</t>
  </si>
  <si>
    <t>cg24368203</t>
  </si>
  <si>
    <t>cg24370755</t>
  </si>
  <si>
    <t>cg24371438</t>
  </si>
  <si>
    <t>cg24372174</t>
  </si>
  <si>
    <t>cg24377330</t>
  </si>
  <si>
    <t>cg24378692</t>
  </si>
  <si>
    <t>cg24390964</t>
  </si>
  <si>
    <t>cg24396545</t>
  </si>
  <si>
    <t>cg24397983</t>
  </si>
  <si>
    <t>cg24398023</t>
  </si>
  <si>
    <t>cg24432158</t>
  </si>
  <si>
    <t>cg24446391</t>
  </si>
  <si>
    <t>cg24455024</t>
  </si>
  <si>
    <t>cg24511054</t>
  </si>
  <si>
    <t>cg24512770</t>
  </si>
  <si>
    <t>cg24516542</t>
  </si>
  <si>
    <t>cg24516890</t>
  </si>
  <si>
    <t>cg24518264</t>
  </si>
  <si>
    <t>cg24523403</t>
  </si>
  <si>
    <t>cg24524379</t>
  </si>
  <si>
    <t>cg24524538</t>
  </si>
  <si>
    <t>cg24529771</t>
  </si>
  <si>
    <t>cg24569018</t>
  </si>
  <si>
    <t>cg24572137</t>
  </si>
  <si>
    <t>cg24576535</t>
  </si>
  <si>
    <t>cg24576945</t>
  </si>
  <si>
    <t>cg24589549</t>
  </si>
  <si>
    <t>cg24591563</t>
  </si>
  <si>
    <t>cg24599434</t>
  </si>
  <si>
    <t>cg24605341</t>
  </si>
  <si>
    <t>cg24607783</t>
  </si>
  <si>
    <t>cg24620761</t>
  </si>
  <si>
    <t>cg24623434</t>
  </si>
  <si>
    <t>cg24625136</t>
  </si>
  <si>
    <t>cg24631360</t>
  </si>
  <si>
    <t>cg24631870</t>
  </si>
  <si>
    <t>cg24668089</t>
  </si>
  <si>
    <t>cg24672173</t>
  </si>
  <si>
    <t>cg24673768</t>
  </si>
  <si>
    <t>cg24674304</t>
  </si>
  <si>
    <t>cg24680163</t>
  </si>
  <si>
    <t>cg24690054</t>
  </si>
  <si>
    <t>cg24691167</t>
  </si>
  <si>
    <t>cg24695608</t>
  </si>
  <si>
    <t>cg24705960</t>
  </si>
  <si>
    <t>cg24715682</t>
  </si>
  <si>
    <t>cg24718163</t>
  </si>
  <si>
    <t>cg24718819</t>
  </si>
  <si>
    <t>cg24722112</t>
  </si>
  <si>
    <t>cg24768999</t>
  </si>
  <si>
    <t>cg24769670</t>
  </si>
  <si>
    <t>cg24771349</t>
  </si>
  <si>
    <t>cg24782772</t>
  </si>
  <si>
    <t>cg24784794</t>
  </si>
  <si>
    <t>cg24791562</t>
  </si>
  <si>
    <t>cg24822001</t>
  </si>
  <si>
    <t>cg24827726</t>
  </si>
  <si>
    <t>cg24829557</t>
  </si>
  <si>
    <t>cg24837680</t>
  </si>
  <si>
    <t>cg24848890</t>
  </si>
  <si>
    <t>cg24850932</t>
  </si>
  <si>
    <t>cg24855490</t>
  </si>
  <si>
    <t>cg24861683</t>
  </si>
  <si>
    <t>cg24866308</t>
  </si>
  <si>
    <t>cg24869475</t>
  </si>
  <si>
    <t>cg24871132</t>
  </si>
  <si>
    <t>cg24872425</t>
  </si>
  <si>
    <t>cg24879426</t>
  </si>
  <si>
    <t>cg24888989</t>
  </si>
  <si>
    <t>cg24896299</t>
  </si>
  <si>
    <t>cg24899315</t>
  </si>
  <si>
    <t>cg24902039</t>
  </si>
  <si>
    <t>cg24902075</t>
  </si>
  <si>
    <t>cg24902987</t>
  </si>
  <si>
    <t>cg24919342</t>
  </si>
  <si>
    <t>cg24921785</t>
  </si>
  <si>
    <t>cg24925929</t>
  </si>
  <si>
    <t>cg24930197</t>
  </si>
  <si>
    <t>cg24933926</t>
  </si>
  <si>
    <t>cg24935773</t>
  </si>
  <si>
    <t>cg24938064</t>
  </si>
  <si>
    <t>cg24938498</t>
  </si>
  <si>
    <t>cg24938752</t>
  </si>
  <si>
    <t>cg24942285</t>
  </si>
  <si>
    <t>cg24950182</t>
  </si>
  <si>
    <t>cg24954670</t>
  </si>
  <si>
    <t>cg24962545</t>
  </si>
  <si>
    <t>cg24965617</t>
  </si>
  <si>
    <t>cg24971036</t>
  </si>
  <si>
    <t>cg24985459</t>
  </si>
  <si>
    <t>cg25007165</t>
  </si>
  <si>
    <t>cg25011115</t>
  </si>
  <si>
    <t>cg25013327</t>
  </si>
  <si>
    <t>cg25092247</t>
  </si>
  <si>
    <t>cg25104512</t>
  </si>
  <si>
    <t>cg25112848</t>
  </si>
  <si>
    <t>cg25120326</t>
  </si>
  <si>
    <t>cg25124326</t>
  </si>
  <si>
    <t>cg25129124</t>
  </si>
  <si>
    <t>cg25132161</t>
  </si>
  <si>
    <t>cg25140531</t>
  </si>
  <si>
    <t>cg25144109</t>
  </si>
  <si>
    <t>cg25150878</t>
  </si>
  <si>
    <t>cg25151919</t>
  </si>
  <si>
    <t>cg25152312</t>
  </si>
  <si>
    <t>cg25157280</t>
  </si>
  <si>
    <t>cg25159927</t>
  </si>
  <si>
    <t>cg25160593</t>
  </si>
  <si>
    <t>cg25166168</t>
  </si>
  <si>
    <t>cg25183613</t>
  </si>
  <si>
    <t>cg25187648</t>
  </si>
  <si>
    <t>cg25195193</t>
  </si>
  <si>
    <t>cg25201910</t>
  </si>
  <si>
    <t>cg25207828</t>
  </si>
  <si>
    <t>cg25208215</t>
  </si>
  <si>
    <t>cg25219082</t>
  </si>
  <si>
    <t>cg25220300</t>
  </si>
  <si>
    <t>cg25221442</t>
  </si>
  <si>
    <t>cg25221975</t>
  </si>
  <si>
    <t>cg25234159</t>
  </si>
  <si>
    <t>cg25260865</t>
  </si>
  <si>
    <t>cg25262361</t>
  </si>
  <si>
    <t>cg25264370</t>
  </si>
  <si>
    <t>cg25318918</t>
  </si>
  <si>
    <t>cg25333181</t>
  </si>
  <si>
    <t>cg25335544</t>
  </si>
  <si>
    <t>cg25336332</t>
  </si>
  <si>
    <t>cg25356066</t>
  </si>
  <si>
    <t>cg25359666</t>
  </si>
  <si>
    <t>cg25375453</t>
  </si>
  <si>
    <t>cg25377802</t>
  </si>
  <si>
    <t>cg25382848</t>
  </si>
  <si>
    <t>cg25436946</t>
  </si>
  <si>
    <t>cg25437259</t>
  </si>
  <si>
    <t>cg25439655</t>
  </si>
  <si>
    <t>cg25444208</t>
  </si>
  <si>
    <t>cg25444231</t>
  </si>
  <si>
    <t>cg25445931</t>
  </si>
  <si>
    <t>cg25447091</t>
  </si>
  <si>
    <t>cg25449502</t>
  </si>
  <si>
    <t>cg25450449</t>
  </si>
  <si>
    <t>cg25456186</t>
  </si>
  <si>
    <t>cg25457886</t>
  </si>
  <si>
    <t>cg25460158</t>
  </si>
  <si>
    <t>cg25466588</t>
  </si>
  <si>
    <t>cg25469905</t>
  </si>
  <si>
    <t>cg25477364</t>
  </si>
  <si>
    <t>cg25482786</t>
  </si>
  <si>
    <t>cg25486143</t>
  </si>
  <si>
    <t>cg25492241</t>
  </si>
  <si>
    <t>cg25494408</t>
  </si>
  <si>
    <t>cg25502179</t>
  </si>
  <si>
    <t>cg25506386</t>
  </si>
  <si>
    <t>cg25510643</t>
  </si>
  <si>
    <t>cg25512266</t>
  </si>
  <si>
    <t>cg25527070</t>
  </si>
  <si>
    <t>cg25528121</t>
  </si>
  <si>
    <t>cg25572477</t>
  </si>
  <si>
    <t>cg25587211</t>
  </si>
  <si>
    <t>cg25589956</t>
  </si>
  <si>
    <t>cg25598371</t>
  </si>
  <si>
    <t>cg25604819</t>
  </si>
  <si>
    <t>cg25606780</t>
  </si>
  <si>
    <t>cg25607754</t>
  </si>
  <si>
    <t>cg25611057</t>
  </si>
  <si>
    <t>cg25611087</t>
  </si>
  <si>
    <t>cg25611254</t>
  </si>
  <si>
    <t>cg25622597</t>
  </si>
  <si>
    <t>cg25624927</t>
  </si>
  <si>
    <t>cg25628243</t>
  </si>
  <si>
    <t>cg25635144</t>
  </si>
  <si>
    <t>cg25640619</t>
  </si>
  <si>
    <t>cg25645687</t>
  </si>
  <si>
    <t>cg25646708</t>
  </si>
  <si>
    <t>cg25646888</t>
  </si>
  <si>
    <t>cg25660386</t>
  </si>
  <si>
    <t>cg25661931</t>
  </si>
  <si>
    <t>cg25665152</t>
  </si>
  <si>
    <t>cg25670330</t>
  </si>
  <si>
    <t>cg25672142</t>
  </si>
  <si>
    <t>cg25689647</t>
  </si>
  <si>
    <t>cg25692266</t>
  </si>
  <si>
    <t>cg25692290</t>
  </si>
  <si>
    <t>cg25701418</t>
  </si>
  <si>
    <t>cg25716846</t>
  </si>
  <si>
    <t>cg25722274</t>
  </si>
  <si>
    <t>cg25729826</t>
  </si>
  <si>
    <t>cg25734420</t>
  </si>
  <si>
    <t>cg25736251</t>
  </si>
  <si>
    <t>cg25737410</t>
  </si>
  <si>
    <t>cg25739137</t>
  </si>
  <si>
    <t>cg25741487</t>
  </si>
  <si>
    <t>cg25746810</t>
  </si>
  <si>
    <t>cg25749966</t>
  </si>
  <si>
    <t>cg25750609</t>
  </si>
  <si>
    <t>cg25751266</t>
  </si>
  <si>
    <t>cg25752703</t>
  </si>
  <si>
    <t>cg25756129</t>
  </si>
  <si>
    <t>cg25771041</t>
  </si>
  <si>
    <t>cg25773620</t>
  </si>
  <si>
    <t>cg25777557</t>
  </si>
  <si>
    <t>cg25781121</t>
  </si>
  <si>
    <t>cg25781480</t>
  </si>
  <si>
    <t>cg25789277</t>
  </si>
  <si>
    <t>cg25793566</t>
  </si>
  <si>
    <t>cg25798112</t>
  </si>
  <si>
    <t>cg25805709</t>
  </si>
  <si>
    <t>cg25808101</t>
  </si>
  <si>
    <t>cg25809637</t>
  </si>
  <si>
    <t>cg25821785</t>
  </si>
  <si>
    <t>cg25823419</t>
  </si>
  <si>
    <t>cg25836094</t>
  </si>
  <si>
    <t>cg25837710</t>
  </si>
  <si>
    <t>cg25849265</t>
  </si>
  <si>
    <t>cg25870420</t>
  </si>
  <si>
    <t>cg25924911</t>
  </si>
  <si>
    <t>cg25925764</t>
  </si>
  <si>
    <t>cg25928448</t>
  </si>
  <si>
    <t>cg25930780</t>
  </si>
  <si>
    <t>cg25931138</t>
  </si>
  <si>
    <t>cg25933341</t>
  </si>
  <si>
    <t>cg25934548</t>
  </si>
  <si>
    <t>cg25937148</t>
  </si>
  <si>
    <t>cg25947544</t>
  </si>
  <si>
    <t>cg25949513</t>
  </si>
  <si>
    <t>cg25950369</t>
  </si>
  <si>
    <t>cg25964040</t>
  </si>
  <si>
    <t>cg25967505</t>
  </si>
  <si>
    <t>cg25967872</t>
  </si>
  <si>
    <t>cg25976563</t>
  </si>
  <si>
    <t>cg25977493</t>
  </si>
  <si>
    <t>cg25999267</t>
  </si>
  <si>
    <t>cg26008267</t>
  </si>
  <si>
    <t>cg26014952</t>
  </si>
  <si>
    <t>cg26015087</t>
  </si>
  <si>
    <t>cg26017091</t>
  </si>
  <si>
    <t>cg26029997</t>
  </si>
  <si>
    <t>cg26035625</t>
  </si>
  <si>
    <t>cg26039962</t>
  </si>
  <si>
    <t>cg26055776</t>
  </si>
  <si>
    <t>cg26058714</t>
  </si>
  <si>
    <t>cg26065870</t>
  </si>
  <si>
    <t>cg26082557</t>
  </si>
  <si>
    <t>cg26085197</t>
  </si>
  <si>
    <t>cg26093954</t>
  </si>
  <si>
    <t>cg26094646</t>
  </si>
  <si>
    <t>cg26094714</t>
  </si>
  <si>
    <t>cg26102096</t>
  </si>
  <si>
    <t>cg26103560</t>
  </si>
  <si>
    <t>cg26105015</t>
  </si>
  <si>
    <t>cg26105731</t>
  </si>
  <si>
    <t>cg26107590</t>
  </si>
  <si>
    <t>cg26107890</t>
  </si>
  <si>
    <t>cg26112863</t>
  </si>
  <si>
    <t>cg26113951</t>
  </si>
  <si>
    <t>cg26114951</t>
  </si>
  <si>
    <t>cg26116485</t>
  </si>
  <si>
    <t>cg26125625</t>
  </si>
  <si>
    <t>cg26126750</t>
  </si>
  <si>
    <t>cg26131754</t>
  </si>
  <si>
    <t>cg26135722</t>
  </si>
  <si>
    <t>cg26137931</t>
  </si>
  <si>
    <t>cg26139133</t>
  </si>
  <si>
    <t>cg26143045</t>
  </si>
  <si>
    <t>cg26147372</t>
  </si>
  <si>
    <t>cg26149032</t>
  </si>
  <si>
    <t>cg26149728</t>
  </si>
  <si>
    <t>cg26152597</t>
  </si>
  <si>
    <t>cg26159077</t>
  </si>
  <si>
    <t>cg26160218</t>
  </si>
  <si>
    <t>cg26162331</t>
  </si>
  <si>
    <t>cg26163699</t>
  </si>
  <si>
    <t>cg26164440</t>
  </si>
  <si>
    <t>cg26167161</t>
  </si>
  <si>
    <t>cg26258273</t>
  </si>
  <si>
    <t>cg26263234</t>
  </si>
  <si>
    <t>cg26280526</t>
  </si>
  <si>
    <t>cg26283480</t>
  </si>
  <si>
    <t>cg26292910</t>
  </si>
  <si>
    <t>cg26293920</t>
  </si>
  <si>
    <t>cg26300597</t>
  </si>
  <si>
    <t>cg26301639</t>
  </si>
  <si>
    <t>cg26301689</t>
  </si>
  <si>
    <t>cg26307117</t>
  </si>
  <si>
    <t>cg26316544</t>
  </si>
  <si>
    <t>cg26320410</t>
  </si>
  <si>
    <t>cg26325335</t>
  </si>
  <si>
    <t>cg26325444</t>
  </si>
  <si>
    <t>cg26340994</t>
  </si>
  <si>
    <t>cg26343667</t>
  </si>
  <si>
    <t>cg26348180</t>
  </si>
  <si>
    <t>cg26350347</t>
  </si>
  <si>
    <t>cg26364899</t>
  </si>
  <si>
    <t>cg26370226</t>
  </si>
  <si>
    <t>cg26375057</t>
  </si>
  <si>
    <t>cg26376809</t>
  </si>
  <si>
    <t>cg26384201</t>
  </si>
  <si>
    <t>cg26387619</t>
  </si>
  <si>
    <t>cg26398261</t>
  </si>
  <si>
    <t>cg26403284</t>
  </si>
  <si>
    <t>cg26430588</t>
  </si>
  <si>
    <t>cg26431313</t>
  </si>
  <si>
    <t>cg26432350</t>
  </si>
  <si>
    <t>cg26434101</t>
  </si>
  <si>
    <t>cg26435092</t>
  </si>
  <si>
    <t>cg26435928</t>
  </si>
  <si>
    <t>cg26436136</t>
  </si>
  <si>
    <t>cg26460678</t>
  </si>
  <si>
    <t>cg26463106</t>
  </si>
  <si>
    <t>cg26464889</t>
  </si>
  <si>
    <t>cg26468336</t>
  </si>
  <si>
    <t>cg26468478</t>
  </si>
  <si>
    <t>cg26542214</t>
  </si>
  <si>
    <t>cg26545143</t>
  </si>
  <si>
    <t>cg26545834</t>
  </si>
  <si>
    <t>cg26554505</t>
  </si>
  <si>
    <t>cg26646903</t>
  </si>
  <si>
    <t>cg26673775</t>
  </si>
  <si>
    <t>cg26674967</t>
  </si>
  <si>
    <t>cg26687499</t>
  </si>
  <si>
    <t>cg26692003</t>
  </si>
  <si>
    <t>cg26710055</t>
  </si>
  <si>
    <t>cg26712080</t>
  </si>
  <si>
    <t>cg26714086</t>
  </si>
  <si>
    <t>cg26766678</t>
  </si>
  <si>
    <t>cg26767081</t>
  </si>
  <si>
    <t>cg26775087</t>
  </si>
  <si>
    <t>cg26777729</t>
  </si>
  <si>
    <t>cg26785250</t>
  </si>
  <si>
    <t>cg26786147</t>
  </si>
  <si>
    <t>cg26786504</t>
  </si>
  <si>
    <t>cg26786980</t>
  </si>
  <si>
    <t>cg26791985</t>
  </si>
  <si>
    <t>cg26792116</t>
  </si>
  <si>
    <t>cg26792576</t>
  </si>
  <si>
    <t>cg26794364</t>
  </si>
  <si>
    <t>cg26843074</t>
  </si>
  <si>
    <t>cg26847878</t>
  </si>
  <si>
    <t>cg26848963</t>
  </si>
  <si>
    <t>cg26853628</t>
  </si>
  <si>
    <t>cg26855918</t>
  </si>
  <si>
    <t>cg26858096</t>
  </si>
  <si>
    <t>cg26889990</t>
  </si>
  <si>
    <t>cg27013765</t>
  </si>
  <si>
    <t>cg27016974</t>
  </si>
  <si>
    <t>cg27043630</t>
  </si>
  <si>
    <t>cg27085904</t>
  </si>
  <si>
    <t>cg27088150</t>
  </si>
  <si>
    <t>cg27088877</t>
  </si>
  <si>
    <t>cg27099625</t>
  </si>
  <si>
    <t>cg27099978</t>
  </si>
  <si>
    <t>cg27109514</t>
  </si>
  <si>
    <t>cg27118968</t>
  </si>
  <si>
    <t>cg27121316</t>
  </si>
  <si>
    <t>cg27127146</t>
  </si>
  <si>
    <t>cg27129076</t>
  </si>
  <si>
    <t>cg27136844</t>
  </si>
  <si>
    <t>cg27149285</t>
  </si>
  <si>
    <t>cg27162629</t>
  </si>
  <si>
    <t>cg27175471</t>
  </si>
  <si>
    <t>cg27182106</t>
  </si>
  <si>
    <t>cg27199820</t>
  </si>
  <si>
    <t>cg27202466</t>
  </si>
  <si>
    <t>cg27205938</t>
  </si>
  <si>
    <t>cg27207907</t>
  </si>
  <si>
    <t>cg27213222</t>
  </si>
  <si>
    <t>cg27214730</t>
  </si>
  <si>
    <t>cg27218767</t>
  </si>
  <si>
    <t>cg27220130</t>
  </si>
  <si>
    <t>cg27222803</t>
  </si>
  <si>
    <t>cg27233566</t>
  </si>
  <si>
    <t>cg27235150</t>
  </si>
  <si>
    <t>cg27239828</t>
  </si>
  <si>
    <t>cg27241907</t>
  </si>
  <si>
    <t>cg27243409</t>
  </si>
  <si>
    <t>cg27244524</t>
  </si>
  <si>
    <t>cg27249178</t>
  </si>
  <si>
    <t>cg27264249</t>
  </si>
  <si>
    <t>cg27270388</t>
  </si>
  <si>
    <t>cg27278382</t>
  </si>
  <si>
    <t>cg27280256</t>
  </si>
  <si>
    <t>cg27287882</t>
  </si>
  <si>
    <t>cg27290624</t>
  </si>
  <si>
    <t>cg27295342</t>
  </si>
  <si>
    <t>cg27302985</t>
  </si>
  <si>
    <t>cg27309542</t>
  </si>
  <si>
    <t>cg27314002</t>
  </si>
  <si>
    <t>cg27315348</t>
  </si>
  <si>
    <t>cg27323154</t>
  </si>
  <si>
    <t>cg27326452</t>
  </si>
  <si>
    <t>cg27328797</t>
  </si>
  <si>
    <t>cg27331225</t>
  </si>
  <si>
    <t>cg27331401</t>
  </si>
  <si>
    <t>cg27335386</t>
  </si>
  <si>
    <t>cg27338377</t>
  </si>
  <si>
    <t>cg27338897</t>
  </si>
  <si>
    <t>cg27345282</t>
  </si>
  <si>
    <t>cg27348043</t>
  </si>
  <si>
    <t>cg27351619</t>
  </si>
  <si>
    <t>cg27351896</t>
  </si>
  <si>
    <t>cg27353899</t>
  </si>
  <si>
    <t>cg27359949</t>
  </si>
  <si>
    <t>cg27363829</t>
  </si>
  <si>
    <t>cg27364162</t>
  </si>
  <si>
    <t>cg27380813</t>
  </si>
  <si>
    <t>cg27393573</t>
  </si>
  <si>
    <t>cg27400655</t>
  </si>
  <si>
    <t>cg27400923</t>
  </si>
  <si>
    <t>cg27402429</t>
  </si>
  <si>
    <t>cg27402499</t>
  </si>
  <si>
    <t>cg27406373</t>
  </si>
  <si>
    <t>cg27409478</t>
  </si>
  <si>
    <t>cg27427514</t>
  </si>
  <si>
    <t>cg27485235</t>
  </si>
  <si>
    <t>cg27493342</t>
  </si>
  <si>
    <t>cg27495769</t>
  </si>
  <si>
    <t>cg27499202</t>
  </si>
  <si>
    <t>cg27501759</t>
  </si>
  <si>
    <t>cg27507919</t>
  </si>
  <si>
    <t>cg27513195</t>
  </si>
  <si>
    <t>cg27518993</t>
  </si>
  <si>
    <t>cg27532099</t>
  </si>
  <si>
    <t>cg27533482</t>
  </si>
  <si>
    <t>cg27542487</t>
  </si>
  <si>
    <t>cg27548631</t>
  </si>
  <si>
    <t>cg27549834</t>
  </si>
  <si>
    <t>cg27555382</t>
  </si>
  <si>
    <t>cg27558283</t>
  </si>
  <si>
    <t>cg27564016</t>
  </si>
  <si>
    <t>cg27569265</t>
  </si>
  <si>
    <t>cg27569446</t>
  </si>
  <si>
    <t>cg27575106</t>
  </si>
  <si>
    <t>cg27575495</t>
  </si>
  <si>
    <t>cg27587223</t>
  </si>
  <si>
    <t>cg27604613</t>
  </si>
  <si>
    <t>cg27605228</t>
  </si>
  <si>
    <t>cg27606499</t>
  </si>
  <si>
    <t>cg27606567</t>
  </si>
  <si>
    <t>cg27607338</t>
  </si>
  <si>
    <t>cg27609113</t>
  </si>
  <si>
    <t>cg27614445</t>
  </si>
  <si>
    <t>cg27615432</t>
  </si>
  <si>
    <t>cg27619454</t>
  </si>
  <si>
    <t>cg27622506</t>
  </si>
  <si>
    <t>cg27640833</t>
  </si>
  <si>
    <t>cg00004082</t>
  </si>
  <si>
    <t>cg00006948</t>
  </si>
  <si>
    <t>cg00043819</t>
  </si>
  <si>
    <t>cg00058009</t>
  </si>
  <si>
    <t>cg00065998</t>
  </si>
  <si>
    <t>cg00072099</t>
  </si>
  <si>
    <t>cg00072216</t>
  </si>
  <si>
    <t>cg00088299</t>
  </si>
  <si>
    <t>cg00094256</t>
  </si>
  <si>
    <t>cg00100680</t>
  </si>
  <si>
    <t>cg00119181</t>
  </si>
  <si>
    <t>cg00119197</t>
  </si>
  <si>
    <t>cg00131899</t>
  </si>
  <si>
    <t>cg00142759</t>
  </si>
  <si>
    <t>cg00145177</t>
  </si>
  <si>
    <t>cg00160522</t>
  </si>
  <si>
    <t>cg00164235</t>
  </si>
  <si>
    <t>cg00169305</t>
  </si>
  <si>
    <t>cg00178864</t>
  </si>
  <si>
    <t>cg00190508</t>
  </si>
  <si>
    <t>cg00214294</t>
  </si>
  <si>
    <t>cg00217444</t>
  </si>
  <si>
    <t>cg00224911</t>
  </si>
  <si>
    <t>cg00229245</t>
  </si>
  <si>
    <t>cg00230700</t>
  </si>
  <si>
    <t>cg00233079</t>
  </si>
  <si>
    <t>cg00241998</t>
  </si>
  <si>
    <t>cg00249632</t>
  </si>
  <si>
    <t>cg00257202</t>
  </si>
  <si>
    <t>cg00258694</t>
  </si>
  <si>
    <t>cg00287737</t>
  </si>
  <si>
    <t>cg00304673</t>
  </si>
  <si>
    <t>cg00309650</t>
  </si>
  <si>
    <t>cg00316839</t>
  </si>
  <si>
    <t>cg00322942</t>
  </si>
  <si>
    <t>cg00332212</t>
  </si>
  <si>
    <t>cg00335712</t>
  </si>
  <si>
    <t>cg00339488</t>
  </si>
  <si>
    <t>cg00345230</t>
  </si>
  <si>
    <t>cg00349895</t>
  </si>
  <si>
    <t>cg00354941</t>
  </si>
  <si>
    <t>cg00360468</t>
  </si>
  <si>
    <t>cg00393585</t>
  </si>
  <si>
    <t>cg00397619</t>
  </si>
  <si>
    <t>cg00430888</t>
  </si>
  <si>
    <t>cg00441899</t>
  </si>
  <si>
    <t>cg00463561</t>
  </si>
  <si>
    <t>cg00463631</t>
  </si>
  <si>
    <t>cg00464757</t>
  </si>
  <si>
    <t>cg00485849</t>
  </si>
  <si>
    <t>cg00486611</t>
  </si>
  <si>
    <t>cg00497232</t>
  </si>
  <si>
    <t>cg00507354</t>
  </si>
  <si>
    <t>cg00508123</t>
  </si>
  <si>
    <t>cg00509996</t>
  </si>
  <si>
    <t>cg00516513</t>
  </si>
  <si>
    <t>cg00525145</t>
  </si>
  <si>
    <t>cg00531823</t>
  </si>
  <si>
    <t>cg00559635</t>
  </si>
  <si>
    <t>cg00561562</t>
  </si>
  <si>
    <t>cg00571090</t>
  </si>
  <si>
    <t>cg00573330</t>
  </si>
  <si>
    <t>cg00584026</t>
  </si>
  <si>
    <t>cg00597751</t>
  </si>
  <si>
    <t>cg00608362</t>
  </si>
  <si>
    <t>cg00622170</t>
  </si>
  <si>
    <t>cg00626702</t>
  </si>
  <si>
    <t>cg00630212</t>
  </si>
  <si>
    <t>cg00631287</t>
  </si>
  <si>
    <t>cg00644318</t>
  </si>
  <si>
    <t>cg00646883</t>
  </si>
  <si>
    <t>cg00650856</t>
  </si>
  <si>
    <t>cg00663077</t>
  </si>
  <si>
    <t>cg00675324</t>
  </si>
  <si>
    <t>cg00676988</t>
  </si>
  <si>
    <t>cg00677217</t>
  </si>
  <si>
    <t>cg00680875</t>
  </si>
  <si>
    <t>cg00688962</t>
  </si>
  <si>
    <t>cg00699993</t>
  </si>
  <si>
    <t>cg00704633</t>
  </si>
  <si>
    <t>cg00714184</t>
  </si>
  <si>
    <t>cg00718036</t>
  </si>
  <si>
    <t>cg00721170</t>
  </si>
  <si>
    <t>cg00729690</t>
  </si>
  <si>
    <t>cg00731785</t>
  </si>
  <si>
    <t>cg00733838</t>
  </si>
  <si>
    <t>cg00740803</t>
  </si>
  <si>
    <t>cg00746515</t>
  </si>
  <si>
    <t>cg00747800</t>
  </si>
  <si>
    <t>cg00764545</t>
  </si>
  <si>
    <t>cg00774050</t>
  </si>
  <si>
    <t>cg00780250</t>
  </si>
  <si>
    <t>cg00787919</t>
  </si>
  <si>
    <t>cg00807985</t>
  </si>
  <si>
    <t>cg00809888</t>
  </si>
  <si>
    <t>cg00810752</t>
  </si>
  <si>
    <t>cg00811051</t>
  </si>
  <si>
    <t>cg00818828</t>
  </si>
  <si>
    <t>cg00859465</t>
  </si>
  <si>
    <t>cg00865356</t>
  </si>
  <si>
    <t>cg00866373</t>
  </si>
  <si>
    <t>cg00875805</t>
  </si>
  <si>
    <t>cg00875911</t>
  </si>
  <si>
    <t>cg00877691</t>
  </si>
  <si>
    <t>cg00888876</t>
  </si>
  <si>
    <t>cg00891429</t>
  </si>
  <si>
    <t>cg00892999</t>
  </si>
  <si>
    <t>cg00906130</t>
  </si>
  <si>
    <t>cg00937271</t>
  </si>
  <si>
    <t>cg00939391</t>
  </si>
  <si>
    <t>cg00939735</t>
  </si>
  <si>
    <t>cg00940891</t>
  </si>
  <si>
    <t>cg00955967</t>
  </si>
  <si>
    <t>cg00960186</t>
  </si>
  <si>
    <t>cg00974241</t>
  </si>
  <si>
    <t>cg00980538</t>
  </si>
  <si>
    <t>cg00981117</t>
  </si>
  <si>
    <t>cg00985205</t>
  </si>
  <si>
    <t>cg01013312</t>
  </si>
  <si>
    <t>cg01022974</t>
  </si>
  <si>
    <t>cg01081586</t>
  </si>
  <si>
    <t>cg01084871</t>
  </si>
  <si>
    <t>cg01088726</t>
  </si>
  <si>
    <t>cg01089498</t>
  </si>
  <si>
    <t>cg01093946</t>
  </si>
  <si>
    <t>cg01106926</t>
  </si>
  <si>
    <t>cg01109763</t>
  </si>
  <si>
    <t>cg01112923</t>
  </si>
  <si>
    <t>cg01113832</t>
  </si>
  <si>
    <t>cg01120514</t>
  </si>
  <si>
    <t>cg01122304</t>
  </si>
  <si>
    <t>cg01126855</t>
  </si>
  <si>
    <t>cg01132160</t>
  </si>
  <si>
    <t>cg01132785</t>
  </si>
  <si>
    <t>cg01141572</t>
  </si>
  <si>
    <t>cg01142353</t>
  </si>
  <si>
    <t>cg01142635</t>
  </si>
  <si>
    <t>cg01143804</t>
  </si>
  <si>
    <t>cg01156816</t>
  </si>
  <si>
    <t>cg01161811</t>
  </si>
  <si>
    <t>cg01166145</t>
  </si>
  <si>
    <t>cg01168328</t>
  </si>
  <si>
    <t>cg01170758</t>
  </si>
  <si>
    <t>cg01174175</t>
  </si>
  <si>
    <t>cg01197891</t>
  </si>
  <si>
    <t>cg01203443</t>
  </si>
  <si>
    <t>cg01203651</t>
  </si>
  <si>
    <t>cg01208515</t>
  </si>
  <si>
    <t>cg01219382</t>
  </si>
  <si>
    <t>cg01243968</t>
  </si>
  <si>
    <t>cg01275038</t>
  </si>
  <si>
    <t>cg01280202</t>
  </si>
  <si>
    <t>cg01283834</t>
  </si>
  <si>
    <t>cg01320648</t>
  </si>
  <si>
    <t>cg01331554</t>
  </si>
  <si>
    <t>cg01336821</t>
  </si>
  <si>
    <t>cg01358029</t>
  </si>
  <si>
    <t>cg01360773</t>
  </si>
  <si>
    <t>cg01365452</t>
  </si>
  <si>
    <t>cg01367310</t>
  </si>
  <si>
    <t>cg01367498</t>
  </si>
  <si>
    <t>cg01368133</t>
  </si>
  <si>
    <t>cg01385415</t>
  </si>
  <si>
    <t>cg01389445</t>
  </si>
  <si>
    <t>cg01394093</t>
  </si>
  <si>
    <t>cg01398529</t>
  </si>
  <si>
    <t>cg01402409</t>
  </si>
  <si>
    <t>cg01406647</t>
  </si>
  <si>
    <t>cg01409793</t>
  </si>
  <si>
    <t>cg01443390</t>
  </si>
  <si>
    <t>cg01456938</t>
  </si>
  <si>
    <t>cg01462545</t>
  </si>
  <si>
    <t>cg01464969</t>
  </si>
  <si>
    <t>cg01490325</t>
  </si>
  <si>
    <t>cg01508023</t>
  </si>
  <si>
    <t>cg01526183</t>
  </si>
  <si>
    <t>cg01537369</t>
  </si>
  <si>
    <t>cg01552919</t>
  </si>
  <si>
    <t>cg01558638</t>
  </si>
  <si>
    <t>cg01562241</t>
  </si>
  <si>
    <t>cg01565320</t>
  </si>
  <si>
    <t>cg01573825</t>
  </si>
  <si>
    <t>cg01578875</t>
  </si>
  <si>
    <t>cg01579706</t>
  </si>
  <si>
    <t>cg01589129</t>
  </si>
  <si>
    <t>cg01612443</t>
  </si>
  <si>
    <t>cg01614237</t>
  </si>
  <si>
    <t>cg01616926</t>
  </si>
  <si>
    <t>cg01622930</t>
  </si>
  <si>
    <t>cg01638225</t>
  </si>
  <si>
    <t>cg01651284</t>
  </si>
  <si>
    <t>cg01653942</t>
  </si>
  <si>
    <t>cg01672380</t>
  </si>
  <si>
    <t>cg01682615</t>
  </si>
  <si>
    <t>cg01698145</t>
  </si>
  <si>
    <t>cg01718788</t>
  </si>
  <si>
    <t>cg01722343</t>
  </si>
  <si>
    <t>cg01733459</t>
  </si>
  <si>
    <t>cg01736389</t>
  </si>
  <si>
    <t>cg01753731</t>
  </si>
  <si>
    <t>cg01753966</t>
  </si>
  <si>
    <t>cg01756381</t>
  </si>
  <si>
    <t>cg01756814</t>
  </si>
  <si>
    <t>cg01770333</t>
  </si>
  <si>
    <t>cg01774400</t>
  </si>
  <si>
    <t>cg01777861</t>
  </si>
  <si>
    <t>cg01791890</t>
  </si>
  <si>
    <t>cg01795199</t>
  </si>
  <si>
    <t>cg01806346</t>
  </si>
  <si>
    <t>cg01807202</t>
  </si>
  <si>
    <t>cg01810502</t>
  </si>
  <si>
    <t>cg01822242</t>
  </si>
  <si>
    <t>cg01829024</t>
  </si>
  <si>
    <t>cg01856849</t>
  </si>
  <si>
    <t>cg01899437</t>
  </si>
  <si>
    <t>cg01900965</t>
  </si>
  <si>
    <t>cg01903185</t>
  </si>
  <si>
    <t>cg01920494</t>
  </si>
  <si>
    <t>cg01923395</t>
  </si>
  <si>
    <t>cg01929855</t>
  </si>
  <si>
    <t>cg01930242</t>
  </si>
  <si>
    <t>cg01931028</t>
  </si>
  <si>
    <t>cg01931179</t>
  </si>
  <si>
    <t>cg01934041</t>
  </si>
  <si>
    <t>cg01934142</t>
  </si>
  <si>
    <t>cg01935492</t>
  </si>
  <si>
    <t>cg01938295</t>
  </si>
  <si>
    <t>cg01942962</t>
  </si>
  <si>
    <t>cg01943657</t>
  </si>
  <si>
    <t>cg01947949</t>
  </si>
  <si>
    <t>cg01953429</t>
  </si>
  <si>
    <t>cg01959412</t>
  </si>
  <si>
    <t>cg01959562</t>
  </si>
  <si>
    <t>cg01962428</t>
  </si>
  <si>
    <t>cg02002231</t>
  </si>
  <si>
    <t>cg02005549</t>
  </si>
  <si>
    <t>cg02043159</t>
  </si>
  <si>
    <t>cg02044219</t>
  </si>
  <si>
    <t>cg02064534</t>
  </si>
  <si>
    <t>cg02071418</t>
  </si>
  <si>
    <t>cg02075087</t>
  </si>
  <si>
    <t>cg02075410</t>
  </si>
  <si>
    <t>cg02085815</t>
  </si>
  <si>
    <t>cg02086094</t>
  </si>
  <si>
    <t>cg02090418</t>
  </si>
  <si>
    <t>cg02102717</t>
  </si>
  <si>
    <t>cg02105485</t>
  </si>
  <si>
    <t>cg02108033</t>
  </si>
  <si>
    <t>cg02114924</t>
  </si>
  <si>
    <t>cg02125727</t>
  </si>
  <si>
    <t>cg02148292</t>
  </si>
  <si>
    <t>cg02154269</t>
  </si>
  <si>
    <t>cg02180633</t>
  </si>
  <si>
    <t>cg02183671</t>
  </si>
  <si>
    <t>cg02187816</t>
  </si>
  <si>
    <t>cg02192967</t>
  </si>
  <si>
    <t>cg02196731</t>
  </si>
  <si>
    <t>cg02197303</t>
  </si>
  <si>
    <t>cg02214674</t>
  </si>
  <si>
    <t>cg02226688</t>
  </si>
  <si>
    <t>cg02237540</t>
  </si>
  <si>
    <t>cg02264802</t>
  </si>
  <si>
    <t>cg02267838</t>
  </si>
  <si>
    <t>cg02296904</t>
  </si>
  <si>
    <t>cg02306229</t>
  </si>
  <si>
    <t>cg02348751</t>
  </si>
  <si>
    <t>cg02354107</t>
  </si>
  <si>
    <t>cg02383651</t>
  </si>
  <si>
    <t>cg02386859</t>
  </si>
  <si>
    <t>cg02397768</t>
  </si>
  <si>
    <t>cg02405530</t>
  </si>
  <si>
    <t>cg02407068</t>
  </si>
  <si>
    <t>cg02423659</t>
  </si>
  <si>
    <t>cg02428792</t>
  </si>
  <si>
    <t>cg02435232</t>
  </si>
  <si>
    <t>cg02437119</t>
  </si>
  <si>
    <t>cg02442412</t>
  </si>
  <si>
    <t>cg02450646</t>
  </si>
  <si>
    <t>cg02463418</t>
  </si>
  <si>
    <t>cg02465295</t>
  </si>
  <si>
    <t>cg02468050</t>
  </si>
  <si>
    <t>cg02471166</t>
  </si>
  <si>
    <t>cg02480522</t>
  </si>
  <si>
    <t>cg02496295</t>
  </si>
  <si>
    <t>cg02500960</t>
  </si>
  <si>
    <t>cg02501715</t>
  </si>
  <si>
    <t>cg02513026</t>
  </si>
  <si>
    <t>cg02514062</t>
  </si>
  <si>
    <t>cg02524099</t>
  </si>
  <si>
    <t>cg02528979</t>
  </si>
  <si>
    <t>cg02550003</t>
  </si>
  <si>
    <t>cg02551323</t>
  </si>
  <si>
    <t>cg02551797</t>
  </si>
  <si>
    <t>cg02552216</t>
  </si>
  <si>
    <t>cg02553808</t>
  </si>
  <si>
    <t>cg02556634</t>
  </si>
  <si>
    <t>cg02589233</t>
  </si>
  <si>
    <t>cg02610222</t>
  </si>
  <si>
    <t>cg02617981</t>
  </si>
  <si>
    <t>cg02620694</t>
  </si>
  <si>
    <t>cg02639540</t>
  </si>
  <si>
    <t>cg02639808</t>
  </si>
  <si>
    <t>cg02647878</t>
  </si>
  <si>
    <t>cg02656873</t>
  </si>
  <si>
    <t>cg02675308</t>
  </si>
  <si>
    <t>cg02675375</t>
  </si>
  <si>
    <t>cg02677352</t>
  </si>
  <si>
    <t>cg02678013</t>
  </si>
  <si>
    <t>cg02678476</t>
  </si>
  <si>
    <t>cg02703850</t>
  </si>
  <si>
    <t>cg02705759</t>
  </si>
  <si>
    <t>cg02705895</t>
  </si>
  <si>
    <t>cg02715291</t>
  </si>
  <si>
    <t>cg02715913</t>
  </si>
  <si>
    <t>cg02722672</t>
  </si>
  <si>
    <t>cg02725370</t>
  </si>
  <si>
    <t>cg02727132</t>
  </si>
  <si>
    <t>cg02734326</t>
  </si>
  <si>
    <t>cg02744536</t>
  </si>
  <si>
    <t>cg02755561</t>
  </si>
  <si>
    <t>cg02758870</t>
  </si>
  <si>
    <t>cg02759110</t>
  </si>
  <si>
    <t>cg02776128</t>
  </si>
  <si>
    <t>cg02796773</t>
  </si>
  <si>
    <t>cg02819335</t>
  </si>
  <si>
    <t>cg02827336</t>
  </si>
  <si>
    <t>cg02831900</t>
  </si>
  <si>
    <t>cg02833127</t>
  </si>
  <si>
    <t>cg02853152</t>
  </si>
  <si>
    <t>cg02856525</t>
  </si>
  <si>
    <t>cg02871827</t>
  </si>
  <si>
    <t>cg02884346</t>
  </si>
  <si>
    <t>cg02890102</t>
  </si>
  <si>
    <t>cg02891686</t>
  </si>
  <si>
    <t>cg02896191</t>
  </si>
  <si>
    <t>cg02902800</t>
  </si>
  <si>
    <t>cg02918483</t>
  </si>
  <si>
    <t>cg02930242</t>
  </si>
  <si>
    <t>cg02930317</t>
  </si>
  <si>
    <t>cg02934500</t>
  </si>
  <si>
    <t>cg02936451</t>
  </si>
  <si>
    <t>cg02951274</t>
  </si>
  <si>
    <t>cg02968918</t>
  </si>
  <si>
    <t>cg02971575</t>
  </si>
  <si>
    <t>cg02983495</t>
  </si>
  <si>
    <t>cg02987705</t>
  </si>
  <si>
    <t>cg02994288</t>
  </si>
  <si>
    <t>cg03020822</t>
  </si>
  <si>
    <t>cg03043827</t>
  </si>
  <si>
    <t>cg03044186</t>
  </si>
  <si>
    <t>cg03045635</t>
  </si>
  <si>
    <t>cg03046239</t>
  </si>
  <si>
    <t>cg03079208</t>
  </si>
  <si>
    <t>cg03081615</t>
  </si>
  <si>
    <t>cg03089878</t>
  </si>
  <si>
    <t>cg03093398</t>
  </si>
  <si>
    <t>cg03099611</t>
  </si>
  <si>
    <t>cg03112087</t>
  </si>
  <si>
    <t>cg03135535</t>
  </si>
  <si>
    <t>cg03137131</t>
  </si>
  <si>
    <t>cg03144922</t>
  </si>
  <si>
    <t>cg03149565</t>
  </si>
  <si>
    <t>cg03159947</t>
  </si>
  <si>
    <t>cg03162143</t>
  </si>
  <si>
    <t>cg03166482</t>
  </si>
  <si>
    <t>cg03168293</t>
  </si>
  <si>
    <t>cg03180134</t>
  </si>
  <si>
    <t>cg03182044</t>
  </si>
  <si>
    <t>cg03184290</t>
  </si>
  <si>
    <t>cg03189184</t>
  </si>
  <si>
    <t>cg03191889</t>
  </si>
  <si>
    <t>cg03204605</t>
  </si>
  <si>
    <t>cg03214478</t>
  </si>
  <si>
    <t>cg03216867</t>
  </si>
  <si>
    <t>cg03217679</t>
  </si>
  <si>
    <t>cg03222374</t>
  </si>
  <si>
    <t>cg03237356</t>
  </si>
  <si>
    <t>cg03248158</t>
  </si>
  <si>
    <t>cg03252709</t>
  </si>
  <si>
    <t>cg03253629</t>
  </si>
  <si>
    <t>cg03257255</t>
  </si>
  <si>
    <t>cg03260566</t>
  </si>
  <si>
    <t>cg03266576</t>
  </si>
  <si>
    <t>cg03274876</t>
  </si>
  <si>
    <t>cg03282686</t>
  </si>
  <si>
    <t>cg03291607</t>
  </si>
  <si>
    <t>cg03292388</t>
  </si>
  <si>
    <t>cg03304610</t>
  </si>
  <si>
    <t>cg03340523</t>
  </si>
  <si>
    <t>cg03354744</t>
  </si>
  <si>
    <t>cg03360611</t>
  </si>
  <si>
    <t>cg03365190</t>
  </si>
  <si>
    <t>cg03372076</t>
  </si>
  <si>
    <t>cg03375212</t>
  </si>
  <si>
    <t>cg03385548</t>
  </si>
  <si>
    <t>cg03393996</t>
  </si>
  <si>
    <t>cg03398691</t>
  </si>
  <si>
    <t>cg03402994</t>
  </si>
  <si>
    <t>cg03403966</t>
  </si>
  <si>
    <t>cg03405515</t>
  </si>
  <si>
    <t>cg03415858</t>
  </si>
  <si>
    <t>cg03416665</t>
  </si>
  <si>
    <t>cg03421743</t>
  </si>
  <si>
    <t>cg03442534</t>
  </si>
  <si>
    <t>cg03447080</t>
  </si>
  <si>
    <t>cg03461399</t>
  </si>
  <si>
    <t>cg03465206</t>
  </si>
  <si>
    <t>cg03497431</t>
  </si>
  <si>
    <t>cg03498228</t>
  </si>
  <si>
    <t>cg03505117</t>
  </si>
  <si>
    <t>cg03506502</t>
  </si>
  <si>
    <t>cg03509813</t>
  </si>
  <si>
    <t>cg03537567</t>
  </si>
  <si>
    <t>cg03543639</t>
  </si>
  <si>
    <t>cg03544320</t>
  </si>
  <si>
    <t>cg03574651</t>
  </si>
  <si>
    <t>cg03578822</t>
  </si>
  <si>
    <t>cg03582286</t>
  </si>
  <si>
    <t>cg03586029</t>
  </si>
  <si>
    <t>cg03591709</t>
  </si>
  <si>
    <t>cg03606215</t>
  </si>
  <si>
    <t>cg03609454</t>
  </si>
  <si>
    <t>cg03609847</t>
  </si>
  <si>
    <t>cg03623394</t>
  </si>
  <si>
    <t>cg03648631</t>
  </si>
  <si>
    <t>cg03650009</t>
  </si>
  <si>
    <t>cg03668748</t>
  </si>
  <si>
    <t>cg03671748</t>
  </si>
  <si>
    <t>cg03674224</t>
  </si>
  <si>
    <t>cg03686870</t>
  </si>
  <si>
    <t>cg03687096</t>
  </si>
  <si>
    <t>cg03687177</t>
  </si>
  <si>
    <t>cg03712221</t>
  </si>
  <si>
    <t>cg03720416</t>
  </si>
  <si>
    <t>cg03729204</t>
  </si>
  <si>
    <t>cg03736795</t>
  </si>
  <si>
    <t>cg03757145</t>
  </si>
  <si>
    <t>cg03760158</t>
  </si>
  <si>
    <t>cg03771255</t>
  </si>
  <si>
    <t>cg03779499</t>
  </si>
  <si>
    <t>cg03793486</t>
  </si>
  <si>
    <t>cg03806261</t>
  </si>
  <si>
    <t>cg03808043</t>
  </si>
  <si>
    <t>cg03810516</t>
  </si>
  <si>
    <t>cg03822934</t>
  </si>
  <si>
    <t>cg03836414</t>
  </si>
  <si>
    <t>cg03838806</t>
  </si>
  <si>
    <t>cg03839661</t>
  </si>
  <si>
    <t>cg03844506</t>
  </si>
  <si>
    <t>cg03855256</t>
  </si>
  <si>
    <t>cg03863721</t>
  </si>
  <si>
    <t>cg03867465</t>
  </si>
  <si>
    <t>cg03869658</t>
  </si>
  <si>
    <t>cg03872804</t>
  </si>
  <si>
    <t>cg03883519</t>
  </si>
  <si>
    <t>cg03893307</t>
  </si>
  <si>
    <t>cg03899558</t>
  </si>
  <si>
    <t>cg03900664</t>
  </si>
  <si>
    <t>cg03903647</t>
  </si>
  <si>
    <t>cg03905413</t>
  </si>
  <si>
    <t>cg03905758</t>
  </si>
  <si>
    <t>cg03911502</t>
  </si>
  <si>
    <t>cg03918377</t>
  </si>
  <si>
    <t>cg03919554</t>
  </si>
  <si>
    <t>cg03921860</t>
  </si>
  <si>
    <t>cg03930088</t>
  </si>
  <si>
    <t>cg03931444</t>
  </si>
  <si>
    <t>cg03965885</t>
  </si>
  <si>
    <t>cg03966785</t>
  </si>
  <si>
    <t>cg03967431</t>
  </si>
  <si>
    <t>cg03972665</t>
  </si>
  <si>
    <t>cg03973167</t>
  </si>
  <si>
    <t>cg03987660</t>
  </si>
  <si>
    <t>cg03996098</t>
  </si>
  <si>
    <t>cg04006722</t>
  </si>
  <si>
    <t>cg04008252</t>
  </si>
  <si>
    <t>cg04016744</t>
  </si>
  <si>
    <t>cg04035922</t>
  </si>
  <si>
    <t>cg04045327</t>
  </si>
  <si>
    <t>cg04048250</t>
  </si>
  <si>
    <t>cg04048796</t>
  </si>
  <si>
    <t>cg04058270</t>
  </si>
  <si>
    <t>cg04066316</t>
  </si>
  <si>
    <t>cg04069948</t>
  </si>
  <si>
    <t>cg04085768</t>
  </si>
  <si>
    <t>cg04101934</t>
  </si>
  <si>
    <t>cg04117853</t>
  </si>
  <si>
    <t>cg04128367</t>
  </si>
  <si>
    <t>cg04128884</t>
  </si>
  <si>
    <t>cg04130163</t>
  </si>
  <si>
    <t>cg04155756</t>
  </si>
  <si>
    <t>cg04157983</t>
  </si>
  <si>
    <t>cg04181121</t>
  </si>
  <si>
    <t>cg04184019</t>
  </si>
  <si>
    <t>cg04186606</t>
  </si>
  <si>
    <t>cg04190870</t>
  </si>
  <si>
    <t>cg04193218</t>
  </si>
  <si>
    <t>cg04194054</t>
  </si>
  <si>
    <t>cg04203238</t>
  </si>
  <si>
    <t>cg04214467</t>
  </si>
  <si>
    <t>cg04215672</t>
  </si>
  <si>
    <t>cg04221387</t>
  </si>
  <si>
    <t>cg04228083</t>
  </si>
  <si>
    <t>cg04239024</t>
  </si>
  <si>
    <t>cg04256347</t>
  </si>
  <si>
    <t>cg04264477</t>
  </si>
  <si>
    <t>cg04272560</t>
  </si>
  <si>
    <t>cg04279596</t>
  </si>
  <si>
    <t>cg04279629</t>
  </si>
  <si>
    <t>cg04282497</t>
  </si>
  <si>
    <t>cg04284150</t>
  </si>
  <si>
    <t>cg04287931</t>
  </si>
  <si>
    <t>cg04298196</t>
  </si>
  <si>
    <t>cg04334499</t>
  </si>
  <si>
    <t>cg04343891</t>
  </si>
  <si>
    <t>cg04355093</t>
  </si>
  <si>
    <t>cg04360080</t>
  </si>
  <si>
    <t>cg04360780</t>
  </si>
  <si>
    <t>cg04366385</t>
  </si>
  <si>
    <t>cg04372321</t>
  </si>
  <si>
    <t>cg04380635</t>
  </si>
  <si>
    <t>cg04387739</t>
  </si>
  <si>
    <t>cg04401986</t>
  </si>
  <si>
    <t>cg04406898</t>
  </si>
  <si>
    <t>cg04422150</t>
  </si>
  <si>
    <t>cg04422289</t>
  </si>
  <si>
    <t>cg04438194</t>
  </si>
  <si>
    <t>cg04450456</t>
  </si>
  <si>
    <t>cg04477404</t>
  </si>
  <si>
    <t>cg04479860</t>
  </si>
  <si>
    <t>cg04498802</t>
  </si>
  <si>
    <t>cg04523524</t>
  </si>
  <si>
    <t>cg04541695</t>
  </si>
  <si>
    <t>cg04541699</t>
  </si>
  <si>
    <t>cg04574592</t>
  </si>
  <si>
    <t>cg04575395</t>
  </si>
  <si>
    <t>cg04589118</t>
  </si>
  <si>
    <t>cg04597433</t>
  </si>
  <si>
    <t>cg04611865</t>
  </si>
  <si>
    <t>cg04631804</t>
  </si>
  <si>
    <t>cg04635366</t>
  </si>
  <si>
    <t>cg04638468</t>
  </si>
  <si>
    <t>cg04643822</t>
  </si>
  <si>
    <t>cg04643909</t>
  </si>
  <si>
    <t>cg04646986</t>
  </si>
  <si>
    <t>cg04651781</t>
  </si>
  <si>
    <t>cg04653469</t>
  </si>
  <si>
    <t>cg04676482</t>
  </si>
  <si>
    <t>cg04677405</t>
  </si>
  <si>
    <t>cg04733431</t>
  </si>
  <si>
    <t>cg04748223</t>
  </si>
  <si>
    <t>cg04754315</t>
  </si>
  <si>
    <t>cg04760602</t>
  </si>
  <si>
    <t>cg04765098</t>
  </si>
  <si>
    <t>cg04795389</t>
  </si>
  <si>
    <t>cg04796973</t>
  </si>
  <si>
    <t>cg04799210</t>
  </si>
  <si>
    <t>cg04808029</t>
  </si>
  <si>
    <t>cg04810284</t>
  </si>
  <si>
    <t>cg04811621</t>
  </si>
  <si>
    <t>cg04821107</t>
  </si>
  <si>
    <t>cg04823455</t>
  </si>
  <si>
    <t>cg04824553</t>
  </si>
  <si>
    <t>cg04825327</t>
  </si>
  <si>
    <t>cg04826355</t>
  </si>
  <si>
    <t>cg04828041</t>
  </si>
  <si>
    <t>cg04832844</t>
  </si>
  <si>
    <t>cg04859706</t>
  </si>
  <si>
    <t>cg04864648</t>
  </si>
  <si>
    <t>cg04865110</t>
  </si>
  <si>
    <t>cg04868167</t>
  </si>
  <si>
    <t>cg04873153</t>
  </si>
  <si>
    <t>cg04888241</t>
  </si>
  <si>
    <t>cg04899896</t>
  </si>
  <si>
    <t>cg04909938</t>
  </si>
  <si>
    <t>cg04930921</t>
  </si>
  <si>
    <t>cg04931582</t>
  </si>
  <si>
    <t>cg04945735</t>
  </si>
  <si>
    <t>cg04961466</t>
  </si>
  <si>
    <t>cg04964397</t>
  </si>
  <si>
    <t>cg04965141</t>
  </si>
  <si>
    <t>cg04974121</t>
  </si>
  <si>
    <t>cg05006473</t>
  </si>
  <si>
    <t>cg05021846</t>
  </si>
  <si>
    <t>cg05023043</t>
  </si>
  <si>
    <t>cg05029288</t>
  </si>
  <si>
    <t>cg05044401</t>
  </si>
  <si>
    <t>cg05051902</t>
  </si>
  <si>
    <t>cg05063339</t>
  </si>
  <si>
    <t>cg05068452</t>
  </si>
  <si>
    <t>cg05081498</t>
  </si>
  <si>
    <t>cg05083414</t>
  </si>
  <si>
    <t>cg05092885</t>
  </si>
  <si>
    <t>cg05093071</t>
  </si>
  <si>
    <t>cg05100113</t>
  </si>
  <si>
    <t>cg05100920</t>
  </si>
  <si>
    <t>cg05101498</t>
  </si>
  <si>
    <t>cg05116694</t>
  </si>
  <si>
    <t>cg05124756</t>
  </si>
  <si>
    <t>cg05127995</t>
  </si>
  <si>
    <t>cg05139709</t>
  </si>
  <si>
    <t>cg05144345</t>
  </si>
  <si>
    <t>cg05154546</t>
  </si>
  <si>
    <t>cg05155840</t>
  </si>
  <si>
    <t>cg05161119</t>
  </si>
  <si>
    <t>cg05164514</t>
  </si>
  <si>
    <t>cg05181186</t>
  </si>
  <si>
    <t>cg05191076</t>
  </si>
  <si>
    <t>cg05196820</t>
  </si>
  <si>
    <t>cg05198297</t>
  </si>
  <si>
    <t>cg05203875</t>
  </si>
  <si>
    <t>cg05205842</t>
  </si>
  <si>
    <t>cg05214676</t>
  </si>
  <si>
    <t>cg05230009</t>
  </si>
  <si>
    <t>cg05233515</t>
  </si>
  <si>
    <t>cg05238812</t>
  </si>
  <si>
    <t>cg05242526</t>
  </si>
  <si>
    <t>cg05247907</t>
  </si>
  <si>
    <t>cg05255728</t>
  </si>
  <si>
    <t>cg05256793</t>
  </si>
  <si>
    <t>cg05263495</t>
  </si>
  <si>
    <t>cg05275153</t>
  </si>
  <si>
    <t>cg05295810</t>
  </si>
  <si>
    <t>cg05300158</t>
  </si>
  <si>
    <t>cg05302350</t>
  </si>
  <si>
    <t>cg05306040</t>
  </si>
  <si>
    <t>cg05311119</t>
  </si>
  <si>
    <t>cg05315521</t>
  </si>
  <si>
    <t>cg05317630</t>
  </si>
  <si>
    <t>cg05327835</t>
  </si>
  <si>
    <t>cg05331162</t>
  </si>
  <si>
    <t>cg05347334</t>
  </si>
  <si>
    <t>cg05363257</t>
  </si>
  <si>
    <t>cg05367790</t>
  </si>
  <si>
    <t>cg05368283</t>
  </si>
  <si>
    <t>cg05371332</t>
  </si>
  <si>
    <t>cg05374867</t>
  </si>
  <si>
    <t>cg05388307</t>
  </si>
  <si>
    <t>cg05423100</t>
  </si>
  <si>
    <t>cg05424071</t>
  </si>
  <si>
    <t>cg05429508</t>
  </si>
  <si>
    <t>cg05430705</t>
  </si>
  <si>
    <t>cg05477457</t>
  </si>
  <si>
    <t>cg05498905</t>
  </si>
  <si>
    <t>cg05503412</t>
  </si>
  <si>
    <t>cg05519431</t>
  </si>
  <si>
    <t>cg05543456</t>
  </si>
  <si>
    <t>cg05557209</t>
  </si>
  <si>
    <t>cg05581451</t>
  </si>
  <si>
    <t>cg05600350</t>
  </si>
  <si>
    <t>cg05601456</t>
  </si>
  <si>
    <t>cg05604079</t>
  </si>
  <si>
    <t>cg05605371</t>
  </si>
  <si>
    <t>cg05606074</t>
  </si>
  <si>
    <t>cg05613002</t>
  </si>
  <si>
    <t>cg05616278</t>
  </si>
  <si>
    <t>cg05618934</t>
  </si>
  <si>
    <t>cg05619320</t>
  </si>
  <si>
    <t>cg05619888</t>
  </si>
  <si>
    <t>cg05624214</t>
  </si>
  <si>
    <t>cg05666828</t>
  </si>
  <si>
    <t>cg05671585</t>
  </si>
  <si>
    <t>cg05676635</t>
  </si>
  <si>
    <t>cg05682719</t>
  </si>
  <si>
    <t>cg05688026</t>
  </si>
  <si>
    <t>cg05688348</t>
  </si>
  <si>
    <t>cg05689516</t>
  </si>
  <si>
    <t>cg05702851</t>
  </si>
  <si>
    <t>cg05710651</t>
  </si>
  <si>
    <t>cg05719252</t>
  </si>
  <si>
    <t>cg05728201</t>
  </si>
  <si>
    <t>cg05732832</t>
  </si>
  <si>
    <t>cg05752653</t>
  </si>
  <si>
    <t>cg05755239</t>
  </si>
  <si>
    <t>cg05756848</t>
  </si>
  <si>
    <t>cg05760641</t>
  </si>
  <si>
    <t>cg05762700</t>
  </si>
  <si>
    <t>cg05767411</t>
  </si>
  <si>
    <t>cg05767633</t>
  </si>
  <si>
    <t>cg05768983</t>
  </si>
  <si>
    <t>cg05780074</t>
  </si>
  <si>
    <t>cg05790982</t>
  </si>
  <si>
    <t>cg05791136</t>
  </si>
  <si>
    <t>cg05793120</t>
  </si>
  <si>
    <t>cg05795596</t>
  </si>
  <si>
    <t>cg05795861</t>
  </si>
  <si>
    <t>cg05798436</t>
  </si>
  <si>
    <t>cg05800723</t>
  </si>
  <si>
    <t>cg05804872</t>
  </si>
  <si>
    <t>cg05807991</t>
  </si>
  <si>
    <t>cg05821186</t>
  </si>
  <si>
    <t>cg05835009</t>
  </si>
  <si>
    <t>cg05835105</t>
  </si>
  <si>
    <t>cg05842457</t>
  </si>
  <si>
    <t>cg05865451</t>
  </si>
  <si>
    <t>cg05866411</t>
  </si>
  <si>
    <t>cg05867387</t>
  </si>
  <si>
    <t>cg05869007</t>
  </si>
  <si>
    <t>cg05870058</t>
  </si>
  <si>
    <t>cg05874882</t>
  </si>
  <si>
    <t>cg05889932</t>
  </si>
  <si>
    <t>cg05890887</t>
  </si>
  <si>
    <t>cg05894734</t>
  </si>
  <si>
    <t>cg05897615</t>
  </si>
  <si>
    <t>cg05913257</t>
  </si>
  <si>
    <t>cg05924540</t>
  </si>
  <si>
    <t>cg05936219</t>
  </si>
  <si>
    <t>cg05936438</t>
  </si>
  <si>
    <t>cg05944369</t>
  </si>
  <si>
    <t>cg05949034</t>
  </si>
  <si>
    <t>cg05975884</t>
  </si>
  <si>
    <t>cg05984044</t>
  </si>
  <si>
    <t>cg05990549</t>
  </si>
  <si>
    <t>cg05991454</t>
  </si>
  <si>
    <t>cg05993854</t>
  </si>
  <si>
    <t>cg06018666</t>
  </si>
  <si>
    <t>cg06034885</t>
  </si>
  <si>
    <t>cg06041156</t>
  </si>
  <si>
    <t>cg06045062</t>
  </si>
  <si>
    <t>cg06046430</t>
  </si>
  <si>
    <t>cg06049295</t>
  </si>
  <si>
    <t>cg06051446</t>
  </si>
  <si>
    <t>cg06062125</t>
  </si>
  <si>
    <t>cg06065125</t>
  </si>
  <si>
    <t>cg06065164</t>
  </si>
  <si>
    <t>cg06074123</t>
  </si>
  <si>
    <t>cg06083330</t>
  </si>
  <si>
    <t>cg06093712</t>
  </si>
  <si>
    <t>cg06123783</t>
  </si>
  <si>
    <t>cg06123855</t>
  </si>
  <si>
    <t>cg06129794</t>
  </si>
  <si>
    <t>cg06132727</t>
  </si>
  <si>
    <t>cg06148468</t>
  </si>
  <si>
    <t>cg06158627</t>
  </si>
  <si>
    <t>cg06158944</t>
  </si>
  <si>
    <t>cg06168319</t>
  </si>
  <si>
    <t>cg06175036</t>
  </si>
  <si>
    <t>cg06211459</t>
  </si>
  <si>
    <t>cg06219310</t>
  </si>
  <si>
    <t>cg06222114</t>
  </si>
  <si>
    <t>cg06224587</t>
  </si>
  <si>
    <t>cg06255670</t>
  </si>
  <si>
    <t>cg06276864</t>
  </si>
  <si>
    <t>cg06282462</t>
  </si>
  <si>
    <t>cg06286962</t>
  </si>
  <si>
    <t>cg06293787</t>
  </si>
  <si>
    <t>cg06295032</t>
  </si>
  <si>
    <t>cg06296800</t>
  </si>
  <si>
    <t>cg06339629</t>
  </si>
  <si>
    <t>cg06340552</t>
  </si>
  <si>
    <t>cg06363887</t>
  </si>
  <si>
    <t>cg06374325</t>
  </si>
  <si>
    <t>cg06374962</t>
  </si>
  <si>
    <t>cg06383648</t>
  </si>
  <si>
    <t>cg06385118</t>
  </si>
  <si>
    <t>cg06412434</t>
  </si>
  <si>
    <t>cg06415582</t>
  </si>
  <si>
    <t>cg06416883</t>
  </si>
  <si>
    <t>cg06416885</t>
  </si>
  <si>
    <t>cg06425397</t>
  </si>
  <si>
    <t>cg06440646</t>
  </si>
  <si>
    <t>cg06464441</t>
  </si>
  <si>
    <t>cg06464962</t>
  </si>
  <si>
    <t>cg06466757</t>
  </si>
  <si>
    <t>cg06469345</t>
  </si>
  <si>
    <t>cg06469570</t>
  </si>
  <si>
    <t>cg06481168</t>
  </si>
  <si>
    <t>cg06500120</t>
  </si>
  <si>
    <t>cg06538183</t>
  </si>
  <si>
    <t>cg06545139</t>
  </si>
  <si>
    <t>cg06545742</t>
  </si>
  <si>
    <t>cg06569272</t>
  </si>
  <si>
    <t>cg06594404</t>
  </si>
  <si>
    <t>cg06595176</t>
  </si>
  <si>
    <t>cg06600412</t>
  </si>
  <si>
    <t>cg06617468</t>
  </si>
  <si>
    <t>cg06621132</t>
  </si>
  <si>
    <t>cg06634887</t>
  </si>
  <si>
    <t>cg06635552</t>
  </si>
  <si>
    <t>cg06650379</t>
  </si>
  <si>
    <t>cg06651311</t>
  </si>
  <si>
    <t>cg06651522</t>
  </si>
  <si>
    <t>cg06654302</t>
  </si>
  <si>
    <t>cg06659580</t>
  </si>
  <si>
    <t>cg06672737</t>
  </si>
  <si>
    <t>cg06694734</t>
  </si>
  <si>
    <t>cg06696815</t>
  </si>
  <si>
    <t>cg06705435</t>
  </si>
  <si>
    <t>cg06716613</t>
  </si>
  <si>
    <t>cg06733568</t>
  </si>
  <si>
    <t>cg06755341</t>
  </si>
  <si>
    <t>cg06762614</t>
  </si>
  <si>
    <t>cg06769258</t>
  </si>
  <si>
    <t>cg06775055</t>
  </si>
  <si>
    <t>cg06782920</t>
  </si>
  <si>
    <t>cg06783814</t>
  </si>
  <si>
    <t>cg06798642</t>
  </si>
  <si>
    <t>cg06812693</t>
  </si>
  <si>
    <t>cg06817736</t>
  </si>
  <si>
    <t>cg06819865</t>
  </si>
  <si>
    <t>cg06821199</t>
  </si>
  <si>
    <t>cg06838146</t>
  </si>
  <si>
    <t>cg06842954</t>
  </si>
  <si>
    <t>cg06844452</t>
  </si>
  <si>
    <t>cg06844930</t>
  </si>
  <si>
    <t>cg06848047</t>
  </si>
  <si>
    <t>cg06850852</t>
  </si>
  <si>
    <t>cg06860618</t>
  </si>
  <si>
    <t>cg06883949</t>
  </si>
  <si>
    <t>cg06907870</t>
  </si>
  <si>
    <t>cg06911277</t>
  </si>
  <si>
    <t>cg06918887</t>
  </si>
  <si>
    <t>cg06919392</t>
  </si>
  <si>
    <t>cg06924355</t>
  </si>
  <si>
    <t>cg06952910</t>
  </si>
  <si>
    <t>cg06965122</t>
  </si>
  <si>
    <t>cg06966113</t>
  </si>
  <si>
    <t>cg06970472</t>
  </si>
  <si>
    <t>cg06972978</t>
  </si>
  <si>
    <t>cg06973293</t>
  </si>
  <si>
    <t>cg06973595</t>
  </si>
  <si>
    <t>cg06983586</t>
  </si>
  <si>
    <t>cg06991300</t>
  </si>
  <si>
    <t>cg07005078</t>
  </si>
  <si>
    <t>cg07021777</t>
  </si>
  <si>
    <t>cg07037371</t>
  </si>
  <si>
    <t>cg07042007</t>
  </si>
  <si>
    <t>cg07070341</t>
  </si>
  <si>
    <t>cg07080653</t>
  </si>
  <si>
    <t>cg07089235</t>
  </si>
  <si>
    <t>cg07089892</t>
  </si>
  <si>
    <t>cg07097374</t>
  </si>
  <si>
    <t>cg07106881</t>
  </si>
  <si>
    <t>cg07109358</t>
  </si>
  <si>
    <t>cg07125251</t>
  </si>
  <si>
    <t>cg07134632</t>
  </si>
  <si>
    <t>cg07136054</t>
  </si>
  <si>
    <t>cg07136388</t>
  </si>
  <si>
    <t>cg07171111</t>
  </si>
  <si>
    <t>cg07200874</t>
  </si>
  <si>
    <t>cg07203098</t>
  </si>
  <si>
    <t>cg07204550</t>
  </si>
  <si>
    <t>cg07207599</t>
  </si>
  <si>
    <t>cg07209546</t>
  </si>
  <si>
    <t>cg07234880</t>
  </si>
  <si>
    <t>cg07236904</t>
  </si>
  <si>
    <t>cg07242215</t>
  </si>
  <si>
    <t>cg07242805</t>
  </si>
  <si>
    <t>cg07264634</t>
  </si>
  <si>
    <t>cg07266299</t>
  </si>
  <si>
    <t>cg07268090</t>
  </si>
  <si>
    <t>cg07276861</t>
  </si>
  <si>
    <t>cg07318073</t>
  </si>
  <si>
    <t>cg07318204</t>
  </si>
  <si>
    <t>cg07318453</t>
  </si>
  <si>
    <t>cg07324609</t>
  </si>
  <si>
    <t>cg07349805</t>
  </si>
  <si>
    <t>cg07352215</t>
  </si>
  <si>
    <t>cg07360076</t>
  </si>
  <si>
    <t>cg07368727</t>
  </si>
  <si>
    <t>cg07398960</t>
  </si>
  <si>
    <t>cg07410872</t>
  </si>
  <si>
    <t>cg07416975</t>
  </si>
  <si>
    <t>cg07419396</t>
  </si>
  <si>
    <t>cg07420720</t>
  </si>
  <si>
    <t>cg07428066</t>
  </si>
  <si>
    <t>cg07428876</t>
  </si>
  <si>
    <t>cg07434780</t>
  </si>
  <si>
    <t>cg07456114</t>
  </si>
  <si>
    <t>cg07458712</t>
  </si>
  <si>
    <t>cg07462804</t>
  </si>
  <si>
    <t>cg07486474</t>
  </si>
  <si>
    <t>cg07493516</t>
  </si>
  <si>
    <t>cg07493858</t>
  </si>
  <si>
    <t>cg07509992</t>
  </si>
  <si>
    <t>cg07521483</t>
  </si>
  <si>
    <t>cg07525624</t>
  </si>
  <si>
    <t>cg07536144</t>
  </si>
  <si>
    <t>cg07574458</t>
  </si>
  <si>
    <t>cg07578695</t>
  </si>
  <si>
    <t>cg07590215</t>
  </si>
  <si>
    <t>cg07595404</t>
  </si>
  <si>
    <t>cg07624479</t>
  </si>
  <si>
    <t>cg07626433</t>
  </si>
  <si>
    <t>cg07628187</t>
  </si>
  <si>
    <t>cg07639489</t>
  </si>
  <si>
    <t>cg07640645</t>
  </si>
  <si>
    <t>cg07649491</t>
  </si>
  <si>
    <t>cg07658508</t>
  </si>
  <si>
    <t>cg07667367</t>
  </si>
  <si>
    <t>cg07674095</t>
  </si>
  <si>
    <t>cg07678449</t>
  </si>
  <si>
    <t>cg07679203</t>
  </si>
  <si>
    <t>cg07680232</t>
  </si>
  <si>
    <t>cg07681834</t>
  </si>
  <si>
    <t>cg07695835</t>
  </si>
  <si>
    <t>cg07696699</t>
  </si>
  <si>
    <t>cg07697227</t>
  </si>
  <si>
    <t>cg07698591</t>
  </si>
  <si>
    <t>cg07701375</t>
  </si>
  <si>
    <t>cg07701757</t>
  </si>
  <si>
    <t>cg07706367</t>
  </si>
  <si>
    <t>cg07723855</t>
  </si>
  <si>
    <t>cg07724433</t>
  </si>
  <si>
    <t>cg07725658</t>
  </si>
  <si>
    <t>cg07725967</t>
  </si>
  <si>
    <t>cg07727358</t>
  </si>
  <si>
    <t>cg07729537</t>
  </si>
  <si>
    <t>cg07733363</t>
  </si>
  <si>
    <t>cg07733446</t>
  </si>
  <si>
    <t>cg07745624</t>
  </si>
  <si>
    <t>cg07749943</t>
  </si>
  <si>
    <t>cg07751222</t>
  </si>
  <si>
    <t>cg07753891</t>
  </si>
  <si>
    <t>cg07759561</t>
  </si>
  <si>
    <t>cg07767534</t>
  </si>
  <si>
    <t>cg07792858</t>
  </si>
  <si>
    <t>cg07794230</t>
  </si>
  <si>
    <t>cg07795964</t>
  </si>
  <si>
    <t>cg07809452</t>
  </si>
  <si>
    <t>cg07813249</t>
  </si>
  <si>
    <t>cg07824265</t>
  </si>
  <si>
    <t>cg07830416</t>
  </si>
  <si>
    <t>cg07840120</t>
  </si>
  <si>
    <t>cg07846311</t>
  </si>
  <si>
    <t>cg07849581</t>
  </si>
  <si>
    <t>cg07851244</t>
  </si>
  <si>
    <t>cg07868215</t>
  </si>
  <si>
    <t>cg07868715</t>
  </si>
  <si>
    <t>cg07907386</t>
  </si>
  <si>
    <t>cg07917127</t>
  </si>
  <si>
    <t>cg07934604</t>
  </si>
  <si>
    <t>cg07934941</t>
  </si>
  <si>
    <t>cg07937239</t>
  </si>
  <si>
    <t>cg07942479</t>
  </si>
  <si>
    <t>cg07951488</t>
  </si>
  <si>
    <t>cg07953169</t>
  </si>
  <si>
    <t>cg07963234</t>
  </si>
  <si>
    <t>cg07976816</t>
  </si>
  <si>
    <t>cg07978472</t>
  </si>
  <si>
    <t>cg07982899</t>
  </si>
  <si>
    <t>cg07997294</t>
  </si>
  <si>
    <t>cg08002795</t>
  </si>
  <si>
    <t>cg08015755</t>
  </si>
  <si>
    <t>cg08017326</t>
  </si>
  <si>
    <t>cg08029105</t>
  </si>
  <si>
    <t>cg08032641</t>
  </si>
  <si>
    <t>cg08036309</t>
  </si>
  <si>
    <t>cg08062011</t>
  </si>
  <si>
    <t>cg08066132</t>
  </si>
  <si>
    <t>cg08071405</t>
  </si>
  <si>
    <t>cg08073591</t>
  </si>
  <si>
    <t>cg08094098</t>
  </si>
  <si>
    <t>cg08102414</t>
  </si>
  <si>
    <t>cg08118646</t>
  </si>
  <si>
    <t>cg08119412</t>
  </si>
  <si>
    <t>cg08136276</t>
  </si>
  <si>
    <t>cg08206098</t>
  </si>
  <si>
    <t>cg08219027</t>
  </si>
  <si>
    <t>cg08219099</t>
  </si>
  <si>
    <t>cg08222618</t>
  </si>
  <si>
    <t>cg08227526</t>
  </si>
  <si>
    <t>cg08229018</t>
  </si>
  <si>
    <t>cg08232905</t>
  </si>
  <si>
    <t>cg08247450</t>
  </si>
  <si>
    <t>cg08267183</t>
  </si>
  <si>
    <t>cg08267530</t>
  </si>
  <si>
    <t>cg08292112</t>
  </si>
  <si>
    <t>cg08292519</t>
  </si>
  <si>
    <t>cg08297751</t>
  </si>
  <si>
    <t>cg08323075</t>
  </si>
  <si>
    <t>cg08330011</t>
  </si>
  <si>
    <t>cg08331733</t>
  </si>
  <si>
    <t>cg08334278</t>
  </si>
  <si>
    <t>cg08346159</t>
  </si>
  <si>
    <t>cg08357827</t>
  </si>
  <si>
    <t>cg08375775</t>
  </si>
  <si>
    <t>cg08377398</t>
  </si>
  <si>
    <t>cg08384155</t>
  </si>
  <si>
    <t>cg08388763</t>
  </si>
  <si>
    <t>cg08393972</t>
  </si>
  <si>
    <t>cg08402439</t>
  </si>
  <si>
    <t>cg08421057</t>
  </si>
  <si>
    <t>cg08423350</t>
  </si>
  <si>
    <t>cg08424587</t>
  </si>
  <si>
    <t>cg08425479</t>
  </si>
  <si>
    <t>cg08436942</t>
  </si>
  <si>
    <t>cg08440556</t>
  </si>
  <si>
    <t>cg08447792</t>
  </si>
  <si>
    <t>cg08474478</t>
  </si>
  <si>
    <t>cg08475853</t>
  </si>
  <si>
    <t>cg08492624</t>
  </si>
  <si>
    <t>cg08497199</t>
  </si>
  <si>
    <t>cg08503285</t>
  </si>
  <si>
    <t>cg08506401</t>
  </si>
  <si>
    <t>cg08507725</t>
  </si>
  <si>
    <t>cg08519270</t>
  </si>
  <si>
    <t>cg08535148</t>
  </si>
  <si>
    <t>cg08544583</t>
  </si>
  <si>
    <t>cg08553437</t>
  </si>
  <si>
    <t>cg08555013</t>
  </si>
  <si>
    <t>cg08577953</t>
  </si>
  <si>
    <t>cg08589776</t>
  </si>
  <si>
    <t>cg08593261</t>
  </si>
  <si>
    <t>cg08604785</t>
  </si>
  <si>
    <t>cg08629836</t>
  </si>
  <si>
    <t>cg08629884</t>
  </si>
  <si>
    <t>cg08643994</t>
  </si>
  <si>
    <t>cg08644678</t>
  </si>
  <si>
    <t>cg08659785</t>
  </si>
  <si>
    <t>cg08663159</t>
  </si>
  <si>
    <t>cg08668316</t>
  </si>
  <si>
    <t>cg08684639</t>
  </si>
  <si>
    <t>cg08684761</t>
  </si>
  <si>
    <t>cg08699206</t>
  </si>
  <si>
    <t>cg08702941</t>
  </si>
  <si>
    <t>cg08708229</t>
  </si>
  <si>
    <t>cg08718490</t>
  </si>
  <si>
    <t>cg08744727</t>
  </si>
  <si>
    <t>cg08748210</t>
  </si>
  <si>
    <t>cg08750890</t>
  </si>
  <si>
    <t>cg08766099</t>
  </si>
  <si>
    <t>cg08769276</t>
  </si>
  <si>
    <t>cg08774969</t>
  </si>
  <si>
    <t>cg08788540</t>
  </si>
  <si>
    <t>cg08791953</t>
  </si>
  <si>
    <t>cg08812889</t>
  </si>
  <si>
    <t>cg08823577</t>
  </si>
  <si>
    <t>cg08825286</t>
  </si>
  <si>
    <t>cg08839770</t>
  </si>
  <si>
    <t>cg08848753</t>
  </si>
  <si>
    <t>cg08852245</t>
  </si>
  <si>
    <t>cg08853494</t>
  </si>
  <si>
    <t>cg08854306</t>
  </si>
  <si>
    <t>cg08871609</t>
  </si>
  <si>
    <t>cg08889014</t>
  </si>
  <si>
    <t>cg08891904</t>
  </si>
  <si>
    <t>cg08900656</t>
  </si>
  <si>
    <t>cg08900821</t>
  </si>
  <si>
    <t>cg08901704</t>
  </si>
  <si>
    <t>cg08905166</t>
  </si>
  <si>
    <t>cg08915603</t>
  </si>
  <si>
    <t>cg08919486</t>
  </si>
  <si>
    <t>cg08947915</t>
  </si>
  <si>
    <t>cg08950161</t>
  </si>
  <si>
    <t>cg08954277</t>
  </si>
  <si>
    <t>cg08967837</t>
  </si>
  <si>
    <t>cg08968896</t>
  </si>
  <si>
    <t>cg09009536</t>
  </si>
  <si>
    <t>cg09018944</t>
  </si>
  <si>
    <t>cg09020341</t>
  </si>
  <si>
    <t>cg09028748</t>
  </si>
  <si>
    <t>cg09067967</t>
  </si>
  <si>
    <t>cg09070522</t>
  </si>
  <si>
    <t>cg09082664</t>
  </si>
  <si>
    <t>cg09082903</t>
  </si>
  <si>
    <t>cg09100013</t>
  </si>
  <si>
    <t>cg09111223</t>
  </si>
  <si>
    <t>cg09112514</t>
  </si>
  <si>
    <t>cg09112717</t>
  </si>
  <si>
    <t>cg09117206</t>
  </si>
  <si>
    <t>cg09121055</t>
  </si>
  <si>
    <t>cg09124018</t>
  </si>
  <si>
    <t>cg09124369</t>
  </si>
  <si>
    <t>cg09150065</t>
  </si>
  <si>
    <t>cg09150075</t>
  </si>
  <si>
    <t>cg09150152</t>
  </si>
  <si>
    <t>cg09157302</t>
  </si>
  <si>
    <t>cg09176893</t>
  </si>
  <si>
    <t>cg09190824</t>
  </si>
  <si>
    <t>cg09221015</t>
  </si>
  <si>
    <t>cg09223687</t>
  </si>
  <si>
    <t>cg09227533</t>
  </si>
  <si>
    <t>cg09241718</t>
  </si>
  <si>
    <t>cg09295573</t>
  </si>
  <si>
    <t>cg09315024</t>
  </si>
  <si>
    <t>cg09319706</t>
  </si>
  <si>
    <t>cg09329496</t>
  </si>
  <si>
    <t>cg09354241</t>
  </si>
  <si>
    <t>cg09357276</t>
  </si>
  <si>
    <t>cg09366730</t>
  </si>
  <si>
    <t>cg09374462</t>
  </si>
  <si>
    <t>cg09390241</t>
  </si>
  <si>
    <t>cg09418519</t>
  </si>
  <si>
    <t>cg09422220</t>
  </si>
  <si>
    <t>cg09428868</t>
  </si>
  <si>
    <t>cg09468777</t>
  </si>
  <si>
    <t>cg09473510</t>
  </si>
  <si>
    <t>cg09490880</t>
  </si>
  <si>
    <t>cg09494176</t>
  </si>
  <si>
    <t>cg09494313</t>
  </si>
  <si>
    <t>cg09495977</t>
  </si>
  <si>
    <t>cg09511237</t>
  </si>
  <si>
    <t>cg09526122</t>
  </si>
  <si>
    <t>cg09532284</t>
  </si>
  <si>
    <t>cg09543727</t>
  </si>
  <si>
    <t>cg09555617</t>
  </si>
  <si>
    <t>cg09558281</t>
  </si>
  <si>
    <t>cg09559950</t>
  </si>
  <si>
    <t>cg09569258</t>
  </si>
  <si>
    <t>cg09580409</t>
  </si>
  <si>
    <t>cg09595050</t>
  </si>
  <si>
    <t>cg09595537</t>
  </si>
  <si>
    <t>cg09611793</t>
  </si>
  <si>
    <t>cg09615353</t>
  </si>
  <si>
    <t>cg09625276</t>
  </si>
  <si>
    <t>cg09633129</t>
  </si>
  <si>
    <t>cg09662896</t>
  </si>
  <si>
    <t>cg09664684</t>
  </si>
  <si>
    <t>cg09692129</t>
  </si>
  <si>
    <t>cg09722742</t>
  </si>
  <si>
    <t>cg09747169</t>
  </si>
  <si>
    <t>cg09748975</t>
  </si>
  <si>
    <t>cg09758273</t>
  </si>
  <si>
    <t>cg09760963</t>
  </si>
  <si>
    <t>cg09763814</t>
  </si>
  <si>
    <t>cg09763839</t>
  </si>
  <si>
    <t>cg09764206</t>
  </si>
  <si>
    <t>cg09767602</t>
  </si>
  <si>
    <t>cg09781944</t>
  </si>
  <si>
    <t>cg09786608</t>
  </si>
  <si>
    <t>cg09795809</t>
  </si>
  <si>
    <t>cg09796886</t>
  </si>
  <si>
    <t>cg09841488</t>
  </si>
  <si>
    <t>cg09841884</t>
  </si>
  <si>
    <t>cg09843331</t>
  </si>
  <si>
    <t>cg09852693</t>
  </si>
  <si>
    <t>cg09853646</t>
  </si>
  <si>
    <t>cg09856153</t>
  </si>
  <si>
    <t>cg09861710</t>
  </si>
  <si>
    <t>cg09863040</t>
  </si>
  <si>
    <t>cg09865015</t>
  </si>
  <si>
    <t>cg09867290</t>
  </si>
  <si>
    <t>cg09894096</t>
  </si>
  <si>
    <t>cg09908494</t>
  </si>
  <si>
    <t>cg09912350</t>
  </si>
  <si>
    <t>cg09921821</t>
  </si>
  <si>
    <t>cg09940872</t>
  </si>
  <si>
    <t>cg09947881</t>
  </si>
  <si>
    <t>cg09977446</t>
  </si>
  <si>
    <t>cg09978860</t>
  </si>
  <si>
    <t>cg09987789</t>
  </si>
  <si>
    <t>cg09990790</t>
  </si>
  <si>
    <t>cg09992215</t>
  </si>
  <si>
    <t>cg09994756</t>
  </si>
  <si>
    <t>cg09998692</t>
  </si>
  <si>
    <t>cg09999563</t>
  </si>
  <si>
    <t>cg10002561</t>
  </si>
  <si>
    <t>cg10009056</t>
  </si>
  <si>
    <t>cg10009224</t>
  </si>
  <si>
    <t>cg10031614</t>
  </si>
  <si>
    <t>cg10032748</t>
  </si>
  <si>
    <t>cg10053187</t>
  </si>
  <si>
    <t>cg10055501</t>
  </si>
  <si>
    <t>cg10056356</t>
  </si>
  <si>
    <t>cg10058464</t>
  </si>
  <si>
    <t>cg10059660</t>
  </si>
  <si>
    <t>cg10062503</t>
  </si>
  <si>
    <t>cg10088985</t>
  </si>
  <si>
    <t>cg10091891</t>
  </si>
  <si>
    <t>cg10099518</t>
  </si>
  <si>
    <t>cg10113582</t>
  </si>
  <si>
    <t>cg10128806</t>
  </si>
  <si>
    <t>cg10132348</t>
  </si>
  <si>
    <t>cg10135894</t>
  </si>
  <si>
    <t>cg10184864</t>
  </si>
  <si>
    <t>cg10189525</t>
  </si>
  <si>
    <t>cg10192893</t>
  </si>
  <si>
    <t>cg10194729</t>
  </si>
  <si>
    <t>cg10197305</t>
  </si>
  <si>
    <t>cg10202508</t>
  </si>
  <si>
    <t>cg10203211</t>
  </si>
  <si>
    <t>cg10208269</t>
  </si>
  <si>
    <t>cg10208370</t>
  </si>
  <si>
    <t>cg10218558</t>
  </si>
  <si>
    <t>cg10223225</t>
  </si>
  <si>
    <t>cg10237419</t>
  </si>
  <si>
    <t>cg10242089</t>
  </si>
  <si>
    <t>cg10245072</t>
  </si>
  <si>
    <t>cg10261589</t>
  </si>
  <si>
    <t>cg10269548</t>
  </si>
  <si>
    <t>cg10274364</t>
  </si>
  <si>
    <t>cg10294960</t>
  </si>
  <si>
    <t>cg10308775</t>
  </si>
  <si>
    <t>cg10320211</t>
  </si>
  <si>
    <t>cg10325536</t>
  </si>
  <si>
    <t>cg10326891</t>
  </si>
  <si>
    <t>cg10333701</t>
  </si>
  <si>
    <t>cg10334767</t>
  </si>
  <si>
    <t>cg10341154</t>
  </si>
  <si>
    <t>cg10342148</t>
  </si>
  <si>
    <t>cg10344081</t>
  </si>
  <si>
    <t>cg10346535</t>
  </si>
  <si>
    <t>cg10351287</t>
  </si>
  <si>
    <t>cg10358816</t>
  </si>
  <si>
    <t>cg10359931</t>
  </si>
  <si>
    <t>cg10364514</t>
  </si>
  <si>
    <t>cg10391633</t>
  </si>
  <si>
    <t>cg10407489</t>
  </si>
  <si>
    <t>cg10407722</t>
  </si>
  <si>
    <t>cg10409785</t>
  </si>
  <si>
    <t>cg10417567</t>
  </si>
  <si>
    <t>cg10421688</t>
  </si>
  <si>
    <t>cg10441983</t>
  </si>
  <si>
    <t>cg10444528</t>
  </si>
  <si>
    <t>cg10453719</t>
  </si>
  <si>
    <t>cg10457397</t>
  </si>
  <si>
    <t>cg10461004</t>
  </si>
  <si>
    <t>cg10463150</t>
  </si>
  <si>
    <t>cg10469329</t>
  </si>
  <si>
    <t>cg10479325</t>
  </si>
  <si>
    <t>cg10501446</t>
  </si>
  <si>
    <t>cg10503298</t>
  </si>
  <si>
    <t>cg10511618</t>
  </si>
  <si>
    <t>cg10514235</t>
  </si>
  <si>
    <t>cg10514658</t>
  </si>
  <si>
    <t>cg10515332</t>
  </si>
  <si>
    <t>cg10516057</t>
  </si>
  <si>
    <t>cg10524888</t>
  </si>
  <si>
    <t>cg10541587</t>
  </si>
  <si>
    <t>cg10541864</t>
  </si>
  <si>
    <t>cg10564075</t>
  </si>
  <si>
    <t>cg10564356</t>
  </si>
  <si>
    <t>cg10565996</t>
  </si>
  <si>
    <t>cg10566297</t>
  </si>
  <si>
    <t>cg10582946</t>
  </si>
  <si>
    <t>cg10603183</t>
  </si>
  <si>
    <t>cg10612046</t>
  </si>
  <si>
    <t>cg10622551</t>
  </si>
  <si>
    <t>cg10635789</t>
  </si>
  <si>
    <t>cg10639613</t>
  </si>
  <si>
    <t>cg10664842</t>
  </si>
  <si>
    <t>cg10683341</t>
  </si>
  <si>
    <t>cg10699215</t>
  </si>
  <si>
    <t>cg10699881</t>
  </si>
  <si>
    <t>cg10703338</t>
  </si>
  <si>
    <t>cg10712173</t>
  </si>
  <si>
    <t>cg10713951</t>
  </si>
  <si>
    <t>cg10724425</t>
  </si>
  <si>
    <t>cg10724771</t>
  </si>
  <si>
    <t>cg10728756</t>
  </si>
  <si>
    <t>cg10736309</t>
  </si>
  <si>
    <t>cg10740902</t>
  </si>
  <si>
    <t>cg10744200</t>
  </si>
  <si>
    <t>cg10752575</t>
  </si>
  <si>
    <t>cg10754215</t>
  </si>
  <si>
    <t>cg10755899</t>
  </si>
  <si>
    <t>cg10756475</t>
  </si>
  <si>
    <t>cg10773016</t>
  </si>
  <si>
    <t>cg10783925</t>
  </si>
  <si>
    <t>cg10800833</t>
  </si>
  <si>
    <t>cg10818901</t>
  </si>
  <si>
    <t>cg10825234</t>
  </si>
  <si>
    <t>cg10827011</t>
  </si>
  <si>
    <t>cg10842314</t>
  </si>
  <si>
    <t>cg10850791</t>
  </si>
  <si>
    <t>cg10858327</t>
  </si>
  <si>
    <t>cg10863741</t>
  </si>
  <si>
    <t>cg10866700</t>
  </si>
  <si>
    <t>cg10871779</t>
  </si>
  <si>
    <t>cg10878459</t>
  </si>
  <si>
    <t>cg10896676</t>
  </si>
  <si>
    <t>cg10900048</t>
  </si>
  <si>
    <t>cg10903826</t>
  </si>
  <si>
    <t>cg10911275</t>
  </si>
  <si>
    <t>cg10930664</t>
  </si>
  <si>
    <t>cg10937529</t>
  </si>
  <si>
    <t>cg10948783</t>
  </si>
  <si>
    <t>cg10966580</t>
  </si>
  <si>
    <t>cg10981736</t>
  </si>
  <si>
    <t>cg10984179</t>
  </si>
  <si>
    <t>cg10989879</t>
  </si>
  <si>
    <t>cg11002851</t>
  </si>
  <si>
    <t>cg11006787</t>
  </si>
  <si>
    <t>cg11017086</t>
  </si>
  <si>
    <t>cg11026330</t>
  </si>
  <si>
    <t>cg11059266</t>
  </si>
  <si>
    <t>cg11065849</t>
  </si>
  <si>
    <t>cg11072882</t>
  </si>
  <si>
    <t>cg11073571</t>
  </si>
  <si>
    <t>cg11073923</t>
  </si>
  <si>
    <t>cg11079866</t>
  </si>
  <si>
    <t>cg11098525</t>
  </si>
  <si>
    <t>cg11099918</t>
  </si>
  <si>
    <t>cg11104416</t>
  </si>
  <si>
    <t>cg11107149</t>
  </si>
  <si>
    <t>cg11114873</t>
  </si>
  <si>
    <t>cg11117633</t>
  </si>
  <si>
    <t>cg11117765</t>
  </si>
  <si>
    <t>cg11136406</t>
  </si>
  <si>
    <t>cg11143796</t>
  </si>
  <si>
    <t>cg11163620</t>
  </si>
  <si>
    <t>cg11168432</t>
  </si>
  <si>
    <t>cg11173999</t>
  </si>
  <si>
    <t>cg11178170</t>
  </si>
  <si>
    <t>cg11186122</t>
  </si>
  <si>
    <t>cg11187796</t>
  </si>
  <si>
    <t>cg11188596</t>
  </si>
  <si>
    <t>cg11205173</t>
  </si>
  <si>
    <t>cg11236429</t>
  </si>
  <si>
    <t>cg11236850</t>
  </si>
  <si>
    <t>cg11239145</t>
  </si>
  <si>
    <t>cg11239720</t>
  </si>
  <si>
    <t>cg11258164</t>
  </si>
  <si>
    <t>cg11271430</t>
  </si>
  <si>
    <t>cg11286023</t>
  </si>
  <si>
    <t>cg11300971</t>
  </si>
  <si>
    <t>cg11305677</t>
  </si>
  <si>
    <t>cg11317690</t>
  </si>
  <si>
    <t>cg11330398</t>
  </si>
  <si>
    <t>cg11332026</t>
  </si>
  <si>
    <t>cg11341307</t>
  </si>
  <si>
    <t>cg11356705</t>
  </si>
  <si>
    <t>cg11372436</t>
  </si>
  <si>
    <t>cg11372934</t>
  </si>
  <si>
    <t>cg11373049</t>
  </si>
  <si>
    <t>cg11380545</t>
  </si>
  <si>
    <t>cg11388320</t>
  </si>
  <si>
    <t>cg11390445</t>
  </si>
  <si>
    <t>cg11392855</t>
  </si>
  <si>
    <t>cg11392885</t>
  </si>
  <si>
    <t>cg11398097</t>
  </si>
  <si>
    <t>cg11410731</t>
  </si>
  <si>
    <t>cg11411884</t>
  </si>
  <si>
    <t>cg11416384</t>
  </si>
  <si>
    <t>cg11434219</t>
  </si>
  <si>
    <t>cg11461694</t>
  </si>
  <si>
    <t>cg11488864</t>
  </si>
  <si>
    <t>cg11508406</t>
  </si>
  <si>
    <t>cg11508949</t>
  </si>
  <si>
    <t>cg11512365</t>
  </si>
  <si>
    <t>cg11532267</t>
  </si>
  <si>
    <t>cg11539424</t>
  </si>
  <si>
    <t>cg11545838</t>
  </si>
  <si>
    <t>cg11553618</t>
  </si>
  <si>
    <t>cg11565703</t>
  </si>
  <si>
    <t>cg11566394</t>
  </si>
  <si>
    <t>cg11597475</t>
  </si>
  <si>
    <t>cg11630554</t>
  </si>
  <si>
    <t>cg11636702</t>
  </si>
  <si>
    <t>cg11640063</t>
  </si>
  <si>
    <t>cg11660413</t>
  </si>
  <si>
    <t>cg11682216</t>
  </si>
  <si>
    <t>cg11697812</t>
  </si>
  <si>
    <t>cg11717700</t>
  </si>
  <si>
    <t>cg11722183</t>
  </si>
  <si>
    <t>cg11723848</t>
  </si>
  <si>
    <t>cg11725975</t>
  </si>
  <si>
    <t>cg11765918</t>
  </si>
  <si>
    <t>cg11774413</t>
  </si>
  <si>
    <t>cg11776809</t>
  </si>
  <si>
    <t>cg11785858</t>
  </si>
  <si>
    <t>cg11798876</t>
  </si>
  <si>
    <t>cg11811743</t>
  </si>
  <si>
    <t>cg11830546</t>
  </si>
  <si>
    <t>cg11834140</t>
  </si>
  <si>
    <t>cg11844198</t>
  </si>
  <si>
    <t>cg11857013</t>
  </si>
  <si>
    <t>cg11864499</t>
  </si>
  <si>
    <t>cg11867599</t>
  </si>
  <si>
    <t>cg11906777</t>
  </si>
  <si>
    <t>cg11920453</t>
  </si>
  <si>
    <t>cg11930554</t>
  </si>
  <si>
    <t>cg11930746</t>
  </si>
  <si>
    <t>cg11932640</t>
  </si>
  <si>
    <t>cg11932961</t>
  </si>
  <si>
    <t>cg11935854</t>
  </si>
  <si>
    <t>cg11951974</t>
  </si>
  <si>
    <t>cg11975718</t>
  </si>
  <si>
    <t>cg11976233</t>
  </si>
  <si>
    <t>cg11979589</t>
  </si>
  <si>
    <t>cg11985754</t>
  </si>
  <si>
    <t>cg12008066</t>
  </si>
  <si>
    <t>cg12019520</t>
  </si>
  <si>
    <t>cg12023589</t>
  </si>
  <si>
    <t>cg12024828</t>
  </si>
  <si>
    <t>cg12026479</t>
  </si>
  <si>
    <t>cg12030941</t>
  </si>
  <si>
    <t>cg12064069</t>
  </si>
  <si>
    <t>cg12066624</t>
  </si>
  <si>
    <t>cg12087304</t>
  </si>
  <si>
    <t>cg12097672</t>
  </si>
  <si>
    <t>cg12149777</t>
  </si>
  <si>
    <t>cg12159980</t>
  </si>
  <si>
    <t>cg12160317</t>
  </si>
  <si>
    <t>cg12167823</t>
  </si>
  <si>
    <t>cg12180270</t>
  </si>
  <si>
    <t>cg12201155</t>
  </si>
  <si>
    <t>cg12205729</t>
  </si>
  <si>
    <t>cg12209042</t>
  </si>
  <si>
    <t>cg12210736</t>
  </si>
  <si>
    <t>cg12221729</t>
  </si>
  <si>
    <t>cg12226095</t>
  </si>
  <si>
    <t>cg12226453</t>
  </si>
  <si>
    <t>cg12234426</t>
  </si>
  <si>
    <t>cg12253543</t>
  </si>
  <si>
    <t>cg12290983</t>
  </si>
  <si>
    <t>cg12293340</t>
  </si>
  <si>
    <t>cg12303736</t>
  </si>
  <si>
    <t>cg12304296</t>
  </si>
  <si>
    <t>cg12306414</t>
  </si>
  <si>
    <t>cg12335110</t>
  </si>
  <si>
    <t>cg12337559</t>
  </si>
  <si>
    <t>cg12359503</t>
  </si>
  <si>
    <t>cg12362369</t>
  </si>
  <si>
    <t>cg12363722</t>
  </si>
  <si>
    <t>cg12370284</t>
  </si>
  <si>
    <t>cg12371169</t>
  </si>
  <si>
    <t>cg12372898</t>
  </si>
  <si>
    <t>cg12379954</t>
  </si>
  <si>
    <t>cg12381164</t>
  </si>
  <si>
    <t>cg12387604</t>
  </si>
  <si>
    <t>cg12387859</t>
  </si>
  <si>
    <t>cg12401343</t>
  </si>
  <si>
    <t>cg12421814</t>
  </si>
  <si>
    <t>cg12432162</t>
  </si>
  <si>
    <t>cg12452946</t>
  </si>
  <si>
    <t>cg12454419</t>
  </si>
  <si>
    <t>cg12455762</t>
  </si>
  <si>
    <t>cg12456280</t>
  </si>
  <si>
    <t>cg12483801</t>
  </si>
  <si>
    <t>cg12494166</t>
  </si>
  <si>
    <t>cg12513589</t>
  </si>
  <si>
    <t>cg12523932</t>
  </si>
  <si>
    <t>cg12524748</t>
  </si>
  <si>
    <t>cg12525219</t>
  </si>
  <si>
    <t>cg12528713</t>
  </si>
  <si>
    <t>cg12532398</t>
  </si>
  <si>
    <t>cg12553645</t>
  </si>
  <si>
    <t>cg12573119</t>
  </si>
  <si>
    <t>cg12573747</t>
  </si>
  <si>
    <t>cg12577942</t>
  </si>
  <si>
    <t>cg12594467</t>
  </si>
  <si>
    <t>cg12595016</t>
  </si>
  <si>
    <t>cg12610243</t>
  </si>
  <si>
    <t>cg12630714</t>
  </si>
  <si>
    <t>cg12632753</t>
  </si>
  <si>
    <t>cg12635606</t>
  </si>
  <si>
    <t>cg12654519</t>
  </si>
  <si>
    <t>cg12682684</t>
  </si>
  <si>
    <t>cg12703371</t>
  </si>
  <si>
    <t>cg12712270</t>
  </si>
  <si>
    <t>cg12720191</t>
  </si>
  <si>
    <t>cg12721145</t>
  </si>
  <si>
    <t>cg12721792</t>
  </si>
  <si>
    <t>cg12755397</t>
  </si>
  <si>
    <t>cg12765028</t>
  </si>
  <si>
    <t>cg12769506</t>
  </si>
  <si>
    <t>cg12772971</t>
  </si>
  <si>
    <t>cg12773394</t>
  </si>
  <si>
    <t>cg12791243</t>
  </si>
  <si>
    <t>cg12810518</t>
  </si>
  <si>
    <t>cg12811871</t>
  </si>
  <si>
    <t>cg12814969</t>
  </si>
  <si>
    <t>cg12817154</t>
  </si>
  <si>
    <t>cg12828819</t>
  </si>
  <si>
    <t>cg12829717</t>
  </si>
  <si>
    <t>cg12832492</t>
  </si>
  <si>
    <t>cg12835012</t>
  </si>
  <si>
    <t>cg12836011</t>
  </si>
  <si>
    <t>cg12837046</t>
  </si>
  <si>
    <t>cg12838192</t>
  </si>
  <si>
    <t>cg12839172</t>
  </si>
  <si>
    <t>cg12847279</t>
  </si>
  <si>
    <t>cg12861945</t>
  </si>
  <si>
    <t>cg12883826</t>
  </si>
  <si>
    <t>cg12899889</t>
  </si>
  <si>
    <t>cg12914096</t>
  </si>
  <si>
    <t>cg12918895</t>
  </si>
  <si>
    <t>cg12935979</t>
  </si>
  <si>
    <t>cg12937133</t>
  </si>
  <si>
    <t>cg12939527</t>
  </si>
  <si>
    <t>cg12944006</t>
  </si>
  <si>
    <t>cg12950911</t>
  </si>
  <si>
    <t>cg12960305</t>
  </si>
  <si>
    <t>cg12975464</t>
  </si>
  <si>
    <t>cg12986955</t>
  </si>
  <si>
    <t>cg12992778</t>
  </si>
  <si>
    <t>cg12997579</t>
  </si>
  <si>
    <t>cg13010535</t>
  </si>
  <si>
    <t>cg13023646</t>
  </si>
  <si>
    <t>cg13031623</t>
  </si>
  <si>
    <t>cg13035290</t>
  </si>
  <si>
    <t>cg13036321</t>
  </si>
  <si>
    <t>cg13036575</t>
  </si>
  <si>
    <t>cg13057196</t>
  </si>
  <si>
    <t>cg13060607</t>
  </si>
  <si>
    <t>cg13074295</t>
  </si>
  <si>
    <t>cg13076329</t>
  </si>
  <si>
    <t>cg13078140</t>
  </si>
  <si>
    <t>cg13078331</t>
  </si>
  <si>
    <t>cg13078847</t>
  </si>
  <si>
    <t>cg13080195</t>
  </si>
  <si>
    <t>cg13096007</t>
  </si>
  <si>
    <t>cg13117164</t>
  </si>
  <si>
    <t>cg13117552</t>
  </si>
  <si>
    <t>cg13132847</t>
  </si>
  <si>
    <t>cg13134950</t>
  </si>
  <si>
    <t>cg13139972</t>
  </si>
  <si>
    <t>cg13150467</t>
  </si>
  <si>
    <t>cg13155599</t>
  </si>
  <si>
    <t>cg13184723</t>
  </si>
  <si>
    <t>cg13184823</t>
  </si>
  <si>
    <t>cg13186590</t>
  </si>
  <si>
    <t>cg13191718</t>
  </si>
  <si>
    <t>cg13207326</t>
  </si>
  <si>
    <t>cg13208832</t>
  </si>
  <si>
    <t>cg13208922</t>
  </si>
  <si>
    <t>cg13244559</t>
  </si>
  <si>
    <t>cg13255282</t>
  </si>
  <si>
    <t>cg13256891</t>
  </si>
  <si>
    <t>cg13257044</t>
  </si>
  <si>
    <t>cg13281139</t>
  </si>
  <si>
    <t>cg13283739</t>
  </si>
  <si>
    <t>cg13294780</t>
  </si>
  <si>
    <t>cg13311357</t>
  </si>
  <si>
    <t>cg13319049</t>
  </si>
  <si>
    <t>cg13321967</t>
  </si>
  <si>
    <t>cg13332538</t>
  </si>
  <si>
    <t>cg13348155</t>
  </si>
  <si>
    <t>cg13348530</t>
  </si>
  <si>
    <t>cg13355728</t>
  </si>
  <si>
    <t>cg13359415</t>
  </si>
  <si>
    <t>cg13365781</t>
  </si>
  <si>
    <t>cg13373360</t>
  </si>
  <si>
    <t>cg13382000</t>
  </si>
  <si>
    <t>cg13385156</t>
  </si>
  <si>
    <t>cg13399164</t>
  </si>
  <si>
    <t>cg13421935</t>
  </si>
  <si>
    <t>cg13432708</t>
  </si>
  <si>
    <t>cg13440296</t>
  </si>
  <si>
    <t>cg13442045</t>
  </si>
  <si>
    <t>cg13444528</t>
  </si>
  <si>
    <t>cg13445199</t>
  </si>
  <si>
    <t>cg13447391</t>
  </si>
  <si>
    <t>cg13453520</t>
  </si>
  <si>
    <t>cg13458212</t>
  </si>
  <si>
    <t>cg13471028</t>
  </si>
  <si>
    <t>cg13487949</t>
  </si>
  <si>
    <t>cg13506224</t>
  </si>
  <si>
    <t>cg13506653</t>
  </si>
  <si>
    <t>cg13508557</t>
  </si>
  <si>
    <t>cg13511000</t>
  </si>
  <si>
    <t>cg13527630</t>
  </si>
  <si>
    <t>cg13542964</t>
  </si>
  <si>
    <t>cg13564595</t>
  </si>
  <si>
    <t>cg13578062</t>
  </si>
  <si>
    <t>cg13582816</t>
  </si>
  <si>
    <t>cg13587180</t>
  </si>
  <si>
    <t>cg13596040</t>
  </si>
  <si>
    <t>cg13604132</t>
  </si>
  <si>
    <t>cg13618906</t>
  </si>
  <si>
    <t>cg13622549</t>
  </si>
  <si>
    <t>cg13624385</t>
  </si>
  <si>
    <t>cg13643914</t>
  </si>
  <si>
    <t>cg13663170</t>
  </si>
  <si>
    <t>cg13664931</t>
  </si>
  <si>
    <t>cg13680184</t>
  </si>
  <si>
    <t>cg13680764</t>
  </si>
  <si>
    <t>cg13693941</t>
  </si>
  <si>
    <t>cg13728951</t>
  </si>
  <si>
    <t>cg13731523</t>
  </si>
  <si>
    <t>cg13732582</t>
  </si>
  <si>
    <t>cg13732865</t>
  </si>
  <si>
    <t>cg13735282</t>
  </si>
  <si>
    <t>cg13741740</t>
  </si>
  <si>
    <t>cg13755796</t>
  </si>
  <si>
    <t>cg13762359</t>
  </si>
  <si>
    <t>cg13765646</t>
  </si>
  <si>
    <t>cg13773914</t>
  </si>
  <si>
    <t>cg13774369</t>
  </si>
  <si>
    <t>cg13781843</t>
  </si>
  <si>
    <t>cg13783244</t>
  </si>
  <si>
    <t>cg13785473</t>
  </si>
  <si>
    <t>cg13793678</t>
  </si>
  <si>
    <t>cg13796804</t>
  </si>
  <si>
    <t>cg13798300</t>
  </si>
  <si>
    <t>cg13802269</t>
  </si>
  <si>
    <t>cg13808325</t>
  </si>
  <si>
    <t>cg13842258</t>
  </si>
  <si>
    <t>cg13859212</t>
  </si>
  <si>
    <t>cg13862631</t>
  </si>
  <si>
    <t>cg13868111</t>
  </si>
  <si>
    <t>cg13880254</t>
  </si>
  <si>
    <t>cg13888710</t>
  </si>
  <si>
    <t>cg13898584</t>
  </si>
  <si>
    <t>cg13899188</t>
  </si>
  <si>
    <t>cg13904018</t>
  </si>
  <si>
    <t>cg13929988</t>
  </si>
  <si>
    <t>cg13933174</t>
  </si>
  <si>
    <t>cg13935962</t>
  </si>
  <si>
    <t>cg13938963</t>
  </si>
  <si>
    <t>cg13939352</t>
  </si>
  <si>
    <t>cg13944084</t>
  </si>
  <si>
    <t>cg13952745</t>
  </si>
  <si>
    <t>cg13956645</t>
  </si>
  <si>
    <t>cg13958093</t>
  </si>
  <si>
    <t>cg13978381</t>
  </si>
  <si>
    <t>cg13979305</t>
  </si>
  <si>
    <t>cg13980079</t>
  </si>
  <si>
    <t>cg13998369</t>
  </si>
  <si>
    <t>cg14001914</t>
  </si>
  <si>
    <t>cg14003022</t>
  </si>
  <si>
    <t>cg14007458</t>
  </si>
  <si>
    <t>cg14008834</t>
  </si>
  <si>
    <t>cg14009745</t>
  </si>
  <si>
    <t>cg14024328</t>
  </si>
  <si>
    <t>cg14029580</t>
  </si>
  <si>
    <t>cg14029686</t>
  </si>
  <si>
    <t>cg14038058</t>
  </si>
  <si>
    <t>cg14049615</t>
  </si>
  <si>
    <t>cg14069049</t>
  </si>
  <si>
    <t>cg14082963</t>
  </si>
  <si>
    <t>cg14094333</t>
  </si>
  <si>
    <t>cg14101193</t>
  </si>
  <si>
    <t>cg14102569</t>
  </si>
  <si>
    <t>cg14102731</t>
  </si>
  <si>
    <t>cg14108327</t>
  </si>
  <si>
    <t>cg14127947</t>
  </si>
  <si>
    <t>cg14128098</t>
  </si>
  <si>
    <t>cg14130322</t>
  </si>
  <si>
    <t>cg14139551</t>
  </si>
  <si>
    <t>cg14146100</t>
  </si>
  <si>
    <t>cg14153625</t>
  </si>
  <si>
    <t>cg14177328</t>
  </si>
  <si>
    <t>cg14177620</t>
  </si>
  <si>
    <t>cg14196225</t>
  </si>
  <si>
    <t>cg14201424</t>
  </si>
  <si>
    <t>cg14202946</t>
  </si>
  <si>
    <t>cg14209637</t>
  </si>
  <si>
    <t>cg14227996</t>
  </si>
  <si>
    <t>cg14228332</t>
  </si>
  <si>
    <t>cg14232743</t>
  </si>
  <si>
    <t>cg14239811</t>
  </si>
  <si>
    <t>cg14241672</t>
  </si>
  <si>
    <t>cg14263942</t>
  </si>
  <si>
    <t>cg14266050</t>
  </si>
  <si>
    <t>cg14271438</t>
  </si>
  <si>
    <t>cg14307443</t>
  </si>
  <si>
    <t>cg14318942</t>
  </si>
  <si>
    <t>cg14324927</t>
  </si>
  <si>
    <t>cg14330641</t>
  </si>
  <si>
    <t>cg14349667</t>
  </si>
  <si>
    <t>cg14373456</t>
  </si>
  <si>
    <t>cg14435644</t>
  </si>
  <si>
    <t>cg14436098</t>
  </si>
  <si>
    <t>cg14443230</t>
  </si>
  <si>
    <t>cg14462015</t>
  </si>
  <si>
    <t>cg14466863</t>
  </si>
  <si>
    <t>cg14474793</t>
  </si>
  <si>
    <t>cg14487798</t>
  </si>
  <si>
    <t>cg14489346</t>
  </si>
  <si>
    <t>cg14502728</t>
  </si>
  <si>
    <t>cg14510638</t>
  </si>
  <si>
    <t>cg14515049</t>
  </si>
  <si>
    <t>cg14515274</t>
  </si>
  <si>
    <t>cg14516100</t>
  </si>
  <si>
    <t>cg14525473</t>
  </si>
  <si>
    <t>cg14527262</t>
  </si>
  <si>
    <t>cg14529598</t>
  </si>
  <si>
    <t>cg14532497</t>
  </si>
  <si>
    <t>cg14535019</t>
  </si>
  <si>
    <t>cg14536921</t>
  </si>
  <si>
    <t>cg14557232</t>
  </si>
  <si>
    <t>cg14561596</t>
  </si>
  <si>
    <t>cg14582824</t>
  </si>
  <si>
    <t>cg14595911</t>
  </si>
  <si>
    <t>cg14611892</t>
  </si>
  <si>
    <t>cg14633456</t>
  </si>
  <si>
    <t>cg14637221</t>
  </si>
  <si>
    <t>cg14652131</t>
  </si>
  <si>
    <t>cg14654886</t>
  </si>
  <si>
    <t>cg14660125</t>
  </si>
  <si>
    <t>cg14661813</t>
  </si>
  <si>
    <t>cg14677681</t>
  </si>
  <si>
    <t>cg14686113</t>
  </si>
  <si>
    <t>cg14704079</t>
  </si>
  <si>
    <t>cg14704921</t>
  </si>
  <si>
    <t>cg14705778</t>
  </si>
  <si>
    <t>cg14711866</t>
  </si>
  <si>
    <t>cg14718741</t>
  </si>
  <si>
    <t>cg14722716</t>
  </si>
  <si>
    <t>cg14759964</t>
  </si>
  <si>
    <t>cg14765969</t>
  </si>
  <si>
    <t>cg14773480</t>
  </si>
  <si>
    <t>cg14777507</t>
  </si>
  <si>
    <t>cg14777772</t>
  </si>
  <si>
    <t>cg14806252</t>
  </si>
  <si>
    <t>cg14810013</t>
  </si>
  <si>
    <t>cg14811608</t>
  </si>
  <si>
    <t>cg14815724</t>
  </si>
  <si>
    <t>cg14817655</t>
  </si>
  <si>
    <t>cg14824732</t>
  </si>
  <si>
    <t>cg14825729</t>
  </si>
  <si>
    <t>cg14827929</t>
  </si>
  <si>
    <t>cg14832317</t>
  </si>
  <si>
    <t>cg14837919</t>
  </si>
  <si>
    <t>cg14847236</t>
  </si>
  <si>
    <t>cg14848077</t>
  </si>
  <si>
    <t>cg14849727</t>
  </si>
  <si>
    <t>cg14864292</t>
  </si>
  <si>
    <t>cg14866200</t>
  </si>
  <si>
    <t>cg14871650</t>
  </si>
  <si>
    <t>cg14872952</t>
  </si>
  <si>
    <t>cg14882700</t>
  </si>
  <si>
    <t>cg14900814</t>
  </si>
  <si>
    <t>cg14919643</t>
  </si>
  <si>
    <t>cg14946028</t>
  </si>
  <si>
    <t>cg14946515</t>
  </si>
  <si>
    <t>cg14953026</t>
  </si>
  <si>
    <t>cg14966726</t>
  </si>
  <si>
    <t>cg14967868</t>
  </si>
  <si>
    <t>cg14992155</t>
  </si>
  <si>
    <t>cg15013279</t>
  </si>
  <si>
    <t>cg15017067</t>
  </si>
  <si>
    <t>cg15025532</t>
  </si>
  <si>
    <t>cg15032962</t>
  </si>
  <si>
    <t>cg15043926</t>
  </si>
  <si>
    <t>cg15048078</t>
  </si>
  <si>
    <t>cg15061981</t>
  </si>
  <si>
    <t>cg15064466</t>
  </si>
  <si>
    <t>cg15080098</t>
  </si>
  <si>
    <t>cg15083964</t>
  </si>
  <si>
    <t>cg15092343</t>
  </si>
  <si>
    <t>cg15105154</t>
  </si>
  <si>
    <t>cg15111629</t>
  </si>
  <si>
    <t>cg15111822</t>
  </si>
  <si>
    <t>cg15125265</t>
  </si>
  <si>
    <t>cg15125549</t>
  </si>
  <si>
    <t>cg15132749</t>
  </si>
  <si>
    <t>cg15186910</t>
  </si>
  <si>
    <t>cg15196058</t>
  </si>
  <si>
    <t>cg15202627</t>
  </si>
  <si>
    <t>cg15212038</t>
  </si>
  <si>
    <t>cg15226248</t>
  </si>
  <si>
    <t>cg15257681</t>
  </si>
  <si>
    <t>cg15268826</t>
  </si>
  <si>
    <t>cg15278734</t>
  </si>
  <si>
    <t>cg15282018</t>
  </si>
  <si>
    <t>cg15287410</t>
  </si>
  <si>
    <t>cg15296129</t>
  </si>
  <si>
    <t>cg15297110</t>
  </si>
  <si>
    <t>cg15299388</t>
  </si>
  <si>
    <t>cg15308295</t>
  </si>
  <si>
    <t>cg15356154</t>
  </si>
  <si>
    <t>cg15358937</t>
  </si>
  <si>
    <t>cg15371777</t>
  </si>
  <si>
    <t>cg15397448</t>
  </si>
  <si>
    <t>cg15400655</t>
  </si>
  <si>
    <t>cg15436123</t>
  </si>
  <si>
    <t>cg15455752</t>
  </si>
  <si>
    <t>cg15463803</t>
  </si>
  <si>
    <t>cg15471079</t>
  </si>
  <si>
    <t>cg15476523</t>
  </si>
  <si>
    <t>cg15480305</t>
  </si>
  <si>
    <t>cg15490944</t>
  </si>
  <si>
    <t>cg15505141</t>
  </si>
  <si>
    <t>cg15533075</t>
  </si>
  <si>
    <t>cg15539245</t>
  </si>
  <si>
    <t>cg15540044</t>
  </si>
  <si>
    <t>cg15543045</t>
  </si>
  <si>
    <t>cg15543566</t>
  </si>
  <si>
    <t>cg15553710</t>
  </si>
  <si>
    <t>cg15555527</t>
  </si>
  <si>
    <t>cg15556591</t>
  </si>
  <si>
    <t>cg15563027</t>
  </si>
  <si>
    <t>cg15565319</t>
  </si>
  <si>
    <t>cg15570395</t>
  </si>
  <si>
    <t>cg15586393</t>
  </si>
  <si>
    <t>cg15590989</t>
  </si>
  <si>
    <t>cg15603184</t>
  </si>
  <si>
    <t>cg15614628</t>
  </si>
  <si>
    <t>cg15618264</t>
  </si>
  <si>
    <t>cg15625219</t>
  </si>
  <si>
    <t>cg15642673</t>
  </si>
  <si>
    <t>cg15646359</t>
  </si>
  <si>
    <t>cg15653159</t>
  </si>
  <si>
    <t>cg15656813</t>
  </si>
  <si>
    <t>cg15680288</t>
  </si>
  <si>
    <t>cg15707093</t>
  </si>
  <si>
    <t>cg15708019</t>
  </si>
  <si>
    <t>cg15718581</t>
  </si>
  <si>
    <t>cg15771763</t>
  </si>
  <si>
    <t>cg15776300</t>
  </si>
  <si>
    <t>cg15780484</t>
  </si>
  <si>
    <t>cg15790941</t>
  </si>
  <si>
    <t>cg15836763</t>
  </si>
  <si>
    <t>cg15840256</t>
  </si>
  <si>
    <t>cg15847565</t>
  </si>
  <si>
    <t>cg15852258</t>
  </si>
  <si>
    <t>cg15859390</t>
  </si>
  <si>
    <t>cg15860235</t>
  </si>
  <si>
    <t>cg15867079</t>
  </si>
  <si>
    <t>cg15874062</t>
  </si>
  <si>
    <t>cg15875437</t>
  </si>
  <si>
    <t>cg15877785</t>
  </si>
  <si>
    <t>cg15879179</t>
  </si>
  <si>
    <t>cg15889003</t>
  </si>
  <si>
    <t>cg15897645</t>
  </si>
  <si>
    <t>cg15902621</t>
  </si>
  <si>
    <t>cg15908853</t>
  </si>
  <si>
    <t>cg15918701</t>
  </si>
  <si>
    <t>cg15920654</t>
  </si>
  <si>
    <t>cg15945785</t>
  </si>
  <si>
    <t>cg15948795</t>
  </si>
  <si>
    <t>cg15957017</t>
  </si>
  <si>
    <t>cg15957461</t>
  </si>
  <si>
    <t>cg15968297</t>
  </si>
  <si>
    <t>cg15977661</t>
  </si>
  <si>
    <t>cg15994026</t>
  </si>
  <si>
    <t>cg16004202</t>
  </si>
  <si>
    <t>cg16026862</t>
  </si>
  <si>
    <t>cg16041686</t>
  </si>
  <si>
    <t>cg16055869</t>
  </si>
  <si>
    <t>cg16080121</t>
  </si>
  <si>
    <t>cg16106368</t>
  </si>
  <si>
    <t>cg16107001</t>
  </si>
  <si>
    <t>cg16109795</t>
  </si>
  <si>
    <t>cg16117799</t>
  </si>
  <si>
    <t>cg16142306</t>
  </si>
  <si>
    <t>cg16144348</t>
  </si>
  <si>
    <t>cg16145167</t>
  </si>
  <si>
    <t>cg16146177</t>
  </si>
  <si>
    <t>cg16147221</t>
  </si>
  <si>
    <t>cg16150307</t>
  </si>
  <si>
    <t>cg16152424</t>
  </si>
  <si>
    <t>cg16162058</t>
  </si>
  <si>
    <t>cg16162668</t>
  </si>
  <si>
    <t>cg16164079</t>
  </si>
  <si>
    <t>cg16169732</t>
  </si>
  <si>
    <t>cg16170181</t>
  </si>
  <si>
    <t>cg16175458</t>
  </si>
  <si>
    <t>cg16176247</t>
  </si>
  <si>
    <t>cg16218302</t>
  </si>
  <si>
    <t>cg16219416</t>
  </si>
  <si>
    <t>cg16220124</t>
  </si>
  <si>
    <t>cg16231678</t>
  </si>
  <si>
    <t>cg16238933</t>
  </si>
  <si>
    <t>cg16248201</t>
  </si>
  <si>
    <t>cg16260301</t>
  </si>
  <si>
    <t>cg16267012</t>
  </si>
  <si>
    <t>cg16288220</t>
  </si>
  <si>
    <t>cg16288997</t>
  </si>
  <si>
    <t>cg16289355</t>
  </si>
  <si>
    <t>cg16292168</t>
  </si>
  <si>
    <t>cg16295725</t>
  </si>
  <si>
    <t>cg16296880</t>
  </si>
  <si>
    <t>cg16307866</t>
  </si>
  <si>
    <t>cg16316054</t>
  </si>
  <si>
    <t>cg16316472</t>
  </si>
  <si>
    <t>cg16324579</t>
  </si>
  <si>
    <t>cg16326674</t>
  </si>
  <si>
    <t>cg16327140</t>
  </si>
  <si>
    <t>cg16331929</t>
  </si>
  <si>
    <t>cg16332256</t>
  </si>
  <si>
    <t>cg16346810</t>
  </si>
  <si>
    <t>cg16357388</t>
  </si>
  <si>
    <t>cg16361840</t>
  </si>
  <si>
    <t>cg16363447</t>
  </si>
  <si>
    <t>cg16399632</t>
  </si>
  <si>
    <t>cg16405637</t>
  </si>
  <si>
    <t>cg16411668</t>
  </si>
  <si>
    <t>cg16413428</t>
  </si>
  <si>
    <t>cg16418810</t>
  </si>
  <si>
    <t>cg16421526</t>
  </si>
  <si>
    <t>cg16425726</t>
  </si>
  <si>
    <t>cg16426339</t>
  </si>
  <si>
    <t>cg16438432</t>
  </si>
  <si>
    <t>cg16461251</t>
  </si>
  <si>
    <t>cg16467235</t>
  </si>
  <si>
    <t>cg16471864</t>
  </si>
  <si>
    <t>cg16476890</t>
  </si>
  <si>
    <t>cg16509851</t>
  </si>
  <si>
    <t>cg16524332</t>
  </si>
  <si>
    <t>cg16528272</t>
  </si>
  <si>
    <t>cg16534103</t>
  </si>
  <si>
    <t>cg16538604</t>
  </si>
  <si>
    <t>cg16546016</t>
  </si>
  <si>
    <t>cg16547110</t>
  </si>
  <si>
    <t>cg16551732</t>
  </si>
  <si>
    <t>cg16565913</t>
  </si>
  <si>
    <t>cg16569664</t>
  </si>
  <si>
    <t>cg16574924</t>
  </si>
  <si>
    <t>cg16580985</t>
  </si>
  <si>
    <t>cg16584286</t>
  </si>
  <si>
    <t>cg16585580</t>
  </si>
  <si>
    <t>cg16595974</t>
  </si>
  <si>
    <t>cg16596755</t>
  </si>
  <si>
    <t>cg16601146</t>
  </si>
  <si>
    <t>cg16619777</t>
  </si>
  <si>
    <t>cg16622494</t>
  </si>
  <si>
    <t>cg16655724</t>
  </si>
  <si>
    <t>cg16659246</t>
  </si>
  <si>
    <t>cg16700392</t>
  </si>
  <si>
    <t>cg16701456</t>
  </si>
  <si>
    <t>cg16718445</t>
  </si>
  <si>
    <t>cg16741463</t>
  </si>
  <si>
    <t>cg16752864</t>
  </si>
  <si>
    <t>cg16784566</t>
  </si>
  <si>
    <t>cg16785698</t>
  </si>
  <si>
    <t>cg16786640</t>
  </si>
  <si>
    <t>cg16786756</t>
  </si>
  <si>
    <t>cg16789902</t>
  </si>
  <si>
    <t>cg16802152</t>
  </si>
  <si>
    <t>cg16814143</t>
  </si>
  <si>
    <t>cg16818443</t>
  </si>
  <si>
    <t>cg16823009</t>
  </si>
  <si>
    <t>cg16823397</t>
  </si>
  <si>
    <t>cg16843689</t>
  </si>
  <si>
    <t>cg16847041</t>
  </si>
  <si>
    <t>cg16852685</t>
  </si>
  <si>
    <t>cg16876315</t>
  </si>
  <si>
    <t>cg16885470</t>
  </si>
  <si>
    <t>cg16895254</t>
  </si>
  <si>
    <t>cg16910047</t>
  </si>
  <si>
    <t>cg16919569</t>
  </si>
  <si>
    <t>cg16920191</t>
  </si>
  <si>
    <t>cg16921014</t>
  </si>
  <si>
    <t>cg16942223</t>
  </si>
  <si>
    <t>cg16968413</t>
  </si>
  <si>
    <t>cg16974909</t>
  </si>
  <si>
    <t>cg16976370</t>
  </si>
  <si>
    <t>cg16991595</t>
  </si>
  <si>
    <t>cg16994517</t>
  </si>
  <si>
    <t>cg16999370</t>
  </si>
  <si>
    <t>cg17000427</t>
  </si>
  <si>
    <t>cg17006136</t>
  </si>
  <si>
    <t>cg17021988</t>
  </si>
  <si>
    <t>cg17035899</t>
  </si>
  <si>
    <t>cg17055083</t>
  </si>
  <si>
    <t>cg17069313</t>
  </si>
  <si>
    <t>cg17070354</t>
  </si>
  <si>
    <t>cg17081048</t>
  </si>
  <si>
    <t>cg17086759</t>
  </si>
  <si>
    <t>cg17095315</t>
  </si>
  <si>
    <t>cg17113216</t>
  </si>
  <si>
    <t>cg17118812</t>
  </si>
  <si>
    <t>cg17127050</t>
  </si>
  <si>
    <t>cg17128947</t>
  </si>
  <si>
    <t>cg17160751</t>
  </si>
  <si>
    <t>cg17173896</t>
  </si>
  <si>
    <t>cg17174845</t>
  </si>
  <si>
    <t>cg17186107</t>
  </si>
  <si>
    <t>cg17187041</t>
  </si>
  <si>
    <t>cg17214381</t>
  </si>
  <si>
    <t>cg17215843</t>
  </si>
  <si>
    <t>cg17254961</t>
  </si>
  <si>
    <t>cg17255450</t>
  </si>
  <si>
    <t>cg17256253</t>
  </si>
  <si>
    <t>cg17265829</t>
  </si>
  <si>
    <t>cg17269277</t>
  </si>
  <si>
    <t>cg17270894</t>
  </si>
  <si>
    <t>cg17274881</t>
  </si>
  <si>
    <t>cg17275700</t>
  </si>
  <si>
    <t>cg17290159</t>
  </si>
  <si>
    <t>cg17302176</t>
  </si>
  <si>
    <t>cg17309074</t>
  </si>
  <si>
    <t>cg17315281</t>
  </si>
  <si>
    <t>cg17327401</t>
  </si>
  <si>
    <t>cg17334018</t>
  </si>
  <si>
    <t>cg17352995</t>
  </si>
  <si>
    <t>cg17360140</t>
  </si>
  <si>
    <t>cg17366332</t>
  </si>
  <si>
    <t>cg17367836</t>
  </si>
  <si>
    <t>cg17378483</t>
  </si>
  <si>
    <t>cg17383024</t>
  </si>
  <si>
    <t>cg17393568</t>
  </si>
  <si>
    <t>cg17396620</t>
  </si>
  <si>
    <t>cg17404403</t>
  </si>
  <si>
    <t>cg17405234</t>
  </si>
  <si>
    <t>cg17434366</t>
  </si>
  <si>
    <t>cg17439158</t>
  </si>
  <si>
    <t>cg17445145</t>
  </si>
  <si>
    <t>cg17445155</t>
  </si>
  <si>
    <t>cg17470837</t>
  </si>
  <si>
    <t>cg17482273</t>
  </si>
  <si>
    <t>cg17483361</t>
  </si>
  <si>
    <t>cg17485021</t>
  </si>
  <si>
    <t>cg17496447</t>
  </si>
  <si>
    <t>cg17504999</t>
  </si>
  <si>
    <t>cg17524170</t>
  </si>
  <si>
    <t>cg17524637</t>
  </si>
  <si>
    <t>cg17545610</t>
  </si>
  <si>
    <t>cg17548431</t>
  </si>
  <si>
    <t>cg17574471</t>
  </si>
  <si>
    <t>cg17583733</t>
  </si>
  <si>
    <t>cg17584241</t>
  </si>
  <si>
    <t>cg17584303</t>
  </si>
  <si>
    <t>cg17584804</t>
  </si>
  <si>
    <t>cg17586321</t>
  </si>
  <si>
    <t>cg17630248</t>
  </si>
  <si>
    <t>cg17630294</t>
  </si>
  <si>
    <t>cg17631454</t>
  </si>
  <si>
    <t>cg17632579</t>
  </si>
  <si>
    <t>cg17633449</t>
  </si>
  <si>
    <t>cg17635579</t>
  </si>
  <si>
    <t>cg17635903</t>
  </si>
  <si>
    <t>cg17641861</t>
  </si>
  <si>
    <t>cg17643796</t>
  </si>
  <si>
    <t>cg17652206</t>
  </si>
  <si>
    <t>cg17652741</t>
  </si>
  <si>
    <t>cg17653203</t>
  </si>
  <si>
    <t>cg17690832</t>
  </si>
  <si>
    <t>cg17712092</t>
  </si>
  <si>
    <t>cg17717282</t>
  </si>
  <si>
    <t>cg17718401</t>
  </si>
  <si>
    <t>cg17719317</t>
  </si>
  <si>
    <t>cg17747619</t>
  </si>
  <si>
    <t>cg17780992</t>
  </si>
  <si>
    <t>cg17783641</t>
  </si>
  <si>
    <t>cg17785786</t>
  </si>
  <si>
    <t>cg17790852</t>
  </si>
  <si>
    <t>cg17806847</t>
  </si>
  <si>
    <t>cg17807131</t>
  </si>
  <si>
    <t>cg17812850</t>
  </si>
  <si>
    <t>cg17814457</t>
  </si>
  <si>
    <t>cg17823807</t>
  </si>
  <si>
    <t>cg17849194</t>
  </si>
  <si>
    <t>cg17868445</t>
  </si>
  <si>
    <t>cg17876581</t>
  </si>
  <si>
    <t>cg17879320</t>
  </si>
  <si>
    <t>cg17891759</t>
  </si>
  <si>
    <t>cg17891820</t>
  </si>
  <si>
    <t>cg17898329</t>
  </si>
  <si>
    <t>cg17898823</t>
  </si>
  <si>
    <t>cg17922359</t>
  </si>
  <si>
    <t>cg17932096</t>
  </si>
  <si>
    <t>cg17936460</t>
  </si>
  <si>
    <t>cg17949969</t>
  </si>
  <si>
    <t>cg17953764</t>
  </si>
  <si>
    <t>cg17954724</t>
  </si>
  <si>
    <t>cg17987651</t>
  </si>
  <si>
    <t>cg17997207</t>
  </si>
  <si>
    <t>cg18005972</t>
  </si>
  <si>
    <t>cg18021716</t>
  </si>
  <si>
    <t>cg18023558</t>
  </si>
  <si>
    <t>cg18029791</t>
  </si>
  <si>
    <t>cg18059449</t>
  </si>
  <si>
    <t>cg18065318</t>
  </si>
  <si>
    <t>cg18070394</t>
  </si>
  <si>
    <t>cg18072802</t>
  </si>
  <si>
    <t>cg18073471</t>
  </si>
  <si>
    <t>cg18078087</t>
  </si>
  <si>
    <t>cg18085400</t>
  </si>
  <si>
    <t>cg18089134</t>
  </si>
  <si>
    <t>cg18097726</t>
  </si>
  <si>
    <t>cg18108499</t>
  </si>
  <si>
    <t>cg18108669</t>
  </si>
  <si>
    <t>cg18120376</t>
  </si>
  <si>
    <t>cg18123043</t>
  </si>
  <si>
    <t>cg18123319</t>
  </si>
  <si>
    <t>cg18129755</t>
  </si>
  <si>
    <t>cg18132212</t>
  </si>
  <si>
    <t>cg18138842</t>
  </si>
  <si>
    <t>cg18143143</t>
  </si>
  <si>
    <t>cg18145393</t>
  </si>
  <si>
    <t>cg18145652</t>
  </si>
  <si>
    <t>cg18147226</t>
  </si>
  <si>
    <t>cg18161100</t>
  </si>
  <si>
    <t>cg18171715</t>
  </si>
  <si>
    <t>cg18177533</t>
  </si>
  <si>
    <t>cg18179964</t>
  </si>
  <si>
    <t>cg18181323</t>
  </si>
  <si>
    <t>cg18192146</t>
  </si>
  <si>
    <t>cg18202623</t>
  </si>
  <si>
    <t>cg18214799</t>
  </si>
  <si>
    <t>cg18230796</t>
  </si>
  <si>
    <t>cg18236211</t>
  </si>
  <si>
    <t>cg18236571</t>
  </si>
  <si>
    <t>cg18276145</t>
  </si>
  <si>
    <t>cg18280125</t>
  </si>
  <si>
    <t>cg18280362</t>
  </si>
  <si>
    <t>cg18295838</t>
  </si>
  <si>
    <t>cg18314424</t>
  </si>
  <si>
    <t>cg18319799</t>
  </si>
  <si>
    <t>cg18319818</t>
  </si>
  <si>
    <t>cg18330675</t>
  </si>
  <si>
    <t>cg18342279</t>
  </si>
  <si>
    <t>cg18345806</t>
  </si>
  <si>
    <t>cg18347642</t>
  </si>
  <si>
    <t>cg18350702</t>
  </si>
  <si>
    <t>cg18352616</t>
  </si>
  <si>
    <t>cg18355902</t>
  </si>
  <si>
    <t>cg18357563</t>
  </si>
  <si>
    <t>cg18361445</t>
  </si>
  <si>
    <t>cg18366200</t>
  </si>
  <si>
    <t>cg18377044</t>
  </si>
  <si>
    <t>cg18378453</t>
  </si>
  <si>
    <t>cg18385719</t>
  </si>
  <si>
    <t>cg18399510</t>
  </si>
  <si>
    <t>cg18401298</t>
  </si>
  <si>
    <t>cg18406718</t>
  </si>
  <si>
    <t>cg18424538</t>
  </si>
  <si>
    <t>cg18432471</t>
  </si>
  <si>
    <t>cg18435820</t>
  </si>
  <si>
    <t>cg18450270</t>
  </si>
  <si>
    <t>cg18462226</t>
  </si>
  <si>
    <t>cg18488266</t>
  </si>
  <si>
    <t>cg18500286</t>
  </si>
  <si>
    <t>cg18502306</t>
  </si>
  <si>
    <t>cg18511930</t>
  </si>
  <si>
    <t>cg18513200</t>
  </si>
  <si>
    <t>cg18513383</t>
  </si>
  <si>
    <t>cg18515868</t>
  </si>
  <si>
    <t>cg18538958</t>
  </si>
  <si>
    <t>cg18548362</t>
  </si>
  <si>
    <t>cg18559442</t>
  </si>
  <si>
    <t>cg18587806</t>
  </si>
  <si>
    <t>cg18589016</t>
  </si>
  <si>
    <t>cg18607468</t>
  </si>
  <si>
    <t>cg18608025</t>
  </si>
  <si>
    <t>cg18609779</t>
  </si>
  <si>
    <t>cg18624348</t>
  </si>
  <si>
    <t>cg18629427</t>
  </si>
  <si>
    <t>cg18632843</t>
  </si>
  <si>
    <t>cg18648122</t>
  </si>
  <si>
    <t>cg18694877</t>
  </si>
  <si>
    <t>cg18695931</t>
  </si>
  <si>
    <t>cg18697929</t>
  </si>
  <si>
    <t>cg18701218</t>
  </si>
  <si>
    <t>cg18702278</t>
  </si>
  <si>
    <t>cg18702689</t>
  </si>
  <si>
    <t>cg18705900</t>
  </si>
  <si>
    <t>cg18716979</t>
  </si>
  <si>
    <t>cg18719814</t>
  </si>
  <si>
    <t>cg18727501</t>
  </si>
  <si>
    <t>cg18727948</t>
  </si>
  <si>
    <t>cg18729308</t>
  </si>
  <si>
    <t>cg18752363</t>
  </si>
  <si>
    <t>cg18787914</t>
  </si>
  <si>
    <t>cg18790597</t>
  </si>
  <si>
    <t>cg18813158</t>
  </si>
  <si>
    <t>cg18830273</t>
  </si>
  <si>
    <t>cg18830721</t>
  </si>
  <si>
    <t>cg18831827</t>
  </si>
  <si>
    <t>cg18848985</t>
  </si>
  <si>
    <t>cg18866267</t>
  </si>
  <si>
    <t>cg18882060</t>
  </si>
  <si>
    <t>cg18883033</t>
  </si>
  <si>
    <t>cg18892530</t>
  </si>
  <si>
    <t>cg18910548</t>
  </si>
  <si>
    <t>cg18912103</t>
  </si>
  <si>
    <t>cg18930905</t>
  </si>
  <si>
    <t>cg18930994</t>
  </si>
  <si>
    <t>cg18945794</t>
  </si>
  <si>
    <t>cg18948380</t>
  </si>
  <si>
    <t>cg18967534</t>
  </si>
  <si>
    <t>cg18973586</t>
  </si>
  <si>
    <t>cg18997433</t>
  </si>
  <si>
    <t>cg19039464</t>
  </si>
  <si>
    <t>cg19045644</t>
  </si>
  <si>
    <t>cg19049165</t>
  </si>
  <si>
    <t>cg19062478</t>
  </si>
  <si>
    <t>cg19065831</t>
  </si>
  <si>
    <t>cg19082131</t>
  </si>
  <si>
    <t>cg19082230</t>
  </si>
  <si>
    <t>cg19091677</t>
  </si>
  <si>
    <t>cg19105459</t>
  </si>
  <si>
    <t>cg19107815</t>
  </si>
  <si>
    <t>cg19115630</t>
  </si>
  <si>
    <t>cg19116814</t>
  </si>
  <si>
    <t>cg19129369</t>
  </si>
  <si>
    <t>cg19168309</t>
  </si>
  <si>
    <t>cg19178853</t>
  </si>
  <si>
    <t>cg19182279</t>
  </si>
  <si>
    <t>cg19204194</t>
  </si>
  <si>
    <t>cg19206986</t>
  </si>
  <si>
    <t>cg19209355</t>
  </si>
  <si>
    <t>cg19223129</t>
  </si>
  <si>
    <t>cg19247841</t>
  </si>
  <si>
    <t>cg19278809</t>
  </si>
  <si>
    <t>cg19280196</t>
  </si>
  <si>
    <t>cg19287121</t>
  </si>
  <si>
    <t>cg19287711</t>
  </si>
  <si>
    <t>cg19289767</t>
  </si>
  <si>
    <t>cg19291606</t>
  </si>
  <si>
    <t>cg19294653</t>
  </si>
  <si>
    <t>cg19296153</t>
  </si>
  <si>
    <t>cg19300568</t>
  </si>
  <si>
    <t>cg19305040</t>
  </si>
  <si>
    <t>cg19310307</t>
  </si>
  <si>
    <t>cg19315730</t>
  </si>
  <si>
    <t>cg19346645</t>
  </si>
  <si>
    <t>cg19357369</t>
  </si>
  <si>
    <t>cg19364929</t>
  </si>
  <si>
    <t>cg19372710</t>
  </si>
  <si>
    <t>cg19390329</t>
  </si>
  <si>
    <t>cg19396363</t>
  </si>
  <si>
    <t>cg19400545</t>
  </si>
  <si>
    <t>cg19403541</t>
  </si>
  <si>
    <t>cg19405718</t>
  </si>
  <si>
    <t>cg19423907</t>
  </si>
  <si>
    <t>cg19429466</t>
  </si>
  <si>
    <t>cg19431293</t>
  </si>
  <si>
    <t>cg19433769</t>
  </si>
  <si>
    <t>cg19444390</t>
  </si>
  <si>
    <t>cg19448109</t>
  </si>
  <si>
    <t>cg19487894</t>
  </si>
  <si>
    <t>cg19493204</t>
  </si>
  <si>
    <t>cg19501982</t>
  </si>
  <si>
    <t>cg19502700</t>
  </si>
  <si>
    <t>cg19510075</t>
  </si>
  <si>
    <t>cg19515530</t>
  </si>
  <si>
    <t>cg19517378</t>
  </si>
  <si>
    <t>cg19521564</t>
  </si>
  <si>
    <t>cg19542630</t>
  </si>
  <si>
    <t>cg19545623</t>
  </si>
  <si>
    <t>cg19551541</t>
  </si>
  <si>
    <t>cg19556948</t>
  </si>
  <si>
    <t>cg19563433</t>
  </si>
  <si>
    <t>cg19570775</t>
  </si>
  <si>
    <t>cg19589922</t>
  </si>
  <si>
    <t>cg19590290</t>
  </si>
  <si>
    <t>cg19590834</t>
  </si>
  <si>
    <t>cg19599451</t>
  </si>
  <si>
    <t>cg19616230</t>
  </si>
  <si>
    <t>cg19625524</t>
  </si>
  <si>
    <t>cg19628694</t>
  </si>
  <si>
    <t>cg19633353</t>
  </si>
  <si>
    <t>cg19639041</t>
  </si>
  <si>
    <t>cg19661030</t>
  </si>
  <si>
    <t>cg19664311</t>
  </si>
  <si>
    <t>cg19665882</t>
  </si>
  <si>
    <t>cg19672271</t>
  </si>
  <si>
    <t>cg19704288</t>
  </si>
  <si>
    <t>cg19710302</t>
  </si>
  <si>
    <t>cg19714558</t>
  </si>
  <si>
    <t>cg19717235</t>
  </si>
  <si>
    <t>cg19734201</t>
  </si>
  <si>
    <t>cg19737036</t>
  </si>
  <si>
    <t>cg19745553</t>
  </si>
  <si>
    <t>cg19746194</t>
  </si>
  <si>
    <t>cg19760132</t>
  </si>
  <si>
    <t>cg19766441</t>
  </si>
  <si>
    <t>cg19770541</t>
  </si>
  <si>
    <t>cg19771400</t>
  </si>
  <si>
    <t>cg19777067</t>
  </si>
  <si>
    <t>cg19780308</t>
  </si>
  <si>
    <t>cg19847643</t>
  </si>
  <si>
    <t>cg19858931</t>
  </si>
  <si>
    <t>cg19898128</t>
  </si>
  <si>
    <t>cg19905754</t>
  </si>
  <si>
    <t>cg19908812</t>
  </si>
  <si>
    <t>cg19916409</t>
  </si>
  <si>
    <t>cg19923393</t>
  </si>
  <si>
    <t>cg19926630</t>
  </si>
  <si>
    <t>cg19932974</t>
  </si>
  <si>
    <t>cg19935850</t>
  </si>
  <si>
    <t>cg19936016</t>
  </si>
  <si>
    <t>cg19938791</t>
  </si>
  <si>
    <t>cg19942560</t>
  </si>
  <si>
    <t>cg19952095</t>
  </si>
  <si>
    <t>cg19955849</t>
  </si>
  <si>
    <t>cg19976997</t>
  </si>
  <si>
    <t>cg19977408</t>
  </si>
  <si>
    <t>cg19983627</t>
  </si>
  <si>
    <t>cg19995828</t>
  </si>
  <si>
    <t>cg19999682</t>
  </si>
  <si>
    <t>cg20000718</t>
  </si>
  <si>
    <t>cg20003800</t>
  </si>
  <si>
    <t>cg20022216</t>
  </si>
  <si>
    <t>cg20045045</t>
  </si>
  <si>
    <t>cg20060523</t>
  </si>
  <si>
    <t>cg20061378</t>
  </si>
  <si>
    <t>cg20061931</t>
  </si>
  <si>
    <t>cg20075156</t>
  </si>
  <si>
    <t>cg20088535</t>
  </si>
  <si>
    <t>cg20095036</t>
  </si>
  <si>
    <t>cg20111118</t>
  </si>
  <si>
    <t>cg20111187</t>
  </si>
  <si>
    <t>cg20115508</t>
  </si>
  <si>
    <t>cg20208394</t>
  </si>
  <si>
    <t>cg20208633</t>
  </si>
  <si>
    <t>cg20236533</t>
  </si>
  <si>
    <t>cg20250126</t>
  </si>
  <si>
    <t>cg20274950</t>
  </si>
  <si>
    <t>cg20276585</t>
  </si>
  <si>
    <t>cg20277282</t>
  </si>
  <si>
    <t>cg20289913</t>
  </si>
  <si>
    <t>cg20291436</t>
  </si>
  <si>
    <t>cg20298098</t>
  </si>
  <si>
    <t>cg20303303</t>
  </si>
  <si>
    <t>cg20313298</t>
  </si>
  <si>
    <t>cg20321250</t>
  </si>
  <si>
    <t>cg20325293</t>
  </si>
  <si>
    <t>cg20332645</t>
  </si>
  <si>
    <t>cg20334243</t>
  </si>
  <si>
    <t>cg20362529</t>
  </si>
  <si>
    <t>cg20364241</t>
  </si>
  <si>
    <t>cg20391652</t>
  </si>
  <si>
    <t>cg20393324</t>
  </si>
  <si>
    <t>cg20401102</t>
  </si>
  <si>
    <t>cg20403541</t>
  </si>
  <si>
    <t>cg20428120</t>
  </si>
  <si>
    <t>cg20435896</t>
  </si>
  <si>
    <t>cg20445582</t>
  </si>
  <si>
    <t>cg20450979</t>
  </si>
  <si>
    <t>cg20451727</t>
  </si>
  <si>
    <t>cg20456258</t>
  </si>
  <si>
    <t>cg20460797</t>
  </si>
  <si>
    <t>cg20464535</t>
  </si>
  <si>
    <t>cg20478578</t>
  </si>
  <si>
    <t>cg20494553</t>
  </si>
  <si>
    <t>cg20516074</t>
  </si>
  <si>
    <t>cg20521198</t>
  </si>
  <si>
    <t>cg20523278</t>
  </si>
  <si>
    <t>cg20525663</t>
  </si>
  <si>
    <t>cg20528583</t>
  </si>
  <si>
    <t>cg20529645</t>
  </si>
  <si>
    <t>cg20533530</t>
  </si>
  <si>
    <t>cg20564913</t>
  </si>
  <si>
    <t>cg20576162</t>
  </si>
  <si>
    <t>cg20588113</t>
  </si>
  <si>
    <t>cg20594961</t>
  </si>
  <si>
    <t>cg20599022</t>
  </si>
  <si>
    <t>cg20600051</t>
  </si>
  <si>
    <t>cg20608348</t>
  </si>
  <si>
    <t>cg20609063</t>
  </si>
  <si>
    <t>cg20618622</t>
  </si>
  <si>
    <t>cg20656602</t>
  </si>
  <si>
    <t>cg20656751</t>
  </si>
  <si>
    <t>cg20686432</t>
  </si>
  <si>
    <t>cg20690303</t>
  </si>
  <si>
    <t>cg20691101</t>
  </si>
  <si>
    <t>cg20705566</t>
  </si>
  <si>
    <t>cg20705938</t>
  </si>
  <si>
    <t>cg20710842</t>
  </si>
  <si>
    <t>cg20724681</t>
  </si>
  <si>
    <t>cg20729813</t>
  </si>
  <si>
    <t>cg20740157</t>
  </si>
  <si>
    <t>cg20743080</t>
  </si>
  <si>
    <t>cg20756175</t>
  </si>
  <si>
    <t>cg20764212</t>
  </si>
  <si>
    <t>cg20774475</t>
  </si>
  <si>
    <t>cg20776829</t>
  </si>
  <si>
    <t>cg20785360</t>
  </si>
  <si>
    <t>cg20792107</t>
  </si>
  <si>
    <t>cg20806502</t>
  </si>
  <si>
    <t>cg20817902</t>
  </si>
  <si>
    <t>cg20825892</t>
  </si>
  <si>
    <t>cg20841362</t>
  </si>
  <si>
    <t>cg20842997</t>
  </si>
  <si>
    <t>cg20854580</t>
  </si>
  <si>
    <t>cg20871904</t>
  </si>
  <si>
    <t>cg20872579</t>
  </si>
  <si>
    <t>cg20893464</t>
  </si>
  <si>
    <t>cg20908224</t>
  </si>
  <si>
    <t>cg20910303</t>
  </si>
  <si>
    <t>cg20929387</t>
  </si>
  <si>
    <t>cg20932348</t>
  </si>
  <si>
    <t>cg20946504</t>
  </si>
  <si>
    <t>cg20948258</t>
  </si>
  <si>
    <t>cg20963592</t>
  </si>
  <si>
    <t>cg20978694</t>
  </si>
  <si>
    <t>cg20986370</t>
  </si>
  <si>
    <t>cg20989553</t>
  </si>
  <si>
    <t>cg20989855</t>
  </si>
  <si>
    <t>cg21004358</t>
  </si>
  <si>
    <t>cg21008928</t>
  </si>
  <si>
    <t>cg21011691</t>
  </si>
  <si>
    <t>cg21025501</t>
  </si>
  <si>
    <t>cg21037378</t>
  </si>
  <si>
    <t>cg21039597</t>
  </si>
  <si>
    <t>cg21042627</t>
  </si>
  <si>
    <t>cg21043256</t>
  </si>
  <si>
    <t>cg21046364</t>
  </si>
  <si>
    <t>cg21058927</t>
  </si>
  <si>
    <t>cg21077559</t>
  </si>
  <si>
    <t>cg21078247</t>
  </si>
  <si>
    <t>cg21080506</t>
  </si>
  <si>
    <t>cg21082272</t>
  </si>
  <si>
    <t>cg21089669</t>
  </si>
  <si>
    <t>cg21099470</t>
  </si>
  <si>
    <t>cg21114126</t>
  </si>
  <si>
    <t>cg21123913</t>
  </si>
  <si>
    <t>cg21131031</t>
  </si>
  <si>
    <t>cg21150843</t>
  </si>
  <si>
    <t>cg21151883</t>
  </si>
  <si>
    <t>cg21156210</t>
  </si>
  <si>
    <t>cg21161891</t>
  </si>
  <si>
    <t>cg21197371</t>
  </si>
  <si>
    <t>cg21202355</t>
  </si>
  <si>
    <t>cg21219692</t>
  </si>
  <si>
    <t>cg21220264</t>
  </si>
  <si>
    <t>cg21258377</t>
  </si>
  <si>
    <t>cg21300742</t>
  </si>
  <si>
    <t>cg21329599</t>
  </si>
  <si>
    <t>cg21330088</t>
  </si>
  <si>
    <t>cg21333208</t>
  </si>
  <si>
    <t>cg21336235</t>
  </si>
  <si>
    <t>cg21349723</t>
  </si>
  <si>
    <t>cg21380181</t>
  </si>
  <si>
    <t>cg21393018</t>
  </si>
  <si>
    <t>cg21397124</t>
  </si>
  <si>
    <t>cg21397393</t>
  </si>
  <si>
    <t>cg21399832</t>
  </si>
  <si>
    <t>cg21426974</t>
  </si>
  <si>
    <t>cg21430939</t>
  </si>
  <si>
    <t>cg21433820</t>
  </si>
  <si>
    <t>cg21434530</t>
  </si>
  <si>
    <t>cg21441505</t>
  </si>
  <si>
    <t>cg21444912</t>
  </si>
  <si>
    <t>cg21445913</t>
  </si>
  <si>
    <t>cg21454177</t>
  </si>
  <si>
    <t>cg21477170</t>
  </si>
  <si>
    <t>cg21498785</t>
  </si>
  <si>
    <t>cg21499685</t>
  </si>
  <si>
    <t>cg21512644</t>
  </si>
  <si>
    <t>cg21540266</t>
  </si>
  <si>
    <t>cg21540460</t>
  </si>
  <si>
    <t>cg21548116</t>
  </si>
  <si>
    <t>cg21575861</t>
  </si>
  <si>
    <t>cg21593149</t>
  </si>
  <si>
    <t>cg21593669</t>
  </si>
  <si>
    <t>cg21604320</t>
  </si>
  <si>
    <t>cg21608500</t>
  </si>
  <si>
    <t>cg21641573</t>
  </si>
  <si>
    <t>cg21646326</t>
  </si>
  <si>
    <t>cg21647189</t>
  </si>
  <si>
    <t>cg21656748</t>
  </si>
  <si>
    <t>cg21703586</t>
  </si>
  <si>
    <t>cg21721155</t>
  </si>
  <si>
    <t>cg21722242</t>
  </si>
  <si>
    <t>cg21726372</t>
  </si>
  <si>
    <t>cg21732915</t>
  </si>
  <si>
    <t>cg21733154</t>
  </si>
  <si>
    <t>cg21737039</t>
  </si>
  <si>
    <t>cg21781648</t>
  </si>
  <si>
    <t>cg21782409</t>
  </si>
  <si>
    <t>cg21786873</t>
  </si>
  <si>
    <t>cg21789229</t>
  </si>
  <si>
    <t>cg21798447</t>
  </si>
  <si>
    <t>cg21799469</t>
  </si>
  <si>
    <t>cg21811021</t>
  </si>
  <si>
    <t>cg21823999</t>
  </si>
  <si>
    <t>cg21832951</t>
  </si>
  <si>
    <t>cg21852439</t>
  </si>
  <si>
    <t>cg21865128</t>
  </si>
  <si>
    <t>cg21904978</t>
  </si>
  <si>
    <t>cg21921384</t>
  </si>
  <si>
    <t>cg21924273</t>
  </si>
  <si>
    <t>cg21943719</t>
  </si>
  <si>
    <t>cg21954109</t>
  </si>
  <si>
    <t>cg21959036</t>
  </si>
  <si>
    <t>cg21960381</t>
  </si>
  <si>
    <t>cg21969792</t>
  </si>
  <si>
    <t>cg21980338</t>
  </si>
  <si>
    <t>cg21988067</t>
  </si>
  <si>
    <t>cg22006640</t>
  </si>
  <si>
    <t>cg22011966</t>
  </si>
  <si>
    <t>cg22014887</t>
  </si>
  <si>
    <t>cg22017213</t>
  </si>
  <si>
    <t>cg22029824</t>
  </si>
  <si>
    <t>cg22031336</t>
  </si>
  <si>
    <t>cg22041682</t>
  </si>
  <si>
    <t>cg22051345</t>
  </si>
  <si>
    <t>cg22060621</t>
  </si>
  <si>
    <t>cg22070991</t>
  </si>
  <si>
    <t>cg22077701</t>
  </si>
  <si>
    <t>cg22079161</t>
  </si>
  <si>
    <t>cg22080728</t>
  </si>
  <si>
    <t>cg22083643</t>
  </si>
  <si>
    <t>cg22089096</t>
  </si>
  <si>
    <t>cg22093805</t>
  </si>
  <si>
    <t>cg22103164</t>
  </si>
  <si>
    <t>cg22103764</t>
  </si>
  <si>
    <t>cg22105146</t>
  </si>
  <si>
    <t>cg22109262</t>
  </si>
  <si>
    <t>cg22112476</t>
  </si>
  <si>
    <t>cg22117062</t>
  </si>
  <si>
    <t>cg22117825</t>
  </si>
  <si>
    <t>cg22122361</t>
  </si>
  <si>
    <t>cg22127491</t>
  </si>
  <si>
    <t>cg22140614</t>
  </si>
  <si>
    <t>cg22153181</t>
  </si>
  <si>
    <t>cg22175561</t>
  </si>
  <si>
    <t>cg22178861</t>
  </si>
  <si>
    <t>cg22180410</t>
  </si>
  <si>
    <t>cg22198044</t>
  </si>
  <si>
    <t>cg22216491</t>
  </si>
  <si>
    <t>cg22219489</t>
  </si>
  <si>
    <t>cg22253313</t>
  </si>
  <si>
    <t>cg22254127</t>
  </si>
  <si>
    <t>cg22266749</t>
  </si>
  <si>
    <t>cg22270027</t>
  </si>
  <si>
    <t>cg22275314</t>
  </si>
  <si>
    <t>cg22288235</t>
  </si>
  <si>
    <t>cg22288613</t>
  </si>
  <si>
    <t>cg22290744</t>
  </si>
  <si>
    <t>cg22299454</t>
  </si>
  <si>
    <t>cg22316269</t>
  </si>
  <si>
    <t>cg22326973</t>
  </si>
  <si>
    <t>cg22333016</t>
  </si>
  <si>
    <t>cg22348066</t>
  </si>
  <si>
    <t>cg22351267</t>
  </si>
  <si>
    <t>cg22355463</t>
  </si>
  <si>
    <t>cg22385477</t>
  </si>
  <si>
    <t>cg22386757</t>
  </si>
  <si>
    <t>cg22388850</t>
  </si>
  <si>
    <t>cg22398909</t>
  </si>
  <si>
    <t>cg22402852</t>
  </si>
  <si>
    <t>cg22414949</t>
  </si>
  <si>
    <t>cg22423979</t>
  </si>
  <si>
    <t>cg22434409</t>
  </si>
  <si>
    <t>cg22443258</t>
  </si>
  <si>
    <t>cg22443651</t>
  </si>
  <si>
    <t>cg22451233</t>
  </si>
  <si>
    <t>cg22461615</t>
  </si>
  <si>
    <t>cg22466995</t>
  </si>
  <si>
    <t>cg22470073</t>
  </si>
  <si>
    <t>cg22478591</t>
  </si>
  <si>
    <t>cg22492279</t>
  </si>
  <si>
    <t>cg22495150</t>
  </si>
  <si>
    <t>cg22507402</t>
  </si>
  <si>
    <t>cg22519233</t>
  </si>
  <si>
    <t>cg22531663</t>
  </si>
  <si>
    <t>cg22542120</t>
  </si>
  <si>
    <t>cg22542632</t>
  </si>
  <si>
    <t>cg22546686</t>
  </si>
  <si>
    <t>cg22559669</t>
  </si>
  <si>
    <t>cg22604213</t>
  </si>
  <si>
    <t>cg22630605</t>
  </si>
  <si>
    <t>cg22631127</t>
  </si>
  <si>
    <t>cg22633988</t>
  </si>
  <si>
    <t>cg22634891</t>
  </si>
  <si>
    <t>cg22648407</t>
  </si>
  <si>
    <t>cg22652960</t>
  </si>
  <si>
    <t>cg22664296</t>
  </si>
  <si>
    <t>cg22674793</t>
  </si>
  <si>
    <t>cg22684008</t>
  </si>
  <si>
    <t>cg22685446</t>
  </si>
  <si>
    <t>cg22685907</t>
  </si>
  <si>
    <t>cg22688104</t>
  </si>
  <si>
    <t>cg22688802</t>
  </si>
  <si>
    <t>cg22706166</t>
  </si>
  <si>
    <t>cg22714094</t>
  </si>
  <si>
    <t>cg22717014</t>
  </si>
  <si>
    <t>cg22718636</t>
  </si>
  <si>
    <t>cg22728629</t>
  </si>
  <si>
    <t>cg22729562</t>
  </si>
  <si>
    <t>cg22734085</t>
  </si>
  <si>
    <t>cg22736383</t>
  </si>
  <si>
    <t>cg22741823</t>
  </si>
  <si>
    <t>cg22747897</t>
  </si>
  <si>
    <t>cg22767754</t>
  </si>
  <si>
    <t>cg22768273</t>
  </si>
  <si>
    <t>cg22770088</t>
  </si>
  <si>
    <t>cg22777513</t>
  </si>
  <si>
    <t>cg22778132</t>
  </si>
  <si>
    <t>cg22779802</t>
  </si>
  <si>
    <t>cg22785562</t>
  </si>
  <si>
    <t>cg22798201</t>
  </si>
  <si>
    <t>cg22800010</t>
  </si>
  <si>
    <t>cg22803211</t>
  </si>
  <si>
    <t>cg22818604</t>
  </si>
  <si>
    <t>cg22821355</t>
  </si>
  <si>
    <t>cg22822890</t>
  </si>
  <si>
    <t>cg22829671</t>
  </si>
  <si>
    <t>cg22831514</t>
  </si>
  <si>
    <t>cg22832407</t>
  </si>
  <si>
    <t>cg22848779</t>
  </si>
  <si>
    <t>cg22869030</t>
  </si>
  <si>
    <t>cg22869634</t>
  </si>
  <si>
    <t>cg22873539</t>
  </si>
  <si>
    <t>cg22873748</t>
  </si>
  <si>
    <t>cg22881652</t>
  </si>
  <si>
    <t>cg22888418</t>
  </si>
  <si>
    <t>cg22888902</t>
  </si>
  <si>
    <t>cg22889768</t>
  </si>
  <si>
    <t>cg22891012</t>
  </si>
  <si>
    <t>cg22905274</t>
  </si>
  <si>
    <t>cg22913249</t>
  </si>
  <si>
    <t>cg22915534</t>
  </si>
  <si>
    <t>cg22916593</t>
  </si>
  <si>
    <t>cg22922695</t>
  </si>
  <si>
    <t>cg22930650</t>
  </si>
  <si>
    <t>cg22933538</t>
  </si>
  <si>
    <t>cg22954703</t>
  </si>
  <si>
    <t>cg22956811</t>
  </si>
  <si>
    <t>cg22958231</t>
  </si>
  <si>
    <t>cg22966065</t>
  </si>
  <si>
    <t>cg22974236</t>
  </si>
  <si>
    <t>cg22988507</t>
  </si>
  <si>
    <t>cg23000811</t>
  </si>
  <si>
    <t>cg23001131</t>
  </si>
  <si>
    <t>cg23036449</t>
  </si>
  <si>
    <t>cg23039660</t>
  </si>
  <si>
    <t>cg23041332</t>
  </si>
  <si>
    <t>cg23053534</t>
  </si>
  <si>
    <t>cg23063986</t>
  </si>
  <si>
    <t>cg23081204</t>
  </si>
  <si>
    <t>cg23084319</t>
  </si>
  <si>
    <t>cg23091406</t>
  </si>
  <si>
    <t>cg23092358</t>
  </si>
  <si>
    <t>cg23098131</t>
  </si>
  <si>
    <t>cg23116115</t>
  </si>
  <si>
    <t>cg23130131</t>
  </si>
  <si>
    <t>cg23151353</t>
  </si>
  <si>
    <t>cg23172579</t>
  </si>
  <si>
    <t>cg23173307</t>
  </si>
  <si>
    <t>cg23182239</t>
  </si>
  <si>
    <t>cg23186787</t>
  </si>
  <si>
    <t>cg23195012</t>
  </si>
  <si>
    <t>cg23196445</t>
  </si>
  <si>
    <t>cg23197860</t>
  </si>
  <si>
    <t>cg23198902</t>
  </si>
  <si>
    <t>cg23200970</t>
  </si>
  <si>
    <t>cg23209990</t>
  </si>
  <si>
    <t>cg23210109</t>
  </si>
  <si>
    <t>cg23213442</t>
  </si>
  <si>
    <t>cg23250374</t>
  </si>
  <si>
    <t>cg23254393</t>
  </si>
  <si>
    <t>cg23257141</t>
  </si>
  <si>
    <t>cg23282363</t>
  </si>
  <si>
    <t>cg23284646</t>
  </si>
  <si>
    <t>cg23291754</t>
  </si>
  <si>
    <t>cg23300732</t>
  </si>
  <si>
    <t>cg23301257</t>
  </si>
  <si>
    <t>cg23332689</t>
  </si>
  <si>
    <t>cg23335398</t>
  </si>
  <si>
    <t>cg23336486</t>
  </si>
  <si>
    <t>cg23370536</t>
  </si>
  <si>
    <t>cg23376390</t>
  </si>
  <si>
    <t>cg23377571</t>
  </si>
  <si>
    <t>cg23399441</t>
  </si>
  <si>
    <t>cg23413547</t>
  </si>
  <si>
    <t>cg23414580</t>
  </si>
  <si>
    <t>cg23416307</t>
  </si>
  <si>
    <t>cg23447233</t>
  </si>
  <si>
    <t>cg23450357</t>
  </si>
  <si>
    <t>cg23457316</t>
  </si>
  <si>
    <t>cg23462514</t>
  </si>
  <si>
    <t>cg23466060</t>
  </si>
  <si>
    <t>cg23467443</t>
  </si>
  <si>
    <t>cg23491502</t>
  </si>
  <si>
    <t>cg23494874</t>
  </si>
  <si>
    <t>cg23502023</t>
  </si>
  <si>
    <t>cg23506964</t>
  </si>
  <si>
    <t>cg23526353</t>
  </si>
  <si>
    <t>cg23543123</t>
  </si>
  <si>
    <t>cg23543318</t>
  </si>
  <si>
    <t>cg23545105</t>
  </si>
  <si>
    <t>cg23548612</t>
  </si>
  <si>
    <t>cg23550826</t>
  </si>
  <si>
    <t>cg23570618</t>
  </si>
  <si>
    <t>cg23584743</t>
  </si>
  <si>
    <t>cg23595451</t>
  </si>
  <si>
    <t>cg23605991</t>
  </si>
  <si>
    <t>cg23617786</t>
  </si>
  <si>
    <t>cg23621158</t>
  </si>
  <si>
    <t>cg23634395</t>
  </si>
  <si>
    <t>cg23641682</t>
  </si>
  <si>
    <t>cg23649083</t>
  </si>
  <si>
    <t>cg23649435</t>
  </si>
  <si>
    <t>cg23653712</t>
  </si>
  <si>
    <t>cg23657718</t>
  </si>
  <si>
    <t>cg23663774</t>
  </si>
  <si>
    <t>cg23677608</t>
  </si>
  <si>
    <t>cg23680026</t>
  </si>
  <si>
    <t>cg23681017</t>
  </si>
  <si>
    <t>cg23684249</t>
  </si>
  <si>
    <t>cg23690302</t>
  </si>
  <si>
    <t>cg23702897</t>
  </si>
  <si>
    <t>cg23704733</t>
  </si>
  <si>
    <t>cg23710960</t>
  </si>
  <si>
    <t>cg23713724</t>
  </si>
  <si>
    <t>cg23714660</t>
  </si>
  <si>
    <t>cg23735712</t>
  </si>
  <si>
    <t>cg23746574</t>
  </si>
  <si>
    <t>cg23757056</t>
  </si>
  <si>
    <t>cg23757738</t>
  </si>
  <si>
    <t>cg23781334</t>
  </si>
  <si>
    <t>cg23804620</t>
  </si>
  <si>
    <t>cg23806894</t>
  </si>
  <si>
    <t>cg23829948</t>
  </si>
  <si>
    <t>cg23834254</t>
  </si>
  <si>
    <t>cg23839709</t>
  </si>
  <si>
    <t>cg23840223</t>
  </si>
  <si>
    <t>cg23842532</t>
  </si>
  <si>
    <t>cg23843053</t>
  </si>
  <si>
    <t>cg23846145</t>
  </si>
  <si>
    <t>cg23847701</t>
  </si>
  <si>
    <t>cg23847712</t>
  </si>
  <si>
    <t>cg23853026</t>
  </si>
  <si>
    <t>cg23855030</t>
  </si>
  <si>
    <t>cg23857700</t>
  </si>
  <si>
    <t>cg23859313</t>
  </si>
  <si>
    <t>cg23874561</t>
  </si>
  <si>
    <t>cg23888154</t>
  </si>
  <si>
    <t>cg23892390</t>
  </si>
  <si>
    <t>cg23896311</t>
  </si>
  <si>
    <t>cg23897383</t>
  </si>
  <si>
    <t>cg23918991</t>
  </si>
  <si>
    <t>cg23922755</t>
  </si>
  <si>
    <t>cg23924007</t>
  </si>
  <si>
    <t>cg23945273</t>
  </si>
  <si>
    <t>cg23951781</t>
  </si>
  <si>
    <t>cg23954636</t>
  </si>
  <si>
    <t>cg23965931</t>
  </si>
  <si>
    <t>cg23967249</t>
  </si>
  <si>
    <t>cg23976723</t>
  </si>
  <si>
    <t>cg23978161</t>
  </si>
  <si>
    <t>cg23982315</t>
  </si>
  <si>
    <t>cg23986975</t>
  </si>
  <si>
    <t>cg23992697</t>
  </si>
  <si>
    <t>cg23995914</t>
  </si>
  <si>
    <t>cg24013697</t>
  </si>
  <si>
    <t>cg24015522</t>
  </si>
  <si>
    <t>cg24023097</t>
  </si>
  <si>
    <t>cg24026549</t>
  </si>
  <si>
    <t>cg24029517</t>
  </si>
  <si>
    <t>cg24035352</t>
  </si>
  <si>
    <t>cg24054700</t>
  </si>
  <si>
    <t>cg24061702</t>
  </si>
  <si>
    <t>cg24071582</t>
  </si>
  <si>
    <t>cg24080577</t>
  </si>
  <si>
    <t>cg24081974</t>
  </si>
  <si>
    <t>cg24084459</t>
  </si>
  <si>
    <t>cg24084504</t>
  </si>
  <si>
    <t>cg24093763</t>
  </si>
  <si>
    <t>cg24140860</t>
  </si>
  <si>
    <t>cg24154839</t>
  </si>
  <si>
    <t>cg24168538</t>
  </si>
  <si>
    <t>cg24169562</t>
  </si>
  <si>
    <t>cg24188073</t>
  </si>
  <si>
    <t>cg24199834</t>
  </si>
  <si>
    <t>cg24201034</t>
  </si>
  <si>
    <t>cg24217936</t>
  </si>
  <si>
    <t>cg24224020</t>
  </si>
  <si>
    <t>cg24232092</t>
  </si>
  <si>
    <t>cg24235828</t>
  </si>
  <si>
    <t>cg24244752</t>
  </si>
  <si>
    <t>cg24251119</t>
  </si>
  <si>
    <t>cg24258529</t>
  </si>
  <si>
    <t>cg24269412</t>
  </si>
  <si>
    <t>cg24271100</t>
  </si>
  <si>
    <t>cg24272216</t>
  </si>
  <si>
    <t>cg24308654</t>
  </si>
  <si>
    <t>cg24315833</t>
  </si>
  <si>
    <t>cg24322144</t>
  </si>
  <si>
    <t>cg24322382</t>
  </si>
  <si>
    <t>cg24371114</t>
  </si>
  <si>
    <t>cg24375607</t>
  </si>
  <si>
    <t>cg24378009</t>
  </si>
  <si>
    <t>cg24385450</t>
  </si>
  <si>
    <t>cg24385839</t>
  </si>
  <si>
    <t>cg24389389</t>
  </si>
  <si>
    <t>cg24395452</t>
  </si>
  <si>
    <t>cg24396566</t>
  </si>
  <si>
    <t>cg24415922</t>
  </si>
  <si>
    <t>cg24430322</t>
  </si>
  <si>
    <t>cg24431872</t>
  </si>
  <si>
    <t>cg24448859</t>
  </si>
  <si>
    <t>cg24454219</t>
  </si>
  <si>
    <t>cg24464101</t>
  </si>
  <si>
    <t>cg24471922</t>
  </si>
  <si>
    <t>cg24483247</t>
  </si>
  <si>
    <t>cg24492202</t>
  </si>
  <si>
    <t>cg24495585</t>
  </si>
  <si>
    <t>cg24504843</t>
  </si>
  <si>
    <t>cg24508659</t>
  </si>
  <si>
    <t>cg24521882</t>
  </si>
  <si>
    <t>cg24526669</t>
  </si>
  <si>
    <t>cg24529941</t>
  </si>
  <si>
    <t>cg24531494</t>
  </si>
  <si>
    <t>cg24534566</t>
  </si>
  <si>
    <t>cg24551420</t>
  </si>
  <si>
    <t>cg24551570</t>
  </si>
  <si>
    <t>cg24566293</t>
  </si>
  <si>
    <t>cg24578428</t>
  </si>
  <si>
    <t>cg24601522</t>
  </si>
  <si>
    <t>cg24611427</t>
  </si>
  <si>
    <t>cg24634009</t>
  </si>
  <si>
    <t>cg24634420</t>
  </si>
  <si>
    <t>cg24642320</t>
  </si>
  <si>
    <t>cg24644049</t>
  </si>
  <si>
    <t>cg24657817</t>
  </si>
  <si>
    <t>cg24663256</t>
  </si>
  <si>
    <t>cg24683222</t>
  </si>
  <si>
    <t>cg24686357</t>
  </si>
  <si>
    <t>cg24689019</t>
  </si>
  <si>
    <t>cg24693053</t>
  </si>
  <si>
    <t>cg24693490</t>
  </si>
  <si>
    <t>cg24696268</t>
  </si>
  <si>
    <t>cg24700547</t>
  </si>
  <si>
    <t>cg24703757</t>
  </si>
  <si>
    <t>cg24709001</t>
  </si>
  <si>
    <t>cg24721899</t>
  </si>
  <si>
    <t>cg24722073</t>
  </si>
  <si>
    <t>cg24742219</t>
  </si>
  <si>
    <t>cg24767573</t>
  </si>
  <si>
    <t>cg24769849</t>
  </si>
  <si>
    <t>cg24774306</t>
  </si>
  <si>
    <t>cg24782087</t>
  </si>
  <si>
    <t>cg24783211</t>
  </si>
  <si>
    <t>cg24786498</t>
  </si>
  <si>
    <t>cg24789434</t>
  </si>
  <si>
    <t>cg24789447</t>
  </si>
  <si>
    <t>cg24813038</t>
  </si>
  <si>
    <t>cg24837796</t>
  </si>
  <si>
    <t>cg24840182</t>
  </si>
  <si>
    <t>cg24863706</t>
  </si>
  <si>
    <t>cg24865292</t>
  </si>
  <si>
    <t>cg24868830</t>
  </si>
  <si>
    <t>cg24869535</t>
  </si>
  <si>
    <t>cg24870497</t>
  </si>
  <si>
    <t>cg24880057</t>
  </si>
  <si>
    <t>cg24896649</t>
  </si>
  <si>
    <t>cg24904278</t>
  </si>
  <si>
    <t>cg24911905</t>
  </si>
  <si>
    <t>cg24913115</t>
  </si>
  <si>
    <t>cg24917627</t>
  </si>
  <si>
    <t>cg24919468</t>
  </si>
  <si>
    <t>cg24923678</t>
  </si>
  <si>
    <t>cg24973755</t>
  </si>
  <si>
    <t>cg24974756</t>
  </si>
  <si>
    <t>cg24980653</t>
  </si>
  <si>
    <t>cg24983477</t>
  </si>
  <si>
    <t>cg24999679</t>
  </si>
  <si>
    <t>cg25002788</t>
  </si>
  <si>
    <t>cg25004347</t>
  </si>
  <si>
    <t>cg25012761</t>
  </si>
  <si>
    <t>cg25012937</t>
  </si>
  <si>
    <t>cg25018951</t>
  </si>
  <si>
    <t>cg25019126</t>
  </si>
  <si>
    <t>cg25019777</t>
  </si>
  <si>
    <t>cg25034424</t>
  </si>
  <si>
    <t>cg25036886</t>
  </si>
  <si>
    <t>cg25053798</t>
  </si>
  <si>
    <t>cg25053907</t>
  </si>
  <si>
    <t>cg25054754</t>
  </si>
  <si>
    <t>cg25073725</t>
  </si>
  <si>
    <t>cg25080524</t>
  </si>
  <si>
    <t>cg25088758</t>
  </si>
  <si>
    <t>cg25107254</t>
  </si>
  <si>
    <t>cg25116460</t>
  </si>
  <si>
    <t>cg25117976</t>
  </si>
  <si>
    <t>cg25134515</t>
  </si>
  <si>
    <t>cg25145765</t>
  </si>
  <si>
    <t>cg25147842</t>
  </si>
  <si>
    <t>cg25148771</t>
  </si>
  <si>
    <t>cg25155738</t>
  </si>
  <si>
    <t>cg25157709</t>
  </si>
  <si>
    <t>cg25173401</t>
  </si>
  <si>
    <t>cg25174438</t>
  </si>
  <si>
    <t>cg25181751</t>
  </si>
  <si>
    <t>cg25185173</t>
  </si>
  <si>
    <t>cg25185518</t>
  </si>
  <si>
    <t>cg25213928</t>
  </si>
  <si>
    <t>cg25216538</t>
  </si>
  <si>
    <t>cg25218793</t>
  </si>
  <si>
    <t>cg25223851</t>
  </si>
  <si>
    <t>cg25227227</t>
  </si>
  <si>
    <t>cg25236971</t>
  </si>
  <si>
    <t>cg25237365</t>
  </si>
  <si>
    <t>cg25243082</t>
  </si>
  <si>
    <t>cg25261181</t>
  </si>
  <si>
    <t>cg25262044</t>
  </si>
  <si>
    <t>cg25263167</t>
  </si>
  <si>
    <t>cg25289973</t>
  </si>
  <si>
    <t>cg25290098</t>
  </si>
  <si>
    <t>cg25290992</t>
  </si>
  <si>
    <t>cg25295218</t>
  </si>
  <si>
    <t>cg25310559</t>
  </si>
  <si>
    <t>cg25313468</t>
  </si>
  <si>
    <t>cg25316663</t>
  </si>
  <si>
    <t>cg25318270</t>
  </si>
  <si>
    <t>cg25331550</t>
  </si>
  <si>
    <t>cg25354617</t>
  </si>
  <si>
    <t>cg25354655</t>
  </si>
  <si>
    <t>cg25377796</t>
  </si>
  <si>
    <t>cg25397922</t>
  </si>
  <si>
    <t>cg25399000</t>
  </si>
  <si>
    <t>cg25446197</t>
  </si>
  <si>
    <t>cg25451082</t>
  </si>
  <si>
    <t>cg25456368</t>
  </si>
  <si>
    <t>cg25469474</t>
  </si>
  <si>
    <t>cg25480785</t>
  </si>
  <si>
    <t>cg25491088</t>
  </si>
  <si>
    <t>cg25512518</t>
  </si>
  <si>
    <t>cg25524530</t>
  </si>
  <si>
    <t>cg25548615</t>
  </si>
  <si>
    <t>cg25585712</t>
  </si>
  <si>
    <t>cg25615081</t>
  </si>
  <si>
    <t>cg25617012</t>
  </si>
  <si>
    <t>cg25617092</t>
  </si>
  <si>
    <t>cg25618513</t>
  </si>
  <si>
    <t>cg25628461</t>
  </si>
  <si>
    <t>cg25631714</t>
  </si>
  <si>
    <t>cg25645268</t>
  </si>
  <si>
    <t>cg25664381</t>
  </si>
  <si>
    <t>cg25667490</t>
  </si>
  <si>
    <t>cg25668320</t>
  </si>
  <si>
    <t>cg25670583</t>
  </si>
  <si>
    <t>cg25686891</t>
  </si>
  <si>
    <t>cg25688113</t>
  </si>
  <si>
    <t>cg25698236</t>
  </si>
  <si>
    <t>cg25703554</t>
  </si>
  <si>
    <t>cg25710351</t>
  </si>
  <si>
    <t>cg25719378</t>
  </si>
  <si>
    <t>cg25726513</t>
  </si>
  <si>
    <t>cg25726789</t>
  </si>
  <si>
    <t>cg25763036</t>
  </si>
  <si>
    <t>cg25766271</t>
  </si>
  <si>
    <t>cg25776255</t>
  </si>
  <si>
    <t>cg25788250</t>
  </si>
  <si>
    <t>cg25789723</t>
  </si>
  <si>
    <t>cg25797055</t>
  </si>
  <si>
    <t>cg25798792</t>
  </si>
  <si>
    <t>cg25805964</t>
  </si>
  <si>
    <t>cg25806701</t>
  </si>
  <si>
    <t>cg25808538</t>
  </si>
  <si>
    <t>cg25836827</t>
  </si>
  <si>
    <t>cg25837207</t>
  </si>
  <si>
    <t>cg25840318</t>
  </si>
  <si>
    <t>cg25878872</t>
  </si>
  <si>
    <t>cg25889750</t>
  </si>
  <si>
    <t>cg25892639</t>
  </si>
  <si>
    <t>cg25894334</t>
  </si>
  <si>
    <t>cg25894985</t>
  </si>
  <si>
    <t>cg25906220</t>
  </si>
  <si>
    <t>cg25911468</t>
  </si>
  <si>
    <t>cg25913520</t>
  </si>
  <si>
    <t>cg25915539</t>
  </si>
  <si>
    <t>cg25919687</t>
  </si>
  <si>
    <t>cg25932599</t>
  </si>
  <si>
    <t>cg25940248</t>
  </si>
  <si>
    <t>cg25940730</t>
  </si>
  <si>
    <t>cg25941209</t>
  </si>
  <si>
    <t>cg25941985</t>
  </si>
  <si>
    <t>cg25943096</t>
  </si>
  <si>
    <t>cg25950325</t>
  </si>
  <si>
    <t>cg25951981</t>
  </si>
  <si>
    <t>cg25969659</t>
  </si>
  <si>
    <t>cg25970618</t>
  </si>
  <si>
    <t>cg25976004</t>
  </si>
  <si>
    <t>cg25978090</t>
  </si>
  <si>
    <t>cg25987564</t>
  </si>
  <si>
    <t>cg25994476</t>
  </si>
  <si>
    <t>cg25995452</t>
  </si>
  <si>
    <t>cg26004759</t>
  </si>
  <si>
    <t>cg26010218</t>
  </si>
  <si>
    <t>cg26022526</t>
  </si>
  <si>
    <t>cg26036478</t>
  </si>
  <si>
    <t>cg26039058</t>
  </si>
  <si>
    <t>cg26039254</t>
  </si>
  <si>
    <t>cg26057380</t>
  </si>
  <si>
    <t>cg26064774</t>
  </si>
  <si>
    <t>cg26071746</t>
  </si>
  <si>
    <t>cg26084529</t>
  </si>
  <si>
    <t>cg26105156</t>
  </si>
  <si>
    <t>cg26114043</t>
  </si>
  <si>
    <t>cg26124980</t>
  </si>
  <si>
    <t>cg26131292</t>
  </si>
  <si>
    <t>cg26148714</t>
  </si>
  <si>
    <t>cg26152888</t>
  </si>
  <si>
    <t>cg26166817</t>
  </si>
  <si>
    <t>cg26167029</t>
  </si>
  <si>
    <t>cg26173997</t>
  </si>
  <si>
    <t>cg26188814</t>
  </si>
  <si>
    <t>cg26195583</t>
  </si>
  <si>
    <t>cg26205341</t>
  </si>
  <si>
    <t>cg26225025</t>
  </si>
  <si>
    <t>cg26226487</t>
  </si>
  <si>
    <t>cg26247295</t>
  </si>
  <si>
    <t>cg26258437</t>
  </si>
  <si>
    <t>cg26260149</t>
  </si>
  <si>
    <t>cg26269613</t>
  </si>
  <si>
    <t>cg26273127</t>
  </si>
  <si>
    <t>cg26296488</t>
  </si>
  <si>
    <t>cg26298470</t>
  </si>
  <si>
    <t>cg26306909</t>
  </si>
  <si>
    <t>cg26321198</t>
  </si>
  <si>
    <t>cg26325568</t>
  </si>
  <si>
    <t>cg26336594</t>
  </si>
  <si>
    <t>cg26355004</t>
  </si>
  <si>
    <t>cg26363065</t>
  </si>
  <si>
    <t>cg26407106</t>
  </si>
  <si>
    <t>cg26411080</t>
  </si>
  <si>
    <t>cg26455541</t>
  </si>
  <si>
    <t>cg26456223</t>
  </si>
  <si>
    <t>cg26479374</t>
  </si>
  <si>
    <t>cg26489994</t>
  </si>
  <si>
    <t>cg26516741</t>
  </si>
  <si>
    <t>cg26526036</t>
  </si>
  <si>
    <t>cg26533273</t>
  </si>
  <si>
    <t>cg26533745</t>
  </si>
  <si>
    <t>cg26545313</t>
  </si>
  <si>
    <t>cg26557242</t>
  </si>
  <si>
    <t>cg26564072</t>
  </si>
  <si>
    <t>cg26590411</t>
  </si>
  <si>
    <t>cg26615830</t>
  </si>
  <si>
    <t>cg26640895</t>
  </si>
  <si>
    <t>cg26675620</t>
  </si>
  <si>
    <t>cg26675664</t>
  </si>
  <si>
    <t>cg26685352</t>
  </si>
  <si>
    <t>cg26687565</t>
  </si>
  <si>
    <t>cg26695837</t>
  </si>
  <si>
    <t>cg26708319</t>
  </si>
  <si>
    <t>cg26708817</t>
  </si>
  <si>
    <t>cg26741686</t>
  </si>
  <si>
    <t>cg26745332</t>
  </si>
  <si>
    <t>cg26766900</t>
  </si>
  <si>
    <t>cg26775961</t>
  </si>
  <si>
    <t>cg26777149</t>
  </si>
  <si>
    <t>cg26777557</t>
  </si>
  <si>
    <t>cg26796245</t>
  </si>
  <si>
    <t>cg26800884</t>
  </si>
  <si>
    <t>cg26804185</t>
  </si>
  <si>
    <t>cg26804577</t>
  </si>
  <si>
    <t>cg26814276</t>
  </si>
  <si>
    <t>cg26817300</t>
  </si>
  <si>
    <t>cg26820911</t>
  </si>
  <si>
    <t>cg26831119</t>
  </si>
  <si>
    <t>cg26832294</t>
  </si>
  <si>
    <t>cg26833667</t>
  </si>
  <si>
    <t>cg26839512</t>
  </si>
  <si>
    <t>cg26853371</t>
  </si>
  <si>
    <t>cg26860935</t>
  </si>
  <si>
    <t>cg26888530</t>
  </si>
  <si>
    <t>cg26894523</t>
  </si>
  <si>
    <t>cg26894968</t>
  </si>
  <si>
    <t>cg26896155</t>
  </si>
  <si>
    <t>cg26898272</t>
  </si>
  <si>
    <t>cg26898352</t>
  </si>
  <si>
    <t>cg26917673</t>
  </si>
  <si>
    <t>cg26919459</t>
  </si>
  <si>
    <t>cg26923863</t>
  </si>
  <si>
    <t>cg26926904</t>
  </si>
  <si>
    <t>cg26943399</t>
  </si>
  <si>
    <t>cg26972881</t>
  </si>
  <si>
    <t>cg26978698</t>
  </si>
  <si>
    <t>cg26986681</t>
  </si>
  <si>
    <t>cg26987697</t>
  </si>
  <si>
    <t>cg26988159</t>
  </si>
  <si>
    <t>cg26993729</t>
  </si>
  <si>
    <t>cg27037990</t>
  </si>
  <si>
    <t>cg27062369</t>
  </si>
  <si>
    <t>cg27064287</t>
  </si>
  <si>
    <t>cg27070244</t>
  </si>
  <si>
    <t>cg27074985</t>
  </si>
  <si>
    <t>cg27080601</t>
  </si>
  <si>
    <t>cg27089072</t>
  </si>
  <si>
    <t>cg27096255</t>
  </si>
  <si>
    <t>cg27099166</t>
  </si>
  <si>
    <t>cg27111461</t>
  </si>
  <si>
    <t>cg27139780</t>
  </si>
  <si>
    <t>cg27140058</t>
  </si>
  <si>
    <t>cg27140938</t>
  </si>
  <si>
    <t>cg27147936</t>
  </si>
  <si>
    <t>cg27150681</t>
  </si>
  <si>
    <t>cg27158490</t>
  </si>
  <si>
    <t>cg27161488</t>
  </si>
  <si>
    <t>cg27164753</t>
  </si>
  <si>
    <t>cg27169846</t>
  </si>
  <si>
    <t>cg27171280</t>
  </si>
  <si>
    <t>cg27173148</t>
  </si>
  <si>
    <t>cg27175016</t>
  </si>
  <si>
    <t>cg27177983</t>
  </si>
  <si>
    <t>cg27181650</t>
  </si>
  <si>
    <t>cg27182172</t>
  </si>
  <si>
    <t>cg27183456</t>
  </si>
  <si>
    <t>cg27183602</t>
  </si>
  <si>
    <t>cg27185138</t>
  </si>
  <si>
    <t>cg27185819</t>
  </si>
  <si>
    <t>cg27191517</t>
  </si>
  <si>
    <t>cg27205159</t>
  </si>
  <si>
    <t>cg27207756</t>
  </si>
  <si>
    <t>cg27207796</t>
  </si>
  <si>
    <t>cg27212978</t>
  </si>
  <si>
    <t>cg27215325</t>
  </si>
  <si>
    <t>cg27219598</t>
  </si>
  <si>
    <t>cg27242132</t>
  </si>
  <si>
    <t>cg27270003</t>
  </si>
  <si>
    <t>cg27270116</t>
  </si>
  <si>
    <t>cg27283052</t>
  </si>
  <si>
    <t>cg27283708</t>
  </si>
  <si>
    <t>cg27289478</t>
  </si>
  <si>
    <t>cg27297724</t>
  </si>
  <si>
    <t>cg27301092</t>
  </si>
  <si>
    <t>cg27309282</t>
  </si>
  <si>
    <t>cg27319971</t>
  </si>
  <si>
    <t>cg27324455</t>
  </si>
  <si>
    <t>cg27410337</t>
  </si>
  <si>
    <t>cg27414233</t>
  </si>
  <si>
    <t>cg27414571</t>
  </si>
  <si>
    <t>cg27416412</t>
  </si>
  <si>
    <t>cg27416576</t>
  </si>
  <si>
    <t>cg27432847</t>
  </si>
  <si>
    <t>cg27434509</t>
  </si>
  <si>
    <t>cg27441455</t>
  </si>
  <si>
    <t>cg27453479</t>
  </si>
  <si>
    <t>cg27457427</t>
  </si>
  <si>
    <t>cg27461213</t>
  </si>
  <si>
    <t>cg27461733</t>
  </si>
  <si>
    <t>cg27466237</t>
  </si>
  <si>
    <t>cg27470295</t>
  </si>
  <si>
    <t>cg27474733</t>
  </si>
  <si>
    <t>cg27486637</t>
  </si>
  <si>
    <t>cg27494429</t>
  </si>
  <si>
    <t>cg27513574</t>
  </si>
  <si>
    <t>cg27544288</t>
  </si>
  <si>
    <t>cg27556913</t>
  </si>
  <si>
    <t>cg27561431</t>
  </si>
  <si>
    <t>cg27563716</t>
  </si>
  <si>
    <t>cg27574071</t>
  </si>
  <si>
    <t>cg27577760</t>
  </si>
  <si>
    <t>cg27600205</t>
  </si>
  <si>
    <t>cg27620356</t>
  </si>
  <si>
    <t>cg27622633</t>
  </si>
  <si>
    <t>cg27630540</t>
  </si>
  <si>
    <t>cg27655158</t>
  </si>
  <si>
    <t>cg00041599</t>
  </si>
  <si>
    <t>cg00049729</t>
  </si>
  <si>
    <t>cg00050152</t>
  </si>
  <si>
    <t>cg00051179</t>
  </si>
  <si>
    <t>cg00059399</t>
  </si>
  <si>
    <t>cg00067365</t>
  </si>
  <si>
    <t>cg00068305</t>
  </si>
  <si>
    <t>cg00078221</t>
  </si>
  <si>
    <t>cg00078940</t>
  </si>
  <si>
    <t>cg00080423</t>
  </si>
  <si>
    <t>cg00087195</t>
  </si>
  <si>
    <t>cg00096810</t>
  </si>
  <si>
    <t>cg00103984</t>
  </si>
  <si>
    <t>cg00104845</t>
  </si>
  <si>
    <t>cg00105368</t>
  </si>
  <si>
    <t>cg00105403</t>
  </si>
  <si>
    <t>cg00111723</t>
  </si>
  <si>
    <t>cg00116058</t>
  </si>
  <si>
    <t>cg00116628</t>
  </si>
  <si>
    <t>cg00122840</t>
  </si>
  <si>
    <t>cg00124993</t>
  </si>
  <si>
    <t>cg00127167</t>
  </si>
  <si>
    <t>cg00129563</t>
  </si>
  <si>
    <t>cg00131372</t>
  </si>
  <si>
    <t>cg00214165</t>
  </si>
  <si>
    <t>cg00214873</t>
  </si>
  <si>
    <t>cg00222601</t>
  </si>
  <si>
    <t>cg00234384</t>
  </si>
  <si>
    <t>cg00234691</t>
  </si>
  <si>
    <t>cg00251610</t>
  </si>
  <si>
    <t>cg00257271</t>
  </si>
  <si>
    <t>cg00261325</t>
  </si>
  <si>
    <t>cg00264591</t>
  </si>
  <si>
    <t>cg00272200</t>
  </si>
  <si>
    <t>cg00274815</t>
  </si>
  <si>
    <t>cg00275181</t>
  </si>
  <si>
    <t>cg00280163</t>
  </si>
  <si>
    <t>cg00281273</t>
  </si>
  <si>
    <t>cg00281842</t>
  </si>
  <si>
    <t>cg00283284</t>
  </si>
  <si>
    <t>cg00290498</t>
  </si>
  <si>
    <t>cg00301775</t>
  </si>
  <si>
    <t>cg00308130</t>
  </si>
  <si>
    <t>cg00316677</t>
  </si>
  <si>
    <t>cg00327072</t>
  </si>
  <si>
    <t>cg00327669</t>
  </si>
  <si>
    <t>cg00331501</t>
  </si>
  <si>
    <t>cg00335715</t>
  </si>
  <si>
    <t>cg00339556</t>
  </si>
  <si>
    <t>cg00386408</t>
  </si>
  <si>
    <t>cg00393193</t>
  </si>
  <si>
    <t>cg00394358</t>
  </si>
  <si>
    <t>cg00395291</t>
  </si>
  <si>
    <t>cg00399139</t>
  </si>
  <si>
    <t>cg00399510</t>
  </si>
  <si>
    <t>cg00400992</t>
  </si>
  <si>
    <t>cg00402069</t>
  </si>
  <si>
    <t>cg00402551</t>
  </si>
  <si>
    <t>cg00407623</t>
  </si>
  <si>
    <t>cg00426310</t>
  </si>
  <si>
    <t>cg00433081</t>
  </si>
  <si>
    <t>cg00513735</t>
  </si>
  <si>
    <t>cg00514971</t>
  </si>
  <si>
    <t>cg00528600</t>
  </si>
  <si>
    <t>cg00529697</t>
  </si>
  <si>
    <t>cg00532157</t>
  </si>
  <si>
    <t>cg00534133</t>
  </si>
  <si>
    <t>cg00539976</t>
  </si>
  <si>
    <t>cg00556570</t>
  </si>
  <si>
    <t>cg00557116</t>
  </si>
  <si>
    <t>cg00557236</t>
  </si>
  <si>
    <t>cg00557469</t>
  </si>
  <si>
    <t>cg00568641</t>
  </si>
  <si>
    <t>cg00573504</t>
  </si>
  <si>
    <t>cg00580230</t>
  </si>
  <si>
    <t>cg00582881</t>
  </si>
  <si>
    <t>cg00583303</t>
  </si>
  <si>
    <t>cg00584238</t>
  </si>
  <si>
    <t>cg00586365</t>
  </si>
  <si>
    <t>cg00590106</t>
  </si>
  <si>
    <t>cg00590991</t>
  </si>
  <si>
    <t>cg00591781</t>
  </si>
  <si>
    <t>cg00594128</t>
  </si>
  <si>
    <t>cg00597112</t>
  </si>
  <si>
    <t>cg00598143</t>
  </si>
  <si>
    <t>cg00600362</t>
  </si>
  <si>
    <t>cg00601350</t>
  </si>
  <si>
    <t>cg00604209</t>
  </si>
  <si>
    <t>cg00607526</t>
  </si>
  <si>
    <t>cg00607989</t>
  </si>
  <si>
    <t>cg00615537</t>
  </si>
  <si>
    <t>cg00616500</t>
  </si>
  <si>
    <t>cg00617867</t>
  </si>
  <si>
    <t>cg00624150</t>
  </si>
  <si>
    <t>cg00624617</t>
  </si>
  <si>
    <t>cg00626518</t>
  </si>
  <si>
    <t>cg00628877</t>
  </si>
  <si>
    <t>cg00637687</t>
  </si>
  <si>
    <t>cg00639286</t>
  </si>
  <si>
    <t>cg00642460</t>
  </si>
  <si>
    <t>cg00643311</t>
  </si>
  <si>
    <t>cg00646244</t>
  </si>
  <si>
    <t>cg00795341</t>
  </si>
  <si>
    <t>cg00795915</t>
  </si>
  <si>
    <t>cg00798886</t>
  </si>
  <si>
    <t>cg00799121</t>
  </si>
  <si>
    <t>cg00955682</t>
  </si>
  <si>
    <t>cg00967121</t>
  </si>
  <si>
    <t>cg00976097</t>
  </si>
  <si>
    <t>cg00981837</t>
  </si>
  <si>
    <t>cg00984146</t>
  </si>
  <si>
    <t>cg00984474</t>
  </si>
  <si>
    <t>cg00985086</t>
  </si>
  <si>
    <t>cg00989249</t>
  </si>
  <si>
    <t>cg01004278</t>
  </si>
  <si>
    <t>cg01010188</t>
  </si>
  <si>
    <t>cg01018606</t>
  </si>
  <si>
    <t>cg01023787</t>
  </si>
  <si>
    <t>cg01027498</t>
  </si>
  <si>
    <t>cg01036296</t>
  </si>
  <si>
    <t>cg01042202</t>
  </si>
  <si>
    <t>cg01051581</t>
  </si>
  <si>
    <t>cg01053196</t>
  </si>
  <si>
    <t>cg01053766</t>
  </si>
  <si>
    <t>cg01054478</t>
  </si>
  <si>
    <t>cg01054755</t>
  </si>
  <si>
    <t>cg01055191</t>
  </si>
  <si>
    <t>cg01060059</t>
  </si>
  <si>
    <t>cg01067139</t>
  </si>
  <si>
    <t>cg01067626</t>
  </si>
  <si>
    <t>cg01071459</t>
  </si>
  <si>
    <t>cg01072076</t>
  </si>
  <si>
    <t>cg01074508</t>
  </si>
  <si>
    <t>cg01074659</t>
  </si>
  <si>
    <t>cg01077085</t>
  </si>
  <si>
    <t>cg01077278</t>
  </si>
  <si>
    <t>cg01080483</t>
  </si>
  <si>
    <t>cg01081189</t>
  </si>
  <si>
    <t>cg01082422</t>
  </si>
  <si>
    <t>cg01088410</t>
  </si>
  <si>
    <t>cg01099590</t>
  </si>
  <si>
    <t>cg01100912</t>
  </si>
  <si>
    <t>cg01101742</t>
  </si>
  <si>
    <t>cg01116059</t>
  </si>
  <si>
    <t>cg01120994</t>
  </si>
  <si>
    <t>cg01122057</t>
  </si>
  <si>
    <t>cg01132502</t>
  </si>
  <si>
    <t>cg01133662</t>
  </si>
  <si>
    <t>cg01135780</t>
  </si>
  <si>
    <t>cg01136335</t>
  </si>
  <si>
    <t>cg01138867</t>
  </si>
  <si>
    <t>cg01141339</t>
  </si>
  <si>
    <t>cg01148731</t>
  </si>
  <si>
    <t>cg01156557</t>
  </si>
  <si>
    <t>cg01158934</t>
  </si>
  <si>
    <t>cg01158970</t>
  </si>
  <si>
    <t>cg01159515</t>
  </si>
  <si>
    <t>cg01167755</t>
  </si>
  <si>
    <t>cg01171355</t>
  </si>
  <si>
    <t>cg01174140</t>
  </si>
  <si>
    <t>cg01180046</t>
  </si>
  <si>
    <t>cg01184387</t>
  </si>
  <si>
    <t>cg01196322</t>
  </si>
  <si>
    <t>cg01197411</t>
  </si>
  <si>
    <t>cg01204655</t>
  </si>
  <si>
    <t>cg01207734</t>
  </si>
  <si>
    <t>cg01213128</t>
  </si>
  <si>
    <t>cg01217335</t>
  </si>
  <si>
    <t>cg01230929</t>
  </si>
  <si>
    <t>cg01244303</t>
  </si>
  <si>
    <t>cg01249180</t>
  </si>
  <si>
    <t>cg01251434</t>
  </si>
  <si>
    <t>cg01255913</t>
  </si>
  <si>
    <t>cg01256539</t>
  </si>
  <si>
    <t>cg01256882</t>
  </si>
  <si>
    <t>cg01257145</t>
  </si>
  <si>
    <t>cg01278596</t>
  </si>
  <si>
    <t>cg01281040</t>
  </si>
  <si>
    <t>cg01283201</t>
  </si>
  <si>
    <t>cg01283246</t>
  </si>
  <si>
    <t>cg01287012</t>
  </si>
  <si>
    <t>cg01287088</t>
  </si>
  <si>
    <t>cg01291715</t>
  </si>
  <si>
    <t>cg01294808</t>
  </si>
  <si>
    <t>cg01299774</t>
  </si>
  <si>
    <t>cg01313313</t>
  </si>
  <si>
    <t>cg01314143</t>
  </si>
  <si>
    <t>cg01317569</t>
  </si>
  <si>
    <t>cg01406061</t>
  </si>
  <si>
    <t>cg01450705</t>
  </si>
  <si>
    <t>cg01476678</t>
  </si>
  <si>
    <t>cg01500421</t>
  </si>
  <si>
    <t>cg01541629</t>
  </si>
  <si>
    <t>cg01553231</t>
  </si>
  <si>
    <t>cg01554060</t>
  </si>
  <si>
    <t>cg01559436</t>
  </si>
  <si>
    <t>cg01561304</t>
  </si>
  <si>
    <t>cg01573938</t>
  </si>
  <si>
    <t>cg01577865</t>
  </si>
  <si>
    <t>cg01579206</t>
  </si>
  <si>
    <t>cg01585985</t>
  </si>
  <si>
    <t>cg01587896</t>
  </si>
  <si>
    <t>cg01590693</t>
  </si>
  <si>
    <t>cg01590948</t>
  </si>
  <si>
    <t>cg01593834</t>
  </si>
  <si>
    <t>cg01603073</t>
  </si>
  <si>
    <t>cg01603247</t>
  </si>
  <si>
    <t>cg01678714</t>
  </si>
  <si>
    <t>cg01690735</t>
  </si>
  <si>
    <t>cg01737507</t>
  </si>
  <si>
    <t>cg01768981</t>
  </si>
  <si>
    <t>cg01769729</t>
  </si>
  <si>
    <t>cg01774158</t>
  </si>
  <si>
    <t>cg01776221</t>
  </si>
  <si>
    <t>cg01781805</t>
  </si>
  <si>
    <t>cg01791874</t>
  </si>
  <si>
    <t>cg01799653</t>
  </si>
  <si>
    <t>cg01800297</t>
  </si>
  <si>
    <t>cg01803514</t>
  </si>
  <si>
    <t>cg01804452</t>
  </si>
  <si>
    <t>cg01804664</t>
  </si>
  <si>
    <t>cg01805784</t>
  </si>
  <si>
    <t>cg01808810</t>
  </si>
  <si>
    <t>cg01809845</t>
  </si>
  <si>
    <t>cg01814098</t>
  </si>
  <si>
    <t>cg01824401</t>
  </si>
  <si>
    <t>cg01834210</t>
  </si>
  <si>
    <t>cg01838380</t>
  </si>
  <si>
    <t>cg01840128</t>
  </si>
  <si>
    <t>cg01844539</t>
  </si>
  <si>
    <t>cg01849637</t>
  </si>
  <si>
    <t>cg01856645</t>
  </si>
  <si>
    <t>cg01856650</t>
  </si>
  <si>
    <t>cg01860805</t>
  </si>
  <si>
    <t>cg01867854</t>
  </si>
  <si>
    <t>cg01888592</t>
  </si>
  <si>
    <t>cg01888767</t>
  </si>
  <si>
    <t>cg01889143</t>
  </si>
  <si>
    <t>cg01897756</t>
  </si>
  <si>
    <t>cg01902605</t>
  </si>
  <si>
    <t>cg01904774</t>
  </si>
  <si>
    <t>cg01905111</t>
  </si>
  <si>
    <t>cg01907658</t>
  </si>
  <si>
    <t>cg01916762</t>
  </si>
  <si>
    <t>cg01924596</t>
  </si>
  <si>
    <t>cg01934626</t>
  </si>
  <si>
    <t>cg01936124</t>
  </si>
  <si>
    <t>cg01939274</t>
  </si>
  <si>
    <t>cg01943654</t>
  </si>
  <si>
    <t>cg01945391</t>
  </si>
  <si>
    <t>cg01946760</t>
  </si>
  <si>
    <t>cg01959429</t>
  </si>
  <si>
    <t>cg01961137</t>
  </si>
  <si>
    <t>cg01964720</t>
  </si>
  <si>
    <t>cg01966335</t>
  </si>
  <si>
    <t>cg01969115</t>
  </si>
  <si>
    <t>cg01970407</t>
  </si>
  <si>
    <t>cg01971269</t>
  </si>
  <si>
    <t>cg01971552</t>
  </si>
  <si>
    <t>cg01974195</t>
  </si>
  <si>
    <t>cg01982455</t>
  </si>
  <si>
    <t>cg01984743</t>
  </si>
  <si>
    <t>cg01995468</t>
  </si>
  <si>
    <t>cg01997456</t>
  </si>
  <si>
    <t>cg02004641</t>
  </si>
  <si>
    <t>cg02004672</t>
  </si>
  <si>
    <t>cg02009088</t>
  </si>
  <si>
    <t>cg02010196</t>
  </si>
  <si>
    <t>cg02020879</t>
  </si>
  <si>
    <t>cg02025988</t>
  </si>
  <si>
    <t>cg02026948</t>
  </si>
  <si>
    <t>cg02034689</t>
  </si>
  <si>
    <t>cg02037307</t>
  </si>
  <si>
    <t>cg02059635</t>
  </si>
  <si>
    <t>cg02061173</t>
  </si>
  <si>
    <t>cg02070114</t>
  </si>
  <si>
    <t>cg02072899</t>
  </si>
  <si>
    <t>cg02074191</t>
  </si>
  <si>
    <t>cg02074728</t>
  </si>
  <si>
    <t>cg02075296</t>
  </si>
  <si>
    <t>cg02081006</t>
  </si>
  <si>
    <t>cg02081019</t>
  </si>
  <si>
    <t>cg02081925</t>
  </si>
  <si>
    <t>cg02083373</t>
  </si>
  <si>
    <t>cg02085838</t>
  </si>
  <si>
    <t>cg02086523</t>
  </si>
  <si>
    <t>cg02088166</t>
  </si>
  <si>
    <t>cg02091185</t>
  </si>
  <si>
    <t>cg02103891</t>
  </si>
  <si>
    <t>cg02120714</t>
  </si>
  <si>
    <t>cg02124887</t>
  </si>
  <si>
    <t>cg02125316</t>
  </si>
  <si>
    <t>cg02128325</t>
  </si>
  <si>
    <t>cg02135861</t>
  </si>
  <si>
    <t>cg02153334</t>
  </si>
  <si>
    <t>cg02154268</t>
  </si>
  <si>
    <t>cg02162286</t>
  </si>
  <si>
    <t>cg02244204</t>
  </si>
  <si>
    <t>cg02246671</t>
  </si>
  <si>
    <t>cg02259255</t>
  </si>
  <si>
    <t>cg02260430</t>
  </si>
  <si>
    <t>cg02265379</t>
  </si>
  <si>
    <t>cg02270010</t>
  </si>
  <si>
    <t>cg02270541</t>
  </si>
  <si>
    <t>cg02277511</t>
  </si>
  <si>
    <t>cg02284150</t>
  </si>
  <si>
    <t>cg02285922</t>
  </si>
  <si>
    <t>cg02286091</t>
  </si>
  <si>
    <t>cg02304092</t>
  </si>
  <si>
    <t>cg02308795</t>
  </si>
  <si>
    <t>cg02319354</t>
  </si>
  <si>
    <t>cg02320003</t>
  </si>
  <si>
    <t>cg02326568</t>
  </si>
  <si>
    <t>cg02328545</t>
  </si>
  <si>
    <t>cg02329935</t>
  </si>
  <si>
    <t>cg02336143</t>
  </si>
  <si>
    <t>cg02337825</t>
  </si>
  <si>
    <t>cg02343715</t>
  </si>
  <si>
    <t>cg02343823</t>
  </si>
  <si>
    <t>cg02346970</t>
  </si>
  <si>
    <t>cg02348116</t>
  </si>
  <si>
    <t>cg02350636</t>
  </si>
  <si>
    <t>cg02354839</t>
  </si>
  <si>
    <t>cg02368274</t>
  </si>
  <si>
    <t>cg02379784</t>
  </si>
  <si>
    <t>cg02380278</t>
  </si>
  <si>
    <t>cg02384967</t>
  </si>
  <si>
    <t>cg02405484</t>
  </si>
  <si>
    <t>cg02419835</t>
  </si>
  <si>
    <t>cg02430347</t>
  </si>
  <si>
    <t>cg02435109</t>
  </si>
  <si>
    <t>cg02444433</t>
  </si>
  <si>
    <t>cg02449764</t>
  </si>
  <si>
    <t>cg02450613</t>
  </si>
  <si>
    <t>cg02452944</t>
  </si>
  <si>
    <t>cg02457282</t>
  </si>
  <si>
    <t>cg02458910</t>
  </si>
  <si>
    <t>cg02466321</t>
  </si>
  <si>
    <t>cg02501365</t>
  </si>
  <si>
    <t>cg02504326</t>
  </si>
  <si>
    <t>cg02505827</t>
  </si>
  <si>
    <t>cg02511231</t>
  </si>
  <si>
    <t>cg02511809</t>
  </si>
  <si>
    <t>cg02521643</t>
  </si>
  <si>
    <t>cg02527190</t>
  </si>
  <si>
    <t>cg02527199</t>
  </si>
  <si>
    <t>cg02528389</t>
  </si>
  <si>
    <t>cg02534048</t>
  </si>
  <si>
    <t>cg02537163</t>
  </si>
  <si>
    <t>cg02553655</t>
  </si>
  <si>
    <t>cg02565255</t>
  </si>
  <si>
    <t>cg02577046</t>
  </si>
  <si>
    <t>cg02579469</t>
  </si>
  <si>
    <t>cg02599293</t>
  </si>
  <si>
    <t>cg02600413</t>
  </si>
  <si>
    <t>cg02613713</t>
  </si>
  <si>
    <t>cg02619173</t>
  </si>
  <si>
    <t>cg02641288</t>
  </si>
  <si>
    <t>cg02642549</t>
  </si>
  <si>
    <t>cg02643218</t>
  </si>
  <si>
    <t>cg02650128</t>
  </si>
  <si>
    <t>cg02650972</t>
  </si>
  <si>
    <t>cg02653728</t>
  </si>
  <si>
    <t>cg02656525</t>
  </si>
  <si>
    <t>cg02659055</t>
  </si>
  <si>
    <t>cg02661258</t>
  </si>
  <si>
    <t>cg02670133</t>
  </si>
  <si>
    <t>cg02675896</t>
  </si>
  <si>
    <t>cg02676375</t>
  </si>
  <si>
    <t>cg02679582</t>
  </si>
  <si>
    <t>cg02680629</t>
  </si>
  <si>
    <t>cg02684056</t>
  </si>
  <si>
    <t>cg02688226</t>
  </si>
  <si>
    <t>cg02692390</t>
  </si>
  <si>
    <t>cg02699218</t>
  </si>
  <si>
    <t>cg02700824</t>
  </si>
  <si>
    <t>cg02707576</t>
  </si>
  <si>
    <t>cg02716123</t>
  </si>
  <si>
    <t>cg02717486</t>
  </si>
  <si>
    <t>cg02724909</t>
  </si>
  <si>
    <t>cg02725413</t>
  </si>
  <si>
    <t>cg02731554</t>
  </si>
  <si>
    <t>cg02732358</t>
  </si>
  <si>
    <t>cg02743222</t>
  </si>
  <si>
    <t>cg02750935</t>
  </si>
  <si>
    <t>cg02751123</t>
  </si>
  <si>
    <t>cg02761497</t>
  </si>
  <si>
    <t>cg02762440</t>
  </si>
  <si>
    <t>cg02800362</t>
  </si>
  <si>
    <t>cg03001986</t>
  </si>
  <si>
    <t>cg03136712</t>
  </si>
  <si>
    <t>cg03204906</t>
  </si>
  <si>
    <t>cg03209812</t>
  </si>
  <si>
    <t>cg03211527</t>
  </si>
  <si>
    <t>cg03212797</t>
  </si>
  <si>
    <t>cg03235083</t>
  </si>
  <si>
    <t>cg03235119</t>
  </si>
  <si>
    <t>cg03312958</t>
  </si>
  <si>
    <t>cg03315484</t>
  </si>
  <si>
    <t>cg03317235</t>
  </si>
  <si>
    <t>cg03318614</t>
  </si>
  <si>
    <t>cg03323696</t>
  </si>
  <si>
    <t>cg03330254</t>
  </si>
  <si>
    <t>cg03331123</t>
  </si>
  <si>
    <t>cg03335262</t>
  </si>
  <si>
    <t>cg03336086</t>
  </si>
  <si>
    <t>cg03522216</t>
  </si>
  <si>
    <t>cg03534031</t>
  </si>
  <si>
    <t>cg03540794</t>
  </si>
  <si>
    <t>cg03541759</t>
  </si>
  <si>
    <t>cg03558408</t>
  </si>
  <si>
    <t>cg03559817</t>
  </si>
  <si>
    <t>cg03565437</t>
  </si>
  <si>
    <t>cg03575489</t>
  </si>
  <si>
    <t>cg03595755</t>
  </si>
  <si>
    <t>cg03604011</t>
  </si>
  <si>
    <t>cg03605066</t>
  </si>
  <si>
    <t>cg03607359</t>
  </si>
  <si>
    <t>cg03620559</t>
  </si>
  <si>
    <t>cg03625177</t>
  </si>
  <si>
    <t>cg03632623</t>
  </si>
  <si>
    <t>cg03633948</t>
  </si>
  <si>
    <t>cg03635536</t>
  </si>
  <si>
    <t>cg03640756</t>
  </si>
  <si>
    <t>cg03641439</t>
  </si>
  <si>
    <t>cg03646189</t>
  </si>
  <si>
    <t>cg03653541</t>
  </si>
  <si>
    <t>cg03653962</t>
  </si>
  <si>
    <t>cg03654433</t>
  </si>
  <si>
    <t>cg03666316</t>
  </si>
  <si>
    <t>cg03670816</t>
  </si>
  <si>
    <t>cg03677126</t>
  </si>
  <si>
    <t>cg03679565</t>
  </si>
  <si>
    <t>cg03685259</t>
  </si>
  <si>
    <t>cg03701266</t>
  </si>
  <si>
    <t>cg03703637</t>
  </si>
  <si>
    <t>cg03713379</t>
  </si>
  <si>
    <t>cg03721045</t>
  </si>
  <si>
    <t>cg03721362</t>
  </si>
  <si>
    <t>cg03727213</t>
  </si>
  <si>
    <t>cg03827835</t>
  </si>
  <si>
    <t>cg03828224</t>
  </si>
  <si>
    <t>cg03831054</t>
  </si>
  <si>
    <t>cg03832688</t>
  </si>
  <si>
    <t>cg03836184</t>
  </si>
  <si>
    <t>cg03837827</t>
  </si>
  <si>
    <t>cg03839288</t>
  </si>
  <si>
    <t>cg03839934</t>
  </si>
  <si>
    <t>cg03859106</t>
  </si>
  <si>
    <t>cg03866757</t>
  </si>
  <si>
    <t>cg03871267</t>
  </si>
  <si>
    <t>cg03883572</t>
  </si>
  <si>
    <t>cg03896436</t>
  </si>
  <si>
    <t>cg03898463</t>
  </si>
  <si>
    <t>cg03899909</t>
  </si>
  <si>
    <t>cg03902565</t>
  </si>
  <si>
    <t>cg03903705</t>
  </si>
  <si>
    <t>cg03958269</t>
  </si>
  <si>
    <t>cg03975104</t>
  </si>
  <si>
    <t>cg03979643</t>
  </si>
  <si>
    <t>cg03989273</t>
  </si>
  <si>
    <t>cg03993376</t>
  </si>
  <si>
    <t>cg03999941</t>
  </si>
  <si>
    <t>cg04014864</t>
  </si>
  <si>
    <t>cg04057238</t>
  </si>
  <si>
    <t>cg04058281</t>
  </si>
  <si>
    <t>cg04058593</t>
  </si>
  <si>
    <t>cg04059965</t>
  </si>
  <si>
    <t>cg04062682</t>
  </si>
  <si>
    <t>cg04063589</t>
  </si>
  <si>
    <t>cg04067506</t>
  </si>
  <si>
    <t>cg04068595</t>
  </si>
  <si>
    <t>cg04071689</t>
  </si>
  <si>
    <t>cg04073265</t>
  </si>
  <si>
    <t>cg04081324</t>
  </si>
  <si>
    <t>cg04081899</t>
  </si>
  <si>
    <t>cg04088773</t>
  </si>
  <si>
    <t>cg04090147</t>
  </si>
  <si>
    <t>cg04091454</t>
  </si>
  <si>
    <t>cg04110559</t>
  </si>
  <si>
    <t>cg04117874</t>
  </si>
  <si>
    <t>cg04124626</t>
  </si>
  <si>
    <t>cg04125223</t>
  </si>
  <si>
    <t>cg04131890</t>
  </si>
  <si>
    <t>cg04134803</t>
  </si>
  <si>
    <t>cg04136185</t>
  </si>
  <si>
    <t>cg04136610</t>
  </si>
  <si>
    <t>cg04136748</t>
  </si>
  <si>
    <t>cg04148483</t>
  </si>
  <si>
    <t>cg04154027</t>
  </si>
  <si>
    <t>cg04155632</t>
  </si>
  <si>
    <t>cg04159903</t>
  </si>
  <si>
    <t>cg04160694</t>
  </si>
  <si>
    <t>cg04173992</t>
  </si>
  <si>
    <t>cg04175399</t>
  </si>
  <si>
    <t>cg04176108</t>
  </si>
  <si>
    <t>cg04180890</t>
  </si>
  <si>
    <t>cg04187185</t>
  </si>
  <si>
    <t>cg04195581</t>
  </si>
  <si>
    <t>cg04196933</t>
  </si>
  <si>
    <t>cg04200399</t>
  </si>
  <si>
    <t>cg04206517</t>
  </si>
  <si>
    <t>cg04209913</t>
  </si>
  <si>
    <t>cg04210284</t>
  </si>
  <si>
    <t>cg04213700</t>
  </si>
  <si>
    <t>cg04223424</t>
  </si>
  <si>
    <t>cg04223645</t>
  </si>
  <si>
    <t>cg04231467</t>
  </si>
  <si>
    <t>cg04232649</t>
  </si>
  <si>
    <t>cg04234318</t>
  </si>
  <si>
    <t>cg04236329</t>
  </si>
  <si>
    <t>cg04238096</t>
  </si>
  <si>
    <t>cg04244918</t>
  </si>
  <si>
    <t>cg04247720</t>
  </si>
  <si>
    <t>cg04248157</t>
  </si>
  <si>
    <t>cg04248271</t>
  </si>
  <si>
    <t>cg04266929</t>
  </si>
  <si>
    <t>cg04267590</t>
  </si>
  <si>
    <t>cg04269301</t>
  </si>
  <si>
    <t>cg04286878</t>
  </si>
  <si>
    <t>cg04291221</t>
  </si>
  <si>
    <t>cg04293725</t>
  </si>
  <si>
    <t>cg04299200</t>
  </si>
  <si>
    <t>cg04301102</t>
  </si>
  <si>
    <t>cg04309194</t>
  </si>
  <si>
    <t>cg04309230</t>
  </si>
  <si>
    <t>cg04310802</t>
  </si>
  <si>
    <t>cg04330449</t>
  </si>
  <si>
    <t>cg04439218</t>
  </si>
  <si>
    <t>cg04452110</t>
  </si>
  <si>
    <t>cg04453180</t>
  </si>
  <si>
    <t>cg04454086</t>
  </si>
  <si>
    <t>cg04466840</t>
  </si>
  <si>
    <t>cg04468543</t>
  </si>
  <si>
    <t>cg04493143</t>
  </si>
  <si>
    <t>cg04502985</t>
  </si>
  <si>
    <t>cg04504441</t>
  </si>
  <si>
    <t>cg04508044</t>
  </si>
  <si>
    <t>cg04518342</t>
  </si>
  <si>
    <t>cg04522604</t>
  </si>
  <si>
    <t>cg04522671</t>
  </si>
  <si>
    <t>cg04524431</t>
  </si>
  <si>
    <t>cg04539574</t>
  </si>
  <si>
    <t>cg04542976</t>
  </si>
  <si>
    <t>cg04548513</t>
  </si>
  <si>
    <t>cg04549797</t>
  </si>
  <si>
    <t>cg04560269</t>
  </si>
  <si>
    <t>cg04564312</t>
  </si>
  <si>
    <t>cg04565649</t>
  </si>
  <si>
    <t>cg04567170</t>
  </si>
  <si>
    <t>cg04569313</t>
  </si>
  <si>
    <t>cg04591034</t>
  </si>
  <si>
    <t>cg04593550</t>
  </si>
  <si>
    <t>cg04599652</t>
  </si>
  <si>
    <t>cg04600466</t>
  </si>
  <si>
    <t>cg04616401</t>
  </si>
  <si>
    <t>cg04620091</t>
  </si>
  <si>
    <t>cg04633600</t>
  </si>
  <si>
    <t>cg04636402</t>
  </si>
  <si>
    <t>cg04638397</t>
  </si>
  <si>
    <t>cg04644773</t>
  </si>
  <si>
    <t>cg04645421</t>
  </si>
  <si>
    <t>cg04652536</t>
  </si>
  <si>
    <t>cg04663440</t>
  </si>
  <si>
    <t>cg04663556</t>
  </si>
  <si>
    <t>cg04672769</t>
  </si>
  <si>
    <t>cg04675542</t>
  </si>
  <si>
    <t>cg04684516</t>
  </si>
  <si>
    <t>cg04694889</t>
  </si>
  <si>
    <t>cg04709266</t>
  </si>
  <si>
    <t>cg04709822</t>
  </si>
  <si>
    <t>cg04710680</t>
  </si>
  <si>
    <t>cg04712436</t>
  </si>
  <si>
    <t>cg04720635</t>
  </si>
  <si>
    <t>cg04728073</t>
  </si>
  <si>
    <t>cg04728482</t>
  </si>
  <si>
    <t>cg04731570</t>
  </si>
  <si>
    <t>cg04735745</t>
  </si>
  <si>
    <t>cg04815019</t>
  </si>
  <si>
    <t>cg04823499</t>
  </si>
  <si>
    <t>cg04825775</t>
  </si>
  <si>
    <t>cg04830814</t>
  </si>
  <si>
    <t>cg04837923</t>
  </si>
  <si>
    <t>cg04845915</t>
  </si>
  <si>
    <t>cg04960652</t>
  </si>
  <si>
    <t>cg04970570</t>
  </si>
  <si>
    <t>cg04971418</t>
  </si>
  <si>
    <t>cg04985097</t>
  </si>
  <si>
    <t>cg04987883</t>
  </si>
  <si>
    <t>cg04992127</t>
  </si>
  <si>
    <t>cg04996219</t>
  </si>
  <si>
    <t>cg04996689</t>
  </si>
  <si>
    <t>cg04999502</t>
  </si>
  <si>
    <t>cg05002974</t>
  </si>
  <si>
    <t>cg05005023</t>
  </si>
  <si>
    <t>cg05017829</t>
  </si>
  <si>
    <t>cg05017994</t>
  </si>
  <si>
    <t>cg05022341</t>
  </si>
  <si>
    <t>cg05028087</t>
  </si>
  <si>
    <t>cg05031448</t>
  </si>
  <si>
    <t>cg05040023</t>
  </si>
  <si>
    <t>cg05040472</t>
  </si>
  <si>
    <t>cg05145573</t>
  </si>
  <si>
    <t>cg05153820</t>
  </si>
  <si>
    <t>cg05166316</t>
  </si>
  <si>
    <t>cg05173828</t>
  </si>
  <si>
    <t>cg05176146</t>
  </si>
  <si>
    <t>cg05176349</t>
  </si>
  <si>
    <t>cg05180847</t>
  </si>
  <si>
    <t>cg05191217</t>
  </si>
  <si>
    <t>cg05191700</t>
  </si>
  <si>
    <t>cg05192452</t>
  </si>
  <si>
    <t>cg05193570</t>
  </si>
  <si>
    <t>cg05200057</t>
  </si>
  <si>
    <t>cg05201970</t>
  </si>
  <si>
    <t>cg05207253</t>
  </si>
  <si>
    <t>cg05207973</t>
  </si>
  <si>
    <t>cg05214690</t>
  </si>
  <si>
    <t>cg05223396</t>
  </si>
  <si>
    <t>cg05224707</t>
  </si>
  <si>
    <t>cg05234035</t>
  </si>
  <si>
    <t>cg05247112</t>
  </si>
  <si>
    <t>cg05251676</t>
  </si>
  <si>
    <t>cg05253018</t>
  </si>
  <si>
    <t>cg05253577</t>
  </si>
  <si>
    <t>cg05254132</t>
  </si>
  <si>
    <t>cg05454501</t>
  </si>
  <si>
    <t>cg05457628</t>
  </si>
  <si>
    <t>cg05458841</t>
  </si>
  <si>
    <t>cg05461448</t>
  </si>
  <si>
    <t>cg05462173</t>
  </si>
  <si>
    <t>cg05466640</t>
  </si>
  <si>
    <t>cg05467472</t>
  </si>
  <si>
    <t>cg05469346</t>
  </si>
  <si>
    <t>cg05470082</t>
  </si>
  <si>
    <t>cg05471465</t>
  </si>
  <si>
    <t>cg05476956</t>
  </si>
  <si>
    <t>cg05478818</t>
  </si>
  <si>
    <t>cg05494467</t>
  </si>
  <si>
    <t>cg05497616</t>
  </si>
  <si>
    <t>cg05520288</t>
  </si>
  <si>
    <t>cg05520500</t>
  </si>
  <si>
    <t>cg05521474</t>
  </si>
  <si>
    <t>cg05524529</t>
  </si>
  <si>
    <t>cg05526438</t>
  </si>
  <si>
    <t>cg05533233</t>
  </si>
  <si>
    <t>cg05539745</t>
  </si>
  <si>
    <t>cg05540394</t>
  </si>
  <si>
    <t>cg05542957</t>
  </si>
  <si>
    <t>cg05545777</t>
  </si>
  <si>
    <t>cg05560165</t>
  </si>
  <si>
    <t>cg05560435</t>
  </si>
  <si>
    <t>cg05560697</t>
  </si>
  <si>
    <t>cg05573381</t>
  </si>
  <si>
    <t>cg05574272</t>
  </si>
  <si>
    <t>cg05575921</t>
  </si>
  <si>
    <t>cg05575995</t>
  </si>
  <si>
    <t>cg05578452</t>
  </si>
  <si>
    <t>cg05582585</t>
  </si>
  <si>
    <t>cg05586701</t>
  </si>
  <si>
    <t>cg05586800</t>
  </si>
  <si>
    <t>cg05592363</t>
  </si>
  <si>
    <t>cg05606376</t>
  </si>
  <si>
    <t>cg05608694</t>
  </si>
  <si>
    <t>cg05611218</t>
  </si>
  <si>
    <t>cg05612977</t>
  </si>
  <si>
    <t>cg05614500</t>
  </si>
  <si>
    <t>cg05634287</t>
  </si>
  <si>
    <t>cg05634428</t>
  </si>
  <si>
    <t>cg05641123</t>
  </si>
  <si>
    <t>cg05656566</t>
  </si>
  <si>
    <t>cg05659097</t>
  </si>
  <si>
    <t>cg05664895</t>
  </si>
  <si>
    <t>cg05675008</t>
  </si>
  <si>
    <t>cg05686497</t>
  </si>
  <si>
    <t>cg05693721</t>
  </si>
  <si>
    <t>cg05698228</t>
  </si>
  <si>
    <t>cg05700333</t>
  </si>
  <si>
    <t>cg05700724</t>
  </si>
  <si>
    <t>cg05703112</t>
  </si>
  <si>
    <t>cg05706117</t>
  </si>
  <si>
    <t>cg05710997</t>
  </si>
  <si>
    <t>cg05712903</t>
  </si>
  <si>
    <t>cg05713149</t>
  </si>
  <si>
    <t>cg05837253</t>
  </si>
  <si>
    <t>cg05839377</t>
  </si>
  <si>
    <t>cg05839636</t>
  </si>
  <si>
    <t>cg05841627</t>
  </si>
  <si>
    <t>cg05842815</t>
  </si>
  <si>
    <t>cg05843340</t>
  </si>
  <si>
    <t>cg05851148</t>
  </si>
  <si>
    <t>cg05854826</t>
  </si>
  <si>
    <t>cg05859395</t>
  </si>
  <si>
    <t>cg05859679</t>
  </si>
  <si>
    <t>cg05859929</t>
  </si>
  <si>
    <t>cg05863116</t>
  </si>
  <si>
    <t>cg05867645</t>
  </si>
  <si>
    <t>cg05870739</t>
  </si>
  <si>
    <t>cg05872702</t>
  </si>
  <si>
    <t>cg05877767</t>
  </si>
  <si>
    <t>cg05878337</t>
  </si>
  <si>
    <t>cg05901765</t>
  </si>
  <si>
    <t>cg05902997</t>
  </si>
  <si>
    <t>cg05904716</t>
  </si>
  <si>
    <t>cg05904966</t>
  </si>
  <si>
    <t>cg05915481</t>
  </si>
  <si>
    <t>cg05916662</t>
  </si>
  <si>
    <t>cg05922392</t>
  </si>
  <si>
    <t>cg05922971</t>
  </si>
  <si>
    <t>cg05924065</t>
  </si>
  <si>
    <t>cg05937292</t>
  </si>
  <si>
    <t>cg05938628</t>
  </si>
  <si>
    <t>cg05940946</t>
  </si>
  <si>
    <t>cg05941060</t>
  </si>
  <si>
    <t>cg05945584</t>
  </si>
  <si>
    <t>cg05962107</t>
  </si>
  <si>
    <t>cg05966809</t>
  </si>
  <si>
    <t>cg05970014</t>
  </si>
  <si>
    <t>cg05970768</t>
  </si>
  <si>
    <t>cg05971966</t>
  </si>
  <si>
    <t>cg05972502</t>
  </si>
  <si>
    <t>cg05972654</t>
  </si>
  <si>
    <t>cg05985655</t>
  </si>
  <si>
    <t>cg05987933</t>
  </si>
  <si>
    <t>cg05990499</t>
  </si>
  <si>
    <t>cg05992830</t>
  </si>
  <si>
    <t>cg05995866</t>
  </si>
  <si>
    <t>cg05996236</t>
  </si>
  <si>
    <t>cg05999195</t>
  </si>
  <si>
    <t>cg06008926</t>
  </si>
  <si>
    <t>cg06010443</t>
  </si>
  <si>
    <t>cg06013769</t>
  </si>
  <si>
    <t>cg06014474</t>
  </si>
  <si>
    <t>cg06016176</t>
  </si>
  <si>
    <t>cg06016466</t>
  </si>
  <si>
    <t>cg06023487</t>
  </si>
  <si>
    <t>cg06048662</t>
  </si>
  <si>
    <t>cg06060135</t>
  </si>
  <si>
    <t>cg06060754</t>
  </si>
  <si>
    <t>cg06101177</t>
  </si>
  <si>
    <t>cg06183338</t>
  </si>
  <si>
    <t>cg06320606</t>
  </si>
  <si>
    <t>cg06407470</t>
  </si>
  <si>
    <t>cg06410537</t>
  </si>
  <si>
    <t>cg06418871</t>
  </si>
  <si>
    <t>cg06422139</t>
  </si>
  <si>
    <t>cg06431905</t>
  </si>
  <si>
    <t>cg06434454</t>
  </si>
  <si>
    <t>cg06434480</t>
  </si>
  <si>
    <t>cg06439489</t>
  </si>
  <si>
    <t>cg06444178</t>
  </si>
  <si>
    <t>cg06445428</t>
  </si>
  <si>
    <t>cg06451739</t>
  </si>
  <si>
    <t>cg06452451</t>
  </si>
  <si>
    <t>cg06452669</t>
  </si>
  <si>
    <t>cg06460652</t>
  </si>
  <si>
    <t>cg06464860</t>
  </si>
  <si>
    <t>cg06477056</t>
  </si>
  <si>
    <t>cg06480736</t>
  </si>
  <si>
    <t>cg06495631</t>
  </si>
  <si>
    <t>cg06502425</t>
  </si>
  <si>
    <t>cg06504518</t>
  </si>
  <si>
    <t>cg06506598</t>
  </si>
  <si>
    <t>cg06508445</t>
  </si>
  <si>
    <t>cg06508582</t>
  </si>
  <si>
    <t>cg06524195</t>
  </si>
  <si>
    <t>cg06525892</t>
  </si>
  <si>
    <t>cg06532574</t>
  </si>
  <si>
    <t>cg06536614</t>
  </si>
  <si>
    <t>cg06550018</t>
  </si>
  <si>
    <t>cg06554120</t>
  </si>
  <si>
    <t>cg06560300</t>
  </si>
  <si>
    <t>cg06564388</t>
  </si>
  <si>
    <t>cg06566534</t>
  </si>
  <si>
    <t>cg06576198</t>
  </si>
  <si>
    <t>cg06577205</t>
  </si>
  <si>
    <t>cg06577450</t>
  </si>
  <si>
    <t>cg06585708</t>
  </si>
  <si>
    <t>cg06589161</t>
  </si>
  <si>
    <t>cg06592065</t>
  </si>
  <si>
    <t>cg06593603</t>
  </si>
  <si>
    <t>cg06599677</t>
  </si>
  <si>
    <t>cg06606511</t>
  </si>
  <si>
    <t>cg06610368</t>
  </si>
  <si>
    <t>cg06621659</t>
  </si>
  <si>
    <t>cg06622591</t>
  </si>
  <si>
    <t>cg06622735</t>
  </si>
  <si>
    <t>cg06626190</t>
  </si>
  <si>
    <t>cg06634903</t>
  </si>
  <si>
    <t>cg06646650</t>
  </si>
  <si>
    <t>cg06647221</t>
  </si>
  <si>
    <t>cg06647332</t>
  </si>
  <si>
    <t>cg06658637</t>
  </si>
  <si>
    <t>cg06660015</t>
  </si>
  <si>
    <t>cg06668065</t>
  </si>
  <si>
    <t>cg06672958</t>
  </si>
  <si>
    <t>cg06674436</t>
  </si>
  <si>
    <t>cg06677010</t>
  </si>
  <si>
    <t>cg06685140</t>
  </si>
  <si>
    <t>cg06705366</t>
  </si>
  <si>
    <t>cg06729324</t>
  </si>
  <si>
    <t>cg06742628</t>
  </si>
  <si>
    <t>cg06748231</t>
  </si>
  <si>
    <t>cg06755309</t>
  </si>
  <si>
    <t>cg06757405</t>
  </si>
  <si>
    <t>cg06768740</t>
  </si>
  <si>
    <t>cg06776712</t>
  </si>
  <si>
    <t>cg06777516</t>
  </si>
  <si>
    <t>cg06782035</t>
  </si>
  <si>
    <t>cg06792340</t>
  </si>
  <si>
    <t>cg06793691</t>
  </si>
  <si>
    <t>cg06795635</t>
  </si>
  <si>
    <t>cg06799180</t>
  </si>
  <si>
    <t>cg06802630</t>
  </si>
  <si>
    <t>cg06802812</t>
  </si>
  <si>
    <t>cg06809458</t>
  </si>
  <si>
    <t>cg06812019</t>
  </si>
  <si>
    <t>cg06819445</t>
  </si>
  <si>
    <t>cg06819704</t>
  </si>
  <si>
    <t>cg06826808</t>
  </si>
  <si>
    <t>cg06829830</t>
  </si>
  <si>
    <t>cg06833732</t>
  </si>
  <si>
    <t>cg06835221</t>
  </si>
  <si>
    <t>cg06839360</t>
  </si>
  <si>
    <t>cg06840659</t>
  </si>
  <si>
    <t>cg06840973</t>
  </si>
  <si>
    <t>cg06846669</t>
  </si>
  <si>
    <t>cg06848689</t>
  </si>
  <si>
    <t>cg06850283</t>
  </si>
  <si>
    <t>cg06852942</t>
  </si>
  <si>
    <t>cg06853376</t>
  </si>
  <si>
    <t>cg06857049</t>
  </si>
  <si>
    <t>cg06857674</t>
  </si>
  <si>
    <t>cg06861562</t>
  </si>
  <si>
    <t>cg06862150</t>
  </si>
  <si>
    <t>cg06866005</t>
  </si>
  <si>
    <t>cg06873106</t>
  </si>
  <si>
    <t>cg06874895</t>
  </si>
  <si>
    <t>cg06875227</t>
  </si>
  <si>
    <t>cg06889971</t>
  </si>
  <si>
    <t>cg06897790</t>
  </si>
  <si>
    <t>cg06904153</t>
  </si>
  <si>
    <t>cg06904356</t>
  </si>
  <si>
    <t>cg06904408</t>
  </si>
  <si>
    <t>cg06909976</t>
  </si>
  <si>
    <t>cg06933574</t>
  </si>
  <si>
    <t>cg06933824</t>
  </si>
  <si>
    <t>cg06951565</t>
  </si>
  <si>
    <t>cg06955158</t>
  </si>
  <si>
    <t>cg06959182</t>
  </si>
  <si>
    <t>cg06959626</t>
  </si>
  <si>
    <t>cg06968181</t>
  </si>
  <si>
    <t>cg06971720</t>
  </si>
  <si>
    <t>cg06976144</t>
  </si>
  <si>
    <t>cg06980387</t>
  </si>
  <si>
    <t>cg06983483</t>
  </si>
  <si>
    <t>cg06997381</t>
  </si>
  <si>
    <t>cg06998119</t>
  </si>
  <si>
    <t>cg06999799</t>
  </si>
  <si>
    <t>cg07000467</t>
  </si>
  <si>
    <t>cg07003542</t>
  </si>
  <si>
    <t>cg07011172</t>
  </si>
  <si>
    <t>cg07013940</t>
  </si>
  <si>
    <t>cg07015725</t>
  </si>
  <si>
    <t>cg07019536</t>
  </si>
  <si>
    <t>cg07025548</t>
  </si>
  <si>
    <t>cg07025994</t>
  </si>
  <si>
    <t>cg07028258</t>
  </si>
  <si>
    <t>cg07035961</t>
  </si>
  <si>
    <t>cg07039560</t>
  </si>
  <si>
    <t>cg07041883</t>
  </si>
  <si>
    <t>cg07124173</t>
  </si>
  <si>
    <t>cg07124832</t>
  </si>
  <si>
    <t>cg07125274</t>
  </si>
  <si>
    <t>cg07127534</t>
  </si>
  <si>
    <t>cg07128111</t>
  </si>
  <si>
    <t>cg07136998</t>
  </si>
  <si>
    <t>cg07137955</t>
  </si>
  <si>
    <t>cg07139265</t>
  </si>
  <si>
    <t>cg07140660</t>
  </si>
  <si>
    <t>cg07143328</t>
  </si>
  <si>
    <t>cg07145930</t>
  </si>
  <si>
    <t>cg07167946</t>
  </si>
  <si>
    <t>cg07175945</t>
  </si>
  <si>
    <t>cg07180252</t>
  </si>
  <si>
    <t>cg07185843</t>
  </si>
  <si>
    <t>cg07190450</t>
  </si>
  <si>
    <t>cg07190535</t>
  </si>
  <si>
    <t>cg07194689</t>
  </si>
  <si>
    <t>cg07195011</t>
  </si>
  <si>
    <t>cg07204747</t>
  </si>
  <si>
    <t>cg07208322</t>
  </si>
  <si>
    <t>cg07210335</t>
  </si>
  <si>
    <t>cg07211474</t>
  </si>
  <si>
    <t>cg07233159</t>
  </si>
  <si>
    <t>cg07234569</t>
  </si>
  <si>
    <t>cg07236157</t>
  </si>
  <si>
    <t>cg07236911</t>
  </si>
  <si>
    <t>cg07237214</t>
  </si>
  <si>
    <t>cg07245011</t>
  </si>
  <si>
    <t>cg07249274</t>
  </si>
  <si>
    <t>cg07252137</t>
  </si>
  <si>
    <t>cg07252851</t>
  </si>
  <si>
    <t>cg07256113</t>
  </si>
  <si>
    <t>cg07262247</t>
  </si>
  <si>
    <t>cg07264189</t>
  </si>
  <si>
    <t>cg07268068</t>
  </si>
  <si>
    <t>cg07270078</t>
  </si>
  <si>
    <t>cg07272831</t>
  </si>
  <si>
    <t>cg07274716</t>
  </si>
  <si>
    <t>cg07276083</t>
  </si>
  <si>
    <t>cg07277818</t>
  </si>
  <si>
    <t>cg07279858</t>
  </si>
  <si>
    <t>cg07285213</t>
  </si>
  <si>
    <t>cg07287030</t>
  </si>
  <si>
    <t>cg07292251</t>
  </si>
  <si>
    <t>cg07295964</t>
  </si>
  <si>
    <t>cg07298437</t>
  </si>
  <si>
    <t>cg07308931</t>
  </si>
  <si>
    <t>cg07309238</t>
  </si>
  <si>
    <t>cg07315372</t>
  </si>
  <si>
    <t>cg07317601</t>
  </si>
  <si>
    <t>cg07318231</t>
  </si>
  <si>
    <t>cg07324729</t>
  </si>
  <si>
    <t>cg07327178</t>
  </si>
  <si>
    <t>cg07330212</t>
  </si>
  <si>
    <t>cg07331747</t>
  </si>
  <si>
    <t>cg07340025</t>
  </si>
  <si>
    <t>cg07352245</t>
  </si>
  <si>
    <t>cg07352345</t>
  </si>
  <si>
    <t>cg07352798</t>
  </si>
  <si>
    <t>cg07354253</t>
  </si>
  <si>
    <t>cg07360250</t>
  </si>
  <si>
    <t>cg07360792</t>
  </si>
  <si>
    <t>cg07363137</t>
  </si>
  <si>
    <t>cg07372609</t>
  </si>
  <si>
    <t>cg07380496</t>
  </si>
  <si>
    <t>cg07388801</t>
  </si>
  <si>
    <t>cg07389500</t>
  </si>
  <si>
    <t>cg07391436</t>
  </si>
  <si>
    <t>cg07397574</t>
  </si>
  <si>
    <t>cg07404400</t>
  </si>
  <si>
    <t>cg07408835</t>
  </si>
  <si>
    <t>cg07413150</t>
  </si>
  <si>
    <t>cg07413356</t>
  </si>
  <si>
    <t>cg07417708</t>
  </si>
  <si>
    <t>cg07438494</t>
  </si>
  <si>
    <t>cg07442479</t>
  </si>
  <si>
    <t>cg07448606</t>
  </si>
  <si>
    <t>cg07451859</t>
  </si>
  <si>
    <t>cg07458308</t>
  </si>
  <si>
    <t>cg07463541</t>
  </si>
  <si>
    <t>cg07464977</t>
  </si>
  <si>
    <t>cg07472647</t>
  </si>
  <si>
    <t>cg07473023</t>
  </si>
  <si>
    <t>cg07478641</t>
  </si>
  <si>
    <t>cg07479092</t>
  </si>
  <si>
    <t>cg07485723</t>
  </si>
  <si>
    <t>cg07489950</t>
  </si>
  <si>
    <t>cg07492045</t>
  </si>
  <si>
    <t>cg07492251</t>
  </si>
  <si>
    <t>cg07500501</t>
  </si>
  <si>
    <t>cg07507057</t>
  </si>
  <si>
    <t>cg07507685</t>
  </si>
  <si>
    <t>cg07508400</t>
  </si>
  <si>
    <t>cg07515940</t>
  </si>
  <si>
    <t>cg07523741</t>
  </si>
  <si>
    <t>cg07538946</t>
  </si>
  <si>
    <t>cg07540118</t>
  </si>
  <si>
    <t>cg07548282</t>
  </si>
  <si>
    <t>cg07557560</t>
  </si>
  <si>
    <t>cg07564962</t>
  </si>
  <si>
    <t>cg07565505</t>
  </si>
  <si>
    <t>cg07567973</t>
  </si>
  <si>
    <t>cg07570075</t>
  </si>
  <si>
    <t>cg07576016</t>
  </si>
  <si>
    <t>cg07586900</t>
  </si>
  <si>
    <t>cg07589143</t>
  </si>
  <si>
    <t>cg07594209</t>
  </si>
  <si>
    <t>cg07595776</t>
  </si>
  <si>
    <t>cg07609108</t>
  </si>
  <si>
    <t>cg07622001</t>
  </si>
  <si>
    <t>cg07622748</t>
  </si>
  <si>
    <t>cg07626339</t>
  </si>
  <si>
    <t>cg07630858</t>
  </si>
  <si>
    <t>cg07632106</t>
  </si>
  <si>
    <t>cg07666882</t>
  </si>
  <si>
    <t>cg07671805</t>
  </si>
  <si>
    <t>cg07682041</t>
  </si>
  <si>
    <t>cg07682547</t>
  </si>
  <si>
    <t>cg07682578</t>
  </si>
  <si>
    <t>cg07690181</t>
  </si>
  <si>
    <t>cg07691200</t>
  </si>
  <si>
    <t>cg07691761</t>
  </si>
  <si>
    <t>cg07697561</t>
  </si>
  <si>
    <t>cg07697635</t>
  </si>
  <si>
    <t>cg07705810</t>
  </si>
  <si>
    <t>cg07721005</t>
  </si>
  <si>
    <t>cg07723130</t>
  </si>
  <si>
    <t>cg07728485</t>
  </si>
  <si>
    <t>cg07733257</t>
  </si>
  <si>
    <t>cg07747251</t>
  </si>
  <si>
    <t>cg07749219</t>
  </si>
  <si>
    <t>cg07752596</t>
  </si>
  <si>
    <t>cg07756196</t>
  </si>
  <si>
    <t>cg07758404</t>
  </si>
  <si>
    <t>cg07763047</t>
  </si>
  <si>
    <t>cg07764676</t>
  </si>
  <si>
    <t>cg07768103</t>
  </si>
  <si>
    <t>cg07791464</t>
  </si>
  <si>
    <t>cg07792738</t>
  </si>
  <si>
    <t>cg07795168</t>
  </si>
  <si>
    <t>cg07797431</t>
  </si>
  <si>
    <t>cg07798980</t>
  </si>
  <si>
    <t>cg07810961</t>
  </si>
  <si>
    <t>cg07816229</t>
  </si>
  <si>
    <t>cg07816637</t>
  </si>
  <si>
    <t>cg07820786</t>
  </si>
  <si>
    <t>cg07829469</t>
  </si>
  <si>
    <t>cg07831432</t>
  </si>
  <si>
    <t>cg07832473</t>
  </si>
  <si>
    <t>cg07834743</t>
  </si>
  <si>
    <t>cg07844112</t>
  </si>
  <si>
    <t>cg07848310</t>
  </si>
  <si>
    <t>cg07848601</t>
  </si>
  <si>
    <t>cg07851057</t>
  </si>
  <si>
    <t>cg07856721</t>
  </si>
  <si>
    <t>cg07870213</t>
  </si>
  <si>
    <t>cg07871442</t>
  </si>
  <si>
    <t>cg07876271</t>
  </si>
  <si>
    <t>cg07880061</t>
  </si>
  <si>
    <t>cg07882671</t>
  </si>
  <si>
    <t>cg07897296</t>
  </si>
  <si>
    <t>cg08199544</t>
  </si>
  <si>
    <t>cg08200869</t>
  </si>
  <si>
    <t>cg08203824</t>
  </si>
  <si>
    <t>cg08204280</t>
  </si>
  <si>
    <t>cg08210228</t>
  </si>
  <si>
    <t>cg08216465</t>
  </si>
  <si>
    <t>cg08217124</t>
  </si>
  <si>
    <t>cg08217227</t>
  </si>
  <si>
    <t>cg08222399</t>
  </si>
  <si>
    <t>cg08235864</t>
  </si>
  <si>
    <t>cg08239858</t>
  </si>
  <si>
    <t>cg08249180</t>
  </si>
  <si>
    <t>cg08253296</t>
  </si>
  <si>
    <t>cg08264699</t>
  </si>
  <si>
    <t>cg08265790</t>
  </si>
  <si>
    <t>cg08285730</t>
  </si>
  <si>
    <t>cg08293303</t>
  </si>
  <si>
    <t>cg08307850</t>
  </si>
  <si>
    <t>cg08322205</t>
  </si>
  <si>
    <t>cg08327705</t>
  </si>
  <si>
    <t>cg08330435</t>
  </si>
  <si>
    <t>cg08330572</t>
  </si>
  <si>
    <t>cg08338237</t>
  </si>
  <si>
    <t>cg08344341</t>
  </si>
  <si>
    <t>cg08344943</t>
  </si>
  <si>
    <t>cg08345179</t>
  </si>
  <si>
    <t>cg08354281</t>
  </si>
  <si>
    <t>cg08358803</t>
  </si>
  <si>
    <t>cg08360253</t>
  </si>
  <si>
    <t>cg08362313</t>
  </si>
  <si>
    <t>cg08369368</t>
  </si>
  <si>
    <t>cg08373003</t>
  </si>
  <si>
    <t>cg08386084</t>
  </si>
  <si>
    <t>cg08391321</t>
  </si>
  <si>
    <t>cg08391942</t>
  </si>
  <si>
    <t>cg08400246</t>
  </si>
  <si>
    <t>cg08400814</t>
  </si>
  <si>
    <t>cg08407114</t>
  </si>
  <si>
    <t>cg08414643</t>
  </si>
  <si>
    <t>cg08417425</t>
  </si>
  <si>
    <t>cg08422420</t>
  </si>
  <si>
    <t>cg08424427</t>
  </si>
  <si>
    <t>cg08431704</t>
  </si>
  <si>
    <t>cg08433486</t>
  </si>
  <si>
    <t>cg08434295</t>
  </si>
  <si>
    <t>cg08440550</t>
  </si>
  <si>
    <t>cg08445409</t>
  </si>
  <si>
    <t>cg08447589</t>
  </si>
  <si>
    <t>cg08448812</t>
  </si>
  <si>
    <t>cg08466792</t>
  </si>
  <si>
    <t>cg08470036</t>
  </si>
  <si>
    <t>cg08470180</t>
  </si>
  <si>
    <t>cg08472341</t>
  </si>
  <si>
    <t>cg08472753</t>
  </si>
  <si>
    <t>cg08480826</t>
  </si>
  <si>
    <t>cg08484479</t>
  </si>
  <si>
    <t>cg08490173</t>
  </si>
  <si>
    <t>cg08494545</t>
  </si>
  <si>
    <t>cg08496086</t>
  </si>
  <si>
    <t>cg08498254</t>
  </si>
  <si>
    <t>cg08501622</t>
  </si>
  <si>
    <t>cg08511716</t>
  </si>
  <si>
    <t>cg08512345</t>
  </si>
  <si>
    <t>cg08513100</t>
  </si>
  <si>
    <t>cg08516247</t>
  </si>
  <si>
    <t>cg08519949</t>
  </si>
  <si>
    <t>cg08522087</t>
  </si>
  <si>
    <t>cg08530838</t>
  </si>
  <si>
    <t>cg08535247</t>
  </si>
  <si>
    <t>cg08537847</t>
  </si>
  <si>
    <t>cg08543327</t>
  </si>
  <si>
    <t>cg08554295</t>
  </si>
  <si>
    <t>cg08578245</t>
  </si>
  <si>
    <t>cg08584628</t>
  </si>
  <si>
    <t>cg08587845</t>
  </si>
  <si>
    <t>cg08589821</t>
  </si>
  <si>
    <t>cg08592146</t>
  </si>
  <si>
    <t>cg08597253</t>
  </si>
  <si>
    <t>cg08609839</t>
  </si>
  <si>
    <t>cg08616061</t>
  </si>
  <si>
    <t>cg08621406</t>
  </si>
  <si>
    <t>cg08627604</t>
  </si>
  <si>
    <t>cg08628431</t>
  </si>
  <si>
    <t>cg08632020</t>
  </si>
  <si>
    <t>cg08634762</t>
  </si>
  <si>
    <t>cg08640168</t>
  </si>
  <si>
    <t>cg08644263</t>
  </si>
  <si>
    <t>cg08647699</t>
  </si>
  <si>
    <t>cg08650676</t>
  </si>
  <si>
    <t>cg08663953</t>
  </si>
  <si>
    <t>cg08669721</t>
  </si>
  <si>
    <t>cg08674342</t>
  </si>
  <si>
    <t>cg08687718</t>
  </si>
  <si>
    <t>cg08691740</t>
  </si>
  <si>
    <t>cg08693705</t>
  </si>
  <si>
    <t>cg08705647</t>
  </si>
  <si>
    <t>cg08707475</t>
  </si>
  <si>
    <t>cg08709073</t>
  </si>
  <si>
    <t>cg08711013</t>
  </si>
  <si>
    <t>cg08714121</t>
  </si>
  <si>
    <t>cg08714996</t>
  </si>
  <si>
    <t>cg08716348</t>
  </si>
  <si>
    <t>cg08717980</t>
  </si>
  <si>
    <t>cg08719608</t>
  </si>
  <si>
    <t>cg08725962</t>
  </si>
  <si>
    <t>cg08734740</t>
  </si>
  <si>
    <t>cg08737836</t>
  </si>
  <si>
    <t>cg08739188</t>
  </si>
  <si>
    <t>cg08741921</t>
  </si>
  <si>
    <t>cg08742408</t>
  </si>
  <si>
    <t>cg08742780</t>
  </si>
  <si>
    <t>cg08747034</t>
  </si>
  <si>
    <t>cg08748794</t>
  </si>
  <si>
    <t>cg08754095</t>
  </si>
  <si>
    <t>cg08755283</t>
  </si>
  <si>
    <t>cg08758174</t>
  </si>
  <si>
    <t>cg08763705</t>
  </si>
  <si>
    <t>cg08765317</t>
  </si>
  <si>
    <t>cg08777316</t>
  </si>
  <si>
    <t>cg08778598</t>
  </si>
  <si>
    <t>cg08780837</t>
  </si>
  <si>
    <t>cg08783793</t>
  </si>
  <si>
    <t>cg08802770</t>
  </si>
  <si>
    <t>cg08804807</t>
  </si>
  <si>
    <t>cg08808402</t>
  </si>
  <si>
    <t>cg08814105</t>
  </si>
  <si>
    <t>cg08821656</t>
  </si>
  <si>
    <t>cg08828607</t>
  </si>
  <si>
    <t>cg08833630</t>
  </si>
  <si>
    <t>cg08840280</t>
  </si>
  <si>
    <t>cg08840551</t>
  </si>
  <si>
    <t>cg08850461</t>
  </si>
  <si>
    <t>cg08854128</t>
  </si>
  <si>
    <t>cg08854987</t>
  </si>
  <si>
    <t>cg08858540</t>
  </si>
  <si>
    <t>cg08859138</t>
  </si>
  <si>
    <t>cg08862890</t>
  </si>
  <si>
    <t>cg08866589</t>
  </si>
  <si>
    <t>cg08868793</t>
  </si>
  <si>
    <t>cg08868930</t>
  </si>
  <si>
    <t>cg08876009</t>
  </si>
  <si>
    <t>cg08878447</t>
  </si>
  <si>
    <t>cg08882060</t>
  </si>
  <si>
    <t>cg08891656</t>
  </si>
  <si>
    <t>cg08892613</t>
  </si>
  <si>
    <t>cg08893692</t>
  </si>
  <si>
    <t>cg08893839</t>
  </si>
  <si>
    <t>cg08916839</t>
  </si>
  <si>
    <t>cg08920068</t>
  </si>
  <si>
    <t>cg08929467</t>
  </si>
  <si>
    <t>cg08930131</t>
  </si>
  <si>
    <t>cg08934799</t>
  </si>
  <si>
    <t>cg08938584</t>
  </si>
  <si>
    <t>cg08941122</t>
  </si>
  <si>
    <t>cg08942342</t>
  </si>
  <si>
    <t>cg08957039</t>
  </si>
  <si>
    <t>cg08957484</t>
  </si>
  <si>
    <t>cg08966388</t>
  </si>
  <si>
    <t>cg08971334</t>
  </si>
  <si>
    <t>cg08977266</t>
  </si>
  <si>
    <t>cg08984586</t>
  </si>
  <si>
    <t>cg09001528</t>
  </si>
  <si>
    <t>cg09003326</t>
  </si>
  <si>
    <t>cg09009881</t>
  </si>
  <si>
    <t>cg09012726</t>
  </si>
  <si>
    <t>cg09017434</t>
  </si>
  <si>
    <t>cg09022852</t>
  </si>
  <si>
    <t>cg09026481</t>
  </si>
  <si>
    <t>cg09028228</t>
  </si>
  <si>
    <t>cg09032310</t>
  </si>
  <si>
    <t>cg09032973</t>
  </si>
  <si>
    <t>cg09044296</t>
  </si>
  <si>
    <t>cg09045647</t>
  </si>
  <si>
    <t>cg09048251</t>
  </si>
  <si>
    <t>cg09048586</t>
  </si>
  <si>
    <t>cg09051630</t>
  </si>
  <si>
    <t>cg09052453</t>
  </si>
  <si>
    <t>cg09054633</t>
  </si>
  <si>
    <t>cg09060525</t>
  </si>
  <si>
    <t>cg09068004</t>
  </si>
  <si>
    <t>cg09077340</t>
  </si>
  <si>
    <t>cg09078081</t>
  </si>
  <si>
    <t>cg09091443</t>
  </si>
  <si>
    <t>cg09093150</t>
  </si>
  <si>
    <t>cg09093783</t>
  </si>
  <si>
    <t>cg09093836</t>
  </si>
  <si>
    <t>cg09119005</t>
  </si>
  <si>
    <t>cg09128429</t>
  </si>
  <si>
    <t>cg09129895</t>
  </si>
  <si>
    <t>cg09142313</t>
  </si>
  <si>
    <t>cg09143673</t>
  </si>
  <si>
    <t>cg09155701</t>
  </si>
  <si>
    <t>cg09156097</t>
  </si>
  <si>
    <t>cg09159602</t>
  </si>
  <si>
    <t>cg09169455</t>
  </si>
  <si>
    <t>cg09169874</t>
  </si>
  <si>
    <t>cg09173344</t>
  </si>
  <si>
    <t>cg09174421</t>
  </si>
  <si>
    <t>cg09254969</t>
  </si>
  <si>
    <t>cg09281601</t>
  </si>
  <si>
    <t>cg09404119</t>
  </si>
  <si>
    <t>cg09420988</t>
  </si>
  <si>
    <t>cg09444392</t>
  </si>
  <si>
    <t>cg09446497</t>
  </si>
  <si>
    <t>cg09451457</t>
  </si>
  <si>
    <t>cg09453752</t>
  </si>
  <si>
    <t>cg09454725</t>
  </si>
  <si>
    <t>cg09458272</t>
  </si>
  <si>
    <t>cg09463882</t>
  </si>
  <si>
    <t>cg09464735</t>
  </si>
  <si>
    <t>cg09465698</t>
  </si>
  <si>
    <t>cg09468767</t>
  </si>
  <si>
    <t>cg09490466</t>
  </si>
  <si>
    <t>cg09491410</t>
  </si>
  <si>
    <t>cg09495416</t>
  </si>
  <si>
    <t>cg09499414</t>
  </si>
  <si>
    <t>cg09499856</t>
  </si>
  <si>
    <t>cg09500443</t>
  </si>
  <si>
    <t>cg09508531</t>
  </si>
  <si>
    <t>cg09513169</t>
  </si>
  <si>
    <t>cg09522825</t>
  </si>
  <si>
    <t>cg09524455</t>
  </si>
  <si>
    <t>cg09527731</t>
  </si>
  <si>
    <t>cg09528265</t>
  </si>
  <si>
    <t>cg09528988</t>
  </si>
  <si>
    <t>cg09544279</t>
  </si>
  <si>
    <t>cg09546359</t>
  </si>
  <si>
    <t>cg09546895</t>
  </si>
  <si>
    <t>cg09547099</t>
  </si>
  <si>
    <t>cg09553402</t>
  </si>
  <si>
    <t>cg09554558</t>
  </si>
  <si>
    <t>cg09567642</t>
  </si>
  <si>
    <t>cg09567732</t>
  </si>
  <si>
    <t>cg09575258</t>
  </si>
  <si>
    <t>cg09579677</t>
  </si>
  <si>
    <t>cg09634134</t>
  </si>
  <si>
    <t>cg09639151</t>
  </si>
  <si>
    <t>cg09639547</t>
  </si>
  <si>
    <t>cg09643679</t>
  </si>
  <si>
    <t>cg09644836</t>
  </si>
  <si>
    <t>cg09645772</t>
  </si>
  <si>
    <t>cg09648315</t>
  </si>
  <si>
    <t>cg09648333</t>
  </si>
  <si>
    <t>cg09648809</t>
  </si>
  <si>
    <t>cg09650158</t>
  </si>
  <si>
    <t>cg09655403</t>
  </si>
  <si>
    <t>cg09661284</t>
  </si>
  <si>
    <t>cg09662430</t>
  </si>
  <si>
    <t>cg09662605</t>
  </si>
  <si>
    <t>cg09665980</t>
  </si>
  <si>
    <t>cg09666417</t>
  </si>
  <si>
    <t>cg09672082</t>
  </si>
  <si>
    <t>cg09677741</t>
  </si>
  <si>
    <t>cg09681877</t>
  </si>
  <si>
    <t>cg09693432</t>
  </si>
  <si>
    <t>cg09693926</t>
  </si>
  <si>
    <t>cg09698471</t>
  </si>
  <si>
    <t>cg09714181</t>
  </si>
  <si>
    <t>cg09716807</t>
  </si>
  <si>
    <t>cg09727546</t>
  </si>
  <si>
    <t>cg09741070</t>
  </si>
  <si>
    <t>cg09800012</t>
  </si>
  <si>
    <t>cg09800974</t>
  </si>
  <si>
    <t>cg09806276</t>
  </si>
  <si>
    <t>cg09809285</t>
  </si>
  <si>
    <t>cg09809720</t>
  </si>
  <si>
    <t>cg09813610</t>
  </si>
  <si>
    <t>cg09822136</t>
  </si>
  <si>
    <t>cg09834770</t>
  </si>
  <si>
    <t>cg09835486</t>
  </si>
  <si>
    <t>cg09837037</t>
  </si>
  <si>
    <t>cg09838876</t>
  </si>
  <si>
    <t>cg09844342</t>
  </si>
  <si>
    <t>cg09847085</t>
  </si>
  <si>
    <t>cg09847476</t>
  </si>
  <si>
    <t>cg09848259</t>
  </si>
  <si>
    <t>cg09848695</t>
  </si>
  <si>
    <t>cg09848727</t>
  </si>
  <si>
    <t>cg09861971</t>
  </si>
  <si>
    <t>cg09865476</t>
  </si>
  <si>
    <t>cg09868780</t>
  </si>
  <si>
    <t>cg09873933</t>
  </si>
  <si>
    <t>cg09875802</t>
  </si>
  <si>
    <t>cg09877593</t>
  </si>
  <si>
    <t>cg09881716</t>
  </si>
  <si>
    <t>cg09882061</t>
  </si>
  <si>
    <t>cg09883994</t>
  </si>
  <si>
    <t>cg09884756</t>
  </si>
  <si>
    <t>cg09886179</t>
  </si>
  <si>
    <t>cg09888961</t>
  </si>
  <si>
    <t>cg09900986</t>
  </si>
  <si>
    <t>cg09902379</t>
  </si>
  <si>
    <t>cg10157902</t>
  </si>
  <si>
    <t>cg10162019</t>
  </si>
  <si>
    <t>cg10165894</t>
  </si>
  <si>
    <t>cg10166159</t>
  </si>
  <si>
    <t>cg10171802</t>
  </si>
  <si>
    <t>cg10177359</t>
  </si>
  <si>
    <t>cg10181784</t>
  </si>
  <si>
    <t>cg10183603</t>
  </si>
  <si>
    <t>cg10185274</t>
  </si>
  <si>
    <t>cg10190808</t>
  </si>
  <si>
    <t>cg10190863</t>
  </si>
  <si>
    <t>cg10201807</t>
  </si>
  <si>
    <t>cg10206657</t>
  </si>
  <si>
    <t>cg10219833</t>
  </si>
  <si>
    <t>cg10356060</t>
  </si>
  <si>
    <t>cg10425245</t>
  </si>
  <si>
    <t>cg10427793</t>
  </si>
  <si>
    <t>cg10435816</t>
  </si>
  <si>
    <t>cg10437652</t>
  </si>
  <si>
    <t>cg10439144</t>
  </si>
  <si>
    <t>cg10441628</t>
  </si>
  <si>
    <t>cg10450108</t>
  </si>
  <si>
    <t>cg10453230</t>
  </si>
  <si>
    <t>cg10453879</t>
  </si>
  <si>
    <t>cg10459717</t>
  </si>
  <si>
    <t>cg10476773</t>
  </si>
  <si>
    <t>cg10478863</t>
  </si>
  <si>
    <t>cg10488777</t>
  </si>
  <si>
    <t>cg10500461</t>
  </si>
  <si>
    <t>cg10504660</t>
  </si>
  <si>
    <t>cg10505610</t>
  </si>
  <si>
    <t>cg10508993</t>
  </si>
  <si>
    <t>cg10528482</t>
  </si>
  <si>
    <t>cg10530883</t>
  </si>
  <si>
    <t>cg10533277</t>
  </si>
  <si>
    <t>cg10536898</t>
  </si>
  <si>
    <t>cg10537820</t>
  </si>
  <si>
    <t>cg10544510</t>
  </si>
  <si>
    <t>cg10546048</t>
  </si>
  <si>
    <t>cg10546176</t>
  </si>
  <si>
    <t>cg10547893</t>
  </si>
  <si>
    <t>cg10551270</t>
  </si>
  <si>
    <t>cg10552847</t>
  </si>
  <si>
    <t>cg10564360</t>
  </si>
  <si>
    <t>cg10564791</t>
  </si>
  <si>
    <t>cg10569615</t>
  </si>
  <si>
    <t>cg10584805</t>
  </si>
  <si>
    <t>cg10585263</t>
  </si>
  <si>
    <t>cg10586042</t>
  </si>
  <si>
    <t>cg10586082</t>
  </si>
  <si>
    <t>cg10588470</t>
  </si>
  <si>
    <t>cg10592090</t>
  </si>
  <si>
    <t>cg10594510</t>
  </si>
  <si>
    <t>cg10596434</t>
  </si>
  <si>
    <t>cg10600960</t>
  </si>
  <si>
    <t>cg10601968</t>
  </si>
  <si>
    <t>cg10608256</t>
  </si>
  <si>
    <t>cg10612681</t>
  </si>
  <si>
    <t>cg10615990</t>
  </si>
  <si>
    <t>cg10616306</t>
  </si>
  <si>
    <t>cg10616795</t>
  </si>
  <si>
    <t>cg10617287</t>
  </si>
  <si>
    <t>cg10631530</t>
  </si>
  <si>
    <t>cg10632209</t>
  </si>
  <si>
    <t>cg10640944</t>
  </si>
  <si>
    <t>cg10641368</t>
  </si>
  <si>
    <t>cg10643407</t>
  </si>
  <si>
    <t>cg10647644</t>
  </si>
  <si>
    <t>cg10650870</t>
  </si>
  <si>
    <t>cg10655629</t>
  </si>
  <si>
    <t>cg10656664</t>
  </si>
  <si>
    <t>cg10658205</t>
  </si>
  <si>
    <t>cg10660844</t>
  </si>
  <si>
    <t>cg10665380</t>
  </si>
  <si>
    <t>cg10666364</t>
  </si>
  <si>
    <t>cg10666410</t>
  </si>
  <si>
    <t>cg10666628</t>
  </si>
  <si>
    <t>cg10666926</t>
  </si>
  <si>
    <t>cg10668150</t>
  </si>
  <si>
    <t>cg10680621</t>
  </si>
  <si>
    <t>cg10737521</t>
  </si>
  <si>
    <t>cg10784386</t>
  </si>
  <si>
    <t>cg10784548</t>
  </si>
  <si>
    <t>cg10786880</t>
  </si>
  <si>
    <t>cg10800865</t>
  </si>
  <si>
    <t>cg10805220</t>
  </si>
  <si>
    <t>cg10815272</t>
  </si>
  <si>
    <t>cg10816243</t>
  </si>
  <si>
    <t>cg10821115</t>
  </si>
  <si>
    <t>cg10822593</t>
  </si>
  <si>
    <t>cg10830145</t>
  </si>
  <si>
    <t>cg10832470</t>
  </si>
  <si>
    <t>cg10836110</t>
  </si>
  <si>
    <t>cg10843796</t>
  </si>
  <si>
    <t>cg10845147</t>
  </si>
  <si>
    <t>cg10850054</t>
  </si>
  <si>
    <t>cg10851281</t>
  </si>
  <si>
    <t>cg10856509</t>
  </si>
  <si>
    <t>cg10857489</t>
  </si>
  <si>
    <t>cg10864145</t>
  </si>
  <si>
    <t>cg10876737</t>
  </si>
  <si>
    <t>cg10878976</t>
  </si>
  <si>
    <t>cg10880177</t>
  </si>
  <si>
    <t>cg10881242</t>
  </si>
  <si>
    <t>cg10896616</t>
  </si>
  <si>
    <t>cg10899547</t>
  </si>
  <si>
    <t>cg10899668</t>
  </si>
  <si>
    <t>cg10909732</t>
  </si>
  <si>
    <t>cg10914727</t>
  </si>
  <si>
    <t>cg10924776</t>
  </si>
  <si>
    <t>cg10931190</t>
  </si>
  <si>
    <t>cg10932427</t>
  </si>
  <si>
    <t>cg10933186</t>
  </si>
  <si>
    <t>cg10936323</t>
  </si>
  <si>
    <t>cg10946038</t>
  </si>
  <si>
    <t>cg10948883</t>
  </si>
  <si>
    <t>cg10968375</t>
  </si>
  <si>
    <t>cg10978355</t>
  </si>
  <si>
    <t>cg10979994</t>
  </si>
  <si>
    <t>cg10987255</t>
  </si>
  <si>
    <t>cg10987792</t>
  </si>
  <si>
    <t>cg10994511</t>
  </si>
  <si>
    <t>cg11004797</t>
  </si>
  <si>
    <t>cg11006267</t>
  </si>
  <si>
    <t>cg11013164</t>
  </si>
  <si>
    <t>cg11015470</t>
  </si>
  <si>
    <t>cg11017269</t>
  </si>
  <si>
    <t>cg11017382</t>
  </si>
  <si>
    <t>cg11020475</t>
  </si>
  <si>
    <t>cg11022944</t>
  </si>
  <si>
    <t>cg11029346</t>
  </si>
  <si>
    <t>cg11034763</t>
  </si>
  <si>
    <t>cg11039614</t>
  </si>
  <si>
    <t>cg11050601</t>
  </si>
  <si>
    <t>cg11051031</t>
  </si>
  <si>
    <t>cg11057497</t>
  </si>
  <si>
    <t>cg11087755</t>
  </si>
  <si>
    <t>cg11093640</t>
  </si>
  <si>
    <t>cg11096629</t>
  </si>
  <si>
    <t>cg11099930</t>
  </si>
  <si>
    <t>cg11100802</t>
  </si>
  <si>
    <t>cg11100933</t>
  </si>
  <si>
    <t>cg11105358</t>
  </si>
  <si>
    <t>cg11112892</t>
  </si>
  <si>
    <t>cg11112931</t>
  </si>
  <si>
    <t>cg11117637</t>
  </si>
  <si>
    <t>cg11130778</t>
  </si>
  <si>
    <t>cg11134322</t>
  </si>
  <si>
    <t>cg11139090</t>
  </si>
  <si>
    <t>cg11141561</t>
  </si>
  <si>
    <t>cg11144641</t>
  </si>
  <si>
    <t>cg11147586</t>
  </si>
  <si>
    <t>cg11154798</t>
  </si>
  <si>
    <t>cg11163388</t>
  </si>
  <si>
    <t>cg11165313</t>
  </si>
  <si>
    <t>cg11168104</t>
  </si>
  <si>
    <t>cg11172967</t>
  </si>
  <si>
    <t>cg11181536</t>
  </si>
  <si>
    <t>cg11186365</t>
  </si>
  <si>
    <t>cg11199137</t>
  </si>
  <si>
    <t>cg11204780</t>
  </si>
  <si>
    <t>cg11206167</t>
  </si>
  <si>
    <t>cg11212451</t>
  </si>
  <si>
    <t>cg11213396</t>
  </si>
  <si>
    <t>cg11213898</t>
  </si>
  <si>
    <t>cg11214757</t>
  </si>
  <si>
    <t>cg11220437</t>
  </si>
  <si>
    <t>cg11229797</t>
  </si>
  <si>
    <t>cg11232610</t>
  </si>
  <si>
    <t>cg11234065</t>
  </si>
  <si>
    <t>cg11245681</t>
  </si>
  <si>
    <t>cg11248182</t>
  </si>
  <si>
    <t>cg11256387</t>
  </si>
  <si>
    <t>cg11258089</t>
  </si>
  <si>
    <t>cg11260904</t>
  </si>
  <si>
    <t>cg11264947</t>
  </si>
  <si>
    <t>cg11265041</t>
  </si>
  <si>
    <t>cg11270387</t>
  </si>
  <si>
    <t>cg11270834</t>
  </si>
  <si>
    <t>cg11271457</t>
  </si>
  <si>
    <t>cg11283154</t>
  </si>
  <si>
    <t>cg11294011</t>
  </si>
  <si>
    <t>cg11296553</t>
  </si>
  <si>
    <t>cg11299854</t>
  </si>
  <si>
    <t>cg11307618</t>
  </si>
  <si>
    <t>cg11308237</t>
  </si>
  <si>
    <t>cg11309039</t>
  </si>
  <si>
    <t>cg11309237</t>
  </si>
  <si>
    <t>cg11318576</t>
  </si>
  <si>
    <t>cg11319760</t>
  </si>
  <si>
    <t>cg11328704</t>
  </si>
  <si>
    <t>cg11330843</t>
  </si>
  <si>
    <t>cg11336285</t>
  </si>
  <si>
    <t>cg11339965</t>
  </si>
  <si>
    <t>cg11345718</t>
  </si>
  <si>
    <t>cg11350889</t>
  </si>
  <si>
    <t>cg11354603</t>
  </si>
  <si>
    <t>cg11359210</t>
  </si>
  <si>
    <t>cg11359655</t>
  </si>
  <si>
    <t>cg11401794</t>
  </si>
  <si>
    <t>cg11402586</t>
  </si>
  <si>
    <t>cg11403027</t>
  </si>
  <si>
    <t>cg11404058</t>
  </si>
  <si>
    <t>cg11408622</t>
  </si>
  <si>
    <t>cg11408933</t>
  </si>
  <si>
    <t>cg11412466</t>
  </si>
  <si>
    <t>cg11413506</t>
  </si>
  <si>
    <t>cg11419403</t>
  </si>
  <si>
    <t>cg11421604</t>
  </si>
  <si>
    <t>cg11421768</t>
  </si>
  <si>
    <t>cg11425449</t>
  </si>
  <si>
    <t>cg11429111</t>
  </si>
  <si>
    <t>cg11429177</t>
  </si>
  <si>
    <t>cg11429969</t>
  </si>
  <si>
    <t>cg11437374</t>
  </si>
  <si>
    <t>cg11439596</t>
  </si>
  <si>
    <t>cg11444704</t>
  </si>
  <si>
    <t>cg11447335</t>
  </si>
  <si>
    <t>cg11452391</t>
  </si>
  <si>
    <t>cg11459648</t>
  </si>
  <si>
    <t>cg11461472</t>
  </si>
  <si>
    <t>cg11463427</t>
  </si>
  <si>
    <t>cg11466815</t>
  </si>
  <si>
    <t>cg11474250</t>
  </si>
  <si>
    <t>cg11482794</t>
  </si>
  <si>
    <t>cg11485451</t>
  </si>
  <si>
    <t>cg11491601</t>
  </si>
  <si>
    <t>cg11498079</t>
  </si>
  <si>
    <t>cg11512014</t>
  </si>
  <si>
    <t>cg11525941</t>
  </si>
  <si>
    <t>cg11526560</t>
  </si>
  <si>
    <t>cg11532800</t>
  </si>
  <si>
    <t>cg11544953</t>
  </si>
  <si>
    <t>cg11549953</t>
  </si>
  <si>
    <t>cg11552694</t>
  </si>
  <si>
    <t>cg11553045</t>
  </si>
  <si>
    <t>cg11570383</t>
  </si>
  <si>
    <t>cg11571761</t>
  </si>
  <si>
    <t>cg11580575</t>
  </si>
  <si>
    <t>cg11586658</t>
  </si>
  <si>
    <t>cg11591325</t>
  </si>
  <si>
    <t>cg11593111</t>
  </si>
  <si>
    <t>cg11594513</t>
  </si>
  <si>
    <t>cg11601523</t>
  </si>
  <si>
    <t>cg11606459</t>
  </si>
  <si>
    <t>cg11606461</t>
  </si>
  <si>
    <t>cg11608150</t>
  </si>
  <si>
    <t>cg11609571</t>
  </si>
  <si>
    <t>cg11613015</t>
  </si>
  <si>
    <t>cg11613229</t>
  </si>
  <si>
    <t>cg11613545</t>
  </si>
  <si>
    <t>cg11620238</t>
  </si>
  <si>
    <t>cg11623036</t>
  </si>
  <si>
    <t>cg11625005</t>
  </si>
  <si>
    <t>cg11641254</t>
  </si>
  <si>
    <t>cg11642927</t>
  </si>
  <si>
    <t>cg11646734</t>
  </si>
  <si>
    <t>cg11649981</t>
  </si>
  <si>
    <t>cg11650037</t>
  </si>
  <si>
    <t>cg11657122</t>
  </si>
  <si>
    <t>cg11657970</t>
  </si>
  <si>
    <t>cg11658038</t>
  </si>
  <si>
    <t>cg11667258</t>
  </si>
  <si>
    <t>cg11670605</t>
  </si>
  <si>
    <t>cg11671363</t>
  </si>
  <si>
    <t>cg11672220</t>
  </si>
  <si>
    <t>cg11681428</t>
  </si>
  <si>
    <t>cg11703683</t>
  </si>
  <si>
    <t>cg11704780</t>
  </si>
  <si>
    <t>cg11705881</t>
  </si>
  <si>
    <t>cg11711420</t>
  </si>
  <si>
    <t>cg11732619</t>
  </si>
  <si>
    <t>cg11757894</t>
  </si>
  <si>
    <t>cg11770080</t>
  </si>
  <si>
    <t>cg11782635</t>
  </si>
  <si>
    <t>cg11782779</t>
  </si>
  <si>
    <t>cg11786255</t>
  </si>
  <si>
    <t>cg11791960</t>
  </si>
  <si>
    <t>cg11793978</t>
  </si>
  <si>
    <t>cg11794265</t>
  </si>
  <si>
    <t>cg11798521</t>
  </si>
  <si>
    <t>cg11806305</t>
  </si>
  <si>
    <t>cg11811959</t>
  </si>
  <si>
    <t>cg11821403</t>
  </si>
  <si>
    <t>cg11822812</t>
  </si>
  <si>
    <t>cg11825883</t>
  </si>
  <si>
    <t>cg11830096</t>
  </si>
  <si>
    <t>cg11833938</t>
  </si>
  <si>
    <t>cg11842953</t>
  </si>
  <si>
    <t>cg11843061</t>
  </si>
  <si>
    <t>cg11847929</t>
  </si>
  <si>
    <t>cg11861905</t>
  </si>
  <si>
    <t>cg11867257</t>
  </si>
  <si>
    <t>cg11887376</t>
  </si>
  <si>
    <t>cg11889265</t>
  </si>
  <si>
    <t>cg11891579</t>
  </si>
  <si>
    <t>cg11893951</t>
  </si>
  <si>
    <t>cg11902539</t>
  </si>
  <si>
    <t>cg11911653</t>
  </si>
  <si>
    <t>cg11916729</t>
  </si>
  <si>
    <t>cg11921908</t>
  </si>
  <si>
    <t>cg11938014</t>
  </si>
  <si>
    <t>cg11939631</t>
  </si>
  <si>
    <t>cg11941228</t>
  </si>
  <si>
    <t>cg11946503</t>
  </si>
  <si>
    <t>cg11951292</t>
  </si>
  <si>
    <t>cg11951952</t>
  </si>
  <si>
    <t>cg11962947</t>
  </si>
  <si>
    <t>cg11965671</t>
  </si>
  <si>
    <t>cg11965881</t>
  </si>
  <si>
    <t>cg12126786</t>
  </si>
  <si>
    <t>cg12145394</t>
  </si>
  <si>
    <t>cg12146829</t>
  </si>
  <si>
    <t>cg12148675</t>
  </si>
  <si>
    <t>cg12151443</t>
  </si>
  <si>
    <t>cg12152315</t>
  </si>
  <si>
    <t>cg12158471</t>
  </si>
  <si>
    <t>cg12168164</t>
  </si>
  <si>
    <t>cg12177058</t>
  </si>
  <si>
    <t>cg12181029</t>
  </si>
  <si>
    <t>cg12182453</t>
  </si>
  <si>
    <t>cg12186317</t>
  </si>
  <si>
    <t>cg12197860</t>
  </si>
  <si>
    <t>cg12201498</t>
  </si>
  <si>
    <t>cg12206225</t>
  </si>
  <si>
    <t>cg12207450</t>
  </si>
  <si>
    <t>cg12207922</t>
  </si>
  <si>
    <t>cg12289001</t>
  </si>
  <si>
    <t>cg12310395</t>
  </si>
  <si>
    <t>cg12310600</t>
  </si>
  <si>
    <t>cg12310673</t>
  </si>
  <si>
    <t>cg12317217</t>
  </si>
  <si>
    <t>cg12319602</t>
  </si>
  <si>
    <t>cg12325536</t>
  </si>
  <si>
    <t>cg12325588</t>
  </si>
  <si>
    <t>cg12328282</t>
  </si>
  <si>
    <t>cg12333707</t>
  </si>
  <si>
    <t>cg12334871</t>
  </si>
  <si>
    <t>cg12345696</t>
  </si>
  <si>
    <t>cg12352622</t>
  </si>
  <si>
    <t>cg12363746</t>
  </si>
  <si>
    <t>cg12364115</t>
  </si>
  <si>
    <t>cg12364324</t>
  </si>
  <si>
    <t>cg12368524</t>
  </si>
  <si>
    <t>cg12376770</t>
  </si>
  <si>
    <t>cg12387713</t>
  </si>
  <si>
    <t>cg12389685</t>
  </si>
  <si>
    <t>cg12392475</t>
  </si>
  <si>
    <t>cg12393318</t>
  </si>
  <si>
    <t>cg12394067</t>
  </si>
  <si>
    <t>cg12400680</t>
  </si>
  <si>
    <t>cg12405087</t>
  </si>
  <si>
    <t>cg12420107</t>
  </si>
  <si>
    <t>cg12428978</t>
  </si>
  <si>
    <t>cg12430845</t>
  </si>
  <si>
    <t>cg12441669</t>
  </si>
  <si>
    <t>cg12442980</t>
  </si>
  <si>
    <t>cg12443481</t>
  </si>
  <si>
    <t>cg12451676</t>
  </si>
  <si>
    <t>cg12456714</t>
  </si>
  <si>
    <t>cg12457035</t>
  </si>
  <si>
    <t>cg12467264</t>
  </si>
  <si>
    <t>cg12470377</t>
  </si>
  <si>
    <t>cg12475994</t>
  </si>
  <si>
    <t>cg12482898</t>
  </si>
  <si>
    <t>cg12483476</t>
  </si>
  <si>
    <t>cg12487540</t>
  </si>
  <si>
    <t>cg12488854</t>
  </si>
  <si>
    <t>cg12489322</t>
  </si>
  <si>
    <t>cg12503735</t>
  </si>
  <si>
    <t>cg12504721</t>
  </si>
  <si>
    <t>cg12513920</t>
  </si>
  <si>
    <t>cg12519992</t>
  </si>
  <si>
    <t>cg12520861</t>
  </si>
  <si>
    <t>cg12523924</t>
  </si>
  <si>
    <t>cg12527429</t>
  </si>
  <si>
    <t>cg12529089</t>
  </si>
  <si>
    <t>cg12533363</t>
  </si>
  <si>
    <t>cg12539796</t>
  </si>
  <si>
    <t>cg12544191</t>
  </si>
  <si>
    <t>cg12549906</t>
  </si>
  <si>
    <t>cg12571920</t>
  </si>
  <si>
    <t>cg12572625</t>
  </si>
  <si>
    <t>cg12576153</t>
  </si>
  <si>
    <t>cg12585923</t>
  </si>
  <si>
    <t>cg12587766</t>
  </si>
  <si>
    <t>cg12595026</t>
  </si>
  <si>
    <t>cg12596782</t>
  </si>
  <si>
    <t>cg12598575</t>
  </si>
  <si>
    <t>cg12600378</t>
  </si>
  <si>
    <t>cg12602126</t>
  </si>
  <si>
    <t>cg12606933</t>
  </si>
  <si>
    <t>cg12608723</t>
  </si>
  <si>
    <t>cg12624894</t>
  </si>
  <si>
    <t>cg12626968</t>
  </si>
  <si>
    <t>cg12628145</t>
  </si>
  <si>
    <t>cg12631351</t>
  </si>
  <si>
    <t>cg12634932</t>
  </si>
  <si>
    <t>cg12636108</t>
  </si>
  <si>
    <t>cg12645891</t>
  </si>
  <si>
    <t>cg12646385</t>
  </si>
  <si>
    <t>cg12647030</t>
  </si>
  <si>
    <t>cg12654349</t>
  </si>
  <si>
    <t>cg12662072</t>
  </si>
  <si>
    <t>cg12662497</t>
  </si>
  <si>
    <t>cg12672226</t>
  </si>
  <si>
    <t>cg12677248</t>
  </si>
  <si>
    <t>cg12679980</t>
  </si>
  <si>
    <t>cg12766348</t>
  </si>
  <si>
    <t>cg12807330</t>
  </si>
  <si>
    <t>cg12809787</t>
  </si>
  <si>
    <t>cg12810152</t>
  </si>
  <si>
    <t>cg12810560</t>
  </si>
  <si>
    <t>cg12811552</t>
  </si>
  <si>
    <t>cg12817298</t>
  </si>
  <si>
    <t>cg12824106</t>
  </si>
  <si>
    <t>cg12825070</t>
  </si>
  <si>
    <t>cg12827530</t>
  </si>
  <si>
    <t>cg12833872</t>
  </si>
  <si>
    <t>cg12834774</t>
  </si>
  <si>
    <t>cg12842302</t>
  </si>
  <si>
    <t>cg12860686</t>
  </si>
  <si>
    <t>cg12862548</t>
  </si>
  <si>
    <t>cg12862950</t>
  </si>
  <si>
    <t>cg12871124</t>
  </si>
  <si>
    <t>cg12879339</t>
  </si>
  <si>
    <t>cg12879386</t>
  </si>
  <si>
    <t>cg12882476</t>
  </si>
  <si>
    <t>cg12882697</t>
  </si>
  <si>
    <t>cg12891692</t>
  </si>
  <si>
    <t>cg12894709</t>
  </si>
  <si>
    <t>cg12905574</t>
  </si>
  <si>
    <t>cg12907817</t>
  </si>
  <si>
    <t>cg12912258</t>
  </si>
  <si>
    <t>cg12913587</t>
  </si>
  <si>
    <t>cg12924095</t>
  </si>
  <si>
    <t>cg12924936</t>
  </si>
  <si>
    <t>cg12940822</t>
  </si>
  <si>
    <t>cg12952341</t>
  </si>
  <si>
    <t>cg12959820</t>
  </si>
  <si>
    <t>cg12972081</t>
  </si>
  <si>
    <t>cg12977827</t>
  </si>
  <si>
    <t>cg12991127</t>
  </si>
  <si>
    <t>cg13004182</t>
  </si>
  <si>
    <t>cg13004635</t>
  </si>
  <si>
    <t>cg13008094</t>
  </si>
  <si>
    <t>cg13013671</t>
  </si>
  <si>
    <t>cg13022905</t>
  </si>
  <si>
    <t>cg13023584</t>
  </si>
  <si>
    <t>cg13031251</t>
  </si>
  <si>
    <t>cg13033070</t>
  </si>
  <si>
    <t>cg13034654</t>
  </si>
  <si>
    <t>cg13037462</t>
  </si>
  <si>
    <t>cg13041355</t>
  </si>
  <si>
    <t>cg13041389</t>
  </si>
  <si>
    <t>cg13042129</t>
  </si>
  <si>
    <t>cg13043177</t>
  </si>
  <si>
    <t>cg13050967</t>
  </si>
  <si>
    <t>cg13276570</t>
  </si>
  <si>
    <t>cg13290745</t>
  </si>
  <si>
    <t>cg13298827</t>
  </si>
  <si>
    <t>cg13304760</t>
  </si>
  <si>
    <t>cg13319438</t>
  </si>
  <si>
    <t>cg13323825</t>
  </si>
  <si>
    <t>cg13337201</t>
  </si>
  <si>
    <t>cg13340126</t>
  </si>
  <si>
    <t>cg13349651</t>
  </si>
  <si>
    <t>cg13353311</t>
  </si>
  <si>
    <t>cg13357455</t>
  </si>
  <si>
    <t>cg13362794</t>
  </si>
  <si>
    <t>cg13365209</t>
  </si>
  <si>
    <t>cg13366654</t>
  </si>
  <si>
    <t>cg13367929</t>
  </si>
  <si>
    <t>cg13368756</t>
  </si>
  <si>
    <t>cg13372456</t>
  </si>
  <si>
    <t>cg13378628</t>
  </si>
  <si>
    <t>cg13390975</t>
  </si>
  <si>
    <t>cg13396201</t>
  </si>
  <si>
    <t>cg13397436</t>
  </si>
  <si>
    <t>cg13403503</t>
  </si>
  <si>
    <t>cg13554086</t>
  </si>
  <si>
    <t>cg13557668</t>
  </si>
  <si>
    <t>cg13570101</t>
  </si>
  <si>
    <t>cg13581847</t>
  </si>
  <si>
    <t>cg13583085</t>
  </si>
  <si>
    <t>cg13588640</t>
  </si>
  <si>
    <t>cg13597632</t>
  </si>
  <si>
    <t>cg13598790</t>
  </si>
  <si>
    <t>cg13600420</t>
  </si>
  <si>
    <t>cg13601475</t>
  </si>
  <si>
    <t>cg13603859</t>
  </si>
  <si>
    <t>cg13608171</t>
  </si>
  <si>
    <t>cg13615516</t>
  </si>
  <si>
    <t>cg13619597</t>
  </si>
  <si>
    <t>cg13624320</t>
  </si>
  <si>
    <t>cg13628577</t>
  </si>
  <si>
    <t>cg13632070</t>
  </si>
  <si>
    <t>cg13636908</t>
  </si>
  <si>
    <t>cg13641692</t>
  </si>
  <si>
    <t>cg13647118</t>
  </si>
  <si>
    <t>cg13647446</t>
  </si>
  <si>
    <t>cg13648373</t>
  </si>
  <si>
    <t>cg13649383</t>
  </si>
  <si>
    <t>cg13650304</t>
  </si>
  <si>
    <t>cg13654253</t>
  </si>
  <si>
    <t>cg13656556</t>
  </si>
  <si>
    <t>cg13660803</t>
  </si>
  <si>
    <t>cg13667243</t>
  </si>
  <si>
    <t>cg13688524</t>
  </si>
  <si>
    <t>cg13689918</t>
  </si>
  <si>
    <t>cg13692134</t>
  </si>
  <si>
    <t>cg13697578</t>
  </si>
  <si>
    <t>cg13699414</t>
  </si>
  <si>
    <t>cg13707777</t>
  </si>
  <si>
    <t>cg13707793</t>
  </si>
  <si>
    <t>cg13710842</t>
  </si>
  <si>
    <t>cg13711457</t>
  </si>
  <si>
    <t>cg13715001</t>
  </si>
  <si>
    <t>cg13717023</t>
  </si>
  <si>
    <t>cg13722821</t>
  </si>
  <si>
    <t>cg13777717</t>
  </si>
  <si>
    <t>cg13898548</t>
  </si>
  <si>
    <t>cg13904970</t>
  </si>
  <si>
    <t>cg13906733</t>
  </si>
  <si>
    <t>cg13908833</t>
  </si>
  <si>
    <t>cg13909534</t>
  </si>
  <si>
    <t>cg13910830</t>
  </si>
  <si>
    <t>cg13912035</t>
  </si>
  <si>
    <t>cg13914094</t>
  </si>
  <si>
    <t>cg13916316</t>
  </si>
  <si>
    <t>cg13922021</t>
  </si>
  <si>
    <t>cg13924988</t>
  </si>
  <si>
    <t>cg13925890</t>
  </si>
  <si>
    <t>cg13928709</t>
  </si>
  <si>
    <t>cg13933262</t>
  </si>
  <si>
    <t>cg13933692</t>
  </si>
  <si>
    <t>cg13940534</t>
  </si>
  <si>
    <t>cg13944219</t>
  </si>
  <si>
    <t>cg13945749</t>
  </si>
  <si>
    <t>cg13949093</t>
  </si>
  <si>
    <t>cg13950403</t>
  </si>
  <si>
    <t>cg13951490</t>
  </si>
  <si>
    <t>cg13954457</t>
  </si>
  <si>
    <t>cg13982529</t>
  </si>
  <si>
    <t>cg13987669</t>
  </si>
  <si>
    <t>cg13991635</t>
  </si>
  <si>
    <t>cg13995389</t>
  </si>
  <si>
    <t>cg13995918</t>
  </si>
  <si>
    <t>cg13996155</t>
  </si>
  <si>
    <t>cg13997901</t>
  </si>
  <si>
    <t>cg13999099</t>
  </si>
  <si>
    <t>cg14047153</t>
  </si>
  <si>
    <t>cg14051306</t>
  </si>
  <si>
    <t>cg14051336</t>
  </si>
  <si>
    <t>cg14068146</t>
  </si>
  <si>
    <t>cg14088142</t>
  </si>
  <si>
    <t>cg14098951</t>
  </si>
  <si>
    <t>cg14120129</t>
  </si>
  <si>
    <t>cg14121987</t>
  </si>
  <si>
    <t>cg14123879</t>
  </si>
  <si>
    <t>cg14130374</t>
  </si>
  <si>
    <t>cg14132888</t>
  </si>
  <si>
    <t>cg14135025</t>
  </si>
  <si>
    <t>cg14156760</t>
  </si>
  <si>
    <t>cg14161426</t>
  </si>
  <si>
    <t>cg14409941</t>
  </si>
  <si>
    <t>cg14441976</t>
  </si>
  <si>
    <t>cg14443301</t>
  </si>
  <si>
    <t>cg14444436</t>
  </si>
  <si>
    <t>cg14444751</t>
  </si>
  <si>
    <t>cg14447399</t>
  </si>
  <si>
    <t>cg14451382</t>
  </si>
  <si>
    <t>cg14452907</t>
  </si>
  <si>
    <t>cg14453201</t>
  </si>
  <si>
    <t>cg14454127</t>
  </si>
  <si>
    <t>cg14462307</t>
  </si>
  <si>
    <t>cg14467103</t>
  </si>
  <si>
    <t>cg14470895</t>
  </si>
  <si>
    <t>cg14473243</t>
  </si>
  <si>
    <t>cg14474582</t>
  </si>
  <si>
    <t>cg14475001</t>
  </si>
  <si>
    <t>cg14477868</t>
  </si>
  <si>
    <t>cg14480446</t>
  </si>
  <si>
    <t>cg14490515</t>
  </si>
  <si>
    <t>cg14490882</t>
  </si>
  <si>
    <t>cg14492773</t>
  </si>
  <si>
    <t>cg14492800</t>
  </si>
  <si>
    <t>cg14502484</t>
  </si>
  <si>
    <t>cg14504291</t>
  </si>
  <si>
    <t>cg14506320</t>
  </si>
  <si>
    <t>cg14514813</t>
  </si>
  <si>
    <t>cg14544666</t>
  </si>
  <si>
    <t>cg14546471</t>
  </si>
  <si>
    <t>cg14546708</t>
  </si>
  <si>
    <t>cg14553364</t>
  </si>
  <si>
    <t>cg14558428</t>
  </si>
  <si>
    <t>cg14558728</t>
  </si>
  <si>
    <t>cg14560022</t>
  </si>
  <si>
    <t>cg14564616</t>
  </si>
  <si>
    <t>cg14568217</t>
  </si>
  <si>
    <t>cg14569639</t>
  </si>
  <si>
    <t>cg14574871</t>
  </si>
  <si>
    <t>cg14587604</t>
  </si>
  <si>
    <t>cg14593867</t>
  </si>
  <si>
    <t>cg14593956</t>
  </si>
  <si>
    <t>cg14608384</t>
  </si>
  <si>
    <t>cg14614693</t>
  </si>
  <si>
    <t>cg14617041</t>
  </si>
  <si>
    <t>cg14621323</t>
  </si>
  <si>
    <t>cg14631690</t>
  </si>
  <si>
    <t>cg14640367</t>
  </si>
  <si>
    <t>cg14650610</t>
  </si>
  <si>
    <t>cg14658804</t>
  </si>
  <si>
    <t>cg14663333</t>
  </si>
  <si>
    <t>cg14667871</t>
  </si>
  <si>
    <t>cg14670213</t>
  </si>
  <si>
    <t>cg14670938</t>
  </si>
  <si>
    <t>cg14670974</t>
  </si>
  <si>
    <t>cg14671666</t>
  </si>
  <si>
    <t>cg14677912</t>
  </si>
  <si>
    <t>cg14678099</t>
  </si>
  <si>
    <t>cg14685796</t>
  </si>
  <si>
    <t>cg14699895</t>
  </si>
  <si>
    <t>cg14704758</t>
  </si>
  <si>
    <t>cg14711366</t>
  </si>
  <si>
    <t>cg14715482</t>
  </si>
  <si>
    <t>cg14718568</t>
  </si>
  <si>
    <t>cg14732716</t>
  </si>
  <si>
    <t>cg14735227</t>
  </si>
  <si>
    <t>cg14735551</t>
  </si>
  <si>
    <t>cg14735844</t>
  </si>
  <si>
    <t>cg14739039</t>
  </si>
  <si>
    <t>cg14739664</t>
  </si>
  <si>
    <t>cg14746276</t>
  </si>
  <si>
    <t>cg14748160</t>
  </si>
  <si>
    <t>cg14761318</t>
  </si>
  <si>
    <t>cg14771810</t>
  </si>
  <si>
    <t>cg14784398</t>
  </si>
  <si>
    <t>cg14788768</t>
  </si>
  <si>
    <t>cg14793430</t>
  </si>
  <si>
    <t>cg14801593</t>
  </si>
  <si>
    <t>cg14808329</t>
  </si>
  <si>
    <t>cg14808378</t>
  </si>
  <si>
    <t>cg14815361</t>
  </si>
  <si>
    <t>cg14824848</t>
  </si>
  <si>
    <t>cg14834938</t>
  </si>
  <si>
    <t>cg14838070</t>
  </si>
  <si>
    <t>cg14844341</t>
  </si>
  <si>
    <t>cg14849479</t>
  </si>
  <si>
    <t>cg14854901</t>
  </si>
  <si>
    <t>cg14864276</t>
  </si>
  <si>
    <t>cg14865507</t>
  </si>
  <si>
    <t>cg14866097</t>
  </si>
  <si>
    <t>cg14871225</t>
  </si>
  <si>
    <t>cg14871923</t>
  </si>
  <si>
    <t>cg14902107</t>
  </si>
  <si>
    <t>cg14952089</t>
  </si>
  <si>
    <t>cg14956201</t>
  </si>
  <si>
    <t>cg14958080</t>
  </si>
  <si>
    <t>cg14972155</t>
  </si>
  <si>
    <t>cg14976964</t>
  </si>
  <si>
    <t>cg14977875</t>
  </si>
  <si>
    <t>cg14978033</t>
  </si>
  <si>
    <t>cg14986386</t>
  </si>
  <si>
    <t>cg14995492</t>
  </si>
  <si>
    <t>cg15001364</t>
  </si>
  <si>
    <t>cg15016296</t>
  </si>
  <si>
    <t>cg15022014</t>
  </si>
  <si>
    <t>cg15022039</t>
  </si>
  <si>
    <t>cg15025103</t>
  </si>
  <si>
    <t>cg15026243</t>
  </si>
  <si>
    <t>cg15028653</t>
  </si>
  <si>
    <t>cg15035097</t>
  </si>
  <si>
    <t>cg15035709</t>
  </si>
  <si>
    <t>cg15037541</t>
  </si>
  <si>
    <t>cg15039019</t>
  </si>
  <si>
    <t>cg15042995</t>
  </si>
  <si>
    <t>cg15043642</t>
  </si>
  <si>
    <t>cg15048991</t>
  </si>
  <si>
    <t>cg15084390</t>
  </si>
  <si>
    <t>cg15084921</t>
  </si>
  <si>
    <t>cg15088822</t>
  </si>
  <si>
    <t>cg15089314</t>
  </si>
  <si>
    <t>cg15095771</t>
  </si>
  <si>
    <t>cg15095922</t>
  </si>
  <si>
    <t>cg15096193</t>
  </si>
  <si>
    <t>cg15100227</t>
  </si>
  <si>
    <t>cg15101980</t>
  </si>
  <si>
    <t>cg15114202</t>
  </si>
  <si>
    <t>cg15122828</t>
  </si>
  <si>
    <t>cg15124711</t>
  </si>
  <si>
    <t>cg15130840</t>
  </si>
  <si>
    <t>cg15132565</t>
  </si>
  <si>
    <t>cg15141207</t>
  </si>
  <si>
    <t>cg15149600</t>
  </si>
  <si>
    <t>cg15160263</t>
  </si>
  <si>
    <t>cg15165927</t>
  </si>
  <si>
    <t>cg15175985</t>
  </si>
  <si>
    <t>cg15179499</t>
  </si>
  <si>
    <t>cg15184452</t>
  </si>
  <si>
    <t>cg15197065</t>
  </si>
  <si>
    <t>cg15197657</t>
  </si>
  <si>
    <t>cg15201400</t>
  </si>
  <si>
    <t>cg15202876</t>
  </si>
  <si>
    <t>cg15203566</t>
  </si>
  <si>
    <t>cg15212349</t>
  </si>
  <si>
    <t>cg15216925</t>
  </si>
  <si>
    <t>cg15219393</t>
  </si>
  <si>
    <t>cg15219433</t>
  </si>
  <si>
    <t>cg15220253</t>
  </si>
  <si>
    <t>cg15335117</t>
  </si>
  <si>
    <t>cg15335436</t>
  </si>
  <si>
    <t>cg15345415</t>
  </si>
  <si>
    <t>cg15351009</t>
  </si>
  <si>
    <t>cg15373590</t>
  </si>
  <si>
    <t>cg15376615</t>
  </si>
  <si>
    <t>cg15381875</t>
  </si>
  <si>
    <t>cg15382538</t>
  </si>
  <si>
    <t>cg15385386</t>
  </si>
  <si>
    <t>cg15389068</t>
  </si>
  <si>
    <t>cg15400593</t>
  </si>
  <si>
    <t>cg15407517</t>
  </si>
  <si>
    <t>cg15408073</t>
  </si>
  <si>
    <t>cg15409013</t>
  </si>
  <si>
    <t>cg15416279</t>
  </si>
  <si>
    <t>cg15420035</t>
  </si>
  <si>
    <t>cg15421305</t>
  </si>
  <si>
    <t>cg15529766</t>
  </si>
  <si>
    <t>cg15530916</t>
  </si>
  <si>
    <t>cg15536575</t>
  </si>
  <si>
    <t>cg15545486</t>
  </si>
  <si>
    <t>cg15547624</t>
  </si>
  <si>
    <t>cg15558103</t>
  </si>
  <si>
    <t>cg15595755</t>
  </si>
  <si>
    <t>cg15602182</t>
  </si>
  <si>
    <t>cg15605409</t>
  </si>
  <si>
    <t>cg15613340</t>
  </si>
  <si>
    <t>cg15613420</t>
  </si>
  <si>
    <t>cg15626405</t>
  </si>
  <si>
    <t>cg15632936</t>
  </si>
  <si>
    <t>cg15637095</t>
  </si>
  <si>
    <t>cg15637465</t>
  </si>
  <si>
    <t>cg15640707</t>
  </si>
  <si>
    <t>cg15644174</t>
  </si>
  <si>
    <t>cg15645634</t>
  </si>
  <si>
    <t>cg15646543</t>
  </si>
  <si>
    <t>cg15650209</t>
  </si>
  <si>
    <t>cg15658376</t>
  </si>
  <si>
    <t>cg15658945</t>
  </si>
  <si>
    <t>cg15672768</t>
  </si>
  <si>
    <t>cg15680989</t>
  </si>
  <si>
    <t>cg15690342</t>
  </si>
  <si>
    <t>cg15709435</t>
  </si>
  <si>
    <t>cg15713707</t>
  </si>
  <si>
    <t>cg15717258</t>
  </si>
  <si>
    <t>cg15720765</t>
  </si>
  <si>
    <t>cg15722526</t>
  </si>
  <si>
    <t>cg15727287</t>
  </si>
  <si>
    <t>cg15820273</t>
  </si>
  <si>
    <t>cg15833209</t>
  </si>
  <si>
    <t>cg15875068</t>
  </si>
  <si>
    <t>cg15880498</t>
  </si>
  <si>
    <t>cg15887555</t>
  </si>
  <si>
    <t>cg15889797</t>
  </si>
  <si>
    <t>cg15889838</t>
  </si>
  <si>
    <t>cg15890173</t>
  </si>
  <si>
    <t>cg15890707</t>
  </si>
  <si>
    <t>cg15897774</t>
  </si>
  <si>
    <t>cg15900444</t>
  </si>
  <si>
    <t>cg15910486</t>
  </si>
  <si>
    <t>cg15911153</t>
  </si>
  <si>
    <t>cg15923025</t>
  </si>
  <si>
    <t>cg15926317</t>
  </si>
  <si>
    <t>cg15926342</t>
  </si>
  <si>
    <t>cg15927720</t>
  </si>
  <si>
    <t>cg15933130</t>
  </si>
  <si>
    <t>cg15941164</t>
  </si>
  <si>
    <t>cg15941948</t>
  </si>
  <si>
    <t>cg15947367</t>
  </si>
  <si>
    <t>cg15949044</t>
  </si>
  <si>
    <t>cg15954782</t>
  </si>
  <si>
    <t>cg15956008</t>
  </si>
  <si>
    <t>cg15959319</t>
  </si>
  <si>
    <t>cg15963563</t>
  </si>
  <si>
    <t>cg15991700</t>
  </si>
  <si>
    <t>cg15992535</t>
  </si>
  <si>
    <t>cg15992940</t>
  </si>
  <si>
    <t>cg15996534</t>
  </si>
  <si>
    <t>cg15998629</t>
  </si>
  <si>
    <t>cg16003274</t>
  </si>
  <si>
    <t>cg16006841</t>
  </si>
  <si>
    <t>cg16009381</t>
  </si>
  <si>
    <t>cg16017429</t>
  </si>
  <si>
    <t>cg16018972</t>
  </si>
  <si>
    <t>cg16019898</t>
  </si>
  <si>
    <t>cg16023551</t>
  </si>
  <si>
    <t>cg16024318</t>
  </si>
  <si>
    <t>cg16025094</t>
  </si>
  <si>
    <t>cg16027343</t>
  </si>
  <si>
    <t>cg16049690</t>
  </si>
  <si>
    <t>cg16051228</t>
  </si>
  <si>
    <t>cg16055026</t>
  </si>
  <si>
    <t>cg16059596</t>
  </si>
  <si>
    <t>cg16063617</t>
  </si>
  <si>
    <t>cg16079958</t>
  </si>
  <si>
    <t>cg16087023</t>
  </si>
  <si>
    <t>cg16087093</t>
  </si>
  <si>
    <t>cg16090273</t>
  </si>
  <si>
    <t>cg16091952</t>
  </si>
  <si>
    <t>cg16097069</t>
  </si>
  <si>
    <t>cg16099804</t>
  </si>
  <si>
    <t>cg16105594</t>
  </si>
  <si>
    <t>cg16126280</t>
  </si>
  <si>
    <t>cg16134501</t>
  </si>
  <si>
    <t>cg16135989</t>
  </si>
  <si>
    <t>cg16136840</t>
  </si>
  <si>
    <t>cg16139202</t>
  </si>
  <si>
    <t>cg16141228</t>
  </si>
  <si>
    <t>cg16142824</t>
  </si>
  <si>
    <t>cg16143654</t>
  </si>
  <si>
    <t>cg16150752</t>
  </si>
  <si>
    <t>cg16151151</t>
  </si>
  <si>
    <t>cg16166802</t>
  </si>
  <si>
    <t>cg16174029</t>
  </si>
  <si>
    <t>cg16180821</t>
  </si>
  <si>
    <t>cg16182055</t>
  </si>
  <si>
    <t>cg16191360</t>
  </si>
  <si>
    <t>cg16198571</t>
  </si>
  <si>
    <t>cg16211507</t>
  </si>
  <si>
    <t>cg16217510</t>
  </si>
  <si>
    <t>cg16226310</t>
  </si>
  <si>
    <t>cg16230626</t>
  </si>
  <si>
    <t>cg16234172</t>
  </si>
  <si>
    <t>cg16235531</t>
  </si>
  <si>
    <t>cg16253537</t>
  </si>
  <si>
    <t>cg16257040</t>
  </si>
  <si>
    <t>cg16257051</t>
  </si>
  <si>
    <t>cg16264214</t>
  </si>
  <si>
    <t>cg16268165</t>
  </si>
  <si>
    <t>cg16271912</t>
  </si>
  <si>
    <t>cg16272981</t>
  </si>
  <si>
    <t>cg16274199</t>
  </si>
  <si>
    <t>cg16288993</t>
  </si>
  <si>
    <t>cg16292016</t>
  </si>
  <si>
    <t>cg16293892</t>
  </si>
  <si>
    <t>cg16300021</t>
  </si>
  <si>
    <t>cg16301163</t>
  </si>
  <si>
    <t>cg16304215</t>
  </si>
  <si>
    <t>cg16306500</t>
  </si>
  <si>
    <t>cg16315238</t>
  </si>
  <si>
    <t>cg16318053</t>
  </si>
  <si>
    <t>cg16321301</t>
  </si>
  <si>
    <t>cg16326743</t>
  </si>
  <si>
    <t>cg16329782</t>
  </si>
  <si>
    <t>cg16335926</t>
  </si>
  <si>
    <t>cg16336127</t>
  </si>
  <si>
    <t>cg16343302</t>
  </si>
  <si>
    <t>cg16345653</t>
  </si>
  <si>
    <t>cg16354091</t>
  </si>
  <si>
    <t>cg16358034</t>
  </si>
  <si>
    <t>cg16360831</t>
  </si>
  <si>
    <t>cg16368054</t>
  </si>
  <si>
    <t>cg16371341</t>
  </si>
  <si>
    <t>cg16375290</t>
  </si>
  <si>
    <t>cg16397620</t>
  </si>
  <si>
    <t>cg16397884</t>
  </si>
  <si>
    <t>cg16398128</t>
  </si>
  <si>
    <t>cg16400492</t>
  </si>
  <si>
    <t>cg16401290</t>
  </si>
  <si>
    <t>cg16405078</t>
  </si>
  <si>
    <t>cg16420798</t>
  </si>
  <si>
    <t>cg16424138</t>
  </si>
  <si>
    <t>cg16431963</t>
  </si>
  <si>
    <t>cg16440442</t>
  </si>
  <si>
    <t>cg16443866</t>
  </si>
  <si>
    <t>cg16449302</t>
  </si>
  <si>
    <t>cg16452756</t>
  </si>
  <si>
    <t>cg16453206</t>
  </si>
  <si>
    <t>cg16453665</t>
  </si>
  <si>
    <t>cg16456337</t>
  </si>
  <si>
    <t>cg16457196</t>
  </si>
  <si>
    <t>cg16463100</t>
  </si>
  <si>
    <t>cg16470655</t>
  </si>
  <si>
    <t>cg16481046</t>
  </si>
  <si>
    <t>cg16485558</t>
  </si>
  <si>
    <t>cg16521454</t>
  </si>
  <si>
    <t>cg16523621</t>
  </si>
  <si>
    <t>cg16527418</t>
  </si>
  <si>
    <t>cg16532100</t>
  </si>
  <si>
    <t>cg16532600</t>
  </si>
  <si>
    <t>cg16533147</t>
  </si>
  <si>
    <t>cg16535891</t>
  </si>
  <si>
    <t>cg16539675</t>
  </si>
  <si>
    <t>cg16542392</t>
  </si>
  <si>
    <t>cg16552437</t>
  </si>
  <si>
    <t>cg16553589</t>
  </si>
  <si>
    <t>cg16560309</t>
  </si>
  <si>
    <t>cg16572603</t>
  </si>
  <si>
    <t>cg16575125</t>
  </si>
  <si>
    <t>cg16577540</t>
  </si>
  <si>
    <t>cg16578938</t>
  </si>
  <si>
    <t>cg16581905</t>
  </si>
  <si>
    <t>cg16582978</t>
  </si>
  <si>
    <t>cg16593646</t>
  </si>
  <si>
    <t>cg16599698</t>
  </si>
  <si>
    <t>cg16602369</t>
  </si>
  <si>
    <t>cg16606067</t>
  </si>
  <si>
    <t>cg16616449</t>
  </si>
  <si>
    <t>cg16620526</t>
  </si>
  <si>
    <t>cg16622511</t>
  </si>
  <si>
    <t>cg16625170</t>
  </si>
  <si>
    <t>cg16626280</t>
  </si>
  <si>
    <t>cg16628484</t>
  </si>
  <si>
    <t>cg16630369</t>
  </si>
  <si>
    <t>cg16635016</t>
  </si>
  <si>
    <t>cg16640753</t>
  </si>
  <si>
    <t>cg16645133</t>
  </si>
  <si>
    <t>cg16653901</t>
  </si>
  <si>
    <t>cg16662877</t>
  </si>
  <si>
    <t>cg16662989</t>
  </si>
  <si>
    <t>cg16666560</t>
  </si>
  <si>
    <t>cg16674535</t>
  </si>
  <si>
    <t>cg16675507</t>
  </si>
  <si>
    <t>cg16679297</t>
  </si>
  <si>
    <t>cg16683965</t>
  </si>
  <si>
    <t>cg16684668</t>
  </si>
  <si>
    <t>cg16684811</t>
  </si>
  <si>
    <t>cg16688031</t>
  </si>
  <si>
    <t>cg16693872</t>
  </si>
  <si>
    <t>cg16695403</t>
  </si>
  <si>
    <t>cg16698583</t>
  </si>
  <si>
    <t>cg16699715</t>
  </si>
  <si>
    <t>cg16700673</t>
  </si>
  <si>
    <t>cg16702713</t>
  </si>
  <si>
    <t>cg16704344</t>
  </si>
  <si>
    <t>cg16707405</t>
  </si>
  <si>
    <t>cg16711694</t>
  </si>
  <si>
    <t>cg16821394</t>
  </si>
  <si>
    <t>cg16843423</t>
  </si>
  <si>
    <t>cg16987982</t>
  </si>
  <si>
    <t>cg16995983</t>
  </si>
  <si>
    <t>cg16997104</t>
  </si>
  <si>
    <t>cg17016777</t>
  </si>
  <si>
    <t>cg17022953</t>
  </si>
  <si>
    <t>cg17025142</t>
  </si>
  <si>
    <t>cg17025730</t>
  </si>
  <si>
    <t>cg17026582</t>
  </si>
  <si>
    <t>cg17030173</t>
  </si>
  <si>
    <t>cg17032533</t>
  </si>
  <si>
    <t>cg17033333</t>
  </si>
  <si>
    <t>cg17036654</t>
  </si>
  <si>
    <t>cg17036833</t>
  </si>
  <si>
    <t>cg17037282</t>
  </si>
  <si>
    <t>cg17047981</t>
  </si>
  <si>
    <t>cg17048804</t>
  </si>
  <si>
    <t>cg17054060</t>
  </si>
  <si>
    <t>cg17057127</t>
  </si>
  <si>
    <t>cg17076397</t>
  </si>
  <si>
    <t>cg17178888</t>
  </si>
  <si>
    <t>cg17209231</t>
  </si>
  <si>
    <t>cg17225947</t>
  </si>
  <si>
    <t>cg17245135</t>
  </si>
  <si>
    <t>cg17250440</t>
  </si>
  <si>
    <t>cg17274428</t>
  </si>
  <si>
    <t>cg17277001</t>
  </si>
  <si>
    <t>cg17279652</t>
  </si>
  <si>
    <t>cg17283899</t>
  </si>
  <si>
    <t>cg17284070</t>
  </si>
  <si>
    <t>cg17288397</t>
  </si>
  <si>
    <t>cg17291521</t>
  </si>
  <si>
    <t>cg17316316</t>
  </si>
  <si>
    <t>cg17318297</t>
  </si>
  <si>
    <t>cg17319718</t>
  </si>
  <si>
    <t>cg17326173</t>
  </si>
  <si>
    <t>cg17329494</t>
  </si>
  <si>
    <t>cg17333223</t>
  </si>
  <si>
    <t>cg17338430</t>
  </si>
  <si>
    <t>cg17339617</t>
  </si>
  <si>
    <t>cg17344516</t>
  </si>
  <si>
    <t>cg17347471</t>
  </si>
  <si>
    <t>cg17349515</t>
  </si>
  <si>
    <t>cg17360650</t>
  </si>
  <si>
    <t>cg17364251</t>
  </si>
  <si>
    <t>cg17367996</t>
  </si>
  <si>
    <t>cg17368581</t>
  </si>
  <si>
    <t>cg17370163</t>
  </si>
  <si>
    <t>cg17372738</t>
  </si>
  <si>
    <t>cg17378342</t>
  </si>
  <si>
    <t>cg17383793</t>
  </si>
  <si>
    <t>cg17386093</t>
  </si>
  <si>
    <t>cg17386911</t>
  </si>
  <si>
    <t>cg17391087</t>
  </si>
  <si>
    <t>cg17391928</t>
  </si>
  <si>
    <t>cg17398003</t>
  </si>
  <si>
    <t>cg17400634</t>
  </si>
  <si>
    <t>cg17401635</t>
  </si>
  <si>
    <t>cg17402373</t>
  </si>
  <si>
    <t>cg17403609</t>
  </si>
  <si>
    <t>cg17412405</t>
  </si>
  <si>
    <t>cg17412886</t>
  </si>
  <si>
    <t>cg17417198</t>
  </si>
  <si>
    <t>cg17421097</t>
  </si>
  <si>
    <t>cg17426592</t>
  </si>
  <si>
    <t>cg17430818</t>
  </si>
  <si>
    <t>cg17433211</t>
  </si>
  <si>
    <t>cg17433294</t>
  </si>
  <si>
    <t>cg17436861</t>
  </si>
  <si>
    <t>cg17437033</t>
  </si>
  <si>
    <t>cg17438030</t>
  </si>
  <si>
    <t>cg17442548</t>
  </si>
  <si>
    <t>cg17448335</t>
  </si>
  <si>
    <t>cg17450307</t>
  </si>
  <si>
    <t>cg17457528</t>
  </si>
  <si>
    <t>cg17464383</t>
  </si>
  <si>
    <t>cg17465305</t>
  </si>
  <si>
    <t>cg17465930</t>
  </si>
  <si>
    <t>cg17470674</t>
  </si>
  <si>
    <t>cg17480669</t>
  </si>
  <si>
    <t>cg17482089</t>
  </si>
  <si>
    <t>cg17487170</t>
  </si>
  <si>
    <t>cg17496661</t>
  </si>
  <si>
    <t>cg17497066</t>
  </si>
  <si>
    <t>cg17500228</t>
  </si>
  <si>
    <t>cg17508591</t>
  </si>
  <si>
    <t>cg17510385</t>
  </si>
  <si>
    <t>cg17512474</t>
  </si>
  <si>
    <t>cg17512748</t>
  </si>
  <si>
    <t>cg17514558</t>
  </si>
  <si>
    <t>cg17533455</t>
  </si>
  <si>
    <t>cg17543488</t>
  </si>
  <si>
    <t>cg17547875</t>
  </si>
  <si>
    <t>cg17548533</t>
  </si>
  <si>
    <t>cg17549121</t>
  </si>
  <si>
    <t>cg17553881</t>
  </si>
  <si>
    <t>cg17555825</t>
  </si>
  <si>
    <t>cg17557230</t>
  </si>
  <si>
    <t>cg17558973</t>
  </si>
  <si>
    <t>cg17575087</t>
  </si>
  <si>
    <t>cg17579804</t>
  </si>
  <si>
    <t>cg17596731</t>
  </si>
  <si>
    <t>cg17602776</t>
  </si>
  <si>
    <t>cg17614939</t>
  </si>
  <si>
    <t>cg17619208</t>
  </si>
  <si>
    <t>cg17623793</t>
  </si>
  <si>
    <t>cg17627629</t>
  </si>
  <si>
    <t>cg17629929</t>
  </si>
  <si>
    <t>cg17647431</t>
  </si>
  <si>
    <t>cg17654660</t>
  </si>
  <si>
    <t>cg17662369</t>
  </si>
  <si>
    <t>cg17667217</t>
  </si>
  <si>
    <t>cg17671005</t>
  </si>
  <si>
    <t>cg17712694</t>
  </si>
  <si>
    <t>cg17714828</t>
  </si>
  <si>
    <t>cg17721879</t>
  </si>
  <si>
    <t>cg17752088</t>
  </si>
  <si>
    <t>cg17754909</t>
  </si>
  <si>
    <t>cg17755907</t>
  </si>
  <si>
    <t>cg17757602</t>
  </si>
  <si>
    <t>cg17767945</t>
  </si>
  <si>
    <t>cg17772342</t>
  </si>
  <si>
    <t>cg17772763</t>
  </si>
  <si>
    <t>cg17774559</t>
  </si>
  <si>
    <t>cg17774851</t>
  </si>
  <si>
    <t>cg17777432</t>
  </si>
  <si>
    <t>cg17777676</t>
  </si>
  <si>
    <t>cg17778434</t>
  </si>
  <si>
    <t>cg17778888</t>
  </si>
  <si>
    <t>cg17785250</t>
  </si>
  <si>
    <t>cg17785781</t>
  </si>
  <si>
    <t>cg17792315</t>
  </si>
  <si>
    <t>cg17802144</t>
  </si>
  <si>
    <t>cg17806999</t>
  </si>
  <si>
    <t>cg17811228</t>
  </si>
  <si>
    <t>cg17814109</t>
  </si>
  <si>
    <t>cg17817067</t>
  </si>
  <si>
    <t>cg17824391</t>
  </si>
  <si>
    <t>cg17834341</t>
  </si>
  <si>
    <t>cg17836790</t>
  </si>
  <si>
    <t>cg17842068</t>
  </si>
  <si>
    <t>cg17842821</t>
  </si>
  <si>
    <t>cg17842912</t>
  </si>
  <si>
    <t>cg17844160</t>
  </si>
  <si>
    <t>cg17852221</t>
  </si>
  <si>
    <t>cg17861295</t>
  </si>
  <si>
    <t>cg17873919</t>
  </si>
  <si>
    <t>cg17924650</t>
  </si>
  <si>
    <t>cg17930096</t>
  </si>
  <si>
    <t>cg17940889</t>
  </si>
  <si>
    <t>cg17946497</t>
  </si>
  <si>
    <t>cg17958315</t>
  </si>
  <si>
    <t>cg17972073</t>
  </si>
  <si>
    <t>cg17977043</t>
  </si>
  <si>
    <t>cg17978562</t>
  </si>
  <si>
    <t>cg18005222</t>
  </si>
  <si>
    <t>cg18007959</t>
  </si>
  <si>
    <t>cg18009496</t>
  </si>
  <si>
    <t>cg18011230</t>
  </si>
  <si>
    <t>cg18012760</t>
  </si>
  <si>
    <t>cg18015985</t>
  </si>
  <si>
    <t>cg18020381</t>
  </si>
  <si>
    <t>cg18022362</t>
  </si>
  <si>
    <t>cg18035255</t>
  </si>
  <si>
    <t>cg18050722</t>
  </si>
  <si>
    <t>cg18058747</t>
  </si>
  <si>
    <t>cg18064852</t>
  </si>
  <si>
    <t>cg18066271</t>
  </si>
  <si>
    <t>cg18068240</t>
  </si>
  <si>
    <t>cg18072095</t>
  </si>
  <si>
    <t>cg18073432</t>
  </si>
  <si>
    <t>cg18083764</t>
  </si>
  <si>
    <t>cg18096962</t>
  </si>
  <si>
    <t>cg18097224</t>
  </si>
  <si>
    <t>cg18098750</t>
  </si>
  <si>
    <t>cg18102575</t>
  </si>
  <si>
    <t>cg18104919</t>
  </si>
  <si>
    <t>cg18105979</t>
  </si>
  <si>
    <t>cg18110165</t>
  </si>
  <si>
    <t>cg18114890</t>
  </si>
  <si>
    <t>cg18118497</t>
  </si>
  <si>
    <t>cg18121164</t>
  </si>
  <si>
    <t>cg18121224</t>
  </si>
  <si>
    <t>cg18144860</t>
  </si>
  <si>
    <t>cg18148997</t>
  </si>
  <si>
    <t>cg18161950</t>
  </si>
  <si>
    <t>cg18167218</t>
  </si>
  <si>
    <t>cg18172877</t>
  </si>
  <si>
    <t>cg18175036</t>
  </si>
  <si>
    <t>cg18190187</t>
  </si>
  <si>
    <t>cg18193764</t>
  </si>
  <si>
    <t>cg18196463</t>
  </si>
  <si>
    <t>cg18199554</t>
  </si>
  <si>
    <t>cg18200311</t>
  </si>
  <si>
    <t>cg18204675</t>
  </si>
  <si>
    <t>cg18232832</t>
  </si>
  <si>
    <t>cg18233595</t>
  </si>
  <si>
    <t>cg18236358</t>
  </si>
  <si>
    <t>cg18247650</t>
  </si>
  <si>
    <t>cg18250340</t>
  </si>
  <si>
    <t>cg18250916</t>
  </si>
  <si>
    <t>cg18254147</t>
  </si>
  <si>
    <t>cg18260973</t>
  </si>
  <si>
    <t>cg18262958</t>
  </si>
  <si>
    <t>cg18273818</t>
  </si>
  <si>
    <t>cg18273840</t>
  </si>
  <si>
    <t>cg18274480</t>
  </si>
  <si>
    <t>cg18274791</t>
  </si>
  <si>
    <t>cg18282812</t>
  </si>
  <si>
    <t>cg18284650</t>
  </si>
  <si>
    <t>cg18295536</t>
  </si>
  <si>
    <t>cg18297751</t>
  </si>
  <si>
    <t>cg18307783</t>
  </si>
  <si>
    <t>cg18316500</t>
  </si>
  <si>
    <t>cg18318704</t>
  </si>
  <si>
    <t>cg18325622</t>
  </si>
  <si>
    <t>cg18327883</t>
  </si>
  <si>
    <t>cg18328404</t>
  </si>
  <si>
    <t>cg18328894</t>
  </si>
  <si>
    <t>cg18331263</t>
  </si>
  <si>
    <t>cg18331515</t>
  </si>
  <si>
    <t>cg18334142</t>
  </si>
  <si>
    <t>cg18336674</t>
  </si>
  <si>
    <t>cg18344930</t>
  </si>
  <si>
    <t>cg18347650</t>
  </si>
  <si>
    <t>cg18349911</t>
  </si>
  <si>
    <t>cg18353550</t>
  </si>
  <si>
    <t>cg18355133</t>
  </si>
  <si>
    <t>cg18358754</t>
  </si>
  <si>
    <t>cg18364837</t>
  </si>
  <si>
    <t>cg18366108</t>
  </si>
  <si>
    <t>cg18369327</t>
  </si>
  <si>
    <t>cg18371052</t>
  </si>
  <si>
    <t>cg18371475</t>
  </si>
  <si>
    <t>cg18375421</t>
  </si>
  <si>
    <t>cg18388380</t>
  </si>
  <si>
    <t>cg18388410</t>
  </si>
  <si>
    <t>cg18410444</t>
  </si>
  <si>
    <t>cg18411194</t>
  </si>
  <si>
    <t>cg18416096</t>
  </si>
  <si>
    <t>cg18424208</t>
  </si>
  <si>
    <t>cg18428006</t>
  </si>
  <si>
    <t>cg18430895</t>
  </si>
  <si>
    <t>cg18431408</t>
  </si>
  <si>
    <t>cg18432252</t>
  </si>
  <si>
    <t>cg18433402</t>
  </si>
  <si>
    <t>cg18435430</t>
  </si>
  <si>
    <t>cg18439861</t>
  </si>
  <si>
    <t>cg18441082</t>
  </si>
  <si>
    <t>cg18442632</t>
  </si>
  <si>
    <t>cg18443359</t>
  </si>
  <si>
    <t>cg18443811</t>
  </si>
  <si>
    <t>cg18444519</t>
  </si>
  <si>
    <t>cg18455283</t>
  </si>
  <si>
    <t>cg18456349</t>
  </si>
  <si>
    <t>cg18456523</t>
  </si>
  <si>
    <t>cg18458116</t>
  </si>
  <si>
    <t>cg18459239</t>
  </si>
  <si>
    <t>cg18462506</t>
  </si>
  <si>
    <t>cg18468394</t>
  </si>
  <si>
    <t>cg18484068</t>
  </si>
  <si>
    <t>cg18487598</t>
  </si>
  <si>
    <t>cg18488430</t>
  </si>
  <si>
    <t>cg18507379</t>
  </si>
  <si>
    <t>cg18512156</t>
  </si>
  <si>
    <t>cg18515886</t>
  </si>
  <si>
    <t>cg18516158</t>
  </si>
  <si>
    <t>cg18530551</t>
  </si>
  <si>
    <t>cg18531175</t>
  </si>
  <si>
    <t>cg18532089</t>
  </si>
  <si>
    <t>cg18601509</t>
  </si>
  <si>
    <t>cg18610889</t>
  </si>
  <si>
    <t>cg18615970</t>
  </si>
  <si>
    <t>cg18617005</t>
  </si>
  <si>
    <t>cg18629270</t>
  </si>
  <si>
    <t>cg18631996</t>
  </si>
  <si>
    <t>cg18635552</t>
  </si>
  <si>
    <t>cg18640183</t>
  </si>
  <si>
    <t>cg18640185</t>
  </si>
  <si>
    <t>cg18640250</t>
  </si>
  <si>
    <t>cg18643445</t>
  </si>
  <si>
    <t>cg18644703</t>
  </si>
  <si>
    <t>cg18663063</t>
  </si>
  <si>
    <t>cg18671773</t>
  </si>
  <si>
    <t>cg18677996</t>
  </si>
  <si>
    <t>cg18689958</t>
  </si>
  <si>
    <t>cg18697571</t>
  </si>
  <si>
    <t>cg18699526</t>
  </si>
  <si>
    <t>cg18700664</t>
  </si>
  <si>
    <t>cg18701590</t>
  </si>
  <si>
    <t>cg18705773</t>
  </si>
  <si>
    <t>cg18705909</t>
  </si>
  <si>
    <t>cg18710053</t>
  </si>
  <si>
    <t>cg18714679</t>
  </si>
  <si>
    <t>cg18718234</t>
  </si>
  <si>
    <t>cg18719563</t>
  </si>
  <si>
    <t>cg18724069</t>
  </si>
  <si>
    <t>cg18725076</t>
  </si>
  <si>
    <t>cg18725867</t>
  </si>
  <si>
    <t>cg18730862</t>
  </si>
  <si>
    <t>cg18735615</t>
  </si>
  <si>
    <t>cg18738114</t>
  </si>
  <si>
    <t>cg18739865</t>
  </si>
  <si>
    <t>cg18740769</t>
  </si>
  <si>
    <t>cg18755531</t>
  </si>
  <si>
    <t>cg18775587</t>
  </si>
  <si>
    <t>cg18779601</t>
  </si>
  <si>
    <t>cg18781988</t>
  </si>
  <si>
    <t>cg18782991</t>
  </si>
  <si>
    <t>cg18786969</t>
  </si>
  <si>
    <t>cg18793886</t>
  </si>
  <si>
    <t>cg18794597</t>
  </si>
  <si>
    <t>cg18798289</t>
  </si>
  <si>
    <t>cg18809039</t>
  </si>
  <si>
    <t>cg18831045</t>
  </si>
  <si>
    <t>cg18839637</t>
  </si>
  <si>
    <t>cg18840956</t>
  </si>
  <si>
    <t>cg18856388</t>
  </si>
  <si>
    <t>cg18857021</t>
  </si>
  <si>
    <t>cg18865127</t>
  </si>
  <si>
    <t>cg18867781</t>
  </si>
  <si>
    <t>cg18869404</t>
  </si>
  <si>
    <t>cg18874902</t>
  </si>
  <si>
    <t>cg18880544</t>
  </si>
  <si>
    <t>cg18890864</t>
  </si>
  <si>
    <t>cg18891762</t>
  </si>
  <si>
    <t>cg18894214</t>
  </si>
  <si>
    <t>cg18903719</t>
  </si>
  <si>
    <t>cg18909879</t>
  </si>
  <si>
    <t>cg18920488</t>
  </si>
  <si>
    <t>cg18991549</t>
  </si>
  <si>
    <t>cg18992570</t>
  </si>
  <si>
    <t>cg18998860</t>
  </si>
  <si>
    <t>cg19007030</t>
  </si>
  <si>
    <t>cg19021412</t>
  </si>
  <si>
    <t>cg19025234</t>
  </si>
  <si>
    <t>cg19025430</t>
  </si>
  <si>
    <t>cg19026977</t>
  </si>
  <si>
    <t>cg19030994</t>
  </si>
  <si>
    <t>cg19032799</t>
  </si>
  <si>
    <t>cg19070894</t>
  </si>
  <si>
    <t>cg19074474</t>
  </si>
  <si>
    <t>cg19075208</t>
  </si>
  <si>
    <t>cg19080481</t>
  </si>
  <si>
    <t>cg19091068</t>
  </si>
  <si>
    <t>cg19091621</t>
  </si>
  <si>
    <t>cg19092317</t>
  </si>
  <si>
    <t>cg19096358</t>
  </si>
  <si>
    <t>cg19096799</t>
  </si>
  <si>
    <t>cg19097648</t>
  </si>
  <si>
    <t>cg19099234</t>
  </si>
  <si>
    <t>cg19100034</t>
  </si>
  <si>
    <t>cg19102993</t>
  </si>
  <si>
    <t>cg19107578</t>
  </si>
  <si>
    <t>cg19108432</t>
  </si>
  <si>
    <t>cg19116747</t>
  </si>
  <si>
    <t>cg19238398</t>
  </si>
  <si>
    <t>cg19416326</t>
  </si>
  <si>
    <t>cg19419291</t>
  </si>
  <si>
    <t>cg19437285</t>
  </si>
  <si>
    <t>cg19446018</t>
  </si>
  <si>
    <t>cg19456953</t>
  </si>
  <si>
    <t>cg19468555</t>
  </si>
  <si>
    <t>cg19472116</t>
  </si>
  <si>
    <t>cg19472282</t>
  </si>
  <si>
    <t>cg19472956</t>
  </si>
  <si>
    <t>cg19476021</t>
  </si>
  <si>
    <t>cg19479828</t>
  </si>
  <si>
    <t>cg19483816</t>
  </si>
  <si>
    <t>cg19486833</t>
  </si>
  <si>
    <t>cg19503640</t>
  </si>
  <si>
    <t>cg19504702</t>
  </si>
  <si>
    <t>cg19510792</t>
  </si>
  <si>
    <t>cg19515468</t>
  </si>
  <si>
    <t>cg19523118</t>
  </si>
  <si>
    <t>cg19524810</t>
  </si>
  <si>
    <t>cg19525954</t>
  </si>
  <si>
    <t>cg19537645</t>
  </si>
  <si>
    <t>cg19542907</t>
  </si>
  <si>
    <t>cg19545116</t>
  </si>
  <si>
    <t>cg19556599</t>
  </si>
  <si>
    <t>cg19557190</t>
  </si>
  <si>
    <t>cg19570781</t>
  </si>
  <si>
    <t>cg19574395</t>
  </si>
  <si>
    <t>cg19580633</t>
  </si>
  <si>
    <t>cg19593314</t>
  </si>
  <si>
    <t>cg19598078</t>
  </si>
  <si>
    <t>cg19598567</t>
  </si>
  <si>
    <t>cg19601991</t>
  </si>
  <si>
    <t>cg19605920</t>
  </si>
  <si>
    <t>cg19606356</t>
  </si>
  <si>
    <t>cg19606776</t>
  </si>
  <si>
    <t>cg19609242</t>
  </si>
  <si>
    <t>cg19609284</t>
  </si>
  <si>
    <t>cg19618483</t>
  </si>
  <si>
    <t>cg19625088</t>
  </si>
  <si>
    <t>cg19636656</t>
  </si>
  <si>
    <t>cg19640581</t>
  </si>
  <si>
    <t>cg19659045</t>
  </si>
  <si>
    <t>cg19664328</t>
  </si>
  <si>
    <t>cg19667623</t>
  </si>
  <si>
    <t>cg19668945</t>
  </si>
  <si>
    <t>cg19670286</t>
  </si>
  <si>
    <t>cg19679633</t>
  </si>
  <si>
    <t>cg19684323</t>
  </si>
  <si>
    <t>cg19689922</t>
  </si>
  <si>
    <t>cg19697475</t>
  </si>
  <si>
    <t>cg19704039</t>
  </si>
  <si>
    <t>cg19719340</t>
  </si>
  <si>
    <t>cg19726536</t>
  </si>
  <si>
    <t>cg19731164</t>
  </si>
  <si>
    <t>cg19731340</t>
  </si>
  <si>
    <t>cg19731612</t>
  </si>
  <si>
    <t>cg19739264</t>
  </si>
  <si>
    <t>cg19741148</t>
  </si>
  <si>
    <t>cg19745314</t>
  </si>
  <si>
    <t>cg19748424</t>
  </si>
  <si>
    <t>cg19748485</t>
  </si>
  <si>
    <t>cg19749560</t>
  </si>
  <si>
    <t>cg19755108</t>
  </si>
  <si>
    <t>cg19768357</t>
  </si>
  <si>
    <t>cg19770292</t>
  </si>
  <si>
    <t>cg19773466</t>
  </si>
  <si>
    <t>cg19776945</t>
  </si>
  <si>
    <t>cg19777105</t>
  </si>
  <si>
    <t>cg19779370</t>
  </si>
  <si>
    <t>cg19782173</t>
  </si>
  <si>
    <t>cg19783675</t>
  </si>
  <si>
    <t>cg19788015</t>
  </si>
  <si>
    <t>cg19788741</t>
  </si>
  <si>
    <t>cg19789021</t>
  </si>
  <si>
    <t>cg19802165</t>
  </si>
  <si>
    <t>cg19812495</t>
  </si>
  <si>
    <t>cg19815055</t>
  </si>
  <si>
    <t>cg19821940</t>
  </si>
  <si>
    <t>cg19823256</t>
  </si>
  <si>
    <t>cg19833032</t>
  </si>
  <si>
    <t>cg19837938</t>
  </si>
  <si>
    <t>cg19844653</t>
  </si>
  <si>
    <t>cg19858576</t>
  </si>
  <si>
    <t>cg19861741</t>
  </si>
  <si>
    <t>cg19863752</t>
  </si>
  <si>
    <t>cg19866445</t>
  </si>
  <si>
    <t>cg19875969</t>
  </si>
  <si>
    <t>cg19878214</t>
  </si>
  <si>
    <t>cg19897071</t>
  </si>
  <si>
    <t>cg19900557</t>
  </si>
  <si>
    <t>cg19918005</t>
  </si>
  <si>
    <t>cg19920737</t>
  </si>
  <si>
    <t>cg19923650</t>
  </si>
  <si>
    <t>cg19928764</t>
  </si>
  <si>
    <t>cg19932097</t>
  </si>
  <si>
    <t>cg19949589</t>
  </si>
  <si>
    <t>cg19955402</t>
  </si>
  <si>
    <t>cg19958627</t>
  </si>
  <si>
    <t>cg19964638</t>
  </si>
  <si>
    <t>cg19977964</t>
  </si>
  <si>
    <t>cg19979946</t>
  </si>
  <si>
    <t>cg19980912</t>
  </si>
  <si>
    <t>cg19984170</t>
  </si>
  <si>
    <t>cg20044189</t>
  </si>
  <si>
    <t>cg20060451</t>
  </si>
  <si>
    <t>cg20375844</t>
  </si>
  <si>
    <t>cg20379728</t>
  </si>
  <si>
    <t>cg20385018</t>
  </si>
  <si>
    <t>cg20396707</t>
  </si>
  <si>
    <t>cg20403557</t>
  </si>
  <si>
    <t>cg20403628</t>
  </si>
  <si>
    <t>cg20405584</t>
  </si>
  <si>
    <t>cg20406635</t>
  </si>
  <si>
    <t>cg20413471</t>
  </si>
  <si>
    <t>cg20414996</t>
  </si>
  <si>
    <t>cg20415170</t>
  </si>
  <si>
    <t>cg20417527</t>
  </si>
  <si>
    <t>cg20424833</t>
  </si>
  <si>
    <t>cg20438820</t>
  </si>
  <si>
    <t>cg20439288</t>
  </si>
  <si>
    <t>cg20455854</t>
  </si>
  <si>
    <t>cg20461403</t>
  </si>
  <si>
    <t>cg20482071</t>
  </si>
  <si>
    <t>cg20552696</t>
  </si>
  <si>
    <t>cg20554926</t>
  </si>
  <si>
    <t>cg20560075</t>
  </si>
  <si>
    <t>cg20563759</t>
  </si>
  <si>
    <t>cg20563910</t>
  </si>
  <si>
    <t>cg20642138</t>
  </si>
  <si>
    <t>cg20656637</t>
  </si>
  <si>
    <t>cg20673840</t>
  </si>
  <si>
    <t>cg20674638</t>
  </si>
  <si>
    <t>cg20681783</t>
  </si>
  <si>
    <t>cg20683802</t>
  </si>
  <si>
    <t>cg20699036</t>
  </si>
  <si>
    <t>cg20703240</t>
  </si>
  <si>
    <t>cg20705436</t>
  </si>
  <si>
    <t>cg20710519</t>
  </si>
  <si>
    <t>cg20713810</t>
  </si>
  <si>
    <t>cg20718679</t>
  </si>
  <si>
    <t>cg20726948</t>
  </si>
  <si>
    <t>cg20728685</t>
  </si>
  <si>
    <t>cg20733436</t>
  </si>
  <si>
    <t>cg20750832</t>
  </si>
  <si>
    <t>cg20753294</t>
  </si>
  <si>
    <t>cg20755170</t>
  </si>
  <si>
    <t>cg20761860</t>
  </si>
  <si>
    <t>cg20766702</t>
  </si>
  <si>
    <t>cg20771687</t>
  </si>
  <si>
    <t>cg20772101</t>
  </si>
  <si>
    <t>cg20777740</t>
  </si>
  <si>
    <t>cg20788387</t>
  </si>
  <si>
    <t>cg20897728</t>
  </si>
  <si>
    <t>cg20930366</t>
  </si>
  <si>
    <t>cg20938157</t>
  </si>
  <si>
    <t>cg20957648</t>
  </si>
  <si>
    <t>cg20960405</t>
  </si>
  <si>
    <t>cg20964285</t>
  </si>
  <si>
    <t>cg20964589</t>
  </si>
  <si>
    <t>cg20986134</t>
  </si>
  <si>
    <t>cg21012711</t>
  </si>
  <si>
    <t>cg21042539</t>
  </si>
  <si>
    <t>cg21042902</t>
  </si>
  <si>
    <t>cg21043746</t>
  </si>
  <si>
    <t>cg21043815</t>
  </si>
  <si>
    <t>cg21050001</t>
  </si>
  <si>
    <t>cg21051519</t>
  </si>
  <si>
    <t>cg21057228</t>
  </si>
  <si>
    <t>cg21057271</t>
  </si>
  <si>
    <t>cg21063030</t>
  </si>
  <si>
    <t>cg21066290</t>
  </si>
  <si>
    <t>cg21067905</t>
  </si>
  <si>
    <t>cg21080253</t>
  </si>
  <si>
    <t>cg21085462</t>
  </si>
  <si>
    <t>cg21089646</t>
  </si>
  <si>
    <t>cg21092413</t>
  </si>
  <si>
    <t>cg21092674</t>
  </si>
  <si>
    <t>cg21093166</t>
  </si>
  <si>
    <t>cg21095379</t>
  </si>
  <si>
    <t>cg21101222</t>
  </si>
  <si>
    <t>cg21109192</t>
  </si>
  <si>
    <t>cg21121555</t>
  </si>
  <si>
    <t>cg21121598</t>
  </si>
  <si>
    <t>cg21140353</t>
  </si>
  <si>
    <t>cg21141143</t>
  </si>
  <si>
    <t>cg21144161</t>
  </si>
  <si>
    <t>cg21144714</t>
  </si>
  <si>
    <t>cg21149775</t>
  </si>
  <si>
    <t>cg21153026</t>
  </si>
  <si>
    <t>cg21153697</t>
  </si>
  <si>
    <t>cg21158502</t>
  </si>
  <si>
    <t>cg21159993</t>
  </si>
  <si>
    <t>cg21161927</t>
  </si>
  <si>
    <t>cg21164886</t>
  </si>
  <si>
    <t>cg21172538</t>
  </si>
  <si>
    <t>cg21173440</t>
  </si>
  <si>
    <t>cg21174746</t>
  </si>
  <si>
    <t>cg21174792</t>
  </si>
  <si>
    <t>cg21179412</t>
  </si>
  <si>
    <t>cg21199023</t>
  </si>
  <si>
    <t>cg21199406</t>
  </si>
  <si>
    <t>cg21230774</t>
  </si>
  <si>
    <t>cg21231288</t>
  </si>
  <si>
    <t>cg21236090</t>
  </si>
  <si>
    <t>cg21482621</t>
  </si>
  <si>
    <t>cg21488279</t>
  </si>
  <si>
    <t>cg21489753</t>
  </si>
  <si>
    <t>cg21490161</t>
  </si>
  <si>
    <t>cg21490444</t>
  </si>
  <si>
    <t>cg21512771</t>
  </si>
  <si>
    <t>cg21515023</t>
  </si>
  <si>
    <t>cg21530174</t>
  </si>
  <si>
    <t>cg21534486</t>
  </si>
  <si>
    <t>cg21539223</t>
  </si>
  <si>
    <t>cg21545862</t>
  </si>
  <si>
    <t>cg21548955</t>
  </si>
  <si>
    <t>cg21549434</t>
  </si>
  <si>
    <t>cg21551704</t>
  </si>
  <si>
    <t>cg21558508</t>
  </si>
  <si>
    <t>cg21565353</t>
  </si>
  <si>
    <t>cg21573200</t>
  </si>
  <si>
    <t>cg21575187</t>
  </si>
  <si>
    <t>cg21582758</t>
  </si>
  <si>
    <t>cg21584251</t>
  </si>
  <si>
    <t>cg21587238</t>
  </si>
  <si>
    <t>cg21595175</t>
  </si>
  <si>
    <t>cg21599089</t>
  </si>
  <si>
    <t>cg21601919</t>
  </si>
  <si>
    <t>cg21604660</t>
  </si>
  <si>
    <t>cg21606957</t>
  </si>
  <si>
    <t>cg21609106</t>
  </si>
  <si>
    <t>cg21612170</t>
  </si>
  <si>
    <t>cg21614303</t>
  </si>
  <si>
    <t>cg21617058</t>
  </si>
  <si>
    <t>cg21618694</t>
  </si>
  <si>
    <t>cg21622381</t>
  </si>
  <si>
    <t>cg21627409</t>
  </si>
  <si>
    <t>cg21635917</t>
  </si>
  <si>
    <t>cg21638063</t>
  </si>
  <si>
    <t>cg21638374</t>
  </si>
  <si>
    <t>cg21703138</t>
  </si>
  <si>
    <t>cg21722795</t>
  </si>
  <si>
    <t>cg21744723</t>
  </si>
  <si>
    <t>cg21747070</t>
  </si>
  <si>
    <t>cg21748578</t>
  </si>
  <si>
    <t>cg21759811</t>
  </si>
  <si>
    <t>cg21763482</t>
  </si>
  <si>
    <t>cg21773710</t>
  </si>
  <si>
    <t>cg21778810</t>
  </si>
  <si>
    <t>cg21780154</t>
  </si>
  <si>
    <t>cg21781828</t>
  </si>
  <si>
    <t>cg21800232</t>
  </si>
  <si>
    <t>cg21807313</t>
  </si>
  <si>
    <t>cg21810188</t>
  </si>
  <si>
    <t>cg21811204</t>
  </si>
  <si>
    <t>cg21817673</t>
  </si>
  <si>
    <t>cg21818602</t>
  </si>
  <si>
    <t>cg21869524</t>
  </si>
  <si>
    <t>cg21877865</t>
  </si>
  <si>
    <t>cg21882808</t>
  </si>
  <si>
    <t>cg21897413</t>
  </si>
  <si>
    <t>cg21901718</t>
  </si>
  <si>
    <t>cg21906644</t>
  </si>
  <si>
    <t>cg21907156</t>
  </si>
  <si>
    <t>cg21920221</t>
  </si>
  <si>
    <t>cg21928406</t>
  </si>
  <si>
    <t>cg21929564</t>
  </si>
  <si>
    <t>cg21931717</t>
  </si>
  <si>
    <t>cg21934012</t>
  </si>
  <si>
    <t>cg21937152</t>
  </si>
  <si>
    <t>cg21938261</t>
  </si>
  <si>
    <t>cg21939779</t>
  </si>
  <si>
    <t>cg21948465</t>
  </si>
  <si>
    <t>cg21949625</t>
  </si>
  <si>
    <t>cg21950561</t>
  </si>
  <si>
    <t>cg21951679</t>
  </si>
  <si>
    <t>cg21952901</t>
  </si>
  <si>
    <t>cg21962918</t>
  </si>
  <si>
    <t>cg21962953</t>
  </si>
  <si>
    <t>cg21964798</t>
  </si>
  <si>
    <t>cg21976880</t>
  </si>
  <si>
    <t>cg21982950</t>
  </si>
  <si>
    <t>cg21984150</t>
  </si>
  <si>
    <t>cg22001924</t>
  </si>
  <si>
    <t>cg22003366</t>
  </si>
  <si>
    <t>cg22005832</t>
  </si>
  <si>
    <t>cg22006699</t>
  </si>
  <si>
    <t>cg22009488</t>
  </si>
  <si>
    <t>cg22023952</t>
  </si>
  <si>
    <t>cg22036694</t>
  </si>
  <si>
    <t>cg22037593</t>
  </si>
  <si>
    <t>cg22037779</t>
  </si>
  <si>
    <t>cg22050555</t>
  </si>
  <si>
    <t>cg22059431</t>
  </si>
  <si>
    <t>cg22075671</t>
  </si>
  <si>
    <t>cg22078869</t>
  </si>
  <si>
    <t>cg22087053</t>
  </si>
  <si>
    <t>cg22093543</t>
  </si>
  <si>
    <t>cg22103736</t>
  </si>
  <si>
    <t>cg22116234</t>
  </si>
  <si>
    <t>cg22117642</t>
  </si>
  <si>
    <t>cg22134370</t>
  </si>
  <si>
    <t>cg22136351</t>
  </si>
  <si>
    <t>cg22139166</t>
  </si>
  <si>
    <t>cg22147084</t>
  </si>
  <si>
    <t>cg22151446</t>
  </si>
  <si>
    <t>cg22156700</t>
  </si>
  <si>
    <t>cg22157525</t>
  </si>
  <si>
    <t>cg22178761</t>
  </si>
  <si>
    <t>cg22179015</t>
  </si>
  <si>
    <t>cg22183049</t>
  </si>
  <si>
    <t>cg22183605</t>
  </si>
  <si>
    <t>cg22185633</t>
  </si>
  <si>
    <t>cg22185977</t>
  </si>
  <si>
    <t>cg22193559</t>
  </si>
  <si>
    <t>cg22198907</t>
  </si>
  <si>
    <t>cg22203547</t>
  </si>
  <si>
    <t>cg22213386</t>
  </si>
  <si>
    <t>cg22217158</t>
  </si>
  <si>
    <t>cg22217860</t>
  </si>
  <si>
    <t>cg22219278</t>
  </si>
  <si>
    <t>cg22227058</t>
  </si>
  <si>
    <t>cg22229034</t>
  </si>
  <si>
    <t>cg22418829</t>
  </si>
  <si>
    <t>cg22423750</t>
  </si>
  <si>
    <t>cg22425359</t>
  </si>
  <si>
    <t>cg22426944</t>
  </si>
  <si>
    <t>cg22438603</t>
  </si>
  <si>
    <t>cg22449302</t>
  </si>
  <si>
    <t>cg22451265</t>
  </si>
  <si>
    <t>cg22458640</t>
  </si>
  <si>
    <t>cg22459052</t>
  </si>
  <si>
    <t>cg22459078</t>
  </si>
  <si>
    <t>cg22467232</t>
  </si>
  <si>
    <t>cg22482014</t>
  </si>
  <si>
    <t>cg22485171</t>
  </si>
  <si>
    <t>cg22490780</t>
  </si>
  <si>
    <t>cg22498057</t>
  </si>
  <si>
    <t>cg22507535</t>
  </si>
  <si>
    <t>cg22509516</t>
  </si>
  <si>
    <t>cg22511408</t>
  </si>
  <si>
    <t>cg22512163</t>
  </si>
  <si>
    <t>cg22551357</t>
  </si>
  <si>
    <t>cg22552530</t>
  </si>
  <si>
    <t>cg22554488</t>
  </si>
  <si>
    <t>cg22560410</t>
  </si>
  <si>
    <t>cg22563312</t>
  </si>
  <si>
    <t>cg22571926</t>
  </si>
  <si>
    <t>cg22572362</t>
  </si>
  <si>
    <t>cg22573712</t>
  </si>
  <si>
    <t>cg22574802</t>
  </si>
  <si>
    <t>cg22592490</t>
  </si>
  <si>
    <t>cg22597706</t>
  </si>
  <si>
    <t>cg22603366</t>
  </si>
  <si>
    <t>cg22607959</t>
  </si>
  <si>
    <t>cg22611817</t>
  </si>
  <si>
    <t>cg22621734</t>
  </si>
  <si>
    <t>cg22630755</t>
  </si>
  <si>
    <t>cg22636278</t>
  </si>
  <si>
    <t>cg22637594</t>
  </si>
  <si>
    <t>cg22637837</t>
  </si>
  <si>
    <t>cg22656750</t>
  </si>
  <si>
    <t>cg22658082</t>
  </si>
  <si>
    <t>cg22658129</t>
  </si>
  <si>
    <t>cg22659676</t>
  </si>
  <si>
    <t>cg22673336</t>
  </si>
  <si>
    <t>cg22673380</t>
  </si>
  <si>
    <t>cg22691725</t>
  </si>
  <si>
    <t>cg22696214</t>
  </si>
  <si>
    <t>cg22702334</t>
  </si>
  <si>
    <t>cg22703659</t>
  </si>
  <si>
    <t>cg22721765</t>
  </si>
  <si>
    <t>cg22725986</t>
  </si>
  <si>
    <t>cg22729730</t>
  </si>
  <si>
    <t>cg22733478</t>
  </si>
  <si>
    <t>cg22737917</t>
  </si>
  <si>
    <t>cg22741735</t>
  </si>
  <si>
    <t>cg22748470</t>
  </si>
  <si>
    <t>cg22751627</t>
  </si>
  <si>
    <t>cg22755968</t>
  </si>
  <si>
    <t>cg22761551</t>
  </si>
  <si>
    <t>cg22762439</t>
  </si>
  <si>
    <t>cg22762492</t>
  </si>
  <si>
    <t>cg22772691</t>
  </si>
  <si>
    <t>cg22776443</t>
  </si>
  <si>
    <t>cg22783598</t>
  </si>
  <si>
    <t>cg22801675</t>
  </si>
  <si>
    <t>cg22817039</t>
  </si>
  <si>
    <t>cg22827250</t>
  </si>
  <si>
    <t>cg22834126</t>
  </si>
  <si>
    <t>cg22855642</t>
  </si>
  <si>
    <t>cg22855900</t>
  </si>
  <si>
    <t>cg22857025</t>
  </si>
  <si>
    <t>cg22859061</t>
  </si>
  <si>
    <t>cg22861116</t>
  </si>
  <si>
    <t>cg22863700</t>
  </si>
  <si>
    <t>cg22866825</t>
  </si>
  <si>
    <t>cg22879098</t>
  </si>
  <si>
    <t>cg22891413</t>
  </si>
  <si>
    <t>cg22892539</t>
  </si>
  <si>
    <t>cg22902194</t>
  </si>
  <si>
    <t>cg22911074</t>
  </si>
  <si>
    <t>cg22913584</t>
  </si>
  <si>
    <t>cg22920665</t>
  </si>
  <si>
    <t>cg22924680</t>
  </si>
  <si>
    <t>cg22938135</t>
  </si>
  <si>
    <t>cg22941668</t>
  </si>
  <si>
    <t>cg22959961</t>
  </si>
  <si>
    <t>cg22960186</t>
  </si>
  <si>
    <t>cg22967122</t>
  </si>
  <si>
    <t>cg22983282</t>
  </si>
  <si>
    <t>cg22985016</t>
  </si>
  <si>
    <t>cg22991959</t>
  </si>
  <si>
    <t>cg22995692</t>
  </si>
  <si>
    <t>cg23006133</t>
  </si>
  <si>
    <t>cg23007946</t>
  </si>
  <si>
    <t>cg23009387</t>
  </si>
  <si>
    <t>cg23010507</t>
  </si>
  <si>
    <t>cg23012579</t>
  </si>
  <si>
    <t>cg23017261</t>
  </si>
  <si>
    <t>cg23018092</t>
  </si>
  <si>
    <t>cg23020159</t>
  </si>
  <si>
    <t>cg23024136</t>
  </si>
  <si>
    <t>cg23026864</t>
  </si>
  <si>
    <t>cg23047804</t>
  </si>
  <si>
    <t>cg23050340</t>
  </si>
  <si>
    <t>cg23053741</t>
  </si>
  <si>
    <t>cg23062425</t>
  </si>
  <si>
    <t>cg23064601</t>
  </si>
  <si>
    <t>cg23065934</t>
  </si>
  <si>
    <t>cg23080241</t>
  </si>
  <si>
    <t>cg23112301</t>
  </si>
  <si>
    <t>cg23117530</t>
  </si>
  <si>
    <t>cg23121993</t>
  </si>
  <si>
    <t>cg23123163</t>
  </si>
  <si>
    <t>cg23123540</t>
  </si>
  <si>
    <t>cg23125608</t>
  </si>
  <si>
    <t>cg23130957</t>
  </si>
  <si>
    <t>cg23156742</t>
  </si>
  <si>
    <t>cg23158892</t>
  </si>
  <si>
    <t>cg23159693</t>
  </si>
  <si>
    <t>cg23162960</t>
  </si>
  <si>
    <t>cg23164183</t>
  </si>
  <si>
    <t>cg23167035</t>
  </si>
  <si>
    <t>cg23167218</t>
  </si>
  <si>
    <t>cg23175023</t>
  </si>
  <si>
    <t>cg23175428</t>
  </si>
  <si>
    <t>cg23176806</t>
  </si>
  <si>
    <t>cg23176873</t>
  </si>
  <si>
    <t>cg23188121</t>
  </si>
  <si>
    <t>cg23188704</t>
  </si>
  <si>
    <t>cg23189951</t>
  </si>
  <si>
    <t>cg23193410</t>
  </si>
  <si>
    <t>cg23206463</t>
  </si>
  <si>
    <t>cg23215014</t>
  </si>
  <si>
    <t>cg23220475</t>
  </si>
  <si>
    <t>cg23221052</t>
  </si>
  <si>
    <t>cg23221885</t>
  </si>
  <si>
    <t>cg23224752</t>
  </si>
  <si>
    <t>cg23225234</t>
  </si>
  <si>
    <t>cg23226717</t>
  </si>
  <si>
    <t>cg23236554</t>
  </si>
  <si>
    <t>cg23242142</t>
  </si>
  <si>
    <t>cg23244790</t>
  </si>
  <si>
    <t>cg23247945</t>
  </si>
  <si>
    <t>cg23248357</t>
  </si>
  <si>
    <t>cg23260105</t>
  </si>
  <si>
    <t>cg23262897</t>
  </si>
  <si>
    <t>cg23266594</t>
  </si>
  <si>
    <t>cg23267554</t>
  </si>
  <si>
    <t>cg23279355</t>
  </si>
  <si>
    <t>cg23286592</t>
  </si>
  <si>
    <t>cg23292965</t>
  </si>
  <si>
    <t>cg23298160</t>
  </si>
  <si>
    <t>cg23300245</t>
  </si>
  <si>
    <t>cg23307708</t>
  </si>
  <si>
    <t>cg23318564</t>
  </si>
  <si>
    <t>cg23318786</t>
  </si>
  <si>
    <t>cg23323158</t>
  </si>
  <si>
    <t>cg23326901</t>
  </si>
  <si>
    <t>cg23329275</t>
  </si>
  <si>
    <t>cg23338503</t>
  </si>
  <si>
    <t>cg23338752</t>
  </si>
  <si>
    <t>cg23345930</t>
  </si>
  <si>
    <t>cg23350744</t>
  </si>
  <si>
    <t>cg23352712</t>
  </si>
  <si>
    <t>cg23359276</t>
  </si>
  <si>
    <t>cg23361355</t>
  </si>
  <si>
    <t>cg23372684</t>
  </si>
  <si>
    <t>cg23378609</t>
  </si>
  <si>
    <t>cg23378706</t>
  </si>
  <si>
    <t>cg23378989</t>
  </si>
  <si>
    <t>cg23384093</t>
  </si>
  <si>
    <t>cg23396834</t>
  </si>
  <si>
    <t>cg23403350</t>
  </si>
  <si>
    <t>cg23408285</t>
  </si>
  <si>
    <t>cg23409289</t>
  </si>
  <si>
    <t>cg23409403</t>
  </si>
  <si>
    <t>cg23409774</t>
  </si>
  <si>
    <t>cg23413193</t>
  </si>
  <si>
    <t>cg23416667</t>
  </si>
  <si>
    <t>cg23417011</t>
  </si>
  <si>
    <t>cg23417203</t>
  </si>
  <si>
    <t>cg23417379</t>
  </si>
  <si>
    <t>cg23421262</t>
  </si>
  <si>
    <t>cg23421926</t>
  </si>
  <si>
    <t>cg23429847</t>
  </si>
  <si>
    <t>cg23434919</t>
  </si>
  <si>
    <t>cg23437733</t>
  </si>
  <si>
    <t>cg23440413</t>
  </si>
  <si>
    <t>cg23445461</t>
  </si>
  <si>
    <t>cg23446055</t>
  </si>
  <si>
    <t>cg23448101</t>
  </si>
  <si>
    <t>cg23448729</t>
  </si>
  <si>
    <t>cg23449231</t>
  </si>
  <si>
    <t>cg23455224</t>
  </si>
  <si>
    <t>cg23464032</t>
  </si>
  <si>
    <t>cg23468002</t>
  </si>
  <si>
    <t>cg23475112</t>
  </si>
  <si>
    <t>cg23476877</t>
  </si>
  <si>
    <t>cg23481438</t>
  </si>
  <si>
    <t>cg23483530</t>
  </si>
  <si>
    <t>cg23483765</t>
  </si>
  <si>
    <t>cg23490161</t>
  </si>
  <si>
    <t>cg23501767</t>
  </si>
  <si>
    <t>cg23503101</t>
  </si>
  <si>
    <t>cg23505299</t>
  </si>
  <si>
    <t>cg23506313</t>
  </si>
  <si>
    <t>cg23511432</t>
  </si>
  <si>
    <t>cg23528982</t>
  </si>
  <si>
    <t>cg23531592</t>
  </si>
  <si>
    <t>cg23786077</t>
  </si>
  <si>
    <t>cg23910765</t>
  </si>
  <si>
    <t>cg23929295</t>
  </si>
  <si>
    <t>cg23930711</t>
  </si>
  <si>
    <t>cg23932859</t>
  </si>
  <si>
    <t>cg23934927</t>
  </si>
  <si>
    <t>cg23938220</t>
  </si>
  <si>
    <t>cg23939604</t>
  </si>
  <si>
    <t>cg23949969</t>
  </si>
  <si>
    <t>cg23950714</t>
  </si>
  <si>
    <t>cg23951277</t>
  </si>
  <si>
    <t>cg23953697</t>
  </si>
  <si>
    <t>cg23958118</t>
  </si>
  <si>
    <t>cg23967544</t>
  </si>
  <si>
    <t>cg23979971</t>
  </si>
  <si>
    <t>cg23983269</t>
  </si>
  <si>
    <t>cg23983884</t>
  </si>
  <si>
    <t>cg23987322</t>
  </si>
  <si>
    <t>cg23993345</t>
  </si>
  <si>
    <t>cg23998435</t>
  </si>
  <si>
    <t>cg24000259</t>
  </si>
  <si>
    <t>cg24018765</t>
  </si>
  <si>
    <t>cg24026230</t>
  </si>
  <si>
    <t>cg24030507</t>
  </si>
  <si>
    <t>cg24039870</t>
  </si>
  <si>
    <t>cg24041118</t>
  </si>
  <si>
    <t>cg24041721</t>
  </si>
  <si>
    <t>cg24044288</t>
  </si>
  <si>
    <t>cg24044351</t>
  </si>
  <si>
    <t>cg24048372</t>
  </si>
  <si>
    <t>cg24059022</t>
  </si>
  <si>
    <t>cg24062754</t>
  </si>
  <si>
    <t>cg24063092</t>
  </si>
  <si>
    <t>cg24064760</t>
  </si>
  <si>
    <t>cg24072924</t>
  </si>
  <si>
    <t>cg24073060</t>
  </si>
  <si>
    <t>cg24074495</t>
  </si>
  <si>
    <t>cg24108724</t>
  </si>
  <si>
    <t>cg24115232</t>
  </si>
  <si>
    <t>cg24117063</t>
  </si>
  <si>
    <t>cg24117185</t>
  </si>
  <si>
    <t>cg24118773</t>
  </si>
  <si>
    <t>cg24126247</t>
  </si>
  <si>
    <t>cg24130459</t>
  </si>
  <si>
    <t>cg24131891</t>
  </si>
  <si>
    <t>cg24132527</t>
  </si>
  <si>
    <t>cg24133276</t>
  </si>
  <si>
    <t>cg24133591</t>
  </si>
  <si>
    <t>cg24134479</t>
  </si>
  <si>
    <t>cg24143843</t>
  </si>
  <si>
    <t>cg24153754</t>
  </si>
  <si>
    <t>cg24159723</t>
  </si>
  <si>
    <t>cg24163568</t>
  </si>
  <si>
    <t>cg24179483</t>
  </si>
  <si>
    <t>cg24179734</t>
  </si>
  <si>
    <t>cg24186750</t>
  </si>
  <si>
    <t>cg24188111</t>
  </si>
  <si>
    <t>cg24194410</t>
  </si>
  <si>
    <t>cg24531022</t>
  </si>
  <si>
    <t>cg24532400</t>
  </si>
  <si>
    <t>cg24533257</t>
  </si>
  <si>
    <t>cg24546426</t>
  </si>
  <si>
    <t>cg24571794</t>
  </si>
  <si>
    <t>cg24579247</t>
  </si>
  <si>
    <t>cg24581226</t>
  </si>
  <si>
    <t>cg24588339</t>
  </si>
  <si>
    <t>cg24589712</t>
  </si>
  <si>
    <t>cg24593552</t>
  </si>
  <si>
    <t>cg24595208</t>
  </si>
  <si>
    <t>cg24623068</t>
  </si>
  <si>
    <t>cg24623382</t>
  </si>
  <si>
    <t>cg24629160</t>
  </si>
  <si>
    <t>cg24638203</t>
  </si>
  <si>
    <t>cg24641993</t>
  </si>
  <si>
    <t>cg24657206</t>
  </si>
  <si>
    <t>cg24658930</t>
  </si>
  <si>
    <t>cg24660030</t>
  </si>
  <si>
    <t>cg24662107</t>
  </si>
  <si>
    <t>cg24663683</t>
  </si>
  <si>
    <t>cg24667575</t>
  </si>
  <si>
    <t>cg24674504</t>
  </si>
  <si>
    <t>cg24676534</t>
  </si>
  <si>
    <t>cg24678700</t>
  </si>
  <si>
    <t>cg24680863</t>
  </si>
  <si>
    <t>cg24683103</t>
  </si>
  <si>
    <t>cg24685346</t>
  </si>
  <si>
    <t>cg24698211</t>
  </si>
  <si>
    <t>cg24698761</t>
  </si>
  <si>
    <t>cg24708145</t>
  </si>
  <si>
    <t>cg24711224</t>
  </si>
  <si>
    <t>cg24717875</t>
  </si>
  <si>
    <t>cg24718971</t>
  </si>
  <si>
    <t>cg24722405</t>
  </si>
  <si>
    <t>cg24728477</t>
  </si>
  <si>
    <t>cg24728912</t>
  </si>
  <si>
    <t>cg24740026</t>
  </si>
  <si>
    <t>cg24749559</t>
  </si>
  <si>
    <t>cg24754987</t>
  </si>
  <si>
    <t>cg24756698</t>
  </si>
  <si>
    <t>cg24761867</t>
  </si>
  <si>
    <t>cg24767731</t>
  </si>
  <si>
    <t>cg24772760</t>
  </si>
  <si>
    <t>cg24780086</t>
  </si>
  <si>
    <t>cg24789467</t>
  </si>
  <si>
    <t>cg24794347</t>
  </si>
  <si>
    <t>cg24799047</t>
  </si>
  <si>
    <t>cg24799710</t>
  </si>
  <si>
    <t>cg24799909</t>
  </si>
  <si>
    <t>cg24802351</t>
  </si>
  <si>
    <t>cg24804948</t>
  </si>
  <si>
    <t>cg24805089</t>
  </si>
  <si>
    <t>cg24806126</t>
  </si>
  <si>
    <t>cg24810473</t>
  </si>
  <si>
    <t>cg24815289</t>
  </si>
  <si>
    <t>cg24833819</t>
  </si>
  <si>
    <t>cg24842753</t>
  </si>
  <si>
    <t>cg24843380</t>
  </si>
  <si>
    <t>cg24847254</t>
  </si>
  <si>
    <t>cg24847829</t>
  </si>
  <si>
    <t>cg24854181</t>
  </si>
  <si>
    <t>cg24864399</t>
  </si>
  <si>
    <t>cg24870967</t>
  </si>
  <si>
    <t>cg24872782</t>
  </si>
  <si>
    <t>cg24873593</t>
  </si>
  <si>
    <t>cg24876960</t>
  </si>
  <si>
    <t>cg24877792</t>
  </si>
  <si>
    <t>cg24884145</t>
  </si>
  <si>
    <t>cg24886748</t>
  </si>
  <si>
    <t>cg24887267</t>
  </si>
  <si>
    <t>cg24894764</t>
  </si>
  <si>
    <t>cg24904904</t>
  </si>
  <si>
    <t>cg24904925</t>
  </si>
  <si>
    <t>cg24907970</t>
  </si>
  <si>
    <t>cg24908814</t>
  </si>
  <si>
    <t>cg24922090</t>
  </si>
  <si>
    <t>cg24923860</t>
  </si>
  <si>
    <t>cg24928433</t>
  </si>
  <si>
    <t>cg24931138</t>
  </si>
  <si>
    <t>cg24942747</t>
  </si>
  <si>
    <t>cg24953228</t>
  </si>
  <si>
    <t>cg24953233</t>
  </si>
  <si>
    <t>cg24954453</t>
  </si>
  <si>
    <t>cg24954895</t>
  </si>
  <si>
    <t>cg24962180</t>
  </si>
  <si>
    <t>cg24963443</t>
  </si>
  <si>
    <t>cg24965308</t>
  </si>
  <si>
    <t>cg24969605</t>
  </si>
  <si>
    <t>cg24983561</t>
  </si>
  <si>
    <t>cg24993015</t>
  </si>
  <si>
    <t>cg24994173</t>
  </si>
  <si>
    <t>cg24996161</t>
  </si>
  <si>
    <t>cg24996482</t>
  </si>
  <si>
    <t>cg25010146</t>
  </si>
  <si>
    <t>cg25010832</t>
  </si>
  <si>
    <t>cg25016964</t>
  </si>
  <si>
    <t>cg25020279</t>
  </si>
  <si>
    <t>cg25022925</t>
  </si>
  <si>
    <t>cg25025437</t>
  </si>
  <si>
    <t>cg25027798</t>
  </si>
  <si>
    <t>cg25070803</t>
  </si>
  <si>
    <t>cg25084220</t>
  </si>
  <si>
    <t>cg25085969</t>
  </si>
  <si>
    <t>cg25086501</t>
  </si>
  <si>
    <t>cg25087499</t>
  </si>
  <si>
    <t>cg25087958</t>
  </si>
  <si>
    <t>cg25090742</t>
  </si>
  <si>
    <t>cg25091837</t>
  </si>
  <si>
    <t>cg25092681</t>
  </si>
  <si>
    <t>cg25097904</t>
  </si>
  <si>
    <t>cg25108022</t>
  </si>
  <si>
    <t>cg25109393</t>
  </si>
  <si>
    <t>cg25111554</t>
  </si>
  <si>
    <t>cg25112586</t>
  </si>
  <si>
    <t>cg25113237</t>
  </si>
  <si>
    <t>cg25125898</t>
  </si>
  <si>
    <t>cg25129152</t>
  </si>
  <si>
    <t>cg25131453</t>
  </si>
  <si>
    <t>cg25136605</t>
  </si>
  <si>
    <t>cg25142702</t>
  </si>
  <si>
    <t>cg25149516</t>
  </si>
  <si>
    <t>cg25149751</t>
  </si>
  <si>
    <t>cg25159610</t>
  </si>
  <si>
    <t>cg25177452</t>
  </si>
  <si>
    <t>cg25198654</t>
  </si>
  <si>
    <t>cg25203704</t>
  </si>
  <si>
    <t>cg25208046</t>
  </si>
  <si>
    <t>cg25212131</t>
  </si>
  <si>
    <t>cg25212262</t>
  </si>
  <si>
    <t>cg25222915</t>
  </si>
  <si>
    <t>cg25224543</t>
  </si>
  <si>
    <t>cg25225155</t>
  </si>
  <si>
    <t>cg25228995</t>
  </si>
  <si>
    <t>cg25308508</t>
  </si>
  <si>
    <t>cg25336748</t>
  </si>
  <si>
    <t>cg25338204</t>
  </si>
  <si>
    <t>cg25340688</t>
  </si>
  <si>
    <t>cg25346175</t>
  </si>
  <si>
    <t>cg25355076</t>
  </si>
  <si>
    <t>cg25357525</t>
  </si>
  <si>
    <t>cg25357589</t>
  </si>
  <si>
    <t>cg25363885</t>
  </si>
  <si>
    <t>cg25366639</t>
  </si>
  <si>
    <t>cg25369980</t>
  </si>
  <si>
    <t>cg25370228</t>
  </si>
  <si>
    <t>cg25373100</t>
  </si>
  <si>
    <t>cg25381085</t>
  </si>
  <si>
    <t>cg25386676</t>
  </si>
  <si>
    <t>cg25388061</t>
  </si>
  <si>
    <t>cg25388264</t>
  </si>
  <si>
    <t>cg25388971</t>
  </si>
  <si>
    <t>cg25389791</t>
  </si>
  <si>
    <t>cg25404678</t>
  </si>
  <si>
    <t>cg25406872</t>
  </si>
  <si>
    <t>cg25409499</t>
  </si>
  <si>
    <t>cg25415877</t>
  </si>
  <si>
    <t>cg25429640</t>
  </si>
  <si>
    <t>cg25437410</t>
  </si>
  <si>
    <t>cg25439951</t>
  </si>
  <si>
    <t>cg25442600</t>
  </si>
  <si>
    <t>cg25443689</t>
  </si>
  <si>
    <t>cg25448382</t>
  </si>
  <si>
    <t>cg25449484</t>
  </si>
  <si>
    <t>cg25461163</t>
  </si>
  <si>
    <t>cg25461827</t>
  </si>
  <si>
    <t>cg25470731</t>
  </si>
  <si>
    <t>cg25475603</t>
  </si>
  <si>
    <t>cg25482900</t>
  </si>
  <si>
    <t>cg25485055</t>
  </si>
  <si>
    <t>cg25499012</t>
  </si>
  <si>
    <t>cg25500080</t>
  </si>
  <si>
    <t>cg25503086</t>
  </si>
  <si>
    <t>cg25511332</t>
  </si>
  <si>
    <t>cg25513933</t>
  </si>
  <si>
    <t>cg25518571</t>
  </si>
  <si>
    <t>cg25522232</t>
  </si>
  <si>
    <t>cg25523559</t>
  </si>
  <si>
    <t>cg25530735</t>
  </si>
  <si>
    <t>cg25536510</t>
  </si>
  <si>
    <t>cg25539644</t>
  </si>
  <si>
    <t>cg25541708</t>
  </si>
  <si>
    <t>cg25550546</t>
  </si>
  <si>
    <t>cg25551243</t>
  </si>
  <si>
    <t>cg25552435</t>
  </si>
  <si>
    <t>cg25566730</t>
  </si>
  <si>
    <t>cg25568066</t>
  </si>
  <si>
    <t>cg25574672</t>
  </si>
  <si>
    <t>cg25585647</t>
  </si>
  <si>
    <t>cg25587535</t>
  </si>
  <si>
    <t>cg25589720</t>
  </si>
  <si>
    <t>cg25592564</t>
  </si>
  <si>
    <t>cg25600973</t>
  </si>
  <si>
    <t>cg25602684</t>
  </si>
  <si>
    <t>cg25606201</t>
  </si>
  <si>
    <t>cg25606641</t>
  </si>
  <si>
    <t>cg25617236</t>
  </si>
  <si>
    <t>cg25621393</t>
  </si>
  <si>
    <t>cg25626508</t>
  </si>
  <si>
    <t>cg25627055</t>
  </si>
  <si>
    <t>cg25632300</t>
  </si>
  <si>
    <t>cg25633130</t>
  </si>
  <si>
    <t>cg25640822</t>
  </si>
  <si>
    <t>cg25645657</t>
  </si>
  <si>
    <t>cg25653165</t>
  </si>
  <si>
    <t>cg25660010</t>
  </si>
  <si>
    <t>cg25668236</t>
  </si>
  <si>
    <t>cg25707005</t>
  </si>
  <si>
    <t>cg25720804</t>
  </si>
  <si>
    <t>cg25772669</t>
  </si>
  <si>
    <t>cg25774276</t>
  </si>
  <si>
    <t>cg25780607</t>
  </si>
  <si>
    <t>cg25861340</t>
  </si>
  <si>
    <t>cg25914270</t>
  </si>
  <si>
    <t>cg25916527</t>
  </si>
  <si>
    <t>cg25916711</t>
  </si>
  <si>
    <t>cg25916993</t>
  </si>
  <si>
    <t>cg25923609</t>
  </si>
  <si>
    <t>cg25923777</t>
  </si>
  <si>
    <t>cg25925252</t>
  </si>
  <si>
    <t>cg25930161</t>
  </si>
  <si>
    <t>cg25930340</t>
  </si>
  <si>
    <t>cg25935985</t>
  </si>
  <si>
    <t>cg25942031</t>
  </si>
  <si>
    <t>cg25945676</t>
  </si>
  <si>
    <t>cg25948031</t>
  </si>
  <si>
    <t>cg25950112</t>
  </si>
  <si>
    <t>cg25951128</t>
  </si>
  <si>
    <t>cg25962264</t>
  </si>
  <si>
    <t>cg25962358</t>
  </si>
  <si>
    <t>cg25973534</t>
  </si>
  <si>
    <t>cg25983288</t>
  </si>
  <si>
    <t>cg25989216</t>
  </si>
  <si>
    <t>cg25991122</t>
  </si>
  <si>
    <t>cg25991937</t>
  </si>
  <si>
    <t>cg26001333</t>
  </si>
  <si>
    <t>cg26006084</t>
  </si>
  <si>
    <t>cg26007189</t>
  </si>
  <si>
    <t>cg26011197</t>
  </si>
  <si>
    <t>cg26054540</t>
  </si>
  <si>
    <t>cg26062174</t>
  </si>
  <si>
    <t>cg26063563</t>
  </si>
  <si>
    <t>cg26066519</t>
  </si>
  <si>
    <t>cg26070865</t>
  </si>
  <si>
    <t>cg26072327</t>
  </si>
  <si>
    <t>cg26076054</t>
  </si>
  <si>
    <t>cg26078244</t>
  </si>
  <si>
    <t>cg26078977</t>
  </si>
  <si>
    <t>cg26084484</t>
  </si>
  <si>
    <t>cg26094150</t>
  </si>
  <si>
    <t>cg26095517</t>
  </si>
  <si>
    <t>cg26100149</t>
  </si>
  <si>
    <t>cg26101089</t>
  </si>
  <si>
    <t>cg26103104</t>
  </si>
  <si>
    <t>cg26109981</t>
  </si>
  <si>
    <t>cg26110675</t>
  </si>
  <si>
    <t>cg26113593</t>
  </si>
  <si>
    <t>cg26121591</t>
  </si>
  <si>
    <t>cg26122004</t>
  </si>
  <si>
    <t>cg26126181</t>
  </si>
  <si>
    <t>cg26127046</t>
  </si>
  <si>
    <t>cg26132490</t>
  </si>
  <si>
    <t>cg26134895</t>
  </si>
  <si>
    <t>cg26139475</t>
  </si>
  <si>
    <t>cg26142262</t>
  </si>
  <si>
    <t>cg26143326</t>
  </si>
  <si>
    <t>cg26144658</t>
  </si>
  <si>
    <t>cg26161643</t>
  </si>
  <si>
    <t>cg26161849</t>
  </si>
  <si>
    <t>cg26162554</t>
  </si>
  <si>
    <t>cg26172694</t>
  </si>
  <si>
    <t>cg26182487</t>
  </si>
  <si>
    <t>cg26195683</t>
  </si>
  <si>
    <t>cg26201826</t>
  </si>
  <si>
    <t>cg26202847</t>
  </si>
  <si>
    <t>cg26204713</t>
  </si>
  <si>
    <t>cg26208419</t>
  </si>
  <si>
    <t>cg26208575</t>
  </si>
  <si>
    <t>cg26214742</t>
  </si>
  <si>
    <t>cg26220033</t>
  </si>
  <si>
    <t>cg26221568</t>
  </si>
  <si>
    <t>cg26224791</t>
  </si>
  <si>
    <t>cg26237426</t>
  </si>
  <si>
    <t>cg26244952</t>
  </si>
  <si>
    <t>cg26249038</t>
  </si>
  <si>
    <t>cg26274580</t>
  </si>
  <si>
    <t>cg26286839</t>
  </si>
  <si>
    <t>cg26293310</t>
  </si>
  <si>
    <t>cg26295057</t>
  </si>
  <si>
    <t>cg26305817</t>
  </si>
  <si>
    <t>cg26311118</t>
  </si>
  <si>
    <t>cg26317613</t>
  </si>
  <si>
    <t>cg26328427</t>
  </si>
  <si>
    <t>cg26330510</t>
  </si>
  <si>
    <t>cg26335281</t>
  </si>
  <si>
    <t>cg26337020</t>
  </si>
  <si>
    <t>cg26346197</t>
  </si>
  <si>
    <t>cg26354587</t>
  </si>
  <si>
    <t>cg26355072</t>
  </si>
  <si>
    <t>cg26355399</t>
  </si>
  <si>
    <t>cg26361928</t>
  </si>
  <si>
    <t>cg26363603</t>
  </si>
  <si>
    <t>cg26364097</t>
  </si>
  <si>
    <t>cg26370372</t>
  </si>
  <si>
    <t>cg26370729</t>
  </si>
  <si>
    <t>cg26371061</t>
  </si>
  <si>
    <t>cg26388565</t>
  </si>
  <si>
    <t>cg26390889</t>
  </si>
  <si>
    <t>cg26395828</t>
  </si>
  <si>
    <t>cg26399201</t>
  </si>
  <si>
    <t>cg26399773</t>
  </si>
  <si>
    <t>cg26405376</t>
  </si>
  <si>
    <t>cg26414750</t>
  </si>
  <si>
    <t>cg26415023</t>
  </si>
  <si>
    <t>cg26416971</t>
  </si>
  <si>
    <t>cg26417604</t>
  </si>
  <si>
    <t>cg26422488</t>
  </si>
  <si>
    <t>cg26425305</t>
  </si>
  <si>
    <t>cg26427908</t>
  </si>
  <si>
    <t>cg26437825</t>
  </si>
  <si>
    <t>cg26437826</t>
  </si>
  <si>
    <t>cg26439015</t>
  </si>
  <si>
    <t>cg26440766</t>
  </si>
  <si>
    <t>cg26444282</t>
  </si>
  <si>
    <t>cg26445772</t>
  </si>
  <si>
    <t>cg26446717</t>
  </si>
  <si>
    <t>cg26456022</t>
  </si>
  <si>
    <t>cg26464221</t>
  </si>
  <si>
    <t>cg26464411</t>
  </si>
  <si>
    <t>cg26466258</t>
  </si>
  <si>
    <t>cg26477488</t>
  </si>
  <si>
    <t>cg26483081</t>
  </si>
  <si>
    <t>cg26485174</t>
  </si>
  <si>
    <t>cg26485937</t>
  </si>
  <si>
    <t>cg26487948</t>
  </si>
  <si>
    <t>cg26487966</t>
  </si>
  <si>
    <t>cg26489368</t>
  </si>
  <si>
    <t>cg26489682</t>
  </si>
  <si>
    <t>cg26489818</t>
  </si>
  <si>
    <t>cg26493487</t>
  </si>
  <si>
    <t>cg26498616</t>
  </si>
  <si>
    <t>cg26504197</t>
  </si>
  <si>
    <t>cg26511840</t>
  </si>
  <si>
    <t>cg26513519</t>
  </si>
  <si>
    <t>cg26516362</t>
  </si>
  <si>
    <t>cg26517171</t>
  </si>
  <si>
    <t>cg26517730</t>
  </si>
  <si>
    <t>cg26524306</t>
  </si>
  <si>
    <t>cg26528541</t>
  </si>
  <si>
    <t>cg26531995</t>
  </si>
  <si>
    <t>cg26539593</t>
  </si>
  <si>
    <t>cg26541920</t>
  </si>
  <si>
    <t>cg26543232</t>
  </si>
  <si>
    <t>cg26552361</t>
  </si>
  <si>
    <t>cg26555052</t>
  </si>
  <si>
    <t>cg26556537</t>
  </si>
  <si>
    <t>cg26558749</t>
  </si>
  <si>
    <t>cg26561207</t>
  </si>
  <si>
    <t>cg26584337</t>
  </si>
  <si>
    <t>cg26590003</t>
  </si>
  <si>
    <t>cg26599209</t>
  </si>
  <si>
    <t>cg26600753</t>
  </si>
  <si>
    <t>cg26605683</t>
  </si>
  <si>
    <t>cg26612409</t>
  </si>
  <si>
    <t>cg26618668</t>
  </si>
  <si>
    <t>cg26619047</t>
  </si>
  <si>
    <t>cg26620710</t>
  </si>
  <si>
    <t>cg26624794</t>
  </si>
  <si>
    <t>cg26630859</t>
  </si>
  <si>
    <t>cg26636193</t>
  </si>
  <si>
    <t>cg26638444</t>
  </si>
  <si>
    <t>cg26650987</t>
  </si>
  <si>
    <t>cg26657230</t>
  </si>
  <si>
    <t>cg26664161</t>
  </si>
  <si>
    <t>cg26665016</t>
  </si>
  <si>
    <t>cg26672952</t>
  </si>
  <si>
    <t>cg26675379</t>
  </si>
  <si>
    <t>cg26675410</t>
  </si>
  <si>
    <t>cg26676468</t>
  </si>
  <si>
    <t>cg26685658</t>
  </si>
  <si>
    <t>cg26692294</t>
  </si>
  <si>
    <t>cg26693927</t>
  </si>
  <si>
    <t>cg26714517</t>
  </si>
  <si>
    <t>cg26718232</t>
  </si>
  <si>
    <t>cg26718621</t>
  </si>
  <si>
    <t>cg26720389</t>
  </si>
  <si>
    <t>cg26720404</t>
  </si>
  <si>
    <t>cg26720682</t>
  </si>
  <si>
    <t>cg26734912</t>
  </si>
  <si>
    <t>cg26784201</t>
  </si>
  <si>
    <t>cg26789319</t>
  </si>
  <si>
    <t>cg26789779</t>
  </si>
  <si>
    <t>cg26794902</t>
  </si>
  <si>
    <t>cg26796815</t>
  </si>
  <si>
    <t>cg26802951</t>
  </si>
  <si>
    <t>cg26805720</t>
  </si>
  <si>
    <t>cg26807935</t>
  </si>
  <si>
    <t>cg26817546</t>
  </si>
  <si>
    <t>cg26827966</t>
  </si>
  <si>
    <t>cg26833273</t>
  </si>
  <si>
    <t>cg26836696</t>
  </si>
  <si>
    <t>cg26841017</t>
  </si>
  <si>
    <t>cg26844246</t>
  </si>
  <si>
    <t>cg26845946</t>
  </si>
  <si>
    <t>cg26853048</t>
  </si>
  <si>
    <t>cg26853987</t>
  </si>
  <si>
    <t>cg26861946</t>
  </si>
  <si>
    <t>cg26880493</t>
  </si>
  <si>
    <t>cg26882009</t>
  </si>
  <si>
    <t>cg26884276</t>
  </si>
  <si>
    <t>cg26886462</t>
  </si>
  <si>
    <t>cg26892444</t>
  </si>
  <si>
    <t>cg26896946</t>
  </si>
  <si>
    <t>cg26900724</t>
  </si>
  <si>
    <t>cg26904914</t>
  </si>
  <si>
    <t>cg26907672</t>
  </si>
  <si>
    <t>cg26910936</t>
  </si>
  <si>
    <t>cg26918471</t>
  </si>
  <si>
    <t>cg26924465</t>
  </si>
  <si>
    <t>cg26925064</t>
  </si>
  <si>
    <t>cg26929261</t>
  </si>
  <si>
    <t>cg26929490</t>
  </si>
  <si>
    <t>cg26929925</t>
  </si>
  <si>
    <t>cg26946880</t>
  </si>
  <si>
    <t>cg26947723</t>
  </si>
  <si>
    <t>cg26948603</t>
  </si>
  <si>
    <t>cg26950557</t>
  </si>
  <si>
    <t>cg26958838</t>
  </si>
  <si>
    <t>cg26962342</t>
  </si>
  <si>
    <t>cg26972058</t>
  </si>
  <si>
    <t>cg26974500</t>
  </si>
  <si>
    <t>cg26976187</t>
  </si>
  <si>
    <t>cg26986558</t>
  </si>
  <si>
    <t>cg26986911</t>
  </si>
  <si>
    <t>cg26986928</t>
  </si>
  <si>
    <t>cg26991571</t>
  </si>
  <si>
    <t>cg26993198</t>
  </si>
  <si>
    <t>cg26994227</t>
  </si>
  <si>
    <t>cg27001534</t>
  </si>
  <si>
    <t>cg27003682</t>
  </si>
  <si>
    <t>cg27009633</t>
  </si>
  <si>
    <t>cg27013063</t>
  </si>
  <si>
    <t>cg27046920</t>
  </si>
  <si>
    <t>cg27047836</t>
  </si>
  <si>
    <t>cg27049318</t>
  </si>
  <si>
    <t>cg27053538</t>
  </si>
  <si>
    <t>cg27057288</t>
  </si>
  <si>
    <t>cg27071312</t>
  </si>
  <si>
    <t>cg27081877</t>
  </si>
  <si>
    <t>cg27090062</t>
  </si>
  <si>
    <t>cg27090201</t>
  </si>
  <si>
    <t>cg27090289</t>
  </si>
  <si>
    <t>cg27090784</t>
  </si>
  <si>
    <t>cg27094166</t>
  </si>
  <si>
    <t>cg27095983</t>
  </si>
  <si>
    <t>cg27105478</t>
  </si>
  <si>
    <t>cg27107171</t>
  </si>
  <si>
    <t>cg27111970</t>
  </si>
  <si>
    <t>cg27116713</t>
  </si>
  <si>
    <t>cg27116787</t>
  </si>
  <si>
    <t>cg27121584</t>
  </si>
  <si>
    <t>cg27122127</t>
  </si>
  <si>
    <t>cg27127099</t>
  </si>
  <si>
    <t>cg27130242</t>
  </si>
  <si>
    <t>cg27130364</t>
  </si>
  <si>
    <t>cg27132966</t>
  </si>
  <si>
    <t>cg27139941</t>
  </si>
  <si>
    <t>cg27143204</t>
  </si>
  <si>
    <t>cg27145495</t>
  </si>
  <si>
    <t>cg27294288</t>
  </si>
  <si>
    <t>cg27300397</t>
  </si>
  <si>
    <t>cg27303326</t>
  </si>
  <si>
    <t>cg27306777</t>
  </si>
  <si>
    <t>cg27311866</t>
  </si>
  <si>
    <t>cg27323009</t>
  </si>
  <si>
    <t>cg27323088</t>
  </si>
  <si>
    <t>cg27337021</t>
  </si>
  <si>
    <t>cg27339505</t>
  </si>
  <si>
    <t>cg27347265</t>
  </si>
  <si>
    <t>cg27352639</t>
  </si>
  <si>
    <t>cg27354620</t>
  </si>
  <si>
    <t>cg27367768</t>
  </si>
  <si>
    <t>cg27368511</t>
  </si>
  <si>
    <t>cg27372920</t>
  </si>
  <si>
    <t>cg27377352</t>
  </si>
  <si>
    <t>cg27381216</t>
  </si>
  <si>
    <t>cg27577149</t>
  </si>
  <si>
    <t>cg27581816</t>
  </si>
  <si>
    <t>cg27588646</t>
  </si>
  <si>
    <t>cg27590748</t>
  </si>
  <si>
    <t>cg27599792</t>
  </si>
  <si>
    <t>cg27612744</t>
  </si>
  <si>
    <t>cg27613236</t>
  </si>
  <si>
    <t>cg27613976</t>
  </si>
  <si>
    <t>cg27615363</t>
  </si>
  <si>
    <t>cg27615388</t>
  </si>
  <si>
    <t>cg27622405</t>
  </si>
  <si>
    <t>cg27624327</t>
  </si>
  <si>
    <t>cg27629771</t>
  </si>
  <si>
    <t>cg27630202</t>
  </si>
  <si>
    <t>cg27636925</t>
  </si>
  <si>
    <t>cg27638727</t>
  </si>
  <si>
    <t>cg27639457</t>
  </si>
  <si>
    <t>cg00005083</t>
  </si>
  <si>
    <t>cg00005543</t>
  </si>
  <si>
    <t>cg00011994</t>
  </si>
  <si>
    <t>cg00012701</t>
  </si>
  <si>
    <t>cg00013543</t>
  </si>
  <si>
    <t>cg00015572</t>
  </si>
  <si>
    <t>cg00017002</t>
  </si>
  <si>
    <t>cg00021539</t>
  </si>
  <si>
    <t>cg00026375</t>
  </si>
  <si>
    <t>cg00028318</t>
  </si>
  <si>
    <t>cg00028757</t>
  </si>
  <si>
    <t>cg00031105</t>
  </si>
  <si>
    <t>cg00031256</t>
  </si>
  <si>
    <t>cg00034019</t>
  </si>
  <si>
    <t>cg00039177</t>
  </si>
  <si>
    <t>cg00045190</t>
  </si>
  <si>
    <t>cg00048178</t>
  </si>
  <si>
    <t>cg00050247</t>
  </si>
  <si>
    <t>cg00058113</t>
  </si>
  <si>
    <t>cg00058449</t>
  </si>
  <si>
    <t>cg00063066</t>
  </si>
  <si>
    <t>cg00070899</t>
  </si>
  <si>
    <t>cg00073780</t>
  </si>
  <si>
    <t>cg00077898</t>
  </si>
  <si>
    <t>cg00082491</t>
  </si>
  <si>
    <t>cg00084338</t>
  </si>
  <si>
    <t>cg00090619</t>
  </si>
  <si>
    <t>cg00094901</t>
  </si>
  <si>
    <t>cg00098819</t>
  </si>
  <si>
    <t>cg00107914</t>
  </si>
  <si>
    <t>cg00111893</t>
  </si>
  <si>
    <t>cg00117005</t>
  </si>
  <si>
    <t>cg00123762</t>
  </si>
  <si>
    <t>cg00124375</t>
  </si>
  <si>
    <t>cg00124432</t>
  </si>
  <si>
    <t>cg00124488</t>
  </si>
  <si>
    <t>cg00140191</t>
  </si>
  <si>
    <t>cg00142670</t>
  </si>
  <si>
    <t>cg00143321</t>
  </si>
  <si>
    <t>cg00147339</t>
  </si>
  <si>
    <t>cg00153934</t>
  </si>
  <si>
    <t>cg00157477</t>
  </si>
  <si>
    <t>cg00157796</t>
  </si>
  <si>
    <t>cg00160818</t>
  </si>
  <si>
    <t>cg00175838</t>
  </si>
  <si>
    <t>cg00175859</t>
  </si>
  <si>
    <t>cg00180684</t>
  </si>
  <si>
    <t>cg00186414</t>
  </si>
  <si>
    <t>cg00186529</t>
  </si>
  <si>
    <t>cg00194109</t>
  </si>
  <si>
    <t>cg00197993</t>
  </si>
  <si>
    <t>cg00204355</t>
  </si>
  <si>
    <t>cg00210204</t>
  </si>
  <si>
    <t>cg00215801</t>
  </si>
  <si>
    <t>cg00220769</t>
  </si>
  <si>
    <t>cg00226265</t>
  </si>
  <si>
    <t>cg00237391</t>
  </si>
  <si>
    <t>cg00240734</t>
  </si>
  <si>
    <t>cg00254681</t>
  </si>
  <si>
    <t>cg00255853</t>
  </si>
  <si>
    <t>cg00256226</t>
  </si>
  <si>
    <t>cg00260647</t>
  </si>
  <si>
    <t>cg00270497</t>
  </si>
  <si>
    <t>cg00271210</t>
  </si>
  <si>
    <t>cg00275962</t>
  </si>
  <si>
    <t>cg00296005</t>
  </si>
  <si>
    <t>cg00318608</t>
  </si>
  <si>
    <t>cg00322698</t>
  </si>
  <si>
    <t>cg00324223</t>
  </si>
  <si>
    <t>cg00333154</t>
  </si>
  <si>
    <t>cg00339769</t>
  </si>
  <si>
    <t>cg00344870</t>
  </si>
  <si>
    <t>cg00347904</t>
  </si>
  <si>
    <t>cg00355613</t>
  </si>
  <si>
    <t>cg00364016</t>
  </si>
  <si>
    <t>cg00366934</t>
  </si>
  <si>
    <t>cg00370229</t>
  </si>
  <si>
    <t>cg00372486</t>
  </si>
  <si>
    <t>cg00380172</t>
  </si>
  <si>
    <t>cg00381411</t>
  </si>
  <si>
    <t>cg00385769</t>
  </si>
  <si>
    <t>cg00389036</t>
  </si>
  <si>
    <t>cg00390120</t>
  </si>
  <si>
    <t>cg00391945</t>
  </si>
  <si>
    <t>cg00405198</t>
  </si>
  <si>
    <t>cg00406022</t>
  </si>
  <si>
    <t>cg00406369</t>
  </si>
  <si>
    <t>cg00418743</t>
  </si>
  <si>
    <t>cg00424297</t>
  </si>
  <si>
    <t>cg00436476</t>
  </si>
  <si>
    <t>cg00437011</t>
  </si>
  <si>
    <t>cg00459243</t>
  </si>
  <si>
    <t>cg00467592</t>
  </si>
  <si>
    <t>cg00472393</t>
  </si>
  <si>
    <t>cg00472445</t>
  </si>
  <si>
    <t>cg00472801</t>
  </si>
  <si>
    <t>cg00474080</t>
  </si>
  <si>
    <t>cg00477972</t>
  </si>
  <si>
    <t>cg00481415</t>
  </si>
  <si>
    <t>cg00482994</t>
  </si>
  <si>
    <t>cg00483886</t>
  </si>
  <si>
    <t>cg00500481</t>
  </si>
  <si>
    <t>cg00502442</t>
  </si>
  <si>
    <t>cg00507679</t>
  </si>
  <si>
    <t>cg00509431</t>
  </si>
  <si>
    <t>cg00512454</t>
  </si>
  <si>
    <t>cg00522328</t>
  </si>
  <si>
    <t>cg00525277</t>
  </si>
  <si>
    <t>cg00526088</t>
  </si>
  <si>
    <t>cg00534550</t>
  </si>
  <si>
    <t>cg00539325</t>
  </si>
  <si>
    <t>cg00550554</t>
  </si>
  <si>
    <t>cg00571421</t>
  </si>
  <si>
    <t>cg00571935</t>
  </si>
  <si>
    <t>cg00575005</t>
  </si>
  <si>
    <t>cg00578039</t>
  </si>
  <si>
    <t>cg00584549</t>
  </si>
  <si>
    <t>cg00590324</t>
  </si>
  <si>
    <t>cg00591980</t>
  </si>
  <si>
    <t>cg00592460</t>
  </si>
  <si>
    <t>cg00598261</t>
  </si>
  <si>
    <t>cg00603428</t>
  </si>
  <si>
    <t>cg00608605</t>
  </si>
  <si>
    <t>cg00609363</t>
  </si>
  <si>
    <t>cg00609645</t>
  </si>
  <si>
    <t>cg00613752</t>
  </si>
  <si>
    <t>cg00620629</t>
  </si>
  <si>
    <t>cg00621943</t>
  </si>
  <si>
    <t>cg00629514</t>
  </si>
  <si>
    <t>cg00631702</t>
  </si>
  <si>
    <t>cg00641409</t>
  </si>
  <si>
    <t>cg00649216</t>
  </si>
  <si>
    <t>cg00649377</t>
  </si>
  <si>
    <t>cg00651400</t>
  </si>
  <si>
    <t>cg00656735</t>
  </si>
  <si>
    <t>cg00657529</t>
  </si>
  <si>
    <t>cg00661399</t>
  </si>
  <si>
    <t>cg00665908</t>
  </si>
  <si>
    <t>cg00673557</t>
  </si>
  <si>
    <t>cg00674706</t>
  </si>
  <si>
    <t>cg00680003</t>
  </si>
  <si>
    <t>cg00682458</t>
  </si>
  <si>
    <t>cg00685025</t>
  </si>
  <si>
    <t>cg00687252</t>
  </si>
  <si>
    <t>cg00689580</t>
  </si>
  <si>
    <t>cg00690968</t>
  </si>
  <si>
    <t>cg00694180</t>
  </si>
  <si>
    <t>cg00696540</t>
  </si>
  <si>
    <t>cg00700007</t>
  </si>
  <si>
    <t>cg00702231</t>
  </si>
  <si>
    <t>cg00704844</t>
  </si>
  <si>
    <t>cg00722097</t>
  </si>
  <si>
    <t>cg00723961</t>
  </si>
  <si>
    <t>cg00734931</t>
  </si>
  <si>
    <t>cg00740645</t>
  </si>
  <si>
    <t>cg00741954</t>
  </si>
  <si>
    <t>cg00755130</t>
  </si>
  <si>
    <t>cg00774391</t>
  </si>
  <si>
    <t>cg00774458</t>
  </si>
  <si>
    <t>cg00777209</t>
  </si>
  <si>
    <t>cg00777627</t>
  </si>
  <si>
    <t>cg00777968</t>
  </si>
  <si>
    <t>cg00783730</t>
  </si>
  <si>
    <t>cg00786178</t>
  </si>
  <si>
    <t>cg00788177</t>
  </si>
  <si>
    <t>cg00788362</t>
  </si>
  <si>
    <t>cg00792513</t>
  </si>
  <si>
    <t>cg00795626</t>
  </si>
  <si>
    <t>cg00801577</t>
  </si>
  <si>
    <t>cg00805874</t>
  </si>
  <si>
    <t>cg00811777</t>
  </si>
  <si>
    <t>cg00839802</t>
  </si>
  <si>
    <t>cg00844120</t>
  </si>
  <si>
    <t>cg00845862</t>
  </si>
  <si>
    <t>cg00850756</t>
  </si>
  <si>
    <t>cg00852573</t>
  </si>
  <si>
    <t>cg00852768</t>
  </si>
  <si>
    <t>cg00857557</t>
  </si>
  <si>
    <t>cg00858015</t>
  </si>
  <si>
    <t>cg00872984</t>
  </si>
  <si>
    <t>cg00875200</t>
  </si>
  <si>
    <t>cg00881883</t>
  </si>
  <si>
    <t>cg00895196</t>
  </si>
  <si>
    <t>cg00903962</t>
  </si>
  <si>
    <t>cg00905354</t>
  </si>
  <si>
    <t>cg00913755</t>
  </si>
  <si>
    <t>cg00920970</t>
  </si>
  <si>
    <t>cg00931179</t>
  </si>
  <si>
    <t>cg00947782</t>
  </si>
  <si>
    <t>cg00948906</t>
  </si>
  <si>
    <t>cg00960138</t>
  </si>
  <si>
    <t>cg00964055</t>
  </si>
  <si>
    <t>cg00980293</t>
  </si>
  <si>
    <t>cg00983948</t>
  </si>
  <si>
    <t>cg00984602</t>
  </si>
  <si>
    <t>cg00991794</t>
  </si>
  <si>
    <t>cg00991875</t>
  </si>
  <si>
    <t>cg01009358</t>
  </si>
  <si>
    <t>cg01015199</t>
  </si>
  <si>
    <t>cg01031101</t>
  </si>
  <si>
    <t>cg01043019</t>
  </si>
  <si>
    <t>cg01043997</t>
  </si>
  <si>
    <t>cg01047555</t>
  </si>
  <si>
    <t>cg01050810</t>
  </si>
  <si>
    <t>cg01052103</t>
  </si>
  <si>
    <t>cg01055696</t>
  </si>
  <si>
    <t>cg01059669</t>
  </si>
  <si>
    <t>cg01061697</t>
  </si>
  <si>
    <t>cg01061843</t>
  </si>
  <si>
    <t>cg01066458</t>
  </si>
  <si>
    <t>cg01067444</t>
  </si>
  <si>
    <t>cg01067809</t>
  </si>
  <si>
    <t>cg01069753</t>
  </si>
  <si>
    <t>cg01076129</t>
  </si>
  <si>
    <t>cg01077350</t>
  </si>
  <si>
    <t>cg01077616</t>
  </si>
  <si>
    <t>cg01086810</t>
  </si>
  <si>
    <t>cg01088070</t>
  </si>
  <si>
    <t>cg01093383</t>
  </si>
  <si>
    <t>cg01096398</t>
  </si>
  <si>
    <t>cg01097444</t>
  </si>
  <si>
    <t>cg01097611</t>
  </si>
  <si>
    <t>cg01099526</t>
  </si>
  <si>
    <t>cg01105943</t>
  </si>
  <si>
    <t>cg01108614</t>
  </si>
  <si>
    <t>cg01108710</t>
  </si>
  <si>
    <t>cg01113468</t>
  </si>
  <si>
    <t>cg01136185</t>
  </si>
  <si>
    <t>cg01138981</t>
  </si>
  <si>
    <t>cg01139651</t>
  </si>
  <si>
    <t>cg01143547</t>
  </si>
  <si>
    <t>cg01145600</t>
  </si>
  <si>
    <t>cg01152616</t>
  </si>
  <si>
    <t>cg01153979</t>
  </si>
  <si>
    <t>cg01157169</t>
  </si>
  <si>
    <t>cg01174743</t>
  </si>
  <si>
    <t>cg01188822</t>
  </si>
  <si>
    <t>cg01196517</t>
  </si>
  <si>
    <t>cg01199618</t>
  </si>
  <si>
    <t>cg01199950</t>
  </si>
  <si>
    <t>cg01212576</t>
  </si>
  <si>
    <t>cg01218180</t>
  </si>
  <si>
    <t>cg01225850</t>
  </si>
  <si>
    <t>cg01242196</t>
  </si>
  <si>
    <t>cg01243297</t>
  </si>
  <si>
    <t>cg01244432</t>
  </si>
  <si>
    <t>cg01244650</t>
  </si>
  <si>
    <t>cg01248080</t>
  </si>
  <si>
    <t>cg01249054</t>
  </si>
  <si>
    <t>cg01254739</t>
  </si>
  <si>
    <t>cg01263691</t>
  </si>
  <si>
    <t>cg01275359</t>
  </si>
  <si>
    <t>cg01286685</t>
  </si>
  <si>
    <t>cg01287833</t>
  </si>
  <si>
    <t>cg01289140</t>
  </si>
  <si>
    <t>cg01300914</t>
  </si>
  <si>
    <t>cg01307359</t>
  </si>
  <si>
    <t>cg01310118</t>
  </si>
  <si>
    <t>cg01327552</t>
  </si>
  <si>
    <t>cg01337207</t>
  </si>
  <si>
    <t>cg01338864</t>
  </si>
  <si>
    <t>cg01339183</t>
  </si>
  <si>
    <t>cg01345395</t>
  </si>
  <si>
    <t>cg01349775</t>
  </si>
  <si>
    <t>cg01357925</t>
  </si>
  <si>
    <t>cg01360627</t>
  </si>
  <si>
    <t>cg01365762</t>
  </si>
  <si>
    <t>cg01373932</t>
  </si>
  <si>
    <t>cg01374729</t>
  </si>
  <si>
    <t>cg01380710</t>
  </si>
  <si>
    <t>cg01382900</t>
  </si>
  <si>
    <t>cg01382953</t>
  </si>
  <si>
    <t>cg01386294</t>
  </si>
  <si>
    <t>cg01392313</t>
  </si>
  <si>
    <t>cg01392338</t>
  </si>
  <si>
    <t>cg01402448</t>
  </si>
  <si>
    <t>cg01402832</t>
  </si>
  <si>
    <t>cg01405582</t>
  </si>
  <si>
    <t>cg01408342</t>
  </si>
  <si>
    <t>cg01444206</t>
  </si>
  <si>
    <t>cg01444279</t>
  </si>
  <si>
    <t>cg01445151</t>
  </si>
  <si>
    <t>cg01453221</t>
  </si>
  <si>
    <t>cg01455471</t>
  </si>
  <si>
    <t>cg01461410</t>
  </si>
  <si>
    <t>cg01468420</t>
  </si>
  <si>
    <t>cg01473128</t>
  </si>
  <si>
    <t>cg01499172</t>
  </si>
  <si>
    <t>cg01499736</t>
  </si>
  <si>
    <t>cg01504718</t>
  </si>
  <si>
    <t>cg01505176</t>
  </si>
  <si>
    <t>cg01505254</t>
  </si>
  <si>
    <t>cg01509330</t>
  </si>
  <si>
    <t>cg01511356</t>
  </si>
  <si>
    <t>cg01516851</t>
  </si>
  <si>
    <t>cg01516881</t>
  </si>
  <si>
    <t>cg01518846</t>
  </si>
  <si>
    <t>cg01519223</t>
  </si>
  <si>
    <t>cg01524091</t>
  </si>
  <si>
    <t>cg01528052</t>
  </si>
  <si>
    <t>cg01535733</t>
  </si>
  <si>
    <t>cg01536956</t>
  </si>
  <si>
    <t>cg01537665</t>
  </si>
  <si>
    <t>cg01540301</t>
  </si>
  <si>
    <t>cg01544215</t>
  </si>
  <si>
    <t>cg01546424</t>
  </si>
  <si>
    <t>cg01553661</t>
  </si>
  <si>
    <t>cg01554453</t>
  </si>
  <si>
    <t>cg01576559</t>
  </si>
  <si>
    <t>cg01585293</t>
  </si>
  <si>
    <t>cg01588060</t>
  </si>
  <si>
    <t>cg01588435</t>
  </si>
  <si>
    <t>cg01595997</t>
  </si>
  <si>
    <t>cg01597685</t>
  </si>
  <si>
    <t>cg01599041</t>
  </si>
  <si>
    <t>cg01600222</t>
  </si>
  <si>
    <t>cg01606310</t>
  </si>
  <si>
    <t>cg01625087</t>
  </si>
  <si>
    <t>cg01631162</t>
  </si>
  <si>
    <t>cg01634275</t>
  </si>
  <si>
    <t>cg01636799</t>
  </si>
  <si>
    <t>cg01639032</t>
  </si>
  <si>
    <t>cg01639524</t>
  </si>
  <si>
    <t>cg01644979</t>
  </si>
  <si>
    <t>cg01652244</t>
  </si>
  <si>
    <t>cg01654446</t>
  </si>
  <si>
    <t>cg01660244</t>
  </si>
  <si>
    <t>cg01671314</t>
  </si>
  <si>
    <t>cg01671476</t>
  </si>
  <si>
    <t>cg01676996</t>
  </si>
  <si>
    <t>cg01690573</t>
  </si>
  <si>
    <t>cg01696193</t>
  </si>
  <si>
    <t>cg01709045</t>
  </si>
  <si>
    <t>cg01735384</t>
  </si>
  <si>
    <t>cg01737026</t>
  </si>
  <si>
    <t>cg01739381</t>
  </si>
  <si>
    <t>cg01740766</t>
  </si>
  <si>
    <t>cg01742627</t>
  </si>
  <si>
    <t>cg01745522</t>
  </si>
  <si>
    <t>cg01745629</t>
  </si>
  <si>
    <t>cg01757534</t>
  </si>
  <si>
    <t>cg01758512</t>
  </si>
  <si>
    <t>cg01761420</t>
  </si>
  <si>
    <t>cg01785628</t>
  </si>
  <si>
    <t>cg01792368</t>
  </si>
  <si>
    <t>cg01806025</t>
  </si>
  <si>
    <t>cg01808433</t>
  </si>
  <si>
    <t>cg01813649</t>
  </si>
  <si>
    <t>cg01815076</t>
  </si>
  <si>
    <t>cg01820273</t>
  </si>
  <si>
    <t>cg01824964</t>
  </si>
  <si>
    <t>cg01825355</t>
  </si>
  <si>
    <t>cg01840333</t>
  </si>
  <si>
    <t>cg01862523</t>
  </si>
  <si>
    <t>cg01866551</t>
  </si>
  <si>
    <t>cg01866955</t>
  </si>
  <si>
    <t>cg01878788</t>
  </si>
  <si>
    <t>cg01882991</t>
  </si>
  <si>
    <t>cg01883425</t>
  </si>
  <si>
    <t>cg01886385</t>
  </si>
  <si>
    <t>cg01894352</t>
  </si>
  <si>
    <t>cg01902271</t>
  </si>
  <si>
    <t>cg01905633</t>
  </si>
  <si>
    <t>cg01912921</t>
  </si>
  <si>
    <t>cg01916088</t>
  </si>
  <si>
    <t>cg01918552</t>
  </si>
  <si>
    <t>cg01919652</t>
  </si>
  <si>
    <t>cg01926238</t>
  </si>
  <si>
    <t>cg01932459</t>
  </si>
  <si>
    <t>cg01937314</t>
  </si>
  <si>
    <t>cg01945183</t>
  </si>
  <si>
    <t>cg01949684</t>
  </si>
  <si>
    <t>cg01953134</t>
  </si>
  <si>
    <t>cg01962105</t>
  </si>
  <si>
    <t>cg01971547</t>
  </si>
  <si>
    <t>cg01972751</t>
  </si>
  <si>
    <t>cg01975461</t>
  </si>
  <si>
    <t>cg01984858</t>
  </si>
  <si>
    <t>cg01992382</t>
  </si>
  <si>
    <t>cg01995743</t>
  </si>
  <si>
    <t>cg01996297</t>
  </si>
  <si>
    <t>cg01998682</t>
  </si>
  <si>
    <t>cg01999539</t>
  </si>
  <si>
    <t>cg02001200</t>
  </si>
  <si>
    <t>cg02004621</t>
  </si>
  <si>
    <t>cg02010020</t>
  </si>
  <si>
    <t>cg02013961</t>
  </si>
  <si>
    <t>cg02014853</t>
  </si>
  <si>
    <t>cg02016545</t>
  </si>
  <si>
    <t>cg02026062</t>
  </si>
  <si>
    <t>cg02030913</t>
  </si>
  <si>
    <t>cg02049333</t>
  </si>
  <si>
    <t>cg02049405</t>
  </si>
  <si>
    <t>cg02055264</t>
  </si>
  <si>
    <t>cg02055615</t>
  </si>
  <si>
    <t>cg02062480</t>
  </si>
  <si>
    <t>cg02064543</t>
  </si>
  <si>
    <t>cg02069723</t>
  </si>
  <si>
    <t>cg02073954</t>
  </si>
  <si>
    <t>cg02079880</t>
  </si>
  <si>
    <t>cg02079963</t>
  </si>
  <si>
    <t>cg02087565</t>
  </si>
  <si>
    <t>cg02090806</t>
  </si>
  <si>
    <t>cg02092014</t>
  </si>
  <si>
    <t>cg02092906</t>
  </si>
  <si>
    <t>cg02094989</t>
  </si>
  <si>
    <t>cg02095752</t>
  </si>
  <si>
    <t>cg02106850</t>
  </si>
  <si>
    <t>cg02114850</t>
  </si>
  <si>
    <t>cg02118776</t>
  </si>
  <si>
    <t>cg02128139</t>
  </si>
  <si>
    <t>cg02128567</t>
  </si>
  <si>
    <t>cg02135488</t>
  </si>
  <si>
    <t>cg02149189</t>
  </si>
  <si>
    <t>cg02158292</t>
  </si>
  <si>
    <t>cg02167193</t>
  </si>
  <si>
    <t>cg02169734</t>
  </si>
  <si>
    <t>cg02175030</t>
  </si>
  <si>
    <t>cg02183231</t>
  </si>
  <si>
    <t>cg02188185</t>
  </si>
  <si>
    <t>cg02188225</t>
  </si>
  <si>
    <t>cg02190610</t>
  </si>
  <si>
    <t>cg02191483</t>
  </si>
  <si>
    <t>cg02197279</t>
  </si>
  <si>
    <t>cg02197677</t>
  </si>
  <si>
    <t>cg02203922</t>
  </si>
  <si>
    <t>cg02213340</t>
  </si>
  <si>
    <t>cg02221866</t>
  </si>
  <si>
    <t>cg02232284</t>
  </si>
  <si>
    <t>cg02233421</t>
  </si>
  <si>
    <t>cg02238556</t>
  </si>
  <si>
    <t>cg02247163</t>
  </si>
  <si>
    <t>cg02248037</t>
  </si>
  <si>
    <t>cg02254152</t>
  </si>
  <si>
    <t>cg02259877</t>
  </si>
  <si>
    <t>cg02260340</t>
  </si>
  <si>
    <t>cg02266771</t>
  </si>
  <si>
    <t>cg02272968</t>
  </si>
  <si>
    <t>cg02281790</t>
  </si>
  <si>
    <t>cg02287436</t>
  </si>
  <si>
    <t>cg02295525</t>
  </si>
  <si>
    <t>cg02297541</t>
  </si>
  <si>
    <t>cg02303858</t>
  </si>
  <si>
    <t>cg02304814</t>
  </si>
  <si>
    <t>cg02310922</t>
  </si>
  <si>
    <t>cg02312409</t>
  </si>
  <si>
    <t>cg02322621</t>
  </si>
  <si>
    <t>cg02330394</t>
  </si>
  <si>
    <t>cg02339682</t>
  </si>
  <si>
    <t>cg02340220</t>
  </si>
  <si>
    <t>cg02362020</t>
  </si>
  <si>
    <t>cg02362970</t>
  </si>
  <si>
    <t>cg02368583</t>
  </si>
  <si>
    <t>cg02380531</t>
  </si>
  <si>
    <t>cg02383089</t>
  </si>
  <si>
    <t>cg02388999</t>
  </si>
  <si>
    <t>cg02391713</t>
  </si>
  <si>
    <t>cg02394226</t>
  </si>
  <si>
    <t>cg02401102</t>
  </si>
  <si>
    <t>cg02402214</t>
  </si>
  <si>
    <t>cg02432444</t>
  </si>
  <si>
    <t>cg02433564</t>
  </si>
  <si>
    <t>cg02442745</t>
  </si>
  <si>
    <t>cg02446366</t>
  </si>
  <si>
    <t>cg02446647</t>
  </si>
  <si>
    <t>cg02447304</t>
  </si>
  <si>
    <t>cg02448805</t>
  </si>
  <si>
    <t>cg02449103</t>
  </si>
  <si>
    <t>cg02465374</t>
  </si>
  <si>
    <t>cg02472339</t>
  </si>
  <si>
    <t>cg02481934</t>
  </si>
  <si>
    <t>cg02503159</t>
  </si>
  <si>
    <t>cg02504465</t>
  </si>
  <si>
    <t>cg02522952</t>
  </si>
  <si>
    <t>cg02524941</t>
  </si>
  <si>
    <t>cg02525705</t>
  </si>
  <si>
    <t>cg02537106</t>
  </si>
  <si>
    <t>cg02540477</t>
  </si>
  <si>
    <t>cg02547269</t>
  </si>
  <si>
    <t>cg02552311</t>
  </si>
  <si>
    <t>cg02558474</t>
  </si>
  <si>
    <t>cg02561482</t>
  </si>
  <si>
    <t>cg02562109</t>
  </si>
  <si>
    <t>cg02562419</t>
  </si>
  <si>
    <t>cg02563952</t>
  </si>
  <si>
    <t>cg02566288</t>
  </si>
  <si>
    <t>cg02569437</t>
  </si>
  <si>
    <t>cg02571055</t>
  </si>
  <si>
    <t>cg02572517</t>
  </si>
  <si>
    <t>cg02578368</t>
  </si>
  <si>
    <t>cg02578560</t>
  </si>
  <si>
    <t>cg02592615</t>
  </si>
  <si>
    <t>cg02593352</t>
  </si>
  <si>
    <t>cg02602413</t>
  </si>
  <si>
    <t>cg02621130</t>
  </si>
  <si>
    <t>cg02630045</t>
  </si>
  <si>
    <t>cg02631680</t>
  </si>
  <si>
    <t>cg02641675</t>
  </si>
  <si>
    <t>cg02647388</t>
  </si>
  <si>
    <t>cg02656947</t>
  </si>
  <si>
    <t>cg02657865</t>
  </si>
  <si>
    <t>cg02667414</t>
  </si>
  <si>
    <t>cg02677388</t>
  </si>
  <si>
    <t>cg02684104</t>
  </si>
  <si>
    <t>cg02685945</t>
  </si>
  <si>
    <t>cg02704535</t>
  </si>
  <si>
    <t>cg02705163</t>
  </si>
  <si>
    <t>cg02711190</t>
  </si>
  <si>
    <t>cg02712746</t>
  </si>
  <si>
    <t>cg02720683</t>
  </si>
  <si>
    <t>cg02722618</t>
  </si>
  <si>
    <t>cg02733795</t>
  </si>
  <si>
    <t>cg02733847</t>
  </si>
  <si>
    <t>cg02735058</t>
  </si>
  <si>
    <t>cg02737149</t>
  </si>
  <si>
    <t>cg02741419</t>
  </si>
  <si>
    <t>cg02751503</t>
  </si>
  <si>
    <t>cg02751631</t>
  </si>
  <si>
    <t>cg02754722</t>
  </si>
  <si>
    <t>cg02760007</t>
  </si>
  <si>
    <t>cg02763810</t>
  </si>
  <si>
    <t>cg02768875</t>
  </si>
  <si>
    <t>cg02769478</t>
  </si>
  <si>
    <t>cg02775469</t>
  </si>
  <si>
    <t>cg02775846</t>
  </si>
  <si>
    <t>cg02781060</t>
  </si>
  <si>
    <t>cg02789043</t>
  </si>
  <si>
    <t>cg02792740</t>
  </si>
  <si>
    <t>cg02795425</t>
  </si>
  <si>
    <t>cg02806352</t>
  </si>
  <si>
    <t>cg02808397</t>
  </si>
  <si>
    <t>cg02812408</t>
  </si>
  <si>
    <t>cg02817123</t>
  </si>
  <si>
    <t>cg02820748</t>
  </si>
  <si>
    <t>cg02833140</t>
  </si>
  <si>
    <t>cg02836833</t>
  </si>
  <si>
    <t>cg02837122</t>
  </si>
  <si>
    <t>cg02846841</t>
  </si>
  <si>
    <t>cg02862674</t>
  </si>
  <si>
    <t>cg02865447</t>
  </si>
  <si>
    <t>cg02867242</t>
  </si>
  <si>
    <t>cg02871208</t>
  </si>
  <si>
    <t>cg02887679</t>
  </si>
  <si>
    <t>cg02895156</t>
  </si>
  <si>
    <t>cg02906557</t>
  </si>
  <si>
    <t>cg02912326</t>
  </si>
  <si>
    <t>cg02914962</t>
  </si>
  <si>
    <t>cg02915015</t>
  </si>
  <si>
    <t>cg02916312</t>
  </si>
  <si>
    <t>cg02925367</t>
  </si>
  <si>
    <t>cg02930078</t>
  </si>
  <si>
    <t>cg02943769</t>
  </si>
  <si>
    <t>cg02954307</t>
  </si>
  <si>
    <t>cg02956248</t>
  </si>
  <si>
    <t>cg02956255</t>
  </si>
  <si>
    <t>cg02958167</t>
  </si>
  <si>
    <t>cg02960249</t>
  </si>
  <si>
    <t>cg02964065</t>
  </si>
  <si>
    <t>cg02976309</t>
  </si>
  <si>
    <t>cg02976723</t>
  </si>
  <si>
    <t>cg02980631</t>
  </si>
  <si>
    <t>cg02989768</t>
  </si>
  <si>
    <t>cg03004578</t>
  </si>
  <si>
    <t>cg03010186</t>
  </si>
  <si>
    <t>cg03022094</t>
  </si>
  <si>
    <t>cg03024372</t>
  </si>
  <si>
    <t>cg03025242</t>
  </si>
  <si>
    <t>cg03031073</t>
  </si>
  <si>
    <t>cg03057213</t>
  </si>
  <si>
    <t>cg03063185</t>
  </si>
  <si>
    <t>cg03064592</t>
  </si>
  <si>
    <t>cg03067660</t>
  </si>
  <si>
    <t>cg03068319</t>
  </si>
  <si>
    <t>cg03078400</t>
  </si>
  <si>
    <t>cg03078486</t>
  </si>
  <si>
    <t>cg03093838</t>
  </si>
  <si>
    <t>cg03098356</t>
  </si>
  <si>
    <t>cg03098515</t>
  </si>
  <si>
    <t>cg03098814</t>
  </si>
  <si>
    <t>cg03102011</t>
  </si>
  <si>
    <t>cg03108070</t>
  </si>
  <si>
    <t>cg03111938</t>
  </si>
  <si>
    <t>cg03113285</t>
  </si>
  <si>
    <t>cg03118206</t>
  </si>
  <si>
    <t>cg03119088</t>
  </si>
  <si>
    <t>cg03124091</t>
  </si>
  <si>
    <t>cg03130180</t>
  </si>
  <si>
    <t>cg03130533</t>
  </si>
  <si>
    <t>cg03130962</t>
  </si>
  <si>
    <t>cg03134653</t>
  </si>
  <si>
    <t>cg03139255</t>
  </si>
  <si>
    <t>cg03149560</t>
  </si>
  <si>
    <t>cg03150474</t>
  </si>
  <si>
    <t>cg03151651</t>
  </si>
  <si>
    <t>cg03156443</t>
  </si>
  <si>
    <t>cg03160883</t>
  </si>
  <si>
    <t>cg03166550</t>
  </si>
  <si>
    <t>cg03166753</t>
  </si>
  <si>
    <t>cg03169843</t>
  </si>
  <si>
    <t>cg03176411</t>
  </si>
  <si>
    <t>cg03176453</t>
  </si>
  <si>
    <t>cg03177023</t>
  </si>
  <si>
    <t>cg03181300</t>
  </si>
  <si>
    <t>cg03185843</t>
  </si>
  <si>
    <t>cg03186339</t>
  </si>
  <si>
    <t>cg03188580</t>
  </si>
  <si>
    <t>cg03189082</t>
  </si>
  <si>
    <t>cg03189210</t>
  </si>
  <si>
    <t>cg03201507</t>
  </si>
  <si>
    <t>cg03214422</t>
  </si>
  <si>
    <t>cg03216261</t>
  </si>
  <si>
    <t>cg03219282</t>
  </si>
  <si>
    <t>cg03228602</t>
  </si>
  <si>
    <t>cg03234702</t>
  </si>
  <si>
    <t>cg03234775</t>
  </si>
  <si>
    <t>cg03243497</t>
  </si>
  <si>
    <t>cg03251349</t>
  </si>
  <si>
    <t>cg03256310</t>
  </si>
  <si>
    <t>cg03260211</t>
  </si>
  <si>
    <t>cg03264133</t>
  </si>
  <si>
    <t>cg03265892</t>
  </si>
  <si>
    <t>cg03286391</t>
  </si>
  <si>
    <t>cg03286899</t>
  </si>
  <si>
    <t>cg03293507</t>
  </si>
  <si>
    <t>cg03298413</t>
  </si>
  <si>
    <t>cg03301063</t>
  </si>
  <si>
    <t>cg03325733</t>
  </si>
  <si>
    <t>cg03329755</t>
  </si>
  <si>
    <t>cg03338924</t>
  </si>
  <si>
    <t>cg03341723</t>
  </si>
  <si>
    <t>cg03343571</t>
  </si>
  <si>
    <t>cg03346179</t>
  </si>
  <si>
    <t>cg03349173</t>
  </si>
  <si>
    <t>cg03351580</t>
  </si>
  <si>
    <t>cg03351589</t>
  </si>
  <si>
    <t>cg03353699</t>
  </si>
  <si>
    <t>cg03354771</t>
  </si>
  <si>
    <t>cg03355690</t>
  </si>
  <si>
    <t>cg03357160</t>
  </si>
  <si>
    <t>cg03359964</t>
  </si>
  <si>
    <t>cg03360920</t>
  </si>
  <si>
    <t>cg03365733</t>
  </si>
  <si>
    <t>cg03368787</t>
  </si>
  <si>
    <t>cg03368930</t>
  </si>
  <si>
    <t>cg03369465</t>
  </si>
  <si>
    <t>cg03394401</t>
  </si>
  <si>
    <t>cg03400828</t>
  </si>
  <si>
    <t>cg03410961</t>
  </si>
  <si>
    <t>cg03413835</t>
  </si>
  <si>
    <t>cg03415429</t>
  </si>
  <si>
    <t>cg03419232</t>
  </si>
  <si>
    <t>cg03425504</t>
  </si>
  <si>
    <t>cg03426762</t>
  </si>
  <si>
    <t>cg03431741</t>
  </si>
  <si>
    <t>cg03434929</t>
  </si>
  <si>
    <t>cg03438644</t>
  </si>
  <si>
    <t>cg03440125</t>
  </si>
  <si>
    <t>cg03440221</t>
  </si>
  <si>
    <t>cg03441461</t>
  </si>
  <si>
    <t>cg03442912</t>
  </si>
  <si>
    <t>cg03447931</t>
  </si>
  <si>
    <t>cg03449513</t>
  </si>
  <si>
    <t>cg03459953</t>
  </si>
  <si>
    <t>cg03462975</t>
  </si>
  <si>
    <t>cg03466951</t>
  </si>
  <si>
    <t>cg03471106</t>
  </si>
  <si>
    <t>cg03473348</t>
  </si>
  <si>
    <t>cg03490766</t>
  </si>
  <si>
    <t>cg03503812</t>
  </si>
  <si>
    <t>cg03511311</t>
  </si>
  <si>
    <t>cg03516394</t>
  </si>
  <si>
    <t>cg03517284</t>
  </si>
  <si>
    <t>cg03520771</t>
  </si>
  <si>
    <t>cg03527422</t>
  </si>
  <si>
    <t>cg03535439</t>
  </si>
  <si>
    <t>cg03547599</t>
  </si>
  <si>
    <t>cg03549948</t>
  </si>
  <si>
    <t>cg03553910</t>
  </si>
  <si>
    <t>cg03556669</t>
  </si>
  <si>
    <t>cg03558537</t>
  </si>
  <si>
    <t>cg03560363</t>
  </si>
  <si>
    <t>cg03560996</t>
  </si>
  <si>
    <t>cg03562264</t>
  </si>
  <si>
    <t>cg03566814</t>
  </si>
  <si>
    <t>cg03592411</t>
  </si>
  <si>
    <t>cg03593812</t>
  </si>
  <si>
    <t>cg03605610</t>
  </si>
  <si>
    <t>cg03609148</t>
  </si>
  <si>
    <t>cg03615240</t>
  </si>
  <si>
    <t>cg03621488</t>
  </si>
  <si>
    <t>cg03625260</t>
  </si>
  <si>
    <t>cg03632145</t>
  </si>
  <si>
    <t>cg03651852</t>
  </si>
  <si>
    <t>cg03653137</t>
  </si>
  <si>
    <t>cg03656055</t>
  </si>
  <si>
    <t>cg03656877</t>
  </si>
  <si>
    <t>cg03659126</t>
  </si>
  <si>
    <t>cg03668078</t>
  </si>
  <si>
    <t>cg03671443</t>
  </si>
  <si>
    <t>cg03680338</t>
  </si>
  <si>
    <t>cg03680348</t>
  </si>
  <si>
    <t>cg03680932</t>
  </si>
  <si>
    <t>cg03681341</t>
  </si>
  <si>
    <t>cg03682719</t>
  </si>
  <si>
    <t>cg03682872</t>
  </si>
  <si>
    <t>cg03686959</t>
  </si>
  <si>
    <t>cg03697115</t>
  </si>
  <si>
    <t>cg03698948</t>
  </si>
  <si>
    <t>cg03702435</t>
  </si>
  <si>
    <t>cg03707308</t>
  </si>
  <si>
    <t>cg03709091</t>
  </si>
  <si>
    <t>cg03710481</t>
  </si>
  <si>
    <t>cg03712965</t>
  </si>
  <si>
    <t>cg03718241</t>
  </si>
  <si>
    <t>cg03719083</t>
  </si>
  <si>
    <t>cg03720838</t>
  </si>
  <si>
    <t>cg03721705</t>
  </si>
  <si>
    <t>cg03725115</t>
  </si>
  <si>
    <t>cg03731673</t>
  </si>
  <si>
    <t>cg03736562</t>
  </si>
  <si>
    <t>cg03769371</t>
  </si>
  <si>
    <t>cg03771840</t>
  </si>
  <si>
    <t>cg03775871</t>
  </si>
  <si>
    <t>cg03778669</t>
  </si>
  <si>
    <t>cg03783555</t>
  </si>
  <si>
    <t>cg03800922</t>
  </si>
  <si>
    <t>cg03806038</t>
  </si>
  <si>
    <t>cg03810326</t>
  </si>
  <si>
    <t>cg03813151</t>
  </si>
  <si>
    <t>cg03824617</t>
  </si>
  <si>
    <t>cg03840594</t>
  </si>
  <si>
    <t>cg03846689</t>
  </si>
  <si>
    <t>cg03850936</t>
  </si>
  <si>
    <t>cg03851143</t>
  </si>
  <si>
    <t>cg03858673</t>
  </si>
  <si>
    <t>cg03862999</t>
  </si>
  <si>
    <t>cg03865944</t>
  </si>
  <si>
    <t>cg03869498</t>
  </si>
  <si>
    <t>cg03876174</t>
  </si>
  <si>
    <t>cg03880683</t>
  </si>
  <si>
    <t>cg03881924</t>
  </si>
  <si>
    <t>cg03882777</t>
  </si>
  <si>
    <t>cg03887092</t>
  </si>
  <si>
    <t>cg03887910</t>
  </si>
  <si>
    <t>cg03900934</t>
  </si>
  <si>
    <t>cg03902233</t>
  </si>
  <si>
    <t>cg03902329</t>
  </si>
  <si>
    <t>cg03903398</t>
  </si>
  <si>
    <t>cg03912887</t>
  </si>
  <si>
    <t>cg03914985</t>
  </si>
  <si>
    <t>cg03922146</t>
  </si>
  <si>
    <t>cg03922983</t>
  </si>
  <si>
    <t>cg03946452</t>
  </si>
  <si>
    <t>cg03948768</t>
  </si>
  <si>
    <t>cg03953626</t>
  </si>
  <si>
    <t>cg03960072</t>
  </si>
  <si>
    <t>cg03962114</t>
  </si>
  <si>
    <t>cg03969305</t>
  </si>
  <si>
    <t>cg03977294</t>
  </si>
  <si>
    <t>cg03979149</t>
  </si>
  <si>
    <t>cg03980370</t>
  </si>
  <si>
    <t>cg03990811</t>
  </si>
  <si>
    <t>cg03993171</t>
  </si>
  <si>
    <t>cg03998871</t>
  </si>
  <si>
    <t>cg04006554</t>
  </si>
  <si>
    <t>cg04006913</t>
  </si>
  <si>
    <t>cg04013093</t>
  </si>
  <si>
    <t>cg04014576</t>
  </si>
  <si>
    <t>cg04016606</t>
  </si>
  <si>
    <t>cg04016730</t>
  </si>
  <si>
    <t>cg04020984</t>
  </si>
  <si>
    <t>cg04026699</t>
  </si>
  <si>
    <t>cg04027074</t>
  </si>
  <si>
    <t>cg04027446</t>
  </si>
  <si>
    <t>cg04029586</t>
  </si>
  <si>
    <t>cg04030444</t>
  </si>
  <si>
    <t>cg04031757</t>
  </si>
  <si>
    <t>cg04048887</t>
  </si>
  <si>
    <t>cg04053200</t>
  </si>
  <si>
    <t>cg04053392</t>
  </si>
  <si>
    <t>cg04060366</t>
  </si>
  <si>
    <t>cg04064094</t>
  </si>
  <si>
    <t>cg04068042</t>
  </si>
  <si>
    <t>cg04074140</t>
  </si>
  <si>
    <t>cg04076264</t>
  </si>
  <si>
    <t>cg04077707</t>
  </si>
  <si>
    <t>cg04078321</t>
  </si>
  <si>
    <t>cg04086786</t>
  </si>
  <si>
    <t>cg04111789</t>
  </si>
  <si>
    <t>cg04112181</t>
  </si>
  <si>
    <t>cg04112539</t>
  </si>
  <si>
    <t>cg04113920</t>
  </si>
  <si>
    <t>cg04116545</t>
  </si>
  <si>
    <t>cg04132023</t>
  </si>
  <si>
    <t>cg04136781</t>
  </si>
  <si>
    <t>cg04138361</t>
  </si>
  <si>
    <t>cg04142955</t>
  </si>
  <si>
    <t>cg04148753</t>
  </si>
  <si>
    <t>cg04152866</t>
  </si>
  <si>
    <t>cg04172851</t>
  </si>
  <si>
    <t>cg04173139</t>
  </si>
  <si>
    <t>cg04186657</t>
  </si>
  <si>
    <t>cg04190475</t>
  </si>
  <si>
    <t>cg04191142</t>
  </si>
  <si>
    <t>cg04191297</t>
  </si>
  <si>
    <t>cg04199943</t>
  </si>
  <si>
    <t>cg04200224</t>
  </si>
  <si>
    <t>cg04202802</t>
  </si>
  <si>
    <t>cg04208237</t>
  </si>
  <si>
    <t>cg04221606</t>
  </si>
  <si>
    <t>cg04226062</t>
  </si>
  <si>
    <t>cg04226365</t>
  </si>
  <si>
    <t>cg04245693</t>
  </si>
  <si>
    <t>cg04249460</t>
  </si>
  <si>
    <t>cg04249522</t>
  </si>
  <si>
    <t>cg04249605</t>
  </si>
  <si>
    <t>cg04254454</t>
  </si>
  <si>
    <t>cg04263436</t>
  </si>
  <si>
    <t>cg04267000</t>
  </si>
  <si>
    <t>cg04271801</t>
  </si>
  <si>
    <t>cg04276370</t>
  </si>
  <si>
    <t>cg04278162</t>
  </si>
  <si>
    <t>cg04281069</t>
  </si>
  <si>
    <t>cg04285378</t>
  </si>
  <si>
    <t>cg04286337</t>
  </si>
  <si>
    <t>cg04290376</t>
  </si>
  <si>
    <t>cg04293778</t>
  </si>
  <si>
    <t>cg04295117</t>
  </si>
  <si>
    <t>cg04302946</t>
  </si>
  <si>
    <t>cg04314624</t>
  </si>
  <si>
    <t>cg04317841</t>
  </si>
  <si>
    <t>cg04318435</t>
  </si>
  <si>
    <t>cg04319464</t>
  </si>
  <si>
    <t>cg04322111</t>
  </si>
  <si>
    <t>cg04329454</t>
  </si>
  <si>
    <t>cg04330631</t>
  </si>
  <si>
    <t>cg04337342</t>
  </si>
  <si>
    <t>cg04337628</t>
  </si>
  <si>
    <t>cg04339523</t>
  </si>
  <si>
    <t>cg04343394</t>
  </si>
  <si>
    <t>cg04346459</t>
  </si>
  <si>
    <t>cg04353853</t>
  </si>
  <si>
    <t>cg04368067</t>
  </si>
  <si>
    <t>cg04369291</t>
  </si>
  <si>
    <t>cg04377145</t>
  </si>
  <si>
    <t>cg04386759</t>
  </si>
  <si>
    <t>cg04387073</t>
  </si>
  <si>
    <t>cg04395977</t>
  </si>
  <si>
    <t>cg04399615</t>
  </si>
  <si>
    <t>cg04406454</t>
  </si>
  <si>
    <t>cg04406910</t>
  </si>
  <si>
    <t>cg04407470</t>
  </si>
  <si>
    <t>cg04413724</t>
  </si>
  <si>
    <t>cg04417788</t>
  </si>
  <si>
    <t>cg04418355</t>
  </si>
  <si>
    <t>cg04433354</t>
  </si>
  <si>
    <t>cg04439696</t>
  </si>
  <si>
    <t>cg04442576</t>
  </si>
  <si>
    <t>cg04445988</t>
  </si>
  <si>
    <t>cg04447621</t>
  </si>
  <si>
    <t>cg04450994</t>
  </si>
  <si>
    <t>cg04459013</t>
  </si>
  <si>
    <t>cg04466022</t>
  </si>
  <si>
    <t>cg04466394</t>
  </si>
  <si>
    <t>cg04480383</t>
  </si>
  <si>
    <t>cg04497116</t>
  </si>
  <si>
    <t>cg04505252</t>
  </si>
  <si>
    <t>cg04506563</t>
  </si>
  <si>
    <t>cg04508687</t>
  </si>
  <si>
    <t>cg04512050</t>
  </si>
  <si>
    <t>cg04515996</t>
  </si>
  <si>
    <t>cg04516083</t>
  </si>
  <si>
    <t>cg04528217</t>
  </si>
  <si>
    <t>cg04529724</t>
  </si>
  <si>
    <t>cg04530460</t>
  </si>
  <si>
    <t>cg04537567</t>
  </si>
  <si>
    <t>cg04547588</t>
  </si>
  <si>
    <t>cg04547799</t>
  </si>
  <si>
    <t>cg04558174</t>
  </si>
  <si>
    <t>cg04573510</t>
  </si>
  <si>
    <t>cg04588248</t>
  </si>
  <si>
    <t>cg04598733</t>
  </si>
  <si>
    <t>cg04598744</t>
  </si>
  <si>
    <t>cg04603811</t>
  </si>
  <si>
    <t>cg04607261</t>
  </si>
  <si>
    <t>cg04612667</t>
  </si>
  <si>
    <t>cg04614173</t>
  </si>
  <si>
    <t>cg04616797</t>
  </si>
  <si>
    <t>cg04622772</t>
  </si>
  <si>
    <t>cg04623837</t>
  </si>
  <si>
    <t>cg04626451</t>
  </si>
  <si>
    <t>cg04628197</t>
  </si>
  <si>
    <t>cg04628434</t>
  </si>
  <si>
    <t>cg04628692</t>
  </si>
  <si>
    <t>cg04630292</t>
  </si>
  <si>
    <t>cg04651583</t>
  </si>
  <si>
    <t>cg04657639</t>
  </si>
  <si>
    <t>cg04658027</t>
  </si>
  <si>
    <t>cg04670802</t>
  </si>
  <si>
    <t>cg04678565</t>
  </si>
  <si>
    <t>cg04680393</t>
  </si>
  <si>
    <t>cg04689167</t>
  </si>
  <si>
    <t>cg04695233</t>
  </si>
  <si>
    <t>cg04729768</t>
  </si>
  <si>
    <t>cg04730314</t>
  </si>
  <si>
    <t>cg04744301</t>
  </si>
  <si>
    <t>cg04761653</t>
  </si>
  <si>
    <t>cg04762615</t>
  </si>
  <si>
    <t>cg04766529</t>
  </si>
  <si>
    <t>cg04769392</t>
  </si>
  <si>
    <t>cg04770813</t>
  </si>
  <si>
    <t>cg04774194</t>
  </si>
  <si>
    <t>cg04775710</t>
  </si>
  <si>
    <t>cg04780909</t>
  </si>
  <si>
    <t>cg04783204</t>
  </si>
  <si>
    <t>cg04784163</t>
  </si>
  <si>
    <t>cg04787078</t>
  </si>
  <si>
    <t>cg04787432</t>
  </si>
  <si>
    <t>cg04789839</t>
  </si>
  <si>
    <t>cg04796146</t>
  </si>
  <si>
    <t>cg04796181</t>
  </si>
  <si>
    <t>cg04805612</t>
  </si>
  <si>
    <t>cg04810065</t>
  </si>
  <si>
    <t>cg04815758</t>
  </si>
  <si>
    <t>cg04820679</t>
  </si>
  <si>
    <t>cg04825215</t>
  </si>
  <si>
    <t>cg04825872</t>
  </si>
  <si>
    <t>cg04843051</t>
  </si>
  <si>
    <t>cg04843946</t>
  </si>
  <si>
    <t>cg04851089</t>
  </si>
  <si>
    <t>cg04880558</t>
  </si>
  <si>
    <t>cg04883656</t>
  </si>
  <si>
    <t>cg04887859</t>
  </si>
  <si>
    <t>cg04889106</t>
  </si>
  <si>
    <t>cg04899492</t>
  </si>
  <si>
    <t>cg04906656</t>
  </si>
  <si>
    <t>cg04911280</t>
  </si>
  <si>
    <t>cg04913913</t>
  </si>
  <si>
    <t>cg04938317</t>
  </si>
  <si>
    <t>cg04940962</t>
  </si>
  <si>
    <t>cg04947136</t>
  </si>
  <si>
    <t>cg04949193</t>
  </si>
  <si>
    <t>cg04962282</t>
  </si>
  <si>
    <t>cg04964676</t>
  </si>
  <si>
    <t>cg04978078</t>
  </si>
  <si>
    <t>cg04978471</t>
  </si>
  <si>
    <t>cg05009934</t>
  </si>
  <si>
    <t>cg05020625</t>
  </si>
  <si>
    <t>cg05021923</t>
  </si>
  <si>
    <t>cg05025179</t>
  </si>
  <si>
    <t>cg05034464</t>
  </si>
  <si>
    <t>cg05037488</t>
  </si>
  <si>
    <t>cg05050482</t>
  </si>
  <si>
    <t>cg05057014</t>
  </si>
  <si>
    <t>cg05059304</t>
  </si>
  <si>
    <t>cg05076253</t>
  </si>
  <si>
    <t>cg05093836</t>
  </si>
  <si>
    <t>cg05101432</t>
  </si>
  <si>
    <t>cg05103231</t>
  </si>
  <si>
    <t>cg05103992</t>
  </si>
  <si>
    <t>cg05106897</t>
  </si>
  <si>
    <t>cg05115162</t>
  </si>
  <si>
    <t>cg05125483</t>
  </si>
  <si>
    <t>cg05131254</t>
  </si>
  <si>
    <t>cg05133205</t>
  </si>
  <si>
    <t>cg05140895</t>
  </si>
  <si>
    <t>cg05151867</t>
  </si>
  <si>
    <t>cg05167232</t>
  </si>
  <si>
    <t>cg05173611</t>
  </si>
  <si>
    <t>cg05174924</t>
  </si>
  <si>
    <t>cg05180471</t>
  </si>
  <si>
    <t>cg05181025</t>
  </si>
  <si>
    <t>cg05186755</t>
  </si>
  <si>
    <t>cg05187833</t>
  </si>
  <si>
    <t>cg05192974</t>
  </si>
  <si>
    <t>cg05194447</t>
  </si>
  <si>
    <t>cg05195756</t>
  </si>
  <si>
    <t>cg05200037</t>
  </si>
  <si>
    <t>cg05209770</t>
  </si>
  <si>
    <t>cg05215536</t>
  </si>
  <si>
    <t>cg05216862</t>
  </si>
  <si>
    <t>cg05224741</t>
  </si>
  <si>
    <t>cg05225038</t>
  </si>
  <si>
    <t>cg05225634</t>
  </si>
  <si>
    <t>cg05233674</t>
  </si>
  <si>
    <t>cg05233877</t>
  </si>
  <si>
    <t>cg05235884</t>
  </si>
  <si>
    <t>cg05237001</t>
  </si>
  <si>
    <t>cg05238905</t>
  </si>
  <si>
    <t>cg05239791</t>
  </si>
  <si>
    <t>cg05239811</t>
  </si>
  <si>
    <t>cg05243293</t>
  </si>
  <si>
    <t>cg05243705</t>
  </si>
  <si>
    <t>cg05246657</t>
  </si>
  <si>
    <t>cg05255807</t>
  </si>
  <si>
    <t>cg05257772</t>
  </si>
  <si>
    <t>cg05258214</t>
  </si>
  <si>
    <t>cg05258477</t>
  </si>
  <si>
    <t>cg05259507</t>
  </si>
  <si>
    <t>cg05261549</t>
  </si>
  <si>
    <t>cg05267740</t>
  </si>
  <si>
    <t>cg05267955</t>
  </si>
  <si>
    <t>cg05272556</t>
  </si>
  <si>
    <t>cg05282260</t>
  </si>
  <si>
    <t>cg05292460</t>
  </si>
  <si>
    <t>cg05298677</t>
  </si>
  <si>
    <t>cg05304507</t>
  </si>
  <si>
    <t>cg05310613</t>
  </si>
  <si>
    <t>cg05312353</t>
  </si>
  <si>
    <t>cg05326023</t>
  </si>
  <si>
    <t>cg05343073</t>
  </si>
  <si>
    <t>cg05349922</t>
  </si>
  <si>
    <t>cg05351087</t>
  </si>
  <si>
    <t>cg05360422</t>
  </si>
  <si>
    <t>cg05367967</t>
  </si>
  <si>
    <t>cg05371005</t>
  </si>
  <si>
    <t>cg05371064</t>
  </si>
  <si>
    <t>cg05379947</t>
  </si>
  <si>
    <t>cg05384135</t>
  </si>
  <si>
    <t>cg05385119</t>
  </si>
  <si>
    <t>cg05389236</t>
  </si>
  <si>
    <t>cg05393509</t>
  </si>
  <si>
    <t>cg05404698</t>
  </si>
  <si>
    <t>cg05427966</t>
  </si>
  <si>
    <t>cg05428770</t>
  </si>
  <si>
    <t>cg05428888</t>
  </si>
  <si>
    <t>cg05428912</t>
  </si>
  <si>
    <t>cg05434863</t>
  </si>
  <si>
    <t>cg05436760</t>
  </si>
  <si>
    <t>cg05437823</t>
  </si>
  <si>
    <t>cg05441937</t>
  </si>
  <si>
    <t>cg05446010</t>
  </si>
  <si>
    <t>cg05447008</t>
  </si>
  <si>
    <t>cg05452243</t>
  </si>
  <si>
    <t>cg05452406</t>
  </si>
  <si>
    <t>cg05458412</t>
  </si>
  <si>
    <t>cg05468429</t>
  </si>
  <si>
    <t>cg05472265</t>
  </si>
  <si>
    <t>cg05478631</t>
  </si>
  <si>
    <t>cg05491930</t>
  </si>
  <si>
    <t>cg05498103</t>
  </si>
  <si>
    <t>cg05499272</t>
  </si>
  <si>
    <t>cg05511689</t>
  </si>
  <si>
    <t>cg05513455</t>
  </si>
  <si>
    <t>cg05516942</t>
  </si>
  <si>
    <t>cg05526015</t>
  </si>
  <si>
    <t>cg05528533</t>
  </si>
  <si>
    <t>cg05532204</t>
  </si>
  <si>
    <t>cg05542986</t>
  </si>
  <si>
    <t>cg05544413</t>
  </si>
  <si>
    <t>cg05545172</t>
  </si>
  <si>
    <t>cg05564625</t>
  </si>
  <si>
    <t>cg05567646</t>
  </si>
  <si>
    <t>cg05575213</t>
  </si>
  <si>
    <t>cg05575273</t>
  </si>
  <si>
    <t>cg05583848</t>
  </si>
  <si>
    <t>cg05585551</t>
  </si>
  <si>
    <t>cg05587030</t>
  </si>
  <si>
    <t>cg05587282</t>
  </si>
  <si>
    <t>cg05591997</t>
  </si>
  <si>
    <t>cg05601917</t>
  </si>
  <si>
    <t>cg05607246</t>
  </si>
  <si>
    <t>cg05612654</t>
  </si>
  <si>
    <t>cg05625773</t>
  </si>
  <si>
    <t>cg05628366</t>
  </si>
  <si>
    <t>cg05632020</t>
  </si>
  <si>
    <t>cg05636177</t>
  </si>
  <si>
    <t>cg05643490</t>
  </si>
  <si>
    <t>cg05653604</t>
  </si>
  <si>
    <t>cg05667097</t>
  </si>
  <si>
    <t>cg05673638</t>
  </si>
  <si>
    <t>cg05674737</t>
  </si>
  <si>
    <t>cg05676377</t>
  </si>
  <si>
    <t>cg05680111</t>
  </si>
  <si>
    <t>cg05680710</t>
  </si>
  <si>
    <t>cg05681859</t>
  </si>
  <si>
    <t>cg05690360</t>
  </si>
  <si>
    <t>cg05693611</t>
  </si>
  <si>
    <t>cg05695995</t>
  </si>
  <si>
    <t>cg05696678</t>
  </si>
  <si>
    <t>cg05714552</t>
  </si>
  <si>
    <t>cg05722741</t>
  </si>
  <si>
    <t>cg05727691</t>
  </si>
  <si>
    <t>cg05728019</t>
  </si>
  <si>
    <t>cg05745748</t>
  </si>
  <si>
    <t>cg05750031</t>
  </si>
  <si>
    <t>cg05755900</t>
  </si>
  <si>
    <t>cg05764839</t>
  </si>
  <si>
    <t>cg05765371</t>
  </si>
  <si>
    <t>cg05767455</t>
  </si>
  <si>
    <t>cg05767720</t>
  </si>
  <si>
    <t>cg05783329</t>
  </si>
  <si>
    <t>cg05785394</t>
  </si>
  <si>
    <t>cg05789359</t>
  </si>
  <si>
    <t>cg05790551</t>
  </si>
  <si>
    <t>cg05796763</t>
  </si>
  <si>
    <t>cg05801338</t>
  </si>
  <si>
    <t>cg05811173</t>
  </si>
  <si>
    <t>cg05828005</t>
  </si>
  <si>
    <t>cg05830192</t>
  </si>
  <si>
    <t>cg05834378</t>
  </si>
  <si>
    <t>cg05839741</t>
  </si>
  <si>
    <t>cg05841219</t>
  </si>
  <si>
    <t>cg05853632</t>
  </si>
  <si>
    <t>cg05856399</t>
  </si>
  <si>
    <t>cg05864696</t>
  </si>
  <si>
    <t>cg05871781</t>
  </si>
  <si>
    <t>cg05871997</t>
  </si>
  <si>
    <t>cg05872513</t>
  </si>
  <si>
    <t>cg05873285</t>
  </si>
  <si>
    <t>cg05877648</t>
  </si>
  <si>
    <t>cg05879380</t>
  </si>
  <si>
    <t>cg05886241</t>
  </si>
  <si>
    <t>cg05890826</t>
  </si>
  <si>
    <t>cg05896563</t>
  </si>
  <si>
    <t>cg05897091</t>
  </si>
  <si>
    <t>cg05897465</t>
  </si>
  <si>
    <t>cg05917732</t>
  </si>
  <si>
    <t>cg05918376</t>
  </si>
  <si>
    <t>cg05920635</t>
  </si>
  <si>
    <t>cg05922610</t>
  </si>
  <si>
    <t>cg05922771</t>
  </si>
  <si>
    <t>cg05922961</t>
  </si>
  <si>
    <t>cg05923072</t>
  </si>
  <si>
    <t>cg05924652</t>
  </si>
  <si>
    <t>cg05931684</t>
  </si>
  <si>
    <t>cg05932791</t>
  </si>
  <si>
    <t>cg05936555</t>
  </si>
  <si>
    <t>cg05938671</t>
  </si>
  <si>
    <t>cg05941624</t>
  </si>
  <si>
    <t>cg05946856</t>
  </si>
  <si>
    <t>cg05950854</t>
  </si>
  <si>
    <t>cg05955802</t>
  </si>
  <si>
    <t>cg05956076</t>
  </si>
  <si>
    <t>cg05959834</t>
  </si>
  <si>
    <t>cg05960309</t>
  </si>
  <si>
    <t>cg05970434</t>
  </si>
  <si>
    <t>cg05971912</t>
  </si>
  <si>
    <t>cg05977558</t>
  </si>
  <si>
    <t>cg05987787</t>
  </si>
  <si>
    <t>cg05994148</t>
  </si>
  <si>
    <t>cg05996538</t>
  </si>
  <si>
    <t>cg05996795</t>
  </si>
  <si>
    <t>cg06000951</t>
  </si>
  <si>
    <t>cg06006401</t>
  </si>
  <si>
    <t>cg06011544</t>
  </si>
  <si>
    <t>cg06013735</t>
  </si>
  <si>
    <t>cg06015119</t>
  </si>
  <si>
    <t>cg06023661</t>
  </si>
  <si>
    <t>cg06025938</t>
  </si>
  <si>
    <t>cg06047828</t>
  </si>
  <si>
    <t>cg06049932</t>
  </si>
  <si>
    <t>cg06055730</t>
  </si>
  <si>
    <t>cg06056514</t>
  </si>
  <si>
    <t>cg06056949</t>
  </si>
  <si>
    <t>cg06058079</t>
  </si>
  <si>
    <t>cg06058923</t>
  </si>
  <si>
    <t>cg06060962</t>
  </si>
  <si>
    <t>cg06070958</t>
  </si>
  <si>
    <t>cg06087028</t>
  </si>
  <si>
    <t>cg06088360</t>
  </si>
  <si>
    <t>cg06099048</t>
  </si>
  <si>
    <t>cg06103642</t>
  </si>
  <si>
    <t>cg06105867</t>
  </si>
  <si>
    <t>cg06113789</t>
  </si>
  <si>
    <t>cg06122871</t>
  </si>
  <si>
    <t>cg06133459</t>
  </si>
  <si>
    <t>cg06140670</t>
  </si>
  <si>
    <t>cg06140764</t>
  </si>
  <si>
    <t>cg06150925</t>
  </si>
  <si>
    <t>cg06151683</t>
  </si>
  <si>
    <t>cg06157170</t>
  </si>
  <si>
    <t>cg06169557</t>
  </si>
  <si>
    <t>cg06170053</t>
  </si>
  <si>
    <t>cg06170922</t>
  </si>
  <si>
    <t>cg06171076</t>
  </si>
  <si>
    <t>cg06172235</t>
  </si>
  <si>
    <t>cg06173103</t>
  </si>
  <si>
    <t>cg06181518</t>
  </si>
  <si>
    <t>cg06187770</t>
  </si>
  <si>
    <t>cg06197760</t>
  </si>
  <si>
    <t>cg06204482</t>
  </si>
  <si>
    <t>cg06205432</t>
  </si>
  <si>
    <t>cg06213964</t>
  </si>
  <si>
    <t>cg06237501</t>
  </si>
  <si>
    <t>cg06239170</t>
  </si>
  <si>
    <t>cg06243452</t>
  </si>
  <si>
    <t>cg06251420</t>
  </si>
  <si>
    <t>cg06273041</t>
  </si>
  <si>
    <t>cg06279128</t>
  </si>
  <si>
    <t>cg06288253</t>
  </si>
  <si>
    <t>cg06296503</t>
  </si>
  <si>
    <t>cg06303288</t>
  </si>
  <si>
    <t>cg06307212</t>
  </si>
  <si>
    <t>cg06314658</t>
  </si>
  <si>
    <t>cg06316695</t>
  </si>
  <si>
    <t>cg06321045</t>
  </si>
  <si>
    <t>cg06336221</t>
  </si>
  <si>
    <t>cg06337230</t>
  </si>
  <si>
    <t>cg06341189</t>
  </si>
  <si>
    <t>cg06346207</t>
  </si>
  <si>
    <t>cg06347083</t>
  </si>
  <si>
    <t>cg06361403</t>
  </si>
  <si>
    <t>cg06375761</t>
  </si>
  <si>
    <t>cg06384533</t>
  </si>
  <si>
    <t>cg06392169</t>
  </si>
  <si>
    <t>cg06395414</t>
  </si>
  <si>
    <t>cg06401021</t>
  </si>
  <si>
    <t>cg06407709</t>
  </si>
  <si>
    <t>cg06409824</t>
  </si>
  <si>
    <t>cg06414854</t>
  </si>
  <si>
    <t>cg06418131</t>
  </si>
  <si>
    <t>cg06425593</t>
  </si>
  <si>
    <t>cg06430632</t>
  </si>
  <si>
    <t>cg06432342</t>
  </si>
  <si>
    <t>cg06434997</t>
  </si>
  <si>
    <t>cg06435046</t>
  </si>
  <si>
    <t>cg06437222</t>
  </si>
  <si>
    <t>cg06444195</t>
  </si>
  <si>
    <t>cg06460587</t>
  </si>
  <si>
    <t>cg06463958</t>
  </si>
  <si>
    <t>cg06471678</t>
  </si>
  <si>
    <t>cg06473276</t>
  </si>
  <si>
    <t>cg06478173</t>
  </si>
  <si>
    <t>cg06482498</t>
  </si>
  <si>
    <t>cg06493072</t>
  </si>
  <si>
    <t>cg06497198</t>
  </si>
  <si>
    <t>cg06500337</t>
  </si>
  <si>
    <t>cg06500355</t>
  </si>
  <si>
    <t>cg06501113</t>
  </si>
  <si>
    <t>cg06503907</t>
  </si>
  <si>
    <t>cg06512858</t>
  </si>
  <si>
    <t>cg06515771</t>
  </si>
  <si>
    <t>cg06529343</t>
  </si>
  <si>
    <t>cg06531943</t>
  </si>
  <si>
    <t>cg06533244</t>
  </si>
  <si>
    <t>cg06535115</t>
  </si>
  <si>
    <t>cg06535942</t>
  </si>
  <si>
    <t>cg06540876</t>
  </si>
  <si>
    <t>cg06555155</t>
  </si>
  <si>
    <t>cg06558014</t>
  </si>
  <si>
    <t>cg06566039</t>
  </si>
  <si>
    <t>cg06577045</t>
  </si>
  <si>
    <t>cg06580371</t>
  </si>
  <si>
    <t>cg06590170</t>
  </si>
  <si>
    <t>cg06599543</t>
  </si>
  <si>
    <t>cg06608112</t>
  </si>
  <si>
    <t>cg06610484</t>
  </si>
  <si>
    <t>cg06610850</t>
  </si>
  <si>
    <t>cg06618123</t>
  </si>
  <si>
    <t>cg06623698</t>
  </si>
  <si>
    <t>cg06630455</t>
  </si>
  <si>
    <t>cg06635392</t>
  </si>
  <si>
    <t>cg06636203</t>
  </si>
  <si>
    <t>cg06638568</t>
  </si>
  <si>
    <t>cg06638787</t>
  </si>
  <si>
    <t>cg06642177</t>
  </si>
  <si>
    <t>cg06657721</t>
  </si>
  <si>
    <t>cg06658237</t>
  </si>
  <si>
    <t>cg06664023</t>
  </si>
  <si>
    <t>cg06671577</t>
  </si>
  <si>
    <t>cg06680214</t>
  </si>
  <si>
    <t>cg06690735</t>
  </si>
  <si>
    <t>cg06693277</t>
  </si>
  <si>
    <t>cg06706024</t>
  </si>
  <si>
    <t>cg06706183</t>
  </si>
  <si>
    <t>cg06706454</t>
  </si>
  <si>
    <t>cg06708562</t>
  </si>
  <si>
    <t>cg06710082</t>
  </si>
  <si>
    <t>cg06713521</t>
  </si>
  <si>
    <t>cg06733311</t>
  </si>
  <si>
    <t>cg06739664</t>
  </si>
  <si>
    <t>cg06753439</t>
  </si>
  <si>
    <t>cg06759058</t>
  </si>
  <si>
    <t>cg06759739</t>
  </si>
  <si>
    <t>cg06768644</t>
  </si>
  <si>
    <t>cg06789667</t>
  </si>
  <si>
    <t>cg06792358</t>
  </si>
  <si>
    <t>cg06797525</t>
  </si>
  <si>
    <t>cg06802599</t>
  </si>
  <si>
    <t>cg06812668</t>
  </si>
  <si>
    <t>cg06814856</t>
  </si>
  <si>
    <t>cg06815976</t>
  </si>
  <si>
    <t>cg06824720</t>
  </si>
  <si>
    <t>cg06824988</t>
  </si>
  <si>
    <t>cg06831919</t>
  </si>
  <si>
    <t>cg06839777</t>
  </si>
  <si>
    <t>cg06849349</t>
  </si>
  <si>
    <t>cg06849960</t>
  </si>
  <si>
    <t>cg06866163</t>
  </si>
  <si>
    <t>cg06866400</t>
  </si>
  <si>
    <t>cg06870868</t>
  </si>
  <si>
    <t>cg06871863</t>
  </si>
  <si>
    <t>cg06876672</t>
  </si>
  <si>
    <t>cg06879394</t>
  </si>
  <si>
    <t>cg06880028</t>
  </si>
  <si>
    <t>cg06884679</t>
  </si>
  <si>
    <t>cg06889339</t>
  </si>
  <si>
    <t>cg06891282</t>
  </si>
  <si>
    <t>cg06892152</t>
  </si>
  <si>
    <t>cg06892439</t>
  </si>
  <si>
    <t>cg06895349</t>
  </si>
  <si>
    <t>cg06897264</t>
  </si>
  <si>
    <t>cg06898306</t>
  </si>
  <si>
    <t>cg06904548</t>
  </si>
  <si>
    <t>cg06913228</t>
  </si>
  <si>
    <t>cg06917231</t>
  </si>
  <si>
    <t>cg06919790</t>
  </si>
  <si>
    <t>cg06921943</t>
  </si>
  <si>
    <t>cg06924878</t>
  </si>
  <si>
    <t>cg06925530</t>
  </si>
  <si>
    <t>cg06928741</t>
  </si>
  <si>
    <t>cg06937024</t>
  </si>
  <si>
    <t>cg06946213</t>
  </si>
  <si>
    <t>cg06952471</t>
  </si>
  <si>
    <t>cg06953601</t>
  </si>
  <si>
    <t>cg06979645</t>
  </si>
  <si>
    <t>cg06985640</t>
  </si>
  <si>
    <t>cg06987936</t>
  </si>
  <si>
    <t>cg06988236</t>
  </si>
  <si>
    <t>cg06993041</t>
  </si>
  <si>
    <t>cg06993703</t>
  </si>
  <si>
    <t>cg07002622</t>
  </si>
  <si>
    <t>cg07013326</t>
  </si>
  <si>
    <t>cg07014308</t>
  </si>
  <si>
    <t>cg07015190</t>
  </si>
  <si>
    <t>cg07016276</t>
  </si>
  <si>
    <t>cg07017114</t>
  </si>
  <si>
    <t>cg07023926</t>
  </si>
  <si>
    <t>cg07028914</t>
  </si>
  <si>
    <t>cg07036370</t>
  </si>
  <si>
    <t>cg07036412</t>
  </si>
  <si>
    <t>cg07037004</t>
  </si>
  <si>
    <t>cg07041218</t>
  </si>
  <si>
    <t>cg07052986</t>
  </si>
  <si>
    <t>cg07061783</t>
  </si>
  <si>
    <t>cg07063325</t>
  </si>
  <si>
    <t>cg07077459</t>
  </si>
  <si>
    <t>cg07078789</t>
  </si>
  <si>
    <t>cg07083902</t>
  </si>
  <si>
    <t>cg07090714</t>
  </si>
  <si>
    <t>cg07094194</t>
  </si>
  <si>
    <t>cg07096305</t>
  </si>
  <si>
    <t>cg07098566</t>
  </si>
  <si>
    <t>cg07111721</t>
  </si>
  <si>
    <t>cg07112531</t>
  </si>
  <si>
    <t>cg07120346</t>
  </si>
  <si>
    <t>cg07122553</t>
  </si>
  <si>
    <t>cg07124687</t>
  </si>
  <si>
    <t>cg07136949</t>
  </si>
  <si>
    <t>cg07138603</t>
  </si>
  <si>
    <t>cg07139946</t>
  </si>
  <si>
    <t>cg07140158</t>
  </si>
  <si>
    <t>cg07142893</t>
  </si>
  <si>
    <t>cg07145664</t>
  </si>
  <si>
    <t>cg07148038</t>
  </si>
  <si>
    <t>cg07148341</t>
  </si>
  <si>
    <t>cg07151644</t>
  </si>
  <si>
    <t>cg07156929</t>
  </si>
  <si>
    <t>cg07172036</t>
  </si>
  <si>
    <t>cg07178031</t>
  </si>
  <si>
    <t>cg07181175</t>
  </si>
  <si>
    <t>cg07182756</t>
  </si>
  <si>
    <t>cg07187855</t>
  </si>
  <si>
    <t>cg07191518</t>
  </si>
  <si>
    <t>cg07196285</t>
  </si>
  <si>
    <t>cg07198887</t>
  </si>
  <si>
    <t>cg07213720</t>
  </si>
  <si>
    <t>cg07218663</t>
  </si>
  <si>
    <t>cg07219955</t>
  </si>
  <si>
    <t>cg07220782</t>
  </si>
  <si>
    <t>cg07222604</t>
  </si>
  <si>
    <t>cg07223713</t>
  </si>
  <si>
    <t>cg07227350</t>
  </si>
  <si>
    <t>cg07237939</t>
  </si>
  <si>
    <t>cg07241170</t>
  </si>
  <si>
    <t>cg07241479</t>
  </si>
  <si>
    <t>cg07248136</t>
  </si>
  <si>
    <t>cg07251193</t>
  </si>
  <si>
    <t>cg07257824</t>
  </si>
  <si>
    <t>cg07266126</t>
  </si>
  <si>
    <t>cg07267782</t>
  </si>
  <si>
    <t>cg07272690</t>
  </si>
  <si>
    <t>cg07287258</t>
  </si>
  <si>
    <t>cg07292773</t>
  </si>
  <si>
    <t>cg07298081</t>
  </si>
  <si>
    <t>cg07298875</t>
  </si>
  <si>
    <t>cg07303012</t>
  </si>
  <si>
    <t>cg07306299</t>
  </si>
  <si>
    <t>cg07310318</t>
  </si>
  <si>
    <t>cg07325529</t>
  </si>
  <si>
    <t>cg07333905</t>
  </si>
  <si>
    <t>cg07336230</t>
  </si>
  <si>
    <t>cg07348708</t>
  </si>
  <si>
    <t>cg07348922</t>
  </si>
  <si>
    <t>cg07355392</t>
  </si>
  <si>
    <t>cg07360021</t>
  </si>
  <si>
    <t>cg07399094</t>
  </si>
  <si>
    <t>cg07402724</t>
  </si>
  <si>
    <t>cg07403338</t>
  </si>
  <si>
    <t>cg07411432</t>
  </si>
  <si>
    <t>cg07414239</t>
  </si>
  <si>
    <t>cg07415687</t>
  </si>
  <si>
    <t>cg07417146</t>
  </si>
  <si>
    <t>cg07425090</t>
  </si>
  <si>
    <t>cg07434707</t>
  </si>
  <si>
    <t>cg07439975</t>
  </si>
  <si>
    <t>cg07455790</t>
  </si>
  <si>
    <t>cg07460894</t>
  </si>
  <si>
    <t>cg07471462</t>
  </si>
  <si>
    <t>cg07472579</t>
  </si>
  <si>
    <t>cg07481320</t>
  </si>
  <si>
    <t>cg07482870</t>
  </si>
  <si>
    <t>cg07485685</t>
  </si>
  <si>
    <t>cg07490151</t>
  </si>
  <si>
    <t>cg07512236</t>
  </si>
  <si>
    <t>cg07515565</t>
  </si>
  <si>
    <t>cg07518714</t>
  </si>
  <si>
    <t>cg07519536</t>
  </si>
  <si>
    <t>cg07522644</t>
  </si>
  <si>
    <t>cg07524919</t>
  </si>
  <si>
    <t>cg07538515</t>
  </si>
  <si>
    <t>cg07544639</t>
  </si>
  <si>
    <t>cg07544796</t>
  </si>
  <si>
    <t>cg07545948</t>
  </si>
  <si>
    <t>cg07549551</t>
  </si>
  <si>
    <t>cg07561610</t>
  </si>
  <si>
    <t>cg07563723</t>
  </si>
  <si>
    <t>cg07570257</t>
  </si>
  <si>
    <t>cg07574896</t>
  </si>
  <si>
    <t>cg07578070</t>
  </si>
  <si>
    <t>cg07601536</t>
  </si>
  <si>
    <t>cg07608094</t>
  </si>
  <si>
    <t>cg07628233</t>
  </si>
  <si>
    <t>cg07630035</t>
  </si>
  <si>
    <t>cg07635623</t>
  </si>
  <si>
    <t>cg07636095</t>
  </si>
  <si>
    <t>cg07638362</t>
  </si>
  <si>
    <t>cg07641160</t>
  </si>
  <si>
    <t>cg07657521</t>
  </si>
  <si>
    <t>cg07660862</t>
  </si>
  <si>
    <t>cg07689821</t>
  </si>
  <si>
    <t>cg07693813</t>
  </si>
  <si>
    <t>cg07714812</t>
  </si>
  <si>
    <t>cg07723322</t>
  </si>
  <si>
    <t>cg07723510</t>
  </si>
  <si>
    <t>cg07724309</t>
  </si>
  <si>
    <t>cg07726474</t>
  </si>
  <si>
    <t>cg07732143</t>
  </si>
  <si>
    <t>cg07739478</t>
  </si>
  <si>
    <t>cg07740693</t>
  </si>
  <si>
    <t>cg07746998</t>
  </si>
  <si>
    <t>cg07750638</t>
  </si>
  <si>
    <t>cg07750706</t>
  </si>
  <si>
    <t>cg07755653</t>
  </si>
  <si>
    <t>cg07766779</t>
  </si>
  <si>
    <t>cg07790342</t>
  </si>
  <si>
    <t>cg07791404</t>
  </si>
  <si>
    <t>cg07791578</t>
  </si>
  <si>
    <t>cg07797068</t>
  </si>
  <si>
    <t>cg07798131</t>
  </si>
  <si>
    <t>cg07804773</t>
  </si>
  <si>
    <t>cg07807409</t>
  </si>
  <si>
    <t>cg07816366</t>
  </si>
  <si>
    <t>cg07820359</t>
  </si>
  <si>
    <t>cg07834592</t>
  </si>
  <si>
    <t>cg07838603</t>
  </si>
  <si>
    <t>cg07839336</t>
  </si>
  <si>
    <t>cg07841357</t>
  </si>
  <si>
    <t>cg07843056</t>
  </si>
  <si>
    <t>cg07855967</t>
  </si>
  <si>
    <t>cg07876823</t>
  </si>
  <si>
    <t>cg07877852</t>
  </si>
  <si>
    <t>cg07883457</t>
  </si>
  <si>
    <t>cg07888856</t>
  </si>
  <si>
    <t>cg07889420</t>
  </si>
  <si>
    <t>cg07889936</t>
  </si>
  <si>
    <t>cg07898446</t>
  </si>
  <si>
    <t>cg07900281</t>
  </si>
  <si>
    <t>cg07906941</t>
  </si>
  <si>
    <t>cg07909292</t>
  </si>
  <si>
    <t>cg07910050</t>
  </si>
  <si>
    <t>cg07914959</t>
  </si>
  <si>
    <t>cg07923390</t>
  </si>
  <si>
    <t>cg07935151</t>
  </si>
  <si>
    <t>cg07936037</t>
  </si>
  <si>
    <t>cg07937453</t>
  </si>
  <si>
    <t>cg07939626</t>
  </si>
  <si>
    <t>cg07940485</t>
  </si>
  <si>
    <t>cg07941301</t>
  </si>
  <si>
    <t>cg07942273</t>
  </si>
  <si>
    <t>cg07955457</t>
  </si>
  <si>
    <t>cg07967630</t>
  </si>
  <si>
    <t>cg07973435</t>
  </si>
  <si>
    <t>cg07974853</t>
  </si>
  <si>
    <t>cg07977374</t>
  </si>
  <si>
    <t>cg07979747</t>
  </si>
  <si>
    <t>cg07985704</t>
  </si>
  <si>
    <t>cg07986385</t>
  </si>
  <si>
    <t>cg07990511</t>
  </si>
  <si>
    <t>cg07995179</t>
  </si>
  <si>
    <t>cg08001895</t>
  </si>
  <si>
    <t>cg08013114</t>
  </si>
  <si>
    <t>cg08029996</t>
  </si>
  <si>
    <t>cg08039050</t>
  </si>
  <si>
    <t>cg08039823</t>
  </si>
  <si>
    <t>cg08044366</t>
  </si>
  <si>
    <t>cg08047889</t>
  </si>
  <si>
    <t>cg08049061</t>
  </si>
  <si>
    <t>cg08051310</t>
  </si>
  <si>
    <t>cg08062329</t>
  </si>
  <si>
    <t>cg08062387</t>
  </si>
  <si>
    <t>cg08067404</t>
  </si>
  <si>
    <t>cg08071329</t>
  </si>
  <si>
    <t>cg08073009</t>
  </si>
  <si>
    <t>cg08075604</t>
  </si>
  <si>
    <t>cg08076532</t>
  </si>
  <si>
    <t>cg08081524</t>
  </si>
  <si>
    <t>cg08084692</t>
  </si>
  <si>
    <t>cg08087125</t>
  </si>
  <si>
    <t>cg08089031</t>
  </si>
  <si>
    <t>cg08105748</t>
  </si>
  <si>
    <t>cg08106148</t>
  </si>
  <si>
    <t>cg08106661</t>
  </si>
  <si>
    <t>cg08117800</t>
  </si>
  <si>
    <t>cg08122663</t>
  </si>
  <si>
    <t>cg08123207</t>
  </si>
  <si>
    <t>cg08124791</t>
  </si>
  <si>
    <t>cg08149789</t>
  </si>
  <si>
    <t>cg08154348</t>
  </si>
  <si>
    <t>cg08155050</t>
  </si>
  <si>
    <t>cg08163199</t>
  </si>
  <si>
    <t>cg08170869</t>
  </si>
  <si>
    <t>cg08172044</t>
  </si>
  <si>
    <t>cg08173520</t>
  </si>
  <si>
    <t>cg08179530</t>
  </si>
  <si>
    <t>cg08180257</t>
  </si>
  <si>
    <t>cg08181751</t>
  </si>
  <si>
    <t>cg08186384</t>
  </si>
  <si>
    <t>cg08186900</t>
  </si>
  <si>
    <t>cg08194384</t>
  </si>
  <si>
    <t>cg08194879</t>
  </si>
  <si>
    <t>cg08198132</t>
  </si>
  <si>
    <t>cg08211306</t>
  </si>
  <si>
    <t>cg08226747</t>
  </si>
  <si>
    <t>cg08227385</t>
  </si>
  <si>
    <t>cg08228596</t>
  </si>
  <si>
    <t>cg08230059</t>
  </si>
  <si>
    <t>cg08231603</t>
  </si>
  <si>
    <t>cg08251064</t>
  </si>
  <si>
    <t>cg08259472</t>
  </si>
  <si>
    <t>cg08267698</t>
  </si>
  <si>
    <t>cg08276125</t>
  </si>
  <si>
    <t>cg08276412</t>
  </si>
  <si>
    <t>cg08276455</t>
  </si>
  <si>
    <t>cg08277746</t>
  </si>
  <si>
    <t>cg08281556</t>
  </si>
  <si>
    <t>cg08283682</t>
  </si>
  <si>
    <t>cg08287994</t>
  </si>
  <si>
    <t>cg08289063</t>
  </si>
  <si>
    <t>cg08290850</t>
  </si>
  <si>
    <t>cg08290993</t>
  </si>
  <si>
    <t>cg08298587</t>
  </si>
  <si>
    <t>cg08312215</t>
  </si>
  <si>
    <t>cg08312626</t>
  </si>
  <si>
    <t>cg08319332</t>
  </si>
  <si>
    <t>cg08319422</t>
  </si>
  <si>
    <t>cg08320628</t>
  </si>
  <si>
    <t>cg08325845</t>
  </si>
  <si>
    <t>cg08330404</t>
  </si>
  <si>
    <t>cg08336315</t>
  </si>
  <si>
    <t>cg08342332</t>
  </si>
  <si>
    <t>cg08342886</t>
  </si>
  <si>
    <t>cg08343881</t>
  </si>
  <si>
    <t>cg08344081</t>
  </si>
  <si>
    <t>cg08351785</t>
  </si>
  <si>
    <t>cg08363684</t>
  </si>
  <si>
    <t>cg08368654</t>
  </si>
  <si>
    <t>cg08373528</t>
  </si>
  <si>
    <t>cg08375234</t>
  </si>
  <si>
    <t>cg08377819</t>
  </si>
  <si>
    <t>cg08383338</t>
  </si>
  <si>
    <t>cg08384314</t>
  </si>
  <si>
    <t>cg08389577</t>
  </si>
  <si>
    <t>cg08392123</t>
  </si>
  <si>
    <t>cg08392126</t>
  </si>
  <si>
    <t>cg08393660</t>
  </si>
  <si>
    <t>cg08400844</t>
  </si>
  <si>
    <t>cg08404201</t>
  </si>
  <si>
    <t>cg08405219</t>
  </si>
  <si>
    <t>cg08412941</t>
  </si>
  <si>
    <t>cg08415417</t>
  </si>
  <si>
    <t>cg08421271</t>
  </si>
  <si>
    <t>cg08424749</t>
  </si>
  <si>
    <t>cg08439970</t>
  </si>
  <si>
    <t>cg08453194</t>
  </si>
  <si>
    <t>cg08457790</t>
  </si>
  <si>
    <t>cg08462675</t>
  </si>
  <si>
    <t>cg08469255</t>
  </si>
  <si>
    <t>cg08472222</t>
  </si>
  <si>
    <t>cg08472398</t>
  </si>
  <si>
    <t>cg08489432</t>
  </si>
  <si>
    <t>cg08492886</t>
  </si>
  <si>
    <t>cg08513472</t>
  </si>
  <si>
    <t>cg08521178</t>
  </si>
  <si>
    <t>cg08540307</t>
  </si>
  <si>
    <t>cg08540840</t>
  </si>
  <si>
    <t>cg08541345</t>
  </si>
  <si>
    <t>cg08542865</t>
  </si>
  <si>
    <t>cg08548095</t>
  </si>
  <si>
    <t>cg08548396</t>
  </si>
  <si>
    <t>cg08550317</t>
  </si>
  <si>
    <t>cg08550353</t>
  </si>
  <si>
    <t>cg08550588</t>
  </si>
  <si>
    <t>cg08551680</t>
  </si>
  <si>
    <t>cg08556822</t>
  </si>
  <si>
    <t>cg08567382</t>
  </si>
  <si>
    <t>cg08573270</t>
  </si>
  <si>
    <t>cg08577517</t>
  </si>
  <si>
    <t>cg08586014</t>
  </si>
  <si>
    <t>cg08586066</t>
  </si>
  <si>
    <t>cg08587415</t>
  </si>
  <si>
    <t>cg08588744</t>
  </si>
  <si>
    <t>cg08597764</t>
  </si>
  <si>
    <t>cg08598483</t>
  </si>
  <si>
    <t>cg08614771</t>
  </si>
  <si>
    <t>cg08617970</t>
  </si>
  <si>
    <t>cg08623515</t>
  </si>
  <si>
    <t>cg08624648</t>
  </si>
  <si>
    <t>cg08624680</t>
  </si>
  <si>
    <t>cg08625380</t>
  </si>
  <si>
    <t>cg08625990</t>
  </si>
  <si>
    <t>cg08628584</t>
  </si>
  <si>
    <t>cg08633085</t>
  </si>
  <si>
    <t>cg08634157</t>
  </si>
  <si>
    <t>cg08634229</t>
  </si>
  <si>
    <t>cg08639402</t>
  </si>
  <si>
    <t>cg08640634</t>
  </si>
  <si>
    <t>cg08644612</t>
  </si>
  <si>
    <t>cg08645720</t>
  </si>
  <si>
    <t>cg08650320</t>
  </si>
  <si>
    <t>cg08650890</t>
  </si>
  <si>
    <t>cg08656770</t>
  </si>
  <si>
    <t>cg08665193</t>
  </si>
  <si>
    <t>cg08665801</t>
  </si>
  <si>
    <t>cg08669361</t>
  </si>
  <si>
    <t>cg08676600</t>
  </si>
  <si>
    <t>cg08681110</t>
  </si>
  <si>
    <t>cg08693231</t>
  </si>
  <si>
    <t>cg08713367</t>
  </si>
  <si>
    <t>cg08718230</t>
  </si>
  <si>
    <t>cg08727218</t>
  </si>
  <si>
    <t>cg08727957</t>
  </si>
  <si>
    <t>cg08733522</t>
  </si>
  <si>
    <t>cg08737094</t>
  </si>
  <si>
    <t>cg08744878</t>
  </si>
  <si>
    <t>cg08754317</t>
  </si>
  <si>
    <t>cg08754725</t>
  </si>
  <si>
    <t>cg08759960</t>
  </si>
  <si>
    <t>cg08765806</t>
  </si>
  <si>
    <t>cg08767715</t>
  </si>
  <si>
    <t>cg08772265</t>
  </si>
  <si>
    <t>cg08782481</t>
  </si>
  <si>
    <t>cg08787622</t>
  </si>
  <si>
    <t>cg08791234</t>
  </si>
  <si>
    <t>cg08792185</t>
  </si>
  <si>
    <t>cg08798184</t>
  </si>
  <si>
    <t>cg08799173</t>
  </si>
  <si>
    <t>cg08801479</t>
  </si>
  <si>
    <t>cg08802652</t>
  </si>
  <si>
    <t>cg08812108</t>
  </si>
  <si>
    <t>cg08827322</t>
  </si>
  <si>
    <t>cg08838136</t>
  </si>
  <si>
    <t>cg08849330</t>
  </si>
  <si>
    <t>cg08851851</t>
  </si>
  <si>
    <t>cg08852943</t>
  </si>
  <si>
    <t>cg08856920</t>
  </si>
  <si>
    <t>cg08857063</t>
  </si>
  <si>
    <t>cg08858649</t>
  </si>
  <si>
    <t>cg08859635</t>
  </si>
  <si>
    <t>cg08864245</t>
  </si>
  <si>
    <t>cg08864645</t>
  </si>
  <si>
    <t>cg08865097</t>
  </si>
  <si>
    <t>cg08866144</t>
  </si>
  <si>
    <t>cg08866665</t>
  </si>
  <si>
    <t>cg08866794</t>
  </si>
  <si>
    <t>cg08873424</t>
  </si>
  <si>
    <t>cg08880054</t>
  </si>
  <si>
    <t>cg08886973</t>
  </si>
  <si>
    <t>cg08887400</t>
  </si>
  <si>
    <t>cg08893449</t>
  </si>
  <si>
    <t>cg08898442</t>
  </si>
  <si>
    <t>cg08899786</t>
  </si>
  <si>
    <t>cg08908855</t>
  </si>
  <si>
    <t>cg08911638</t>
  </si>
  <si>
    <t>cg08912051</t>
  </si>
  <si>
    <t>cg08920807</t>
  </si>
  <si>
    <t>cg08933227</t>
  </si>
  <si>
    <t>cg08946532</t>
  </si>
  <si>
    <t>cg08946615</t>
  </si>
  <si>
    <t>cg08948820</t>
  </si>
  <si>
    <t>cg08955651</t>
  </si>
  <si>
    <t>cg08956463</t>
  </si>
  <si>
    <t>cg08957069</t>
  </si>
  <si>
    <t>cg08958294</t>
  </si>
  <si>
    <t>cg08961047</t>
  </si>
  <si>
    <t>cg08970011</t>
  </si>
  <si>
    <t>cg08975528</t>
  </si>
  <si>
    <t>cg08977390</t>
  </si>
  <si>
    <t>cg08979319</t>
  </si>
  <si>
    <t>cg08984686</t>
  </si>
  <si>
    <t>cg08985785</t>
  </si>
  <si>
    <t>cg08994658</t>
  </si>
  <si>
    <t>cg08999962</t>
  </si>
  <si>
    <t>cg09001226</t>
  </si>
  <si>
    <t>cg09002836</t>
  </si>
  <si>
    <t>cg09003527</t>
  </si>
  <si>
    <t>cg09004581</t>
  </si>
  <si>
    <t>cg09006592</t>
  </si>
  <si>
    <t>cg09015028</t>
  </si>
  <si>
    <t>cg09032630</t>
  </si>
  <si>
    <t>cg09038794</t>
  </si>
  <si>
    <t>cg09048084</t>
  </si>
  <si>
    <t>cg09048334</t>
  </si>
  <si>
    <t>cg09060588</t>
  </si>
  <si>
    <t>cg09061824</t>
  </si>
  <si>
    <t>cg09080523</t>
  </si>
  <si>
    <t>cg09081596</t>
  </si>
  <si>
    <t>cg09085842</t>
  </si>
  <si>
    <t>cg09086201</t>
  </si>
  <si>
    <t>cg09086442</t>
  </si>
  <si>
    <t>cg09103184</t>
  </si>
  <si>
    <t>cg09107912</t>
  </si>
  <si>
    <t>cg09108797</t>
  </si>
  <si>
    <t>cg09112371</t>
  </si>
  <si>
    <t>cg09112623</t>
  </si>
  <si>
    <t>cg09114581</t>
  </si>
  <si>
    <t>cg09115485</t>
  </si>
  <si>
    <t>cg09127400</t>
  </si>
  <si>
    <t>cg09130162</t>
  </si>
  <si>
    <t>cg09148084</t>
  </si>
  <si>
    <t>cg09151979</t>
  </si>
  <si>
    <t>cg09179008</t>
  </si>
  <si>
    <t>cg09179646</t>
  </si>
  <si>
    <t>cg09184730</t>
  </si>
  <si>
    <t>cg09184832</t>
  </si>
  <si>
    <t>cg09187505</t>
  </si>
  <si>
    <t>cg09188484</t>
  </si>
  <si>
    <t>cg09191810</t>
  </si>
  <si>
    <t>cg09194778</t>
  </si>
  <si>
    <t>cg09199072</t>
  </si>
  <si>
    <t>cg09202319</t>
  </si>
  <si>
    <t>cg09203382</t>
  </si>
  <si>
    <t>cg09209803</t>
  </si>
  <si>
    <t>cg09214616</t>
  </si>
  <si>
    <t>cg09221482</t>
  </si>
  <si>
    <t>cg09227138</t>
  </si>
  <si>
    <t>cg09228194</t>
  </si>
  <si>
    <t>cg09230467</t>
  </si>
  <si>
    <t>cg09233791</t>
  </si>
  <si>
    <t>cg09238312</t>
  </si>
  <si>
    <t>cg09241284</t>
  </si>
  <si>
    <t>cg09247949</t>
  </si>
  <si>
    <t>cg09251292</t>
  </si>
  <si>
    <t>cg09251771</t>
  </si>
  <si>
    <t>cg09259037</t>
  </si>
  <si>
    <t>cg09262230</t>
  </si>
  <si>
    <t>cg09265315</t>
  </si>
  <si>
    <t>cg09279942</t>
  </si>
  <si>
    <t>cg09284708</t>
  </si>
  <si>
    <t>cg09288470</t>
  </si>
  <si>
    <t>cg09288780</t>
  </si>
  <si>
    <t>cg09295542</t>
  </si>
  <si>
    <t>cg09295695</t>
  </si>
  <si>
    <t>cg09296453</t>
  </si>
  <si>
    <t>cg09297468</t>
  </si>
  <si>
    <t>cg09303159</t>
  </si>
  <si>
    <t>cg09313931</t>
  </si>
  <si>
    <t>cg09315391</t>
  </si>
  <si>
    <t>cg09318120</t>
  </si>
  <si>
    <t>cg09318256</t>
  </si>
  <si>
    <t>cg09322259</t>
  </si>
  <si>
    <t>cg09331632</t>
  </si>
  <si>
    <t>cg09344348</t>
  </si>
  <si>
    <t>cg09348012</t>
  </si>
  <si>
    <t>cg09364756</t>
  </si>
  <si>
    <t>cg09365002</t>
  </si>
  <si>
    <t>cg09366145</t>
  </si>
  <si>
    <t>cg09373015</t>
  </si>
  <si>
    <t>cg09374123</t>
  </si>
  <si>
    <t>cg09377915</t>
  </si>
  <si>
    <t>cg09386619</t>
  </si>
  <si>
    <t>cg09389160</t>
  </si>
  <si>
    <t>cg09393254</t>
  </si>
  <si>
    <t>cg09394681</t>
  </si>
  <si>
    <t>cg09397044</t>
  </si>
  <si>
    <t>cg09411719</t>
  </si>
  <si>
    <t>cg09415754</t>
  </si>
  <si>
    <t>cg09415832</t>
  </si>
  <si>
    <t>cg09424348</t>
  </si>
  <si>
    <t>cg09447450</t>
  </si>
  <si>
    <t>cg09455722</t>
  </si>
  <si>
    <t>cg09471527</t>
  </si>
  <si>
    <t>cg09472953</t>
  </si>
  <si>
    <t>cg09473207</t>
  </si>
  <si>
    <t>cg09474017</t>
  </si>
  <si>
    <t>cg09474938</t>
  </si>
  <si>
    <t>cg09475510</t>
  </si>
  <si>
    <t>cg09478665</t>
  </si>
  <si>
    <t>cg09483904</t>
  </si>
  <si>
    <t>cg09487733</t>
  </si>
  <si>
    <t>cg09492375</t>
  </si>
  <si>
    <t>cg09493401</t>
  </si>
  <si>
    <t>cg09502511</t>
  </si>
  <si>
    <t>cg09506526</t>
  </si>
  <si>
    <t>cg09507643</t>
  </si>
  <si>
    <t>cg09507968</t>
  </si>
  <si>
    <t>cg09510269</t>
  </si>
  <si>
    <t>cg09513416</t>
  </si>
  <si>
    <t>cg09514464</t>
  </si>
  <si>
    <t>cg09535605</t>
  </si>
  <si>
    <t>cg09538002</t>
  </si>
  <si>
    <t>cg09545764</t>
  </si>
  <si>
    <t>cg09555118</t>
  </si>
  <si>
    <t>cg09556447</t>
  </si>
  <si>
    <t>cg09556826</t>
  </si>
  <si>
    <t>cg09565319</t>
  </si>
  <si>
    <t>cg09570682</t>
  </si>
  <si>
    <t>cg09572125</t>
  </si>
  <si>
    <t>cg09575280</t>
  </si>
  <si>
    <t>cg09585247</t>
  </si>
  <si>
    <t>cg09588254</t>
  </si>
  <si>
    <t>cg09591519</t>
  </si>
  <si>
    <t>cg09595356</t>
  </si>
  <si>
    <t>cg09599399</t>
  </si>
  <si>
    <t>cg09602288</t>
  </si>
  <si>
    <t>cg09604110</t>
  </si>
  <si>
    <t>cg09606832</t>
  </si>
  <si>
    <t>cg09608387</t>
  </si>
  <si>
    <t>cg09615909</t>
  </si>
  <si>
    <t>cg09621572</t>
  </si>
  <si>
    <t>cg09632273</t>
  </si>
  <si>
    <t>cg09633604</t>
  </si>
  <si>
    <t>cg09634176</t>
  </si>
  <si>
    <t>cg09645574</t>
  </si>
  <si>
    <t>cg09653271</t>
  </si>
  <si>
    <t>cg09655822</t>
  </si>
  <si>
    <t>cg09655876</t>
  </si>
  <si>
    <t>cg09657173</t>
  </si>
  <si>
    <t>cg09657265</t>
  </si>
  <si>
    <t>cg09658066</t>
  </si>
  <si>
    <t>cg09662584</t>
  </si>
  <si>
    <t>cg09664474</t>
  </si>
  <si>
    <t>cg09667606</t>
  </si>
  <si>
    <t>cg09676939</t>
  </si>
  <si>
    <t>cg09681335</t>
  </si>
  <si>
    <t>cg09697403</t>
  </si>
  <si>
    <t>cg09703789</t>
  </si>
  <si>
    <t>cg09706029</t>
  </si>
  <si>
    <t>cg09708959</t>
  </si>
  <si>
    <t>cg09710605</t>
  </si>
  <si>
    <t>cg09710740</t>
  </si>
  <si>
    <t>cg09718295</t>
  </si>
  <si>
    <t>cg09722315</t>
  </si>
  <si>
    <t>cg09723781</t>
  </si>
  <si>
    <t>cg09737407</t>
  </si>
  <si>
    <t>cg09739413</t>
  </si>
  <si>
    <t>cg09743199</t>
  </si>
  <si>
    <t>cg09749751</t>
  </si>
  <si>
    <t>cg09758248</t>
  </si>
  <si>
    <t>cg09763362</t>
  </si>
  <si>
    <t>cg09769113</t>
  </si>
  <si>
    <t>cg09770389</t>
  </si>
  <si>
    <t>cg09774179</t>
  </si>
  <si>
    <t>cg09782726</t>
  </si>
  <si>
    <t>cg09788778</t>
  </si>
  <si>
    <t>cg09791883</t>
  </si>
  <si>
    <t>cg09793700</t>
  </si>
  <si>
    <t>cg09797577</t>
  </si>
  <si>
    <t>cg09804108</t>
  </si>
  <si>
    <t>cg09805314</t>
  </si>
  <si>
    <t>cg09805507</t>
  </si>
  <si>
    <t>cg09809276</t>
  </si>
  <si>
    <t>cg09810078</t>
  </si>
  <si>
    <t>cg09810169</t>
  </si>
  <si>
    <t>cg09821533</t>
  </si>
  <si>
    <t>cg09832551</t>
  </si>
  <si>
    <t>cg09834205</t>
  </si>
  <si>
    <t>cg09854653</t>
  </si>
  <si>
    <t>cg09860783</t>
  </si>
  <si>
    <t>cg09863441</t>
  </si>
  <si>
    <t>cg09866303</t>
  </si>
  <si>
    <t>cg09867128</t>
  </si>
  <si>
    <t>cg09869033</t>
  </si>
  <si>
    <t>cg09880973</t>
  </si>
  <si>
    <t>cg09894276</t>
  </si>
  <si>
    <t>cg09899712</t>
  </si>
  <si>
    <t>cg09900585</t>
  </si>
  <si>
    <t>cg09906558</t>
  </si>
  <si>
    <t>cg09910967</t>
  </si>
  <si>
    <t>cg09911982</t>
  </si>
  <si>
    <t>cg09966112</t>
  </si>
  <si>
    <t>cg09971314</t>
  </si>
  <si>
    <t>cg09984759</t>
  </si>
  <si>
    <t>cg09987129</t>
  </si>
  <si>
    <t>cg09990440</t>
  </si>
  <si>
    <t>cg09993092</t>
  </si>
  <si>
    <t>cg09996902</t>
  </si>
  <si>
    <t>cg10002569</t>
  </si>
  <si>
    <t>cg10010480</t>
  </si>
  <si>
    <t>cg10014874</t>
  </si>
  <si>
    <t>cg10017105</t>
  </si>
  <si>
    <t>cg10017982</t>
  </si>
  <si>
    <t>cg10019132</t>
  </si>
  <si>
    <t>cg10027562</t>
  </si>
  <si>
    <t>cg10036421</t>
  </si>
  <si>
    <t>cg10039188</t>
  </si>
  <si>
    <t>cg10041635</t>
  </si>
  <si>
    <t>cg10043155</t>
  </si>
  <si>
    <t>cg10044839</t>
  </si>
  <si>
    <t>cg10052908</t>
  </si>
  <si>
    <t>cg10054150</t>
  </si>
  <si>
    <t>cg10061292</t>
  </si>
  <si>
    <t>cg10069579</t>
  </si>
  <si>
    <t>cg10070969</t>
  </si>
  <si>
    <t>cg10074727</t>
  </si>
  <si>
    <t>cg10075390</t>
  </si>
  <si>
    <t>cg10086104</t>
  </si>
  <si>
    <t>cg10088320</t>
  </si>
  <si>
    <t>cg10088941</t>
  </si>
  <si>
    <t>cg10089294</t>
  </si>
  <si>
    <t>cg10093328</t>
  </si>
  <si>
    <t>cg10098021</t>
  </si>
  <si>
    <t>cg10098058</t>
  </si>
  <si>
    <t>cg10105971</t>
  </si>
  <si>
    <t>cg10108539</t>
  </si>
  <si>
    <t>cg10110998</t>
  </si>
  <si>
    <t>cg10113618</t>
  </si>
  <si>
    <t>cg10114372</t>
  </si>
  <si>
    <t>cg10120572</t>
  </si>
  <si>
    <t>cg10129997</t>
  </si>
  <si>
    <t>cg10134527</t>
  </si>
  <si>
    <t>cg10135483</t>
  </si>
  <si>
    <t>cg10135588</t>
  </si>
  <si>
    <t>cg10139443</t>
  </si>
  <si>
    <t>cg10142275</t>
  </si>
  <si>
    <t>cg10143060</t>
  </si>
  <si>
    <t>cg10151737</t>
  </si>
  <si>
    <t>cg10157839</t>
  </si>
  <si>
    <t>cg10158997</t>
  </si>
  <si>
    <t>cg10169261</t>
  </si>
  <si>
    <t>cg10177394</t>
  </si>
  <si>
    <t>cg10182317</t>
  </si>
  <si>
    <t>cg10194160</t>
  </si>
  <si>
    <t>cg10196102</t>
  </si>
  <si>
    <t>cg10197432</t>
  </si>
  <si>
    <t>cg10199913</t>
  </si>
  <si>
    <t>cg10201663</t>
  </si>
  <si>
    <t>cg10210715</t>
  </si>
  <si>
    <t>cg10218546</t>
  </si>
  <si>
    <t>cg10219512</t>
  </si>
  <si>
    <t>cg10223827</t>
  </si>
  <si>
    <t>cg10230427</t>
  </si>
  <si>
    <t>cg10234998</t>
  </si>
  <si>
    <t>cg10243292</t>
  </si>
  <si>
    <t>cg10253847</t>
  </si>
  <si>
    <t>cg10259748</t>
  </si>
  <si>
    <t>cg10260072</t>
  </si>
  <si>
    <t>cg10270306</t>
  </si>
  <si>
    <t>cg10271061</t>
  </si>
  <si>
    <t>cg10272540</t>
  </si>
  <si>
    <t>cg10291995</t>
  </si>
  <si>
    <t>cg10293093</t>
  </si>
  <si>
    <t>cg10297191</t>
  </si>
  <si>
    <t>cg10301879</t>
  </si>
  <si>
    <t>cg10304637</t>
  </si>
  <si>
    <t>cg10305851</t>
  </si>
  <si>
    <t>cg10306079</t>
  </si>
  <si>
    <t>cg10308833</t>
  </si>
  <si>
    <t>cg10365227</t>
  </si>
  <si>
    <t>cg10365447</t>
  </si>
  <si>
    <t>cg10365984</t>
  </si>
  <si>
    <t>cg10367214</t>
  </si>
  <si>
    <t>cg10369451</t>
  </si>
  <si>
    <t>cg10372349</t>
  </si>
  <si>
    <t>cg10381888</t>
  </si>
  <si>
    <t>cg10393598</t>
  </si>
  <si>
    <t>cg10397063</t>
  </si>
  <si>
    <t>cg10397527</t>
  </si>
  <si>
    <t>cg10411388</t>
  </si>
  <si>
    <t>cg10426422</t>
  </si>
  <si>
    <t>cg10427864</t>
  </si>
  <si>
    <t>cg10433594</t>
  </si>
  <si>
    <t>cg10442148</t>
  </si>
  <si>
    <t>cg10457005</t>
  </si>
  <si>
    <t>cg10464773</t>
  </si>
  <si>
    <t>cg10470588</t>
  </si>
  <si>
    <t>cg10488267</t>
  </si>
  <si>
    <t>cg10496560</t>
  </si>
  <si>
    <t>cg10497162</t>
  </si>
  <si>
    <t>cg10497484</t>
  </si>
  <si>
    <t>cg10518340</t>
  </si>
  <si>
    <t>cg10523380</t>
  </si>
  <si>
    <t>cg10530492</t>
  </si>
  <si>
    <t>cg10542419</t>
  </si>
  <si>
    <t>cg10558616</t>
  </si>
  <si>
    <t>cg10563109</t>
  </si>
  <si>
    <t>cg10566589</t>
  </si>
  <si>
    <t>cg10566763</t>
  </si>
  <si>
    <t>cg10574148</t>
  </si>
  <si>
    <t>cg10584587</t>
  </si>
  <si>
    <t>cg10599035</t>
  </si>
  <si>
    <t>cg10628782</t>
  </si>
  <si>
    <t>cg10631694</t>
  </si>
  <si>
    <t>cg10638439</t>
  </si>
  <si>
    <t>cg10641809</t>
  </si>
  <si>
    <t>cg10643578</t>
  </si>
  <si>
    <t>cg10651306</t>
  </si>
  <si>
    <t>cg10651618</t>
  </si>
  <si>
    <t>cg10656687</t>
  </si>
  <si>
    <t>cg10661769</t>
  </si>
  <si>
    <t>cg10663055</t>
  </si>
  <si>
    <t>cg10669449</t>
  </si>
  <si>
    <t>cg10671907</t>
  </si>
  <si>
    <t>cg10672343</t>
  </si>
  <si>
    <t>cg10674805</t>
  </si>
  <si>
    <t>cg10679301</t>
  </si>
  <si>
    <t>cg10680164</t>
  </si>
  <si>
    <t>cg10683054</t>
  </si>
  <si>
    <t>cg10683286</t>
  </si>
  <si>
    <t>cg10687604</t>
  </si>
  <si>
    <t>cg10689147</t>
  </si>
  <si>
    <t>cg10692290</t>
  </si>
  <si>
    <t>cg10697938</t>
  </si>
  <si>
    <t>cg10709727</t>
  </si>
  <si>
    <t>cg10711035</t>
  </si>
  <si>
    <t>cg10721149</t>
  </si>
  <si>
    <t>cg10723962</t>
  </si>
  <si>
    <t>cg10725547</t>
  </si>
  <si>
    <t>cg10726394</t>
  </si>
  <si>
    <t>cg10728189</t>
  </si>
  <si>
    <t>cg10729419</t>
  </si>
  <si>
    <t>cg10731192</t>
  </si>
  <si>
    <t>cg10733080</t>
  </si>
  <si>
    <t>cg10750989</t>
  </si>
  <si>
    <t>cg10766759</t>
  </si>
  <si>
    <t>cg10768316</t>
  </si>
  <si>
    <t>cg10792225</t>
  </si>
  <si>
    <t>cg10793756</t>
  </si>
  <si>
    <t>cg10797813</t>
  </si>
  <si>
    <t>cg10799055</t>
  </si>
  <si>
    <t>cg10799846</t>
  </si>
  <si>
    <t>cg10800280</t>
  </si>
  <si>
    <t>cg10809622</t>
  </si>
  <si>
    <t>cg10812186</t>
  </si>
  <si>
    <t>cg10812708</t>
  </si>
  <si>
    <t>cg10813475</t>
  </si>
  <si>
    <t>cg10819756</t>
  </si>
  <si>
    <t>cg10821226</t>
  </si>
  <si>
    <t>cg10824107</t>
  </si>
  <si>
    <t>cg10830518</t>
  </si>
  <si>
    <t>cg10849498</t>
  </si>
  <si>
    <t>cg10850197</t>
  </si>
  <si>
    <t>cg10850215</t>
  </si>
  <si>
    <t>cg10851350</t>
  </si>
  <si>
    <t>cg10853637</t>
  </si>
  <si>
    <t>cg10856605</t>
  </si>
  <si>
    <t>cg10858568</t>
  </si>
  <si>
    <t>cg10864318</t>
  </si>
  <si>
    <t>cg10865856</t>
  </si>
  <si>
    <t>cg10875454</t>
  </si>
  <si>
    <t>cg10890302</t>
  </si>
  <si>
    <t>cg10893014</t>
  </si>
  <si>
    <t>cg10900437</t>
  </si>
  <si>
    <t>cg10903903</t>
  </si>
  <si>
    <t>cg10904109</t>
  </si>
  <si>
    <t>cg10905031</t>
  </si>
  <si>
    <t>cg10907941</t>
  </si>
  <si>
    <t>cg10909502</t>
  </si>
  <si>
    <t>cg10913456</t>
  </si>
  <si>
    <t>cg10917426</t>
  </si>
  <si>
    <t>cg10919664</t>
  </si>
  <si>
    <t>cg10921277</t>
  </si>
  <si>
    <t>cg10923018</t>
  </si>
  <si>
    <t>cg10923662</t>
  </si>
  <si>
    <t>cg10926113</t>
  </si>
  <si>
    <t>cg10930308</t>
  </si>
  <si>
    <t>cg10931739</t>
  </si>
  <si>
    <t>cg10938374</t>
  </si>
  <si>
    <t>cg10941255</t>
  </si>
  <si>
    <t>cg10948359</t>
  </si>
  <si>
    <t>cg10954261</t>
  </si>
  <si>
    <t>cg10963893</t>
  </si>
  <si>
    <t>cg10964887</t>
  </si>
  <si>
    <t>cg10966235</t>
  </si>
  <si>
    <t>cg10970399</t>
  </si>
  <si>
    <t>cg10972973</t>
  </si>
  <si>
    <t>cg10978034</t>
  </si>
  <si>
    <t>cg10982113</t>
  </si>
  <si>
    <t>cg10984505</t>
  </si>
  <si>
    <t>cg10994148</t>
  </si>
  <si>
    <t>cg10995363</t>
  </si>
  <si>
    <t>cg10996201</t>
  </si>
  <si>
    <t>cg10997175</t>
  </si>
  <si>
    <t>cg11003645</t>
  </si>
  <si>
    <t>cg11007366</t>
  </si>
  <si>
    <t>cg11010178</t>
  </si>
  <si>
    <t>cg11011640</t>
  </si>
  <si>
    <t>cg11012835</t>
  </si>
  <si>
    <t>cg11019069</t>
  </si>
  <si>
    <t>cg11021305</t>
  </si>
  <si>
    <t>cg11024119</t>
  </si>
  <si>
    <t>cg11034626</t>
  </si>
  <si>
    <t>cg11037064</t>
  </si>
  <si>
    <t>cg11038322</t>
  </si>
  <si>
    <t>cg11044575</t>
  </si>
  <si>
    <t>cg11046887</t>
  </si>
  <si>
    <t>cg11060379</t>
  </si>
  <si>
    <t>cg11062798</t>
  </si>
  <si>
    <t>cg11063729</t>
  </si>
  <si>
    <t>cg11065418</t>
  </si>
  <si>
    <t>cg11070069</t>
  </si>
  <si>
    <t>cg11074783</t>
  </si>
  <si>
    <t>cg11076890</t>
  </si>
  <si>
    <t>cg11078358</t>
  </si>
  <si>
    <t>cg11083276</t>
  </si>
  <si>
    <t>cg11084086</t>
  </si>
  <si>
    <t>cg11099586</t>
  </si>
  <si>
    <t>cg11111423</t>
  </si>
  <si>
    <t>cg11114063</t>
  </si>
  <si>
    <t>cg11115431</t>
  </si>
  <si>
    <t>cg11118422</t>
  </si>
  <si>
    <t>cg11125146</t>
  </si>
  <si>
    <t>cg11154666</t>
  </si>
  <si>
    <t>cg11161497</t>
  </si>
  <si>
    <t>cg11172857</t>
  </si>
  <si>
    <t>cg11173754</t>
  </si>
  <si>
    <t>cg11183036</t>
  </si>
  <si>
    <t>cg11183365</t>
  </si>
  <si>
    <t>cg11192541</t>
  </si>
  <si>
    <t>cg11194708</t>
  </si>
  <si>
    <t>cg11203714</t>
  </si>
  <si>
    <t>cg11206041</t>
  </si>
  <si>
    <t>cg11217567</t>
  </si>
  <si>
    <t>cg11239695</t>
  </si>
  <si>
    <t>cg11240327</t>
  </si>
  <si>
    <t>cg11240439</t>
  </si>
  <si>
    <t>cg11247116</t>
  </si>
  <si>
    <t>cg11251925</t>
  </si>
  <si>
    <t>cg11258043</t>
  </si>
  <si>
    <t>cg11259833</t>
  </si>
  <si>
    <t>cg11263624</t>
  </si>
  <si>
    <t>cg11265468</t>
  </si>
  <si>
    <t>cg11266921</t>
  </si>
  <si>
    <t>cg11295801</t>
  </si>
  <si>
    <t>cg11299207</t>
  </si>
  <si>
    <t>cg11299683</t>
  </si>
  <si>
    <t>cg11314471</t>
  </si>
  <si>
    <t>cg11322109</t>
  </si>
  <si>
    <t>cg11322464</t>
  </si>
  <si>
    <t>cg11327383</t>
  </si>
  <si>
    <t>cg11334692</t>
  </si>
  <si>
    <t>cg11337261</t>
  </si>
  <si>
    <t>cg11338643</t>
  </si>
  <si>
    <t>cg11347311</t>
  </si>
  <si>
    <t>cg11348335</t>
  </si>
  <si>
    <t>cg11351687</t>
  </si>
  <si>
    <t>cg11353250</t>
  </si>
  <si>
    <t>cg11357369</t>
  </si>
  <si>
    <t>cg11360931</t>
  </si>
  <si>
    <t>cg11362785</t>
  </si>
  <si>
    <t>cg11363108</t>
  </si>
  <si>
    <t>cg11369071</t>
  </si>
  <si>
    <t>cg11379888</t>
  </si>
  <si>
    <t>cg11382666</t>
  </si>
  <si>
    <t>cg11382976</t>
  </si>
  <si>
    <t>cg11384924</t>
  </si>
  <si>
    <t>cg11387577</t>
  </si>
  <si>
    <t>cg11393994</t>
  </si>
  <si>
    <t>cg11394653</t>
  </si>
  <si>
    <t>cg11401682</t>
  </si>
  <si>
    <t>cg11405200</t>
  </si>
  <si>
    <t>cg11410473</t>
  </si>
  <si>
    <t>cg11412876</t>
  </si>
  <si>
    <t>cg11418013</t>
  </si>
  <si>
    <t>cg11423891</t>
  </si>
  <si>
    <t>cg11430157</t>
  </si>
  <si>
    <t>cg11436222</t>
  </si>
  <si>
    <t>cg11436430</t>
  </si>
  <si>
    <t>cg11452354</t>
  </si>
  <si>
    <t>cg11456756</t>
  </si>
  <si>
    <t>cg11460110</t>
  </si>
  <si>
    <t>cg11467331</t>
  </si>
  <si>
    <t>cg11471772</t>
  </si>
  <si>
    <t>cg11478200</t>
  </si>
  <si>
    <t>cg11481534</t>
  </si>
  <si>
    <t>cg11492102</t>
  </si>
  <si>
    <t>cg11493661</t>
  </si>
  <si>
    <t>cg11497372</t>
  </si>
  <si>
    <t>cg11515873</t>
  </si>
  <si>
    <t>cg11518846</t>
  </si>
  <si>
    <t>cg11519760</t>
  </si>
  <si>
    <t>cg11521470</t>
  </si>
  <si>
    <t>cg11522018</t>
  </si>
  <si>
    <t>cg11524778</t>
  </si>
  <si>
    <t>cg11526462</t>
  </si>
  <si>
    <t>cg11538641</t>
  </si>
  <si>
    <t>cg11539275</t>
  </si>
  <si>
    <t>cg11539664</t>
  </si>
  <si>
    <t>cg11549975</t>
  </si>
  <si>
    <t>cg11557932</t>
  </si>
  <si>
    <t>cg11561191</t>
  </si>
  <si>
    <t>cg11562147</t>
  </si>
  <si>
    <t>cg11562466</t>
  </si>
  <si>
    <t>cg11563680</t>
  </si>
  <si>
    <t>cg11564483</t>
  </si>
  <si>
    <t>cg11564981</t>
  </si>
  <si>
    <t>cg11573566</t>
  </si>
  <si>
    <t>cg11576513</t>
  </si>
  <si>
    <t>cg11579907</t>
  </si>
  <si>
    <t>cg11583041</t>
  </si>
  <si>
    <t>cg11593588</t>
  </si>
  <si>
    <t>cg11594927</t>
  </si>
  <si>
    <t>cg11598427</t>
  </si>
  <si>
    <t>cg11599864</t>
  </si>
  <si>
    <t>cg11628076</t>
  </si>
  <si>
    <t>cg11628859</t>
  </si>
  <si>
    <t>cg11629443</t>
  </si>
  <si>
    <t>cg11637682</t>
  </si>
  <si>
    <t>cg11648402</t>
  </si>
  <si>
    <t>cg11660569</t>
  </si>
  <si>
    <t>cg11660826</t>
  </si>
  <si>
    <t>cg11661250</t>
  </si>
  <si>
    <t>cg11669538</t>
  </si>
  <si>
    <t>cg11671688</t>
  </si>
  <si>
    <t>cg11676902</t>
  </si>
  <si>
    <t>cg11677998</t>
  </si>
  <si>
    <t>cg11697464</t>
  </si>
  <si>
    <t>cg11698382</t>
  </si>
  <si>
    <t>cg11700173</t>
  </si>
  <si>
    <t>cg11700916</t>
  </si>
  <si>
    <t>cg11720661</t>
  </si>
  <si>
    <t>cg11721769</t>
  </si>
  <si>
    <t>cg11724493</t>
  </si>
  <si>
    <t>cg11724750</t>
  </si>
  <si>
    <t>cg11731745</t>
  </si>
  <si>
    <t>cg11734862</t>
  </si>
  <si>
    <t>cg11744524</t>
  </si>
  <si>
    <t>cg11747349</t>
  </si>
  <si>
    <t>cg11748170</t>
  </si>
  <si>
    <t>cg11751233</t>
  </si>
  <si>
    <t>cg11760700</t>
  </si>
  <si>
    <t>cg11760982</t>
  </si>
  <si>
    <t>cg11761622</t>
  </si>
  <si>
    <t>cg11762760</t>
  </si>
  <si>
    <t>cg11763112</t>
  </si>
  <si>
    <t>cg11764900</t>
  </si>
  <si>
    <t>cg11769440</t>
  </si>
  <si>
    <t>cg11785509</t>
  </si>
  <si>
    <t>cg11792075</t>
  </si>
  <si>
    <t>cg11796996</t>
  </si>
  <si>
    <t>cg11797364</t>
  </si>
  <si>
    <t>cg11801452</t>
  </si>
  <si>
    <t>cg11802172</t>
  </si>
  <si>
    <t>cg11813940</t>
  </si>
  <si>
    <t>cg11823142</t>
  </si>
  <si>
    <t>cg11824369</t>
  </si>
  <si>
    <t>cg11837274</t>
  </si>
  <si>
    <t>cg11844870</t>
  </si>
  <si>
    <t>cg11845071</t>
  </si>
  <si>
    <t>cg11868595</t>
  </si>
  <si>
    <t>cg11869968</t>
  </si>
  <si>
    <t>cg11871820</t>
  </si>
  <si>
    <t>cg11874760</t>
  </si>
  <si>
    <t>cg11878452</t>
  </si>
  <si>
    <t>cg11884230</t>
  </si>
  <si>
    <t>cg11888420</t>
  </si>
  <si>
    <t>cg11889876</t>
  </si>
  <si>
    <t>cg11895474</t>
  </si>
  <si>
    <t>cg11897209</t>
  </si>
  <si>
    <t>cg11897517</t>
  </si>
  <si>
    <t>cg11911648</t>
  </si>
  <si>
    <t>cg11912543</t>
  </si>
  <si>
    <t>cg11927672</t>
  </si>
  <si>
    <t>cg11928184</t>
  </si>
  <si>
    <t>cg11936690</t>
  </si>
  <si>
    <t>cg11939283</t>
  </si>
  <si>
    <t>cg11941520</t>
  </si>
  <si>
    <t>cg11944219</t>
  </si>
  <si>
    <t>cg11945228</t>
  </si>
  <si>
    <t>cg11945668</t>
  </si>
  <si>
    <t>cg11945824</t>
  </si>
  <si>
    <t>cg11964823</t>
  </si>
  <si>
    <t>cg11968414</t>
  </si>
  <si>
    <t>cg11974956</t>
  </si>
  <si>
    <t>cg11974977</t>
  </si>
  <si>
    <t>cg11976929</t>
  </si>
  <si>
    <t>cg11982736</t>
  </si>
  <si>
    <t>cg12005824</t>
  </si>
  <si>
    <t>cg12007166</t>
  </si>
  <si>
    <t>cg12009778</t>
  </si>
  <si>
    <t>cg12018549</t>
  </si>
  <si>
    <t>cg12024311</t>
  </si>
  <si>
    <t>cg12030835</t>
  </si>
  <si>
    <t>cg12032443</t>
  </si>
  <si>
    <t>cg12050713</t>
  </si>
  <si>
    <t>cg12053296</t>
  </si>
  <si>
    <t>cg12065531</t>
  </si>
  <si>
    <t>cg12072757</t>
  </si>
  <si>
    <t>cg12088314</t>
  </si>
  <si>
    <t>cg12103149</t>
  </si>
  <si>
    <t>cg12103840</t>
  </si>
  <si>
    <t>cg12104346</t>
  </si>
  <si>
    <t>cg12115664</t>
  </si>
  <si>
    <t>cg12119313</t>
  </si>
  <si>
    <t>cg12120126</t>
  </si>
  <si>
    <t>cg12120238</t>
  </si>
  <si>
    <t>cg12123671</t>
  </si>
  <si>
    <t>cg12124409</t>
  </si>
  <si>
    <t>cg12150111</t>
  </si>
  <si>
    <t>cg12152867</t>
  </si>
  <si>
    <t>cg12167167</t>
  </si>
  <si>
    <t>cg12173150</t>
  </si>
  <si>
    <t>cg12177182</t>
  </si>
  <si>
    <t>cg12180249</t>
  </si>
  <si>
    <t>cg12197421</t>
  </si>
  <si>
    <t>cg12199684</t>
  </si>
  <si>
    <t>cg12201015</t>
  </si>
  <si>
    <t>cg12201929</t>
  </si>
  <si>
    <t>cg12201943</t>
  </si>
  <si>
    <t>cg12206403</t>
  </si>
  <si>
    <t>cg12213003</t>
  </si>
  <si>
    <t>cg12213680</t>
  </si>
  <si>
    <t>cg12214665</t>
  </si>
  <si>
    <t>cg12216054</t>
  </si>
  <si>
    <t>cg12217400</t>
  </si>
  <si>
    <t>cg12218999</t>
  </si>
  <si>
    <t>cg12234287</t>
  </si>
  <si>
    <t>cg12244463</t>
  </si>
  <si>
    <t>cg12247101</t>
  </si>
  <si>
    <t>cg12255318</t>
  </si>
  <si>
    <t>cg12289509</t>
  </si>
  <si>
    <t>cg12296326</t>
  </si>
  <si>
    <t>cg12306853</t>
  </si>
  <si>
    <t>cg12312338</t>
  </si>
  <si>
    <t>cg12320986</t>
  </si>
  <si>
    <t>cg12321073</t>
  </si>
  <si>
    <t>cg12332674</t>
  </si>
  <si>
    <t>cg12336935</t>
  </si>
  <si>
    <t>cg12344247</t>
  </si>
  <si>
    <t>cg12347429</t>
  </si>
  <si>
    <t>cg12349884</t>
  </si>
  <si>
    <t>cg12383181</t>
  </si>
  <si>
    <t>cg12389025</t>
  </si>
  <si>
    <t>cg12408601</t>
  </si>
  <si>
    <t>cg12412902</t>
  </si>
  <si>
    <t>cg12422930</t>
  </si>
  <si>
    <t>cg12425321</t>
  </si>
  <si>
    <t>cg12427444</t>
  </si>
  <si>
    <t>cg12435665</t>
  </si>
  <si>
    <t>cg12442899</t>
  </si>
  <si>
    <t>cg12448860</t>
  </si>
  <si>
    <t>cg12449931</t>
  </si>
  <si>
    <t>cg12463578</t>
  </si>
  <si>
    <t>cg12465250</t>
  </si>
  <si>
    <t>cg12467852</t>
  </si>
  <si>
    <t>cg12468478</t>
  </si>
  <si>
    <t>cg12477288</t>
  </si>
  <si>
    <t>cg12477370</t>
  </si>
  <si>
    <t>cg12478651</t>
  </si>
  <si>
    <t>cg12482260</t>
  </si>
  <si>
    <t>cg12494420</t>
  </si>
  <si>
    <t>cg12495503</t>
  </si>
  <si>
    <t>cg12495593</t>
  </si>
  <si>
    <t>cg12496929</t>
  </si>
  <si>
    <t>cg12497786</t>
  </si>
  <si>
    <t>cg12508534</t>
  </si>
  <si>
    <t>cg12535579</t>
  </si>
  <si>
    <t>cg12556436</t>
  </si>
  <si>
    <t>cg12557114</t>
  </si>
  <si>
    <t>cg12565215</t>
  </si>
  <si>
    <t>cg12588917</t>
  </si>
  <si>
    <t>cg12592908</t>
  </si>
  <si>
    <t>cg12595762</t>
  </si>
  <si>
    <t>cg12607514</t>
  </si>
  <si>
    <t>cg12611423</t>
  </si>
  <si>
    <t>cg12615398</t>
  </si>
  <si>
    <t>cg12615914</t>
  </si>
  <si>
    <t>cg12616421</t>
  </si>
  <si>
    <t>cg12633985</t>
  </si>
  <si>
    <t>cg12637106</t>
  </si>
  <si>
    <t>cg12641838</t>
  </si>
  <si>
    <t>cg12648520</t>
  </si>
  <si>
    <t>cg12670305</t>
  </si>
  <si>
    <t>cg12670403</t>
  </si>
  <si>
    <t>cg12676149</t>
  </si>
  <si>
    <t>cg12685810</t>
  </si>
  <si>
    <t>cg12694021</t>
  </si>
  <si>
    <t>cg12694372</t>
  </si>
  <si>
    <t>cg12707343</t>
  </si>
  <si>
    <t>cg12712415</t>
  </si>
  <si>
    <t>cg12728578</t>
  </si>
  <si>
    <t>cg12736877</t>
  </si>
  <si>
    <t>cg12744820</t>
  </si>
  <si>
    <t>cg12745203</t>
  </si>
  <si>
    <t>cg12745400</t>
  </si>
  <si>
    <t>cg12757684</t>
  </si>
  <si>
    <t>cg12775877</t>
  </si>
  <si>
    <t>cg12784241</t>
  </si>
  <si>
    <t>cg12794224</t>
  </si>
  <si>
    <t>cg12796428</t>
  </si>
  <si>
    <t>cg12800150</t>
  </si>
  <si>
    <t>cg12805984</t>
  </si>
  <si>
    <t>cg12827283</t>
  </si>
  <si>
    <t>cg12828262</t>
  </si>
  <si>
    <t>cg12832355</t>
  </si>
  <si>
    <t>cg12832856</t>
  </si>
  <si>
    <t>cg12837057</t>
  </si>
  <si>
    <t>cg12840312</t>
  </si>
  <si>
    <t>cg12849807</t>
  </si>
  <si>
    <t>cg12858693</t>
  </si>
  <si>
    <t>cg12862002</t>
  </si>
  <si>
    <t>cg12883479</t>
  </si>
  <si>
    <t>cg12884704</t>
  </si>
  <si>
    <t>cg12898275</t>
  </si>
  <si>
    <t>cg12905273</t>
  </si>
  <si>
    <t>cg12905371</t>
  </si>
  <si>
    <t>cg12910494</t>
  </si>
  <si>
    <t>cg12911122</t>
  </si>
  <si>
    <t>cg12911847</t>
  </si>
  <si>
    <t>cg12920393</t>
  </si>
  <si>
    <t>cg12927358</t>
  </si>
  <si>
    <t>cg12927641</t>
  </si>
  <si>
    <t>cg12931157</t>
  </si>
  <si>
    <t>cg12934258</t>
  </si>
  <si>
    <t>cg12936423</t>
  </si>
  <si>
    <t>cg12938565</t>
  </si>
  <si>
    <t>cg12956380</t>
  </si>
  <si>
    <t>cg12963246</t>
  </si>
  <si>
    <t>cg12963312</t>
  </si>
  <si>
    <t>cg12967914</t>
  </si>
  <si>
    <t>cg12971771</t>
  </si>
  <si>
    <t>cg12972703</t>
  </si>
  <si>
    <t>cg12975324</t>
  </si>
  <si>
    <t>cg12975830</t>
  </si>
  <si>
    <t>cg12976424</t>
  </si>
  <si>
    <t>cg12990116</t>
  </si>
  <si>
    <t>cg12992385</t>
  </si>
  <si>
    <t>cg13018448</t>
  </si>
  <si>
    <t>cg13019844</t>
  </si>
  <si>
    <t>cg13021277</t>
  </si>
  <si>
    <t>cg13021409</t>
  </si>
  <si>
    <t>cg13024585</t>
  </si>
  <si>
    <t>cg13026550</t>
  </si>
  <si>
    <t>cg13028630</t>
  </si>
  <si>
    <t>cg13028789</t>
  </si>
  <si>
    <t>cg13047067</t>
  </si>
  <si>
    <t>cg13064679</t>
  </si>
  <si>
    <t>cg13069441</t>
  </si>
  <si>
    <t>cg13082535</t>
  </si>
  <si>
    <t>cg13092165</t>
  </si>
  <si>
    <t>cg13099117</t>
  </si>
  <si>
    <t>cg13104508</t>
  </si>
  <si>
    <t>cg13110966</t>
  </si>
  <si>
    <t>cg13118072</t>
  </si>
  <si>
    <t>cg13124263</t>
  </si>
  <si>
    <t>cg13127825</t>
  </si>
  <si>
    <t>cg13130022</t>
  </si>
  <si>
    <t>cg13130352</t>
  </si>
  <si>
    <t>cg13131034</t>
  </si>
  <si>
    <t>cg13137376</t>
  </si>
  <si>
    <t>cg13150400</t>
  </si>
  <si>
    <t>cg13150632</t>
  </si>
  <si>
    <t>cg13154263</t>
  </si>
  <si>
    <t>cg13161113</t>
  </si>
  <si>
    <t>cg13163930</t>
  </si>
  <si>
    <t>cg13165422</t>
  </si>
  <si>
    <t>cg13171890</t>
  </si>
  <si>
    <t>cg13174427</t>
  </si>
  <si>
    <t>cg13187827</t>
  </si>
  <si>
    <t>cg13188409</t>
  </si>
  <si>
    <t>cg13192239</t>
  </si>
  <si>
    <t>cg13196216</t>
  </si>
  <si>
    <t>cg13200848</t>
  </si>
  <si>
    <t>cg13202845</t>
  </si>
  <si>
    <t>cg13212956</t>
  </si>
  <si>
    <t>cg13215667</t>
  </si>
  <si>
    <t>cg13223107</t>
  </si>
  <si>
    <t>cg13225750</t>
  </si>
  <si>
    <t>cg13246235</t>
  </si>
  <si>
    <t>cg13256491</t>
  </si>
  <si>
    <t>cg13260377</t>
  </si>
  <si>
    <t>cg13266496</t>
  </si>
  <si>
    <t>cg13268374</t>
  </si>
  <si>
    <t>cg13272280</t>
  </si>
  <si>
    <t>cg13279673</t>
  </si>
  <si>
    <t>cg13279858</t>
  </si>
  <si>
    <t>cg13293729</t>
  </si>
  <si>
    <t>cg13297865</t>
  </si>
  <si>
    <t>cg13298451</t>
  </si>
  <si>
    <t>cg13299325</t>
  </si>
  <si>
    <t>cg13307058</t>
  </si>
  <si>
    <t>cg13314057</t>
  </si>
  <si>
    <t>cg13318914</t>
  </si>
  <si>
    <t>cg13323416</t>
  </si>
  <si>
    <t>cg13325330</t>
  </si>
  <si>
    <t>cg13335769</t>
  </si>
  <si>
    <t>cg13341460</t>
  </si>
  <si>
    <t>cg13351114</t>
  </si>
  <si>
    <t>cg13351249</t>
  </si>
  <si>
    <t>cg13353315</t>
  </si>
  <si>
    <t>cg13357482</t>
  </si>
  <si>
    <t>cg13357602</t>
  </si>
  <si>
    <t>cg13357708</t>
  </si>
  <si>
    <t>cg13363689</t>
  </si>
  <si>
    <t>cg13364903</t>
  </si>
  <si>
    <t>cg13368923</t>
  </si>
  <si>
    <t>cg13371788</t>
  </si>
  <si>
    <t>cg13375457</t>
  </si>
  <si>
    <t>cg13378865</t>
  </si>
  <si>
    <t>cg13387071</t>
  </si>
  <si>
    <t>cg13391363</t>
  </si>
  <si>
    <t>cg13391740</t>
  </si>
  <si>
    <t>cg13394216</t>
  </si>
  <si>
    <t>cg13400512</t>
  </si>
  <si>
    <t>cg13401290</t>
  </si>
  <si>
    <t>cg13401368</t>
  </si>
  <si>
    <t>cg13418419</t>
  </si>
  <si>
    <t>cg13422261</t>
  </si>
  <si>
    <t>cg13423389</t>
  </si>
  <si>
    <t>cg13426829</t>
  </si>
  <si>
    <t>cg13435432</t>
  </si>
  <si>
    <t>cg13437538</t>
  </si>
  <si>
    <t>cg13439406</t>
  </si>
  <si>
    <t>cg13440645</t>
  </si>
  <si>
    <t>cg13445593</t>
  </si>
  <si>
    <t>cg13462275</t>
  </si>
  <si>
    <t>cg13469471</t>
  </si>
  <si>
    <t>cg13477849</t>
  </si>
  <si>
    <t>cg13479358</t>
  </si>
  <si>
    <t>cg13479780</t>
  </si>
  <si>
    <t>cg13486532</t>
  </si>
  <si>
    <t>cg13491462</t>
  </si>
  <si>
    <t>cg13494704</t>
  </si>
  <si>
    <t>cg13495347</t>
  </si>
  <si>
    <t>cg13498289</t>
  </si>
  <si>
    <t>cg13507489</t>
  </si>
  <si>
    <t>cg13523882</t>
  </si>
  <si>
    <t>cg13525071</t>
  </si>
  <si>
    <t>cg13528777</t>
  </si>
  <si>
    <t>cg13529912</t>
  </si>
  <si>
    <t>cg13538257</t>
  </si>
  <si>
    <t>cg13544758</t>
  </si>
  <si>
    <t>cg13547657</t>
  </si>
  <si>
    <t>cg13553473</t>
  </si>
  <si>
    <t>cg13560919</t>
  </si>
  <si>
    <t>cg13561948</t>
  </si>
  <si>
    <t>cg13565492</t>
  </si>
  <si>
    <t>cg13566851</t>
  </si>
  <si>
    <t>cg13578948</t>
  </si>
  <si>
    <t>cg13583911</t>
  </si>
  <si>
    <t>cg13584784</t>
  </si>
  <si>
    <t>cg13586420</t>
  </si>
  <si>
    <t>cg13586610</t>
  </si>
  <si>
    <t>cg13611934</t>
  </si>
  <si>
    <t>cg13612083</t>
  </si>
  <si>
    <t>cg13614586</t>
  </si>
  <si>
    <t>cg13626842</t>
  </si>
  <si>
    <t>cg13629827</t>
  </si>
  <si>
    <t>cg13636373</t>
  </si>
  <si>
    <t>cg13636408</t>
  </si>
  <si>
    <t>cg13638257</t>
  </si>
  <si>
    <t>cg13640626</t>
  </si>
  <si>
    <t>cg13641185</t>
  </si>
  <si>
    <t>cg13646645</t>
  </si>
  <si>
    <t>cg13648312</t>
  </si>
  <si>
    <t>cg13649242</t>
  </si>
  <si>
    <t>cg13651857</t>
  </si>
  <si>
    <t>cg13661094</t>
  </si>
  <si>
    <t>cg13666253</t>
  </si>
  <si>
    <t>cg13678070</t>
  </si>
  <si>
    <t>cg13695877</t>
  </si>
  <si>
    <t>cg13698691</t>
  </si>
  <si>
    <t>cg13703737</t>
  </si>
  <si>
    <t>cg13705391</t>
  </si>
  <si>
    <t>cg13709054</t>
  </si>
  <si>
    <t>cg13709244</t>
  </si>
  <si>
    <t>cg13719287</t>
  </si>
  <si>
    <t>cg13720581</t>
  </si>
  <si>
    <t>cg13725172</t>
  </si>
  <si>
    <t>cg13725782</t>
  </si>
  <si>
    <t>cg13727613</t>
  </si>
  <si>
    <t>cg13738144</t>
  </si>
  <si>
    <t>cg13751778</t>
  </si>
  <si>
    <t>cg13761595</t>
  </si>
  <si>
    <t>cg13763617</t>
  </si>
  <si>
    <t>cg13776285</t>
  </si>
  <si>
    <t>cg13776340</t>
  </si>
  <si>
    <t>cg13782301</t>
  </si>
  <si>
    <t>cg13792528</t>
  </si>
  <si>
    <t>cg13793145</t>
  </si>
  <si>
    <t>cg13796823</t>
  </si>
  <si>
    <t>cg13800542</t>
  </si>
  <si>
    <t>cg13806231</t>
  </si>
  <si>
    <t>cg13809693</t>
  </si>
  <si>
    <t>cg13815684</t>
  </si>
  <si>
    <t>cg13817182</t>
  </si>
  <si>
    <t>cg13817395</t>
  </si>
  <si>
    <t>cg13824859</t>
  </si>
  <si>
    <t>cg13829419</t>
  </si>
  <si>
    <t>cg13829635</t>
  </si>
  <si>
    <t>cg13833484</t>
  </si>
  <si>
    <t>cg13834623</t>
  </si>
  <si>
    <t>cg13837481</t>
  </si>
  <si>
    <t>cg13837913</t>
  </si>
  <si>
    <t>cg13838634</t>
  </si>
  <si>
    <t>cg13840445</t>
  </si>
  <si>
    <t>cg13855924</t>
  </si>
  <si>
    <t>cg13868347</t>
  </si>
  <si>
    <t>cg13871588</t>
  </si>
  <si>
    <t>cg13873889</t>
  </si>
  <si>
    <t>cg13873925</t>
  </si>
  <si>
    <t>cg13875840</t>
  </si>
  <si>
    <t>cg13876481</t>
  </si>
  <si>
    <t>cg13882824</t>
  </si>
  <si>
    <t>cg13885965</t>
  </si>
  <si>
    <t>cg13887029</t>
  </si>
  <si>
    <t>cg13902357</t>
  </si>
  <si>
    <t>cg13911590</t>
  </si>
  <si>
    <t>cg13912224</t>
  </si>
  <si>
    <t>cg13934145</t>
  </si>
  <si>
    <t>cg13962212</t>
  </si>
  <si>
    <t>cg13962943</t>
  </si>
  <si>
    <t>cg13964363</t>
  </si>
  <si>
    <t>cg13965897</t>
  </si>
  <si>
    <t>cg13969672</t>
  </si>
  <si>
    <t>cg13973620</t>
  </si>
  <si>
    <t>cg13974773</t>
  </si>
  <si>
    <t>cg13981054</t>
  </si>
  <si>
    <t>cg13991849</t>
  </si>
  <si>
    <t>cg13992493</t>
  </si>
  <si>
    <t>cg14002274</t>
  </si>
  <si>
    <t>cg14006309</t>
  </si>
  <si>
    <t>cg14009588</t>
  </si>
  <si>
    <t>cg14011140</t>
  </si>
  <si>
    <t>cg14011500</t>
  </si>
  <si>
    <t>cg14013161</t>
  </si>
  <si>
    <t>cg14016554</t>
  </si>
  <si>
    <t>cg14021478</t>
  </si>
  <si>
    <t>cg14022137</t>
  </si>
  <si>
    <t>cg14025666</t>
  </si>
  <si>
    <t>cg14029001</t>
  </si>
  <si>
    <t>cg14046664</t>
  </si>
  <si>
    <t>cg14048698</t>
  </si>
  <si>
    <t>cg14052210</t>
  </si>
  <si>
    <t>cg14061529</t>
  </si>
  <si>
    <t>cg14063914</t>
  </si>
  <si>
    <t>cg14065115</t>
  </si>
  <si>
    <t>cg14069070</t>
  </si>
  <si>
    <t>cg14074201</t>
  </si>
  <si>
    <t>cg14075607</t>
  </si>
  <si>
    <t>cg14075624</t>
  </si>
  <si>
    <t>cg14080093</t>
  </si>
  <si>
    <t>cg14080940</t>
  </si>
  <si>
    <t>cg14081859</t>
  </si>
  <si>
    <t>cg14086013</t>
  </si>
  <si>
    <t>cg14088574</t>
  </si>
  <si>
    <t>cg14098744</t>
  </si>
  <si>
    <t>cg14102811</t>
  </si>
  <si>
    <t>cg14103680</t>
  </si>
  <si>
    <t>cg14119190</t>
  </si>
  <si>
    <t>cg14127398</t>
  </si>
  <si>
    <t>cg14128634</t>
  </si>
  <si>
    <t>cg14132460</t>
  </si>
  <si>
    <t>cg14138132</t>
  </si>
  <si>
    <t>cg14139125</t>
  </si>
  <si>
    <t>cg14139669</t>
  </si>
  <si>
    <t>cg14140629</t>
  </si>
  <si>
    <t>cg14146740</t>
  </si>
  <si>
    <t>cg14155184</t>
  </si>
  <si>
    <t>cg14159026</t>
  </si>
  <si>
    <t>cg14162381</t>
  </si>
  <si>
    <t>cg14165789</t>
  </si>
  <si>
    <t>cg14176752</t>
  </si>
  <si>
    <t>cg14183206</t>
  </si>
  <si>
    <t>cg14186641</t>
  </si>
  <si>
    <t>cg14193481</t>
  </si>
  <si>
    <t>cg14196143</t>
  </si>
  <si>
    <t>cg14199833</t>
  </si>
  <si>
    <t>cg14208573</t>
  </si>
  <si>
    <t>cg14213253</t>
  </si>
  <si>
    <t>cg14216285</t>
  </si>
  <si>
    <t>cg14218838</t>
  </si>
  <si>
    <t>cg14219599</t>
  </si>
  <si>
    <t>cg14235793</t>
  </si>
  <si>
    <t>cg14236957</t>
  </si>
  <si>
    <t>cg14247318</t>
  </si>
  <si>
    <t>cg14250833</t>
  </si>
  <si>
    <t>cg14254433</t>
  </si>
  <si>
    <t>cg14254668</t>
  </si>
  <si>
    <t>cg14258623</t>
  </si>
  <si>
    <t>cg14258935</t>
  </si>
  <si>
    <t>cg14259707</t>
  </si>
  <si>
    <t>cg14260073</t>
  </si>
  <si>
    <t>cg14271504</t>
  </si>
  <si>
    <t>cg14278853</t>
  </si>
  <si>
    <t>cg14286550</t>
  </si>
  <si>
    <t>cg14292528</t>
  </si>
  <si>
    <t>cg14296274</t>
  </si>
  <si>
    <t>cg14309283</t>
  </si>
  <si>
    <t>cg14314653</t>
  </si>
  <si>
    <t>cg14314744</t>
  </si>
  <si>
    <t>cg14319160</t>
  </si>
  <si>
    <t>cg14322215</t>
  </si>
  <si>
    <t>cg14322427</t>
  </si>
  <si>
    <t>cg14326991</t>
  </si>
  <si>
    <t>cg14329675</t>
  </si>
  <si>
    <t>cg14332112</t>
  </si>
  <si>
    <t>cg14334286</t>
  </si>
  <si>
    <t>cg14340074</t>
  </si>
  <si>
    <t>cg14342817</t>
  </si>
  <si>
    <t>cg14343214</t>
  </si>
  <si>
    <t>cg14344102</t>
  </si>
  <si>
    <t>cg14354168</t>
  </si>
  <si>
    <t>cg14362428</t>
  </si>
  <si>
    <t>cg14367020</t>
  </si>
  <si>
    <t>cg14372919</t>
  </si>
  <si>
    <t>cg14375779</t>
  </si>
  <si>
    <t>cg14376813</t>
  </si>
  <si>
    <t>cg14378964</t>
  </si>
  <si>
    <t>cg14381986</t>
  </si>
  <si>
    <t>cg14386951</t>
  </si>
  <si>
    <t>cg14402472</t>
  </si>
  <si>
    <t>cg14417687</t>
  </si>
  <si>
    <t>cg14418226</t>
  </si>
  <si>
    <t>cg14421525</t>
  </si>
  <si>
    <t>cg14423703</t>
  </si>
  <si>
    <t>cg14426517</t>
  </si>
  <si>
    <t>cg14426525</t>
  </si>
  <si>
    <t>cg14429919</t>
  </si>
  <si>
    <t>cg14434870</t>
  </si>
  <si>
    <t>cg14437551</t>
  </si>
  <si>
    <t>cg14441480</t>
  </si>
  <si>
    <t>cg14443519</t>
  </si>
  <si>
    <t>cg14447047</t>
  </si>
  <si>
    <t>cg14457132</t>
  </si>
  <si>
    <t>cg14460343</t>
  </si>
  <si>
    <t>cg14462939</t>
  </si>
  <si>
    <t>cg14463529</t>
  </si>
  <si>
    <t>cg14466680</t>
  </si>
  <si>
    <t>cg14470104</t>
  </si>
  <si>
    <t>cg14473643</t>
  </si>
  <si>
    <t>cg14487595</t>
  </si>
  <si>
    <t>cg14497851</t>
  </si>
  <si>
    <t>cg14498116</t>
  </si>
  <si>
    <t>cg14499959</t>
  </si>
  <si>
    <t>cg14514483</t>
  </si>
  <si>
    <t>cg14516246</t>
  </si>
  <si>
    <t>cg14522990</t>
  </si>
  <si>
    <t>cg14527280</t>
  </si>
  <si>
    <t>cg14531663</t>
  </si>
  <si>
    <t>cg14533957</t>
  </si>
  <si>
    <t>cg14534739</t>
  </si>
  <si>
    <t>cg14537605</t>
  </si>
  <si>
    <t>cg14539675</t>
  </si>
  <si>
    <t>cg14541437</t>
  </si>
  <si>
    <t>cg14542802</t>
  </si>
  <si>
    <t>cg14546523</t>
  </si>
  <si>
    <t>cg14550653</t>
  </si>
  <si>
    <t>cg14560317</t>
  </si>
  <si>
    <t>cg14562060</t>
  </si>
  <si>
    <t>cg14562426</t>
  </si>
  <si>
    <t>cg14566281</t>
  </si>
  <si>
    <t>cg14585050</t>
  </si>
  <si>
    <t>cg14590677</t>
  </si>
  <si>
    <t>cg14591386</t>
  </si>
  <si>
    <t>cg14593314</t>
  </si>
  <si>
    <t>cg14597739</t>
  </si>
  <si>
    <t>cg14615609</t>
  </si>
  <si>
    <t>cg14619640</t>
  </si>
  <si>
    <t>cg14635654</t>
  </si>
  <si>
    <t>cg14638883</t>
  </si>
  <si>
    <t>cg14644001</t>
  </si>
  <si>
    <t>cg14645856</t>
  </si>
  <si>
    <t>cg14647877</t>
  </si>
  <si>
    <t>cg14650005</t>
  </si>
  <si>
    <t>cg14652638</t>
  </si>
  <si>
    <t>cg14654948</t>
  </si>
  <si>
    <t>cg14658948</t>
  </si>
  <si>
    <t>cg14667731</t>
  </si>
  <si>
    <t>cg14683055</t>
  </si>
  <si>
    <t>cg14683699</t>
  </si>
  <si>
    <t>cg14689146</t>
  </si>
  <si>
    <t>cg14689595</t>
  </si>
  <si>
    <t>cg14692709</t>
  </si>
  <si>
    <t>cg14703002</t>
  </si>
  <si>
    <t>cg14703032</t>
  </si>
  <si>
    <t>cg14712531</t>
  </si>
  <si>
    <t>cg14714046</t>
  </si>
  <si>
    <t>cg14718822</t>
  </si>
  <si>
    <t>cg14723344</t>
  </si>
  <si>
    <t>cg14723918</t>
  </si>
  <si>
    <t>cg14734916</t>
  </si>
  <si>
    <t>cg14739378</t>
  </si>
  <si>
    <t>cg14741685</t>
  </si>
  <si>
    <t>cg14746369</t>
  </si>
  <si>
    <t>cg14747086</t>
  </si>
  <si>
    <t>cg14749368</t>
  </si>
  <si>
    <t>cg14752990</t>
  </si>
  <si>
    <t>cg14757228</t>
  </si>
  <si>
    <t>cg14765959</t>
  </si>
  <si>
    <t>cg14768747</t>
  </si>
  <si>
    <t>cg14769991</t>
  </si>
  <si>
    <t>cg14771938</t>
  </si>
  <si>
    <t>cg14772118</t>
  </si>
  <si>
    <t>cg14774364</t>
  </si>
  <si>
    <t>cg14775958</t>
  </si>
  <si>
    <t>cg14776114</t>
  </si>
  <si>
    <t>cg14781281</t>
  </si>
  <si>
    <t>cg14789351</t>
  </si>
  <si>
    <t>cg14790552</t>
  </si>
  <si>
    <t>cg14793086</t>
  </si>
  <si>
    <t>cg14801418</t>
  </si>
  <si>
    <t>cg14802876</t>
  </si>
  <si>
    <t>cg14815183</t>
  </si>
  <si>
    <t>cg14827083</t>
  </si>
  <si>
    <t>cg14839932</t>
  </si>
  <si>
    <t>cg14848685</t>
  </si>
  <si>
    <t>cg14849431</t>
  </si>
  <si>
    <t>cg14851325</t>
  </si>
  <si>
    <t>cg14853467</t>
  </si>
  <si>
    <t>cg14861678</t>
  </si>
  <si>
    <t>cg14862260</t>
  </si>
  <si>
    <t>cg14868222</t>
  </si>
  <si>
    <t>cg14906251</t>
  </si>
  <si>
    <t>cg14923289</t>
  </si>
  <si>
    <t>cg14931854</t>
  </si>
  <si>
    <t>cg14950288</t>
  </si>
  <si>
    <t>cg14953590</t>
  </si>
  <si>
    <t>cg14971941</t>
  </si>
  <si>
    <t>cg14983586</t>
  </si>
  <si>
    <t>cg14993283</t>
  </si>
  <si>
    <t>cg14993900</t>
  </si>
  <si>
    <t>cg14999947</t>
  </si>
  <si>
    <t>cg15012484</t>
  </si>
  <si>
    <t>cg15022051</t>
  </si>
  <si>
    <t>cg15033140</t>
  </si>
  <si>
    <t>cg15057823</t>
  </si>
  <si>
    <t>cg15061612</t>
  </si>
  <si>
    <t>cg15070677</t>
  </si>
  <si>
    <t>cg15077919</t>
  </si>
  <si>
    <t>cg15080430</t>
  </si>
  <si>
    <t>cg15080939</t>
  </si>
  <si>
    <t>cg15082394</t>
  </si>
  <si>
    <t>cg15085086</t>
  </si>
  <si>
    <t>cg15099250</t>
  </si>
  <si>
    <t>cg15106699</t>
  </si>
  <si>
    <t>cg15117372</t>
  </si>
  <si>
    <t>cg15118780</t>
  </si>
  <si>
    <t>cg15118872</t>
  </si>
  <si>
    <t>cg15120146</t>
  </si>
  <si>
    <t>cg15123562</t>
  </si>
  <si>
    <t>cg15124342</t>
  </si>
  <si>
    <t>cg15130433</t>
  </si>
  <si>
    <t>cg15132055</t>
  </si>
  <si>
    <t>cg15132611</t>
  </si>
  <si>
    <t>cg15133313</t>
  </si>
  <si>
    <t>cg15134409</t>
  </si>
  <si>
    <t>cg15140191</t>
  </si>
  <si>
    <t>cg15145357</t>
  </si>
  <si>
    <t>cg15150215</t>
  </si>
  <si>
    <t>cg15152706</t>
  </si>
  <si>
    <t>cg15166642</t>
  </si>
  <si>
    <t>cg15174834</t>
  </si>
  <si>
    <t>cg15185479</t>
  </si>
  <si>
    <t>cg15190599</t>
  </si>
  <si>
    <t>cg15196197</t>
  </si>
  <si>
    <t>cg15208573</t>
  </si>
  <si>
    <t>cg15211596</t>
  </si>
  <si>
    <t>cg15219145</t>
  </si>
  <si>
    <t>cg15219228</t>
  </si>
  <si>
    <t>cg15219933</t>
  </si>
  <si>
    <t>cg15224505</t>
  </si>
  <si>
    <t>cg15226275</t>
  </si>
  <si>
    <t>cg15233892</t>
  </si>
  <si>
    <t>cg15234946</t>
  </si>
  <si>
    <t>cg15240033</t>
  </si>
  <si>
    <t>cg15250771</t>
  </si>
  <si>
    <t>cg15253304</t>
  </si>
  <si>
    <t>cg15255946</t>
  </si>
  <si>
    <t>cg15256539</t>
  </si>
  <si>
    <t>cg15259947</t>
  </si>
  <si>
    <t>cg15261499</t>
  </si>
  <si>
    <t>cg15264710</t>
  </si>
  <si>
    <t>cg15265085</t>
  </si>
  <si>
    <t>cg15268184</t>
  </si>
  <si>
    <t>cg15278510</t>
  </si>
  <si>
    <t>cg15279616</t>
  </si>
  <si>
    <t>cg15279748</t>
  </si>
  <si>
    <t>cg15282732</t>
  </si>
  <si>
    <t>cg15318662</t>
  </si>
  <si>
    <t>cg15319528</t>
  </si>
  <si>
    <t>cg15331301</t>
  </si>
  <si>
    <t>cg15338675</t>
  </si>
  <si>
    <t>cg15338778</t>
  </si>
  <si>
    <t>cg15342139</t>
  </si>
  <si>
    <t>cg15347342</t>
  </si>
  <si>
    <t>cg15347434</t>
  </si>
  <si>
    <t>cg15347924</t>
  </si>
  <si>
    <t>cg15360169</t>
  </si>
  <si>
    <t>cg15362695</t>
  </si>
  <si>
    <t>cg15363979</t>
  </si>
  <si>
    <t>cg15368905</t>
  </si>
  <si>
    <t>cg15380588</t>
  </si>
  <si>
    <t>cg15380607</t>
  </si>
  <si>
    <t>cg15384459</t>
  </si>
  <si>
    <t>cg15388462</t>
  </si>
  <si>
    <t>cg15389490</t>
  </si>
  <si>
    <t>cg15395148</t>
  </si>
  <si>
    <t>cg15398272</t>
  </si>
  <si>
    <t>cg15401922</t>
  </si>
  <si>
    <t>cg15406010</t>
  </si>
  <si>
    <t>cg15409746</t>
  </si>
  <si>
    <t>cg15416661</t>
  </si>
  <si>
    <t>cg15420683</t>
  </si>
  <si>
    <t>cg15420692</t>
  </si>
  <si>
    <t>cg15420785</t>
  </si>
  <si>
    <t>cg15442268</t>
  </si>
  <si>
    <t>cg15448210</t>
  </si>
  <si>
    <t>cg15476279</t>
  </si>
  <si>
    <t>cg15479387</t>
  </si>
  <si>
    <t>cg15480114</t>
  </si>
  <si>
    <t>cg15486822</t>
  </si>
  <si>
    <t>cg15490715</t>
  </si>
  <si>
    <t>cg15491911</t>
  </si>
  <si>
    <t>cg15556085</t>
  </si>
  <si>
    <t>cg15562220</t>
  </si>
  <si>
    <t>cg15564972</t>
  </si>
  <si>
    <t>cg15570464</t>
  </si>
  <si>
    <t>cg15572180</t>
  </si>
  <si>
    <t>cg15574924</t>
  </si>
  <si>
    <t>cg15578250</t>
  </si>
  <si>
    <t>cg15584790</t>
  </si>
  <si>
    <t>cg15599146</t>
  </si>
  <si>
    <t>cg15610333</t>
  </si>
  <si>
    <t>cg15620384</t>
  </si>
  <si>
    <t>cg15622885</t>
  </si>
  <si>
    <t>cg15629134</t>
  </si>
  <si>
    <t>cg15634980</t>
  </si>
  <si>
    <t>cg15643000</t>
  </si>
  <si>
    <t>cg15653559</t>
  </si>
  <si>
    <t>cg15664069</t>
  </si>
  <si>
    <t>cg15666214</t>
  </si>
  <si>
    <t>cg15673187</t>
  </si>
  <si>
    <t>cg15675070</t>
  </si>
  <si>
    <t>cg15679978</t>
  </si>
  <si>
    <t>cg15689570</t>
  </si>
  <si>
    <t>cg15697476</t>
  </si>
  <si>
    <t>cg15702823</t>
  </si>
  <si>
    <t>cg15709446</t>
  </si>
  <si>
    <t>cg15717926</t>
  </si>
  <si>
    <t>cg15722606</t>
  </si>
  <si>
    <t>cg15722731</t>
  </si>
  <si>
    <t>cg15726260</t>
  </si>
  <si>
    <t>cg15741247</t>
  </si>
  <si>
    <t>cg15745284</t>
  </si>
  <si>
    <t>cg15745385</t>
  </si>
  <si>
    <t>cg15760132</t>
  </si>
  <si>
    <t>cg15766595</t>
  </si>
  <si>
    <t>cg15768443</t>
  </si>
  <si>
    <t>cg15786022</t>
  </si>
  <si>
    <t>cg15788639</t>
  </si>
  <si>
    <t>cg15790214</t>
  </si>
  <si>
    <t>cg15796980</t>
  </si>
  <si>
    <t>cg15799279</t>
  </si>
  <si>
    <t>cg15802848</t>
  </si>
  <si>
    <t>cg15804767</t>
  </si>
  <si>
    <t>cg15815053</t>
  </si>
  <si>
    <t>cg15822546</t>
  </si>
  <si>
    <t>cg15823502</t>
  </si>
  <si>
    <t>cg15840758</t>
  </si>
  <si>
    <t>cg15847400</t>
  </si>
  <si>
    <t>cg15861059</t>
  </si>
  <si>
    <t>cg15896182</t>
  </si>
  <si>
    <t>cg15899692</t>
  </si>
  <si>
    <t>cg15899913</t>
  </si>
  <si>
    <t>cg15920017</t>
  </si>
  <si>
    <t>cg15920621</t>
  </si>
  <si>
    <t>cg15921779</t>
  </si>
  <si>
    <t>cg15922080</t>
  </si>
  <si>
    <t>cg15926590</t>
  </si>
  <si>
    <t>cg15929078</t>
  </si>
  <si>
    <t>cg15932013</t>
  </si>
  <si>
    <t>cg15936731</t>
  </si>
  <si>
    <t>cg15939182</t>
  </si>
  <si>
    <t>cg15940454</t>
  </si>
  <si>
    <t>cg15945016</t>
  </si>
  <si>
    <t>cg15950068</t>
  </si>
  <si>
    <t>cg15954711</t>
  </si>
  <si>
    <t>cg15965006</t>
  </si>
  <si>
    <t>cg15967709</t>
  </si>
  <si>
    <t>cg15971980</t>
  </si>
  <si>
    <t>cg15980539</t>
  </si>
  <si>
    <t>cg15980797</t>
  </si>
  <si>
    <t>cg16001202</t>
  </si>
  <si>
    <t>cg16003687</t>
  </si>
  <si>
    <t>cg16012536</t>
  </si>
  <si>
    <t>cg16013485</t>
  </si>
  <si>
    <t>cg16027728</t>
  </si>
  <si>
    <t>cg16027847</t>
  </si>
  <si>
    <t>cg16041611</t>
  </si>
  <si>
    <t>cg16043046</t>
  </si>
  <si>
    <t>cg16046028</t>
  </si>
  <si>
    <t>cg16053651</t>
  </si>
  <si>
    <t>cg16055035</t>
  </si>
  <si>
    <t>cg16063587</t>
  </si>
  <si>
    <t>cg16065270</t>
  </si>
  <si>
    <t>cg16068620</t>
  </si>
  <si>
    <t>cg16076651</t>
  </si>
  <si>
    <t>cg16085178</t>
  </si>
  <si>
    <t>cg16088539</t>
  </si>
  <si>
    <t>cg16095951</t>
  </si>
  <si>
    <t>cg16108230</t>
  </si>
  <si>
    <t>cg16114441</t>
  </si>
  <si>
    <t>cg16115513</t>
  </si>
  <si>
    <t>cg16137976</t>
  </si>
  <si>
    <t>cg16147305</t>
  </si>
  <si>
    <t>cg16164092</t>
  </si>
  <si>
    <t>cg16172657</t>
  </si>
  <si>
    <t>cg16192707</t>
  </si>
  <si>
    <t>cg16195332</t>
  </si>
  <si>
    <t>cg16196087</t>
  </si>
  <si>
    <t>cg16197272</t>
  </si>
  <si>
    <t>cg16197653</t>
  </si>
  <si>
    <t>cg16199665</t>
  </si>
  <si>
    <t>cg16200068</t>
  </si>
  <si>
    <t>cg16202970</t>
  </si>
  <si>
    <t>cg16203801</t>
  </si>
  <si>
    <t>cg16204066</t>
  </si>
  <si>
    <t>cg16210397</t>
  </si>
  <si>
    <t>cg16211334</t>
  </si>
  <si>
    <t>cg16212881</t>
  </si>
  <si>
    <t>cg16217313</t>
  </si>
  <si>
    <t>cg16219283</t>
  </si>
  <si>
    <t>cg16226962</t>
  </si>
  <si>
    <t>cg16248045</t>
  </si>
  <si>
    <t>cg16267162</t>
  </si>
  <si>
    <t>cg16271017</t>
  </si>
  <si>
    <t>cg16289229</t>
  </si>
  <si>
    <t>cg16291917</t>
  </si>
  <si>
    <t>cg16294325</t>
  </si>
  <si>
    <t>cg16311773</t>
  </si>
  <si>
    <t>cg16322666</t>
  </si>
  <si>
    <t>cg16328610</t>
  </si>
  <si>
    <t>cg16338365</t>
  </si>
  <si>
    <t>cg16339435</t>
  </si>
  <si>
    <t>cg16362594</t>
  </si>
  <si>
    <t>cg16364191</t>
  </si>
  <si>
    <t>cg16368146</t>
  </si>
  <si>
    <t>cg16370875</t>
  </si>
  <si>
    <t>cg16373471</t>
  </si>
  <si>
    <t>cg16385684</t>
  </si>
  <si>
    <t>cg16388071</t>
  </si>
  <si>
    <t>cg16388791</t>
  </si>
  <si>
    <t>cg16396284</t>
  </si>
  <si>
    <t>cg16415121</t>
  </si>
  <si>
    <t>cg16416464</t>
  </si>
  <si>
    <t>cg16416806</t>
  </si>
  <si>
    <t>cg16426221</t>
  </si>
  <si>
    <t>cg16434372</t>
  </si>
  <si>
    <t>cg16437896</t>
  </si>
  <si>
    <t>cg16463733</t>
  </si>
  <si>
    <t>cg16463880</t>
  </si>
  <si>
    <t>cg16481032</t>
  </si>
  <si>
    <t>cg16482654</t>
  </si>
  <si>
    <t>cg16489193</t>
  </si>
  <si>
    <t>cg16493531</t>
  </si>
  <si>
    <t>cg16493566</t>
  </si>
  <si>
    <t>cg16496847</t>
  </si>
  <si>
    <t>cg16498533</t>
  </si>
  <si>
    <t>cg16500605</t>
  </si>
  <si>
    <t>cg16517196</t>
  </si>
  <si>
    <t>cg16519587</t>
  </si>
  <si>
    <t>cg16521978</t>
  </si>
  <si>
    <t>cg16525287</t>
  </si>
  <si>
    <t>cg16528511</t>
  </si>
  <si>
    <t>cg16530177</t>
  </si>
  <si>
    <t>cg16538289</t>
  </si>
  <si>
    <t>cg16553327</t>
  </si>
  <si>
    <t>cg16556906</t>
  </si>
  <si>
    <t>cg16558530</t>
  </si>
  <si>
    <t>cg16561878</t>
  </si>
  <si>
    <t>cg16562445</t>
  </si>
  <si>
    <t>cg16562959</t>
  </si>
  <si>
    <t>cg16568131</t>
  </si>
  <si>
    <t>cg16570995</t>
  </si>
  <si>
    <t>cg16573266</t>
  </si>
  <si>
    <t>cg16578453</t>
  </si>
  <si>
    <t>cg16578944</t>
  </si>
  <si>
    <t>cg16580391</t>
  </si>
  <si>
    <t>cg16580935</t>
  </si>
  <si>
    <t>cg16581840</t>
  </si>
  <si>
    <t>cg16582419</t>
  </si>
  <si>
    <t>cg16587567</t>
  </si>
  <si>
    <t>cg16587616</t>
  </si>
  <si>
    <t>cg16587838</t>
  </si>
  <si>
    <t>cg16590151</t>
  </si>
  <si>
    <t>cg16591816</t>
  </si>
  <si>
    <t>cg16592150</t>
  </si>
  <si>
    <t>cg16603964</t>
  </si>
  <si>
    <t>cg16607181</t>
  </si>
  <si>
    <t>cg16608596</t>
  </si>
  <si>
    <t>cg16615154</t>
  </si>
  <si>
    <t>cg16620382</t>
  </si>
  <si>
    <t>cg16624076</t>
  </si>
  <si>
    <t>cg16628904</t>
  </si>
  <si>
    <t>cg16636271</t>
  </si>
  <si>
    <t>cg16637776</t>
  </si>
  <si>
    <t>cg16643840</t>
  </si>
  <si>
    <t>cg16646298</t>
  </si>
  <si>
    <t>cg16646892</t>
  </si>
  <si>
    <t>cg16648632</t>
  </si>
  <si>
    <t>cg16655338</t>
  </si>
  <si>
    <t>cg16656493</t>
  </si>
  <si>
    <t>cg16669877</t>
  </si>
  <si>
    <t>cg16701167</t>
  </si>
  <si>
    <t>cg16714432</t>
  </si>
  <si>
    <t>cg16715162</t>
  </si>
  <si>
    <t>cg16716345</t>
  </si>
  <si>
    <t>cg16717099</t>
  </si>
  <si>
    <t>cg16717398</t>
  </si>
  <si>
    <t>cg16728299</t>
  </si>
  <si>
    <t>cg16731958</t>
  </si>
  <si>
    <t>cg16739976</t>
  </si>
  <si>
    <t>cg16743811</t>
  </si>
  <si>
    <t>cg16751357</t>
  </si>
  <si>
    <t>cg16754467</t>
  </si>
  <si>
    <t>cg16755251</t>
  </si>
  <si>
    <t>cg16759888</t>
  </si>
  <si>
    <t>cg16761549</t>
  </si>
  <si>
    <t>cg16770933</t>
  </si>
  <si>
    <t>cg16783819</t>
  </si>
  <si>
    <t>cg16792604</t>
  </si>
  <si>
    <t>cg16794576</t>
  </si>
  <si>
    <t>cg16795830</t>
  </si>
  <si>
    <t>cg16797244</t>
  </si>
  <si>
    <t>cg16797983</t>
  </si>
  <si>
    <t>cg16802151</t>
  </si>
  <si>
    <t>cg16834823</t>
  </si>
  <si>
    <t>cg16842485</t>
  </si>
  <si>
    <t>cg16859001</t>
  </si>
  <si>
    <t>cg16862641</t>
  </si>
  <si>
    <t>cg16866653</t>
  </si>
  <si>
    <t>cg16867657</t>
  </si>
  <si>
    <t>cg16869487</t>
  </si>
  <si>
    <t>cg16872028</t>
  </si>
  <si>
    <t>cg16879247</t>
  </si>
  <si>
    <t>cg16880210</t>
  </si>
  <si>
    <t>cg16885296</t>
  </si>
  <si>
    <t>cg16888367</t>
  </si>
  <si>
    <t>cg16897634</t>
  </si>
  <si>
    <t>cg16906346</t>
  </si>
  <si>
    <t>cg16907669</t>
  </si>
  <si>
    <t>cg16907919</t>
  </si>
  <si>
    <t>cg16908633</t>
  </si>
  <si>
    <t>cg16914989</t>
  </si>
  <si>
    <t>cg16924337</t>
  </si>
  <si>
    <t>cg16929427</t>
  </si>
  <si>
    <t>cg16936273</t>
  </si>
  <si>
    <t>cg16938363</t>
  </si>
  <si>
    <t>cg16944496</t>
  </si>
  <si>
    <t>cg16945312</t>
  </si>
  <si>
    <t>cg16950487</t>
  </si>
  <si>
    <t>cg16952286</t>
  </si>
  <si>
    <t>cg16958594</t>
  </si>
  <si>
    <t>cg16958939</t>
  </si>
  <si>
    <t>cg16982328</t>
  </si>
  <si>
    <t>cg16984332</t>
  </si>
  <si>
    <t>cg16994534</t>
  </si>
  <si>
    <t>cg16995420</t>
  </si>
  <si>
    <t>cg17009731</t>
  </si>
  <si>
    <t>cg17012202</t>
  </si>
  <si>
    <t>cg17013193</t>
  </si>
  <si>
    <t>cg17015704</t>
  </si>
  <si>
    <t>cg17016703</t>
  </si>
  <si>
    <t>cg17019630</t>
  </si>
  <si>
    <t>cg17021396</t>
  </si>
  <si>
    <t>cg17027353</t>
  </si>
  <si>
    <t>cg17031787</t>
  </si>
  <si>
    <t>cg17042225</t>
  </si>
  <si>
    <t>cg17055145</t>
  </si>
  <si>
    <t>cg17066943</t>
  </si>
  <si>
    <t>cg17071618</t>
  </si>
  <si>
    <t>cg17073273</t>
  </si>
  <si>
    <t>cg17076443</t>
  </si>
  <si>
    <t>cg17076780</t>
  </si>
  <si>
    <t>cg17083940</t>
  </si>
  <si>
    <t>cg17084299</t>
  </si>
  <si>
    <t>cg17088247</t>
  </si>
  <si>
    <t>cg17094014</t>
  </si>
  <si>
    <t>cg17098040</t>
  </si>
  <si>
    <t>cg17102069</t>
  </si>
  <si>
    <t>cg17107193</t>
  </si>
  <si>
    <t>cg17109461</t>
  </si>
  <si>
    <t>cg17115147</t>
  </si>
  <si>
    <t>cg17124278</t>
  </si>
  <si>
    <t>cg17128371</t>
  </si>
  <si>
    <t>cg17136038</t>
  </si>
  <si>
    <t>cg17139322</t>
  </si>
  <si>
    <t>cg17146473</t>
  </si>
  <si>
    <t>cg17150363</t>
  </si>
  <si>
    <t>cg17153122</t>
  </si>
  <si>
    <t>cg17159483</t>
  </si>
  <si>
    <t>cg17160382</t>
  </si>
  <si>
    <t>cg17161718</t>
  </si>
  <si>
    <t>cg17162475</t>
  </si>
  <si>
    <t>cg17166258</t>
  </si>
  <si>
    <t>cg17167053</t>
  </si>
  <si>
    <t>cg17172308</t>
  </si>
  <si>
    <t>cg17177454</t>
  </si>
  <si>
    <t>cg17184326</t>
  </si>
  <si>
    <t>cg17184952</t>
  </si>
  <si>
    <t>cg17185176</t>
  </si>
  <si>
    <t>cg17199468</t>
  </si>
  <si>
    <t>cg17200161</t>
  </si>
  <si>
    <t>cg17207170</t>
  </si>
  <si>
    <t>cg17208528</t>
  </si>
  <si>
    <t>cg17211404</t>
  </si>
  <si>
    <t>cg17212720</t>
  </si>
  <si>
    <t>cg17213462</t>
  </si>
  <si>
    <t>cg17214455</t>
  </si>
  <si>
    <t>cg17216600</t>
  </si>
  <si>
    <t>cg17228286</t>
  </si>
  <si>
    <t>cg17228900</t>
  </si>
  <si>
    <t>cg17235833</t>
  </si>
  <si>
    <t>cg17240815</t>
  </si>
  <si>
    <t>cg17245576</t>
  </si>
  <si>
    <t>cg17250160</t>
  </si>
  <si>
    <t>cg17251196</t>
  </si>
  <si>
    <t>cg17253810</t>
  </si>
  <si>
    <t>cg17261040</t>
  </si>
  <si>
    <t>cg17267654</t>
  </si>
  <si>
    <t>cg17274681</t>
  </si>
  <si>
    <t>cg17275432</t>
  </si>
  <si>
    <t>cg17279754</t>
  </si>
  <si>
    <t>cg17288551</t>
  </si>
  <si>
    <t>cg17292669</t>
  </si>
  <si>
    <t>cg17295225</t>
  </si>
  <si>
    <t>cg17298279</t>
  </si>
  <si>
    <t>cg17298733</t>
  </si>
  <si>
    <t>cg17302155</t>
  </si>
  <si>
    <t>cg17303756</t>
  </si>
  <si>
    <t>cg17305266</t>
  </si>
  <si>
    <t>cg17305436</t>
  </si>
  <si>
    <t>cg17305617</t>
  </si>
  <si>
    <t>cg17307348</t>
  </si>
  <si>
    <t>cg17310882</t>
  </si>
  <si>
    <t>cg17329164</t>
  </si>
  <si>
    <t>cg17330295</t>
  </si>
  <si>
    <t>cg17336584</t>
  </si>
  <si>
    <t>cg17341118</t>
  </si>
  <si>
    <t>cg17345569</t>
  </si>
  <si>
    <t>cg17346177</t>
  </si>
  <si>
    <t>cg17353177</t>
  </si>
  <si>
    <t>cg17356964</t>
  </si>
  <si>
    <t>cg17364114</t>
  </si>
  <si>
    <t>cg17370481</t>
  </si>
  <si>
    <t>cg17380661</t>
  </si>
  <si>
    <t>cg17382198</t>
  </si>
  <si>
    <t>cg17384889</t>
  </si>
  <si>
    <t>cg17385386</t>
  </si>
  <si>
    <t>cg17390129</t>
  </si>
  <si>
    <t>cg17392730</t>
  </si>
  <si>
    <t>cg17395354</t>
  </si>
  <si>
    <t>cg17403520</t>
  </si>
  <si>
    <t>cg17416748</t>
  </si>
  <si>
    <t>cg17424654</t>
  </si>
  <si>
    <t>cg17431746</t>
  </si>
  <si>
    <t>cg17432620</t>
  </si>
  <si>
    <t>cg17435901</t>
  </si>
  <si>
    <t>cg17436327</t>
  </si>
  <si>
    <t>cg17438419</t>
  </si>
  <si>
    <t>cg17468317</t>
  </si>
  <si>
    <t>cg17471193</t>
  </si>
  <si>
    <t>cg17477273</t>
  </si>
  <si>
    <t>cg17478979</t>
  </si>
  <si>
    <t>cg17498662</t>
  </si>
  <si>
    <t>cg17502394</t>
  </si>
  <si>
    <t>cg17502984</t>
  </si>
  <si>
    <t>cg17502989</t>
  </si>
  <si>
    <t>cg17513325</t>
  </si>
  <si>
    <t>cg17515456</t>
  </si>
  <si>
    <t>cg17518036</t>
  </si>
  <si>
    <t>cg17529386</t>
  </si>
  <si>
    <t>cg17534009</t>
  </si>
  <si>
    <t>cg17536595</t>
  </si>
  <si>
    <t>cg17536960</t>
  </si>
  <si>
    <t>cg17549725</t>
  </si>
  <si>
    <t>cg17566920</t>
  </si>
  <si>
    <t>cg17569438</t>
  </si>
  <si>
    <t>cg17580844</t>
  </si>
  <si>
    <t>cg17585590</t>
  </si>
  <si>
    <t>cg17586885</t>
  </si>
  <si>
    <t>cg17598713</t>
  </si>
  <si>
    <t>cg17602198</t>
  </si>
  <si>
    <t>cg17604312</t>
  </si>
  <si>
    <t>cg17615061</t>
  </si>
  <si>
    <t>cg17617953</t>
  </si>
  <si>
    <t>cg17618595</t>
  </si>
  <si>
    <t>cg17619093</t>
  </si>
  <si>
    <t>cg17619993</t>
  </si>
  <si>
    <t>cg17635724</t>
  </si>
  <si>
    <t>cg17639265</t>
  </si>
  <si>
    <t>cg17646418</t>
  </si>
  <si>
    <t>cg17649243</t>
  </si>
  <si>
    <t>cg17658733</t>
  </si>
  <si>
    <t>cg17679608</t>
  </si>
  <si>
    <t>cg17679781</t>
  </si>
  <si>
    <t>cg17689707</t>
  </si>
  <si>
    <t>cg17697633</t>
  </si>
  <si>
    <t>cg17704177</t>
  </si>
  <si>
    <t>cg17714225</t>
  </si>
  <si>
    <t>cg17714980</t>
  </si>
  <si>
    <t>cg17715262</t>
  </si>
  <si>
    <t>cg17716463</t>
  </si>
  <si>
    <t>cg17719126</t>
  </si>
  <si>
    <t>cg17722319</t>
  </si>
  <si>
    <t>cg17736443</t>
  </si>
  <si>
    <t>cg17739279</t>
  </si>
  <si>
    <t>cg17740406</t>
  </si>
  <si>
    <t>cg17748329</t>
  </si>
  <si>
    <t>cg17752595</t>
  </si>
  <si>
    <t>cg17753496</t>
  </si>
  <si>
    <t>cg17753711</t>
  </si>
  <si>
    <t>cg17760405</t>
  </si>
  <si>
    <t>cg17762073</t>
  </si>
  <si>
    <t>cg17767285</t>
  </si>
  <si>
    <t>cg17767484</t>
  </si>
  <si>
    <t>cg17767659</t>
  </si>
  <si>
    <t>cg17772171</t>
  </si>
  <si>
    <t>cg17772649</t>
  </si>
  <si>
    <t>cg17773776</t>
  </si>
  <si>
    <t>cg17788362</t>
  </si>
  <si>
    <t>cg17795265</t>
  </si>
  <si>
    <t>cg17797875</t>
  </si>
  <si>
    <t>cg17825989</t>
  </si>
  <si>
    <t>cg17828223</t>
  </si>
  <si>
    <t>cg17831137</t>
  </si>
  <si>
    <t>cg17831680</t>
  </si>
  <si>
    <t>cg17831900</t>
  </si>
  <si>
    <t>cg17832805</t>
  </si>
  <si>
    <t>cg17851017</t>
  </si>
  <si>
    <t>cg17866778</t>
  </si>
  <si>
    <t>cg17871437</t>
  </si>
  <si>
    <t>cg17875922</t>
  </si>
  <si>
    <t>cg17879299</t>
  </si>
  <si>
    <t>cg17881380</t>
  </si>
  <si>
    <t>cg17931227</t>
  </si>
  <si>
    <t>cg17933583</t>
  </si>
  <si>
    <t>cg17940234</t>
  </si>
  <si>
    <t>cg17947140</t>
  </si>
  <si>
    <t>cg17956964</t>
  </si>
  <si>
    <t>cg17959970</t>
  </si>
  <si>
    <t>cg17978996</t>
  </si>
  <si>
    <t>cg17981554</t>
  </si>
  <si>
    <t>cg17982494</t>
  </si>
  <si>
    <t>cg17983217</t>
  </si>
  <si>
    <t>cg17983632</t>
  </si>
  <si>
    <t>cg17984932</t>
  </si>
  <si>
    <t>cg18011099</t>
  </si>
  <si>
    <t>cg18014042</t>
  </si>
  <si>
    <t>cg18014138</t>
  </si>
  <si>
    <t>cg18018027</t>
  </si>
  <si>
    <t>cg18018913</t>
  </si>
  <si>
    <t>cg18020679</t>
  </si>
  <si>
    <t>cg18024801</t>
  </si>
  <si>
    <t>cg18031134</t>
  </si>
  <si>
    <t>cg18043598</t>
  </si>
  <si>
    <t>cg18047961</t>
  </si>
  <si>
    <t>cg18049167</t>
  </si>
  <si>
    <t>cg18055007</t>
  </si>
  <si>
    <t>cg18058813</t>
  </si>
  <si>
    <t>cg18068919</t>
  </si>
  <si>
    <t>cg18079376</t>
  </si>
  <si>
    <t>cg18082788</t>
  </si>
  <si>
    <t>cg18085807</t>
  </si>
  <si>
    <t>cg18089324</t>
  </si>
  <si>
    <t>cg18095725</t>
  </si>
  <si>
    <t>cg18097155</t>
  </si>
  <si>
    <t>cg18105139</t>
  </si>
  <si>
    <t>cg18110333</t>
  </si>
  <si>
    <t>cg18116600</t>
  </si>
  <si>
    <t>cg18116891</t>
  </si>
  <si>
    <t>cg18127682</t>
  </si>
  <si>
    <t>cg18129005</t>
  </si>
  <si>
    <t>cg18131626</t>
  </si>
  <si>
    <t>cg18134312</t>
  </si>
  <si>
    <t>cg18176689</t>
  </si>
  <si>
    <t>cg18178010</t>
  </si>
  <si>
    <t>cg18178844</t>
  </si>
  <si>
    <t>cg18180874</t>
  </si>
  <si>
    <t>cg18182269</t>
  </si>
  <si>
    <t>cg18183435</t>
  </si>
  <si>
    <t>cg18187865</t>
  </si>
  <si>
    <t>cg18194597</t>
  </si>
  <si>
    <t>cg18196829</t>
  </si>
  <si>
    <t>cg18197146</t>
  </si>
  <si>
    <t>cg18197332</t>
  </si>
  <si>
    <t>cg18200340</t>
  </si>
  <si>
    <t>cg18204833</t>
  </si>
  <si>
    <t>cg18210226</t>
  </si>
  <si>
    <t>cg18213472</t>
  </si>
  <si>
    <t>cg18216674</t>
  </si>
  <si>
    <t>cg18217172</t>
  </si>
  <si>
    <t>cg18217622</t>
  </si>
  <si>
    <t>cg18232313</t>
  </si>
  <si>
    <t>cg18239372</t>
  </si>
  <si>
    <t>cg18240331</t>
  </si>
  <si>
    <t>cg18241904</t>
  </si>
  <si>
    <t>cg18245365</t>
  </si>
  <si>
    <t>cg18247054</t>
  </si>
  <si>
    <t>cg18247552</t>
  </si>
  <si>
    <t>cg18256429</t>
  </si>
  <si>
    <t>cg18258564</t>
  </si>
  <si>
    <t>cg18261461</t>
  </si>
  <si>
    <t>cg18264486</t>
  </si>
  <si>
    <t>cg18264753</t>
  </si>
  <si>
    <t>cg18267444</t>
  </si>
  <si>
    <t>cg18271269</t>
  </si>
  <si>
    <t>cg18274559</t>
  </si>
  <si>
    <t>cg18280909</t>
  </si>
  <si>
    <t>cg18281824</t>
  </si>
  <si>
    <t>cg18283893</t>
  </si>
  <si>
    <t>cg18284961</t>
  </si>
  <si>
    <t>cg18287768</t>
  </si>
  <si>
    <t>cg18289746</t>
  </si>
  <si>
    <t>cg18291422</t>
  </si>
  <si>
    <t>cg18293833</t>
  </si>
  <si>
    <t>cg18296078</t>
  </si>
  <si>
    <t>cg18297538</t>
  </si>
  <si>
    <t>cg18300819</t>
  </si>
  <si>
    <t>cg18305324</t>
  </si>
  <si>
    <t>cg18326657</t>
  </si>
  <si>
    <t>cg18327128</t>
  </si>
  <si>
    <t>cg18335326</t>
  </si>
  <si>
    <t>cg18335933</t>
  </si>
  <si>
    <t>cg18338863</t>
  </si>
  <si>
    <t>cg18342026</t>
  </si>
  <si>
    <t>cg18344922</t>
  </si>
  <si>
    <t>cg18347921</t>
  </si>
  <si>
    <t>cg18350186</t>
  </si>
  <si>
    <t>cg18357048</t>
  </si>
  <si>
    <t>cg18358588</t>
  </si>
  <si>
    <t>cg18363568</t>
  </si>
  <si>
    <t>cg18370200</t>
  </si>
  <si>
    <t>cg18373855</t>
  </si>
  <si>
    <t>cg18374471</t>
  </si>
  <si>
    <t>cg18387216</t>
  </si>
  <si>
    <t>cg18388552</t>
  </si>
  <si>
    <t>cg18398007</t>
  </si>
  <si>
    <t>cg18402034</t>
  </si>
  <si>
    <t>cg18403569</t>
  </si>
  <si>
    <t>cg18405900</t>
  </si>
  <si>
    <t>cg18411550</t>
  </si>
  <si>
    <t>cg18411800</t>
  </si>
  <si>
    <t>cg18419045</t>
  </si>
  <si>
    <t>cg18419271</t>
  </si>
  <si>
    <t>cg18419694</t>
  </si>
  <si>
    <t>cg18425786</t>
  </si>
  <si>
    <t>cg18434775</t>
  </si>
  <si>
    <t>cg18439734</t>
  </si>
  <si>
    <t>cg18445760</t>
  </si>
  <si>
    <t>cg18452880</t>
  </si>
  <si>
    <t>cg18460422</t>
  </si>
  <si>
    <t>cg18464790</t>
  </si>
  <si>
    <t>cg18466911</t>
  </si>
  <si>
    <t>cg18468088</t>
  </si>
  <si>
    <t>cg18471993</t>
  </si>
  <si>
    <t>cg18472945</t>
  </si>
  <si>
    <t>cg18484267</t>
  </si>
  <si>
    <t>cg18489012</t>
  </si>
  <si>
    <t>cg18493069</t>
  </si>
  <si>
    <t>cg18497098</t>
  </si>
  <si>
    <t>cg18504015</t>
  </si>
  <si>
    <t>cg18505670</t>
  </si>
  <si>
    <t>cg18514573</t>
  </si>
  <si>
    <t>cg18564167</t>
  </si>
  <si>
    <t>cg18566984</t>
  </si>
  <si>
    <t>cg18573544</t>
  </si>
  <si>
    <t>cg18576635</t>
  </si>
  <si>
    <t>cg18576957</t>
  </si>
  <si>
    <t>cg18578343</t>
  </si>
  <si>
    <t>cg18580274</t>
  </si>
  <si>
    <t>cg18581937</t>
  </si>
  <si>
    <t>cg18582581</t>
  </si>
  <si>
    <t>cg18586886</t>
  </si>
  <si>
    <t>cg18588052</t>
  </si>
  <si>
    <t>cg18590015</t>
  </si>
  <si>
    <t>cg18605858</t>
  </si>
  <si>
    <t>cg18606378</t>
  </si>
  <si>
    <t>cg18626282</t>
  </si>
  <si>
    <t>cg18630040</t>
  </si>
  <si>
    <t>cg18630125</t>
  </si>
  <si>
    <t>cg18630580</t>
  </si>
  <si>
    <t>cg18630644</t>
  </si>
  <si>
    <t>cg18631513</t>
  </si>
  <si>
    <t>cg18632135</t>
  </si>
  <si>
    <t>cg18634782</t>
  </si>
  <si>
    <t>cg18644481</t>
  </si>
  <si>
    <t>cg18650716</t>
  </si>
  <si>
    <t>cg18650878</t>
  </si>
  <si>
    <t>cg18654873</t>
  </si>
  <si>
    <t>cg18656132</t>
  </si>
  <si>
    <t>cg18656763</t>
  </si>
  <si>
    <t>cg18659022</t>
  </si>
  <si>
    <t>cg18660980</t>
  </si>
  <si>
    <t>cg18663325</t>
  </si>
  <si>
    <t>cg18674212</t>
  </si>
  <si>
    <t>cg18675517</t>
  </si>
  <si>
    <t>cg18677473</t>
  </si>
  <si>
    <t>cg18684207</t>
  </si>
  <si>
    <t>cg18691564</t>
  </si>
  <si>
    <t>cg18691800</t>
  </si>
  <si>
    <t>cg18694169</t>
  </si>
  <si>
    <t>cg18695500</t>
  </si>
  <si>
    <t>cg18695778</t>
  </si>
  <si>
    <t>cg18696576</t>
  </si>
  <si>
    <t>cg18702108</t>
  </si>
  <si>
    <t>cg18703581</t>
  </si>
  <si>
    <t>cg18710462</t>
  </si>
  <si>
    <t>cg18710929</t>
  </si>
  <si>
    <t>cg18713646</t>
  </si>
  <si>
    <t>cg18721673</t>
  </si>
  <si>
    <t>cg18724061</t>
  </si>
  <si>
    <t>cg18728839</t>
  </si>
  <si>
    <t>cg18729896</t>
  </si>
  <si>
    <t>cg18730387</t>
  </si>
  <si>
    <t>cg18732032</t>
  </si>
  <si>
    <t>cg18735956</t>
  </si>
  <si>
    <t>cg18736676</t>
  </si>
  <si>
    <t>cg18739800</t>
  </si>
  <si>
    <t>cg18749015</t>
  </si>
  <si>
    <t>cg18750167</t>
  </si>
  <si>
    <t>cg18760835</t>
  </si>
  <si>
    <t>cg18760837</t>
  </si>
  <si>
    <t>cg18761994</t>
  </si>
  <si>
    <t>cg18773383</t>
  </si>
  <si>
    <t>cg18781817</t>
  </si>
  <si>
    <t>cg18782604</t>
  </si>
  <si>
    <t>cg18785467</t>
  </si>
  <si>
    <t>cg18785822</t>
  </si>
  <si>
    <t>cg18791779</t>
  </si>
  <si>
    <t>cg18791823</t>
  </si>
  <si>
    <t>cg18792904</t>
  </si>
  <si>
    <t>cg18798086</t>
  </si>
  <si>
    <t>cg18798995</t>
  </si>
  <si>
    <t>cg18803104</t>
  </si>
  <si>
    <t>cg18804722</t>
  </si>
  <si>
    <t>cg18819620</t>
  </si>
  <si>
    <t>cg18821972</t>
  </si>
  <si>
    <t>cg18831738</t>
  </si>
  <si>
    <t>cg18832902</t>
  </si>
  <si>
    <t>cg18833306</t>
  </si>
  <si>
    <t>cg18833958</t>
  </si>
  <si>
    <t>cg18844799</t>
  </si>
  <si>
    <t>cg18846140</t>
  </si>
  <si>
    <t>cg18849840</t>
  </si>
  <si>
    <t>cg18857062</t>
  </si>
  <si>
    <t>cg18860790</t>
  </si>
  <si>
    <t>cg18867708</t>
  </si>
  <si>
    <t>cg18872215</t>
  </si>
  <si>
    <t>cg18873593</t>
  </si>
  <si>
    <t>cg18873763</t>
  </si>
  <si>
    <t>cg18874111</t>
  </si>
  <si>
    <t>cg18879780</t>
  </si>
  <si>
    <t>cg18881962</t>
  </si>
  <si>
    <t>cg18884037</t>
  </si>
  <si>
    <t>cg18901896</t>
  </si>
  <si>
    <t>cg18910324</t>
  </si>
  <si>
    <t>cg18912520</t>
  </si>
  <si>
    <t>cg18914211</t>
  </si>
  <si>
    <t>cg18917544</t>
  </si>
  <si>
    <t>cg18918349</t>
  </si>
  <si>
    <t>cg18930100</t>
  </si>
  <si>
    <t>cg18932158</t>
  </si>
  <si>
    <t>cg18932809</t>
  </si>
  <si>
    <t>cg18944910</t>
  </si>
  <si>
    <t>cg18949300</t>
  </si>
  <si>
    <t>cg18956706</t>
  </si>
  <si>
    <t>cg18960642</t>
  </si>
  <si>
    <t>cg18965377</t>
  </si>
  <si>
    <t>cg18967278</t>
  </si>
  <si>
    <t>cg18973743</t>
  </si>
  <si>
    <t>cg19003797</t>
  </si>
  <si>
    <t>cg19004134</t>
  </si>
  <si>
    <t>cg19005620</t>
  </si>
  <si>
    <t>cg19006429</t>
  </si>
  <si>
    <t>cg19008099</t>
  </si>
  <si>
    <t>cg19032271</t>
  </si>
  <si>
    <t>cg19032326</t>
  </si>
  <si>
    <t>cg19033035</t>
  </si>
  <si>
    <t>cg19033271</t>
  </si>
  <si>
    <t>cg19033654</t>
  </si>
  <si>
    <t>cg19035107</t>
  </si>
  <si>
    <t>cg19046933</t>
  </si>
  <si>
    <t>cg19051105</t>
  </si>
  <si>
    <t>cg19070139</t>
  </si>
  <si>
    <t>cg19089102</t>
  </si>
  <si>
    <t>cg19095187</t>
  </si>
  <si>
    <t>cg19095784</t>
  </si>
  <si>
    <t>cg19098017</t>
  </si>
  <si>
    <t>cg19104656</t>
  </si>
  <si>
    <t>cg19108542</t>
  </si>
  <si>
    <t>cg19110902</t>
  </si>
  <si>
    <t>cg19113030</t>
  </si>
  <si>
    <t>cg19115272</t>
  </si>
  <si>
    <t>cg19121462</t>
  </si>
  <si>
    <t>cg19121857</t>
  </si>
  <si>
    <t>cg19123251</t>
  </si>
  <si>
    <t>cg19134644</t>
  </si>
  <si>
    <t>cg19148201</t>
  </si>
  <si>
    <t>cg19149898</t>
  </si>
  <si>
    <t>cg19171596</t>
  </si>
  <si>
    <t>cg19174706</t>
  </si>
  <si>
    <t>cg19177722</t>
  </si>
  <si>
    <t>cg19178742</t>
  </si>
  <si>
    <t>cg19179973</t>
  </si>
  <si>
    <t>cg19182289</t>
  </si>
  <si>
    <t>cg19185641</t>
  </si>
  <si>
    <t>cg19188205</t>
  </si>
  <si>
    <t>cg19189310</t>
  </si>
  <si>
    <t>cg19192280</t>
  </si>
  <si>
    <t>cg19196401</t>
  </si>
  <si>
    <t>cg19206146</t>
  </si>
  <si>
    <t>cg19216198</t>
  </si>
  <si>
    <t>cg19223274</t>
  </si>
  <si>
    <t>cg19223299</t>
  </si>
  <si>
    <t>cg19227031</t>
  </si>
  <si>
    <t>cg19241689</t>
  </si>
  <si>
    <t>cg19245228</t>
  </si>
  <si>
    <t>cg19259829</t>
  </si>
  <si>
    <t>cg19269956</t>
  </si>
  <si>
    <t>cg19271133</t>
  </si>
  <si>
    <t>cg19273746</t>
  </si>
  <si>
    <t>cg19274820</t>
  </si>
  <si>
    <t>cg19275536</t>
  </si>
  <si>
    <t>cg19279130</t>
  </si>
  <si>
    <t>cg19287823</t>
  </si>
  <si>
    <t>cg19291355</t>
  </si>
  <si>
    <t>cg19320816</t>
  </si>
  <si>
    <t>cg19321603</t>
  </si>
  <si>
    <t>cg19326232</t>
  </si>
  <si>
    <t>cg19342109</t>
  </si>
  <si>
    <t>cg19343809</t>
  </si>
  <si>
    <t>cg19355881</t>
  </si>
  <si>
    <t>cg19356389</t>
  </si>
  <si>
    <t>cg19362874</t>
  </si>
  <si>
    <t>cg19366652</t>
  </si>
  <si>
    <t>cg19372359</t>
  </si>
  <si>
    <t>cg19373954</t>
  </si>
  <si>
    <t>cg19376664</t>
  </si>
  <si>
    <t>cg19376858</t>
  </si>
  <si>
    <t>cg19384531</t>
  </si>
  <si>
    <t>cg19385624</t>
  </si>
  <si>
    <t>cg19387310</t>
  </si>
  <si>
    <t>cg19406113</t>
  </si>
  <si>
    <t>cg19409583</t>
  </si>
  <si>
    <t>cg19411146</t>
  </si>
  <si>
    <t>cg19415767</t>
  </si>
  <si>
    <t>cg19450145</t>
  </si>
  <si>
    <t>cg19451435</t>
  </si>
  <si>
    <t>cg19455923</t>
  </si>
  <si>
    <t>cg19456031</t>
  </si>
  <si>
    <t>cg19456996</t>
  </si>
  <si>
    <t>cg19471291</t>
  </si>
  <si>
    <t>cg19484381</t>
  </si>
  <si>
    <t>cg19494004</t>
  </si>
  <si>
    <t>cg19494464</t>
  </si>
  <si>
    <t>cg19501423</t>
  </si>
  <si>
    <t>cg19504032</t>
  </si>
  <si>
    <t>cg19509155</t>
  </si>
  <si>
    <t>cg19519310</t>
  </si>
  <si>
    <t>cg19519384</t>
  </si>
  <si>
    <t>cg19520046</t>
  </si>
  <si>
    <t>cg19521934</t>
  </si>
  <si>
    <t>cg19556079</t>
  </si>
  <si>
    <t>cg19569551</t>
  </si>
  <si>
    <t>cg19570702</t>
  </si>
  <si>
    <t>cg19579695</t>
  </si>
  <si>
    <t>cg19582256</t>
  </si>
  <si>
    <t>cg19592336</t>
  </si>
  <si>
    <t>cg19593741</t>
  </si>
  <si>
    <t>cg19597450</t>
  </si>
  <si>
    <t>cg19605915</t>
  </si>
  <si>
    <t>cg19608824</t>
  </si>
  <si>
    <t>cg19614744</t>
  </si>
  <si>
    <t>cg19619625</t>
  </si>
  <si>
    <t>cg19620016</t>
  </si>
  <si>
    <t>cg19623877</t>
  </si>
  <si>
    <t>cg19627207</t>
  </si>
  <si>
    <t>cg19627910</t>
  </si>
  <si>
    <t>cg19628745</t>
  </si>
  <si>
    <t>cg19632532</t>
  </si>
  <si>
    <t>cg19637177</t>
  </si>
  <si>
    <t>cg19643841</t>
  </si>
  <si>
    <t>cg19650814</t>
  </si>
  <si>
    <t>cg19651155</t>
  </si>
  <si>
    <t>cg19651268</t>
  </si>
  <si>
    <t>cg19653212</t>
  </si>
  <si>
    <t>cg19666256</t>
  </si>
  <si>
    <t>cg19675288</t>
  </si>
  <si>
    <t>cg19677203</t>
  </si>
  <si>
    <t>cg19677624</t>
  </si>
  <si>
    <t>cg19681793</t>
  </si>
  <si>
    <t>cg19683457</t>
  </si>
  <si>
    <t>cg19692318</t>
  </si>
  <si>
    <t>cg19693890</t>
  </si>
  <si>
    <t>cg19697584</t>
  </si>
  <si>
    <t>cg19699291</t>
  </si>
  <si>
    <t>cg19700006</t>
  </si>
  <si>
    <t>cg19714436</t>
  </si>
  <si>
    <t>cg19729116</t>
  </si>
  <si>
    <t>cg19732154</t>
  </si>
  <si>
    <t>cg19735538</t>
  </si>
  <si>
    <t>cg19736503</t>
  </si>
  <si>
    <t>cg19743406</t>
  </si>
  <si>
    <t>cg19760323</t>
  </si>
  <si>
    <t>cg19761060</t>
  </si>
  <si>
    <t>cg19765038</t>
  </si>
  <si>
    <t>cg19771648</t>
  </si>
  <si>
    <t>cg19798881</t>
  </si>
  <si>
    <t>cg19804071</t>
  </si>
  <si>
    <t>cg19807376</t>
  </si>
  <si>
    <t>cg19820543</t>
  </si>
  <si>
    <t>cg19823603</t>
  </si>
  <si>
    <t>cg19849557</t>
  </si>
  <si>
    <t>cg19858311</t>
  </si>
  <si>
    <t>cg19864808</t>
  </si>
  <si>
    <t>cg19865159</t>
  </si>
  <si>
    <t>cg19873602</t>
  </si>
  <si>
    <t>cg19875368</t>
  </si>
  <si>
    <t>cg19879479</t>
  </si>
  <si>
    <t>cg19885914</t>
  </si>
  <si>
    <t>cg19889152</t>
  </si>
  <si>
    <t>cg19919007</t>
  </si>
  <si>
    <t>cg19926505</t>
  </si>
  <si>
    <t>cg19930737</t>
  </si>
  <si>
    <t>cg19938295</t>
  </si>
  <si>
    <t>cg19940332</t>
  </si>
  <si>
    <t>cg19954146</t>
  </si>
  <si>
    <t>cg19961480</t>
  </si>
  <si>
    <t>cg19964491</t>
  </si>
  <si>
    <t>cg19965099</t>
  </si>
  <si>
    <t>cg19979405</t>
  </si>
  <si>
    <t>cg19984781</t>
  </si>
  <si>
    <t>cg20001067</t>
  </si>
  <si>
    <t>cg20006205</t>
  </si>
  <si>
    <t>cg20008357</t>
  </si>
  <si>
    <t>cg20011562</t>
  </si>
  <si>
    <t>cg20027578</t>
  </si>
  <si>
    <t>cg20028058</t>
  </si>
  <si>
    <t>cg20034792</t>
  </si>
  <si>
    <t>cg20041567</t>
  </si>
  <si>
    <t>cg20047076</t>
  </si>
  <si>
    <t>cg20052079</t>
  </si>
  <si>
    <t>cg20058270</t>
  </si>
  <si>
    <t>cg20067477</t>
  </si>
  <si>
    <t>cg20067575</t>
  </si>
  <si>
    <t>cg20068535</t>
  </si>
  <si>
    <t>cg20114732</t>
  </si>
  <si>
    <t>cg20116804</t>
  </si>
  <si>
    <t>cg20133890</t>
  </si>
  <si>
    <t>cg20144576</t>
  </si>
  <si>
    <t>cg20147862</t>
  </si>
  <si>
    <t>cg20150972</t>
  </si>
  <si>
    <t>cg20151795</t>
  </si>
  <si>
    <t>cg20159839</t>
  </si>
  <si>
    <t>cg20161227</t>
  </si>
  <si>
    <t>cg20168806</t>
  </si>
  <si>
    <t>cg20178172</t>
  </si>
  <si>
    <t>cg20180370</t>
  </si>
  <si>
    <t>cg20185145</t>
  </si>
  <si>
    <t>cg20191740</t>
  </si>
  <si>
    <t>cg20193104</t>
  </si>
  <si>
    <t>cg20194454</t>
  </si>
  <si>
    <t>cg20203357</t>
  </si>
  <si>
    <t>cg20206129</t>
  </si>
  <si>
    <t>cg20206224</t>
  </si>
  <si>
    <t>cg20206437</t>
  </si>
  <si>
    <t>cg20219159</t>
  </si>
  <si>
    <t>cg20222052</t>
  </si>
  <si>
    <t>cg20223728</t>
  </si>
  <si>
    <t>cg20225889</t>
  </si>
  <si>
    <t>cg20227255</t>
  </si>
  <si>
    <t>cg20234976</t>
  </si>
  <si>
    <t>cg20242210</t>
  </si>
  <si>
    <t>cg20246315</t>
  </si>
  <si>
    <t>cg20249230</t>
  </si>
  <si>
    <t>cg20270172</t>
  </si>
  <si>
    <t>cg20283582</t>
  </si>
  <si>
    <t>cg20290983</t>
  </si>
  <si>
    <t>cg20294304</t>
  </si>
  <si>
    <t>cg20300129</t>
  </si>
  <si>
    <t>cg20300651</t>
  </si>
  <si>
    <t>cg20331241</t>
  </si>
  <si>
    <t>cg20331609</t>
  </si>
  <si>
    <t>cg20334627</t>
  </si>
  <si>
    <t>cg20361909</t>
  </si>
  <si>
    <t>cg20364594</t>
  </si>
  <si>
    <t>cg20364735</t>
  </si>
  <si>
    <t>cg20371401</t>
  </si>
  <si>
    <t>cg20373401</t>
  </si>
  <si>
    <t>cg20378070</t>
  </si>
  <si>
    <t>cg20389911</t>
  </si>
  <si>
    <t>cg20393860</t>
  </si>
  <si>
    <t>cg20400383</t>
  </si>
  <si>
    <t>cg20405174</t>
  </si>
  <si>
    <t>cg20418529</t>
  </si>
  <si>
    <t>cg20419072</t>
  </si>
  <si>
    <t>cg20419110</t>
  </si>
  <si>
    <t>cg20420659</t>
  </si>
  <si>
    <t>cg20421279</t>
  </si>
  <si>
    <t>cg20427090</t>
  </si>
  <si>
    <t>cg20431092</t>
  </si>
  <si>
    <t>cg20434586</t>
  </si>
  <si>
    <t>cg20442599</t>
  </si>
  <si>
    <t>cg20443028</t>
  </si>
  <si>
    <t>cg20443613</t>
  </si>
  <si>
    <t>cg20444341</t>
  </si>
  <si>
    <t>cg20448717</t>
  </si>
  <si>
    <t>cg20450471</t>
  </si>
  <si>
    <t>cg20462855</t>
  </si>
  <si>
    <t>cg20463403</t>
  </si>
  <si>
    <t>cg20471413</t>
  </si>
  <si>
    <t>cg20476801</t>
  </si>
  <si>
    <t>cg20486294</t>
  </si>
  <si>
    <t>cg20488968</t>
  </si>
  <si>
    <t>cg20491838</t>
  </si>
  <si>
    <t>cg20496485</t>
  </si>
  <si>
    <t>cg20497181</t>
  </si>
  <si>
    <t>cg20543431</t>
  </si>
  <si>
    <t>cg20556304</t>
  </si>
  <si>
    <t>cg20573820</t>
  </si>
  <si>
    <t>cg20582800</t>
  </si>
  <si>
    <t>cg20595752</t>
  </si>
  <si>
    <t>cg20598720</t>
  </si>
  <si>
    <t>cg20603557</t>
  </si>
  <si>
    <t>cg20605134</t>
  </si>
  <si>
    <t>cg20611276</t>
  </si>
  <si>
    <t>cg20614157</t>
  </si>
  <si>
    <t>cg20618357</t>
  </si>
  <si>
    <t>cg20619067</t>
  </si>
  <si>
    <t>cg20622089</t>
  </si>
  <si>
    <t>cg20630683</t>
  </si>
  <si>
    <t>cg20631014</t>
  </si>
  <si>
    <t>cg20640177</t>
  </si>
  <si>
    <t>cg20651916</t>
  </si>
  <si>
    <t>cg20653986</t>
  </si>
  <si>
    <t>cg20654260</t>
  </si>
  <si>
    <t>cg20655068</t>
  </si>
  <si>
    <t>cg20659418</t>
  </si>
  <si>
    <t>cg20660989</t>
  </si>
  <si>
    <t>cg20666807</t>
  </si>
  <si>
    <t>cg20678128</t>
  </si>
  <si>
    <t>cg20681931</t>
  </si>
  <si>
    <t>cg20710635</t>
  </si>
  <si>
    <t>cg20710888</t>
  </si>
  <si>
    <t>cg20729891</t>
  </si>
  <si>
    <t>cg20731597</t>
  </si>
  <si>
    <t>cg20745457</t>
  </si>
  <si>
    <t>cg20755651</t>
  </si>
  <si>
    <t>cg20758982</t>
  </si>
  <si>
    <t>cg20774312</t>
  </si>
  <si>
    <t>cg20782286</t>
  </si>
  <si>
    <t>cg20782850</t>
  </si>
  <si>
    <t>cg20797858</t>
  </si>
  <si>
    <t>cg20815084</t>
  </si>
  <si>
    <t>cg20817483</t>
  </si>
  <si>
    <t>cg20826416</t>
  </si>
  <si>
    <t>cg20834966</t>
  </si>
  <si>
    <t>cg20839206</t>
  </si>
  <si>
    <t>cg20844851</t>
  </si>
  <si>
    <t>cg20847496</t>
  </si>
  <si>
    <t>cg20849032</t>
  </si>
  <si>
    <t>cg20858622</t>
  </si>
  <si>
    <t>cg20863810</t>
  </si>
  <si>
    <t>cg20865806</t>
  </si>
  <si>
    <t>cg20872639</t>
  </si>
  <si>
    <t>cg20882455</t>
  </si>
  <si>
    <t>cg20889841</t>
  </si>
  <si>
    <t>cg20894465</t>
  </si>
  <si>
    <t>cg20894884</t>
  </si>
  <si>
    <t>cg20899581</t>
  </si>
  <si>
    <t>cg20904489</t>
  </si>
  <si>
    <t>cg20906291</t>
  </si>
  <si>
    <t>cg20907105</t>
  </si>
  <si>
    <t>cg20913747</t>
  </si>
  <si>
    <t>cg20927242</t>
  </si>
  <si>
    <t>cg20935933</t>
  </si>
  <si>
    <t>cg20940044</t>
  </si>
  <si>
    <t>cg20942691</t>
  </si>
  <si>
    <t>cg20951025</t>
  </si>
  <si>
    <t>cg20954960</t>
  </si>
  <si>
    <t>cg20955491</t>
  </si>
  <si>
    <t>cg20955693</t>
  </si>
  <si>
    <t>cg20974482</t>
  </si>
  <si>
    <t>cg20980653</t>
  </si>
  <si>
    <t>cg20982223</t>
  </si>
  <si>
    <t>cg20983312</t>
  </si>
  <si>
    <t>cg20985617</t>
  </si>
  <si>
    <t>cg20988098</t>
  </si>
  <si>
    <t>cg20994248</t>
  </si>
  <si>
    <t>cg20997355</t>
  </si>
  <si>
    <t>cg20998770</t>
  </si>
  <si>
    <t>cg20999246</t>
  </si>
  <si>
    <t>cg21002542</t>
  </si>
  <si>
    <t>cg21010202</t>
  </si>
  <si>
    <t>cg21012866</t>
  </si>
  <si>
    <t>cg21020089</t>
  </si>
  <si>
    <t>cg21026663</t>
  </si>
  <si>
    <t>cg21029447</t>
  </si>
  <si>
    <t>cg21036766</t>
  </si>
  <si>
    <t>cg21040775</t>
  </si>
  <si>
    <t>cg21051989</t>
  </si>
  <si>
    <t>cg21053741</t>
  </si>
  <si>
    <t>cg21062780</t>
  </si>
  <si>
    <t>cg21064505</t>
  </si>
  <si>
    <t>cg21064939</t>
  </si>
  <si>
    <t>cg21071512</t>
  </si>
  <si>
    <t>cg21073776</t>
  </si>
  <si>
    <t>cg21091119</t>
  </si>
  <si>
    <t>cg21095983</t>
  </si>
  <si>
    <t>cg21099624</t>
  </si>
  <si>
    <t>cg21102926</t>
  </si>
  <si>
    <t>cg21119468</t>
  </si>
  <si>
    <t>cg21120176</t>
  </si>
  <si>
    <t>cg21122656</t>
  </si>
  <si>
    <t>cg21126035</t>
  </si>
  <si>
    <t>cg21126118</t>
  </si>
  <si>
    <t>cg21127999</t>
  </si>
  <si>
    <t>cg21128951</t>
  </si>
  <si>
    <t>cg21132779</t>
  </si>
  <si>
    <t>cg21139063</t>
  </si>
  <si>
    <t>cg21153160</t>
  </si>
  <si>
    <t>cg21153898</t>
  </si>
  <si>
    <t>cg21156577</t>
  </si>
  <si>
    <t>cg21163765</t>
  </si>
  <si>
    <t>cg21176130</t>
  </si>
  <si>
    <t>cg21178851</t>
  </si>
  <si>
    <t>cg21181087</t>
  </si>
  <si>
    <t>cg21186663</t>
  </si>
  <si>
    <t>cg21205032</t>
  </si>
  <si>
    <t>cg21207916</t>
  </si>
  <si>
    <t>cg21223681</t>
  </si>
  <si>
    <t>cg21227040</t>
  </si>
  <si>
    <t>cg21229979</t>
  </si>
  <si>
    <t>cg21230578</t>
  </si>
  <si>
    <t>cg21233897</t>
  </si>
  <si>
    <t>cg21234474</t>
  </si>
  <si>
    <t>cg21239179</t>
  </si>
  <si>
    <t>cg21239311</t>
  </si>
  <si>
    <t>cg21239439</t>
  </si>
  <si>
    <t>cg21241839</t>
  </si>
  <si>
    <t>cg21252609</t>
  </si>
  <si>
    <t>cg21268163</t>
  </si>
  <si>
    <t>cg21269400</t>
  </si>
  <si>
    <t>cg21271420</t>
  </si>
  <si>
    <t>cg21272454</t>
  </si>
  <si>
    <t>cg21273098</t>
  </si>
  <si>
    <t>cg21273856</t>
  </si>
  <si>
    <t>cg21277243</t>
  </si>
  <si>
    <t>cg21277995</t>
  </si>
  <si>
    <t>cg21282131</t>
  </si>
  <si>
    <t>cg21284680</t>
  </si>
  <si>
    <t>cg21286626</t>
  </si>
  <si>
    <t>cg21287411</t>
  </si>
  <si>
    <t>cg21292025</t>
  </si>
  <si>
    <t>cg21294812</t>
  </si>
  <si>
    <t>cg21297677</t>
  </si>
  <si>
    <t>cg21305774</t>
  </si>
  <si>
    <t>cg21311996</t>
  </si>
  <si>
    <t>cg21317795</t>
  </si>
  <si>
    <t>cg21333861</t>
  </si>
  <si>
    <t>cg21338153</t>
  </si>
  <si>
    <t>cg21343191</t>
  </si>
  <si>
    <t>cg21354781</t>
  </si>
  <si>
    <t>cg21355338</t>
  </si>
  <si>
    <t>cg21356535</t>
  </si>
  <si>
    <t>cg21358343</t>
  </si>
  <si>
    <t>cg21362455</t>
  </si>
  <si>
    <t>cg21366688</t>
  </si>
  <si>
    <t>cg21368352</t>
  </si>
  <si>
    <t>cg21376799</t>
  </si>
  <si>
    <t>cg21389025</t>
  </si>
  <si>
    <t>cg21393135</t>
  </si>
  <si>
    <t>cg21395626</t>
  </si>
  <si>
    <t>cg21398794</t>
  </si>
  <si>
    <t>cg21412928</t>
  </si>
  <si>
    <t>cg21413492</t>
  </si>
  <si>
    <t>cg21413754</t>
  </si>
  <si>
    <t>cg21424717</t>
  </si>
  <si>
    <t>cg21424801</t>
  </si>
  <si>
    <t>cg21427300</t>
  </si>
  <si>
    <t>cg21434563</t>
  </si>
  <si>
    <t>cg21435316</t>
  </si>
  <si>
    <t>cg21460606</t>
  </si>
  <si>
    <t>cg21461387</t>
  </si>
  <si>
    <t>cg21462316</t>
  </si>
  <si>
    <t>cg21467614</t>
  </si>
  <si>
    <t>cg21489622</t>
  </si>
  <si>
    <t>cg21496580</t>
  </si>
  <si>
    <t>cg21496672</t>
  </si>
  <si>
    <t>cg21496803</t>
  </si>
  <si>
    <t>cg21506565</t>
  </si>
  <si>
    <t>cg21511976</t>
  </si>
  <si>
    <t>cg21513254</t>
  </si>
  <si>
    <t>cg21533683</t>
  </si>
  <si>
    <t>cg21552001</t>
  </si>
  <si>
    <t>cg21552709</t>
  </si>
  <si>
    <t>cg21561537</t>
  </si>
  <si>
    <t>cg21566689</t>
  </si>
  <si>
    <t>cg21568286</t>
  </si>
  <si>
    <t>cg21568731</t>
  </si>
  <si>
    <t>cg21570988</t>
  </si>
  <si>
    <t>cg21571245</t>
  </si>
  <si>
    <t>cg21574204</t>
  </si>
  <si>
    <t>cg21574429</t>
  </si>
  <si>
    <t>cg21585627</t>
  </si>
  <si>
    <t>cg21588998</t>
  </si>
  <si>
    <t>cg21592827</t>
  </si>
  <si>
    <t>cg21600965</t>
  </si>
  <si>
    <t>cg21606226</t>
  </si>
  <si>
    <t>cg21607700</t>
  </si>
  <si>
    <t>cg21610164</t>
  </si>
  <si>
    <t>cg21614408</t>
  </si>
  <si>
    <t>cg21619773</t>
  </si>
  <si>
    <t>cg21621759</t>
  </si>
  <si>
    <t>cg21636096</t>
  </si>
  <si>
    <t>cg21639114</t>
  </si>
  <si>
    <t>cg21640187</t>
  </si>
  <si>
    <t>cg21642103</t>
  </si>
  <si>
    <t>cg21643178</t>
  </si>
  <si>
    <t>cg21644740</t>
  </si>
  <si>
    <t>cg21646955</t>
  </si>
  <si>
    <t>cg21647752</t>
  </si>
  <si>
    <t>cg21652474</t>
  </si>
  <si>
    <t>cg21663580</t>
  </si>
  <si>
    <t>cg21666768</t>
  </si>
  <si>
    <t>cg21668880</t>
  </si>
  <si>
    <t>cg21682057</t>
  </si>
  <si>
    <t>cg21684012</t>
  </si>
  <si>
    <t>cg21686797</t>
  </si>
  <si>
    <t>cg21688264</t>
  </si>
  <si>
    <t>cg21688634</t>
  </si>
  <si>
    <t>cg21697252</t>
  </si>
  <si>
    <t>cg21705063</t>
  </si>
  <si>
    <t>cg21710066</t>
  </si>
  <si>
    <t>cg21717959</t>
  </si>
  <si>
    <t>cg21718087</t>
  </si>
  <si>
    <t>cg21719344</t>
  </si>
  <si>
    <t>cg21723246</t>
  </si>
  <si>
    <t>cg21725888</t>
  </si>
  <si>
    <t>cg21726235</t>
  </si>
  <si>
    <t>cg21730448</t>
  </si>
  <si>
    <t>cg21759797</t>
  </si>
  <si>
    <t>cg21760146</t>
  </si>
  <si>
    <t>cg21761427</t>
  </si>
  <si>
    <t>cg21762523</t>
  </si>
  <si>
    <t>cg21776583</t>
  </si>
  <si>
    <t>cg21789044</t>
  </si>
  <si>
    <t>cg21794222</t>
  </si>
  <si>
    <t>cg21798060</t>
  </si>
  <si>
    <t>cg21800309</t>
  </si>
  <si>
    <t>cg21803390</t>
  </si>
  <si>
    <t>cg21818361</t>
  </si>
  <si>
    <t>cg21834061</t>
  </si>
  <si>
    <t>cg21859603</t>
  </si>
  <si>
    <t>cg21875336</t>
  </si>
  <si>
    <t>cg21875532</t>
  </si>
  <si>
    <t>cg21877580</t>
  </si>
  <si>
    <t>cg21894862</t>
  </si>
  <si>
    <t>cg21903646</t>
  </si>
  <si>
    <t>cg21904654</t>
  </si>
  <si>
    <t>cg21918786</t>
  </si>
  <si>
    <t>cg21960265</t>
  </si>
  <si>
    <t>cg21963656</t>
  </si>
  <si>
    <t>cg21975007</t>
  </si>
  <si>
    <t>cg21988569</t>
  </si>
  <si>
    <t>cg21992350</t>
  </si>
  <si>
    <t>cg21996137</t>
  </si>
  <si>
    <t>cg21999229</t>
  </si>
  <si>
    <t>cg22000577</t>
  </si>
  <si>
    <t>cg22007163</t>
  </si>
  <si>
    <t>cg22007726</t>
  </si>
  <si>
    <t>cg22009551</t>
  </si>
  <si>
    <t>cg22014112</t>
  </si>
  <si>
    <t>cg22014661</t>
  </si>
  <si>
    <t>cg22017797</t>
  </si>
  <si>
    <t>cg22023797</t>
  </si>
  <si>
    <t>cg22039242</t>
  </si>
  <si>
    <t>cg22041081</t>
  </si>
  <si>
    <t>cg22058708</t>
  </si>
  <si>
    <t>cg22058855</t>
  </si>
  <si>
    <t>cg22060817</t>
  </si>
  <si>
    <t>cg22064581</t>
  </si>
  <si>
    <t>cg22066180</t>
  </si>
  <si>
    <t>cg22068759</t>
  </si>
  <si>
    <t>cg22085055</t>
  </si>
  <si>
    <t>cg22085539</t>
  </si>
  <si>
    <t>cg22099236</t>
  </si>
  <si>
    <t>cg22099441</t>
  </si>
  <si>
    <t>cg22105332</t>
  </si>
  <si>
    <t>cg22121557</t>
  </si>
  <si>
    <t>cg22128830</t>
  </si>
  <si>
    <t>cg22128918</t>
  </si>
  <si>
    <t>cg22131825</t>
  </si>
  <si>
    <t>cg22136118</t>
  </si>
  <si>
    <t>cg22141696</t>
  </si>
  <si>
    <t>cg22147996</t>
  </si>
  <si>
    <t>cg22149610</t>
  </si>
  <si>
    <t>cg22153312</t>
  </si>
  <si>
    <t>cg22157015</t>
  </si>
  <si>
    <t>cg22190028</t>
  </si>
  <si>
    <t>cg22191981</t>
  </si>
  <si>
    <t>cg22196848</t>
  </si>
  <si>
    <t>cg22198853</t>
  </si>
  <si>
    <t>cg22208108</t>
  </si>
  <si>
    <t>cg22221222</t>
  </si>
  <si>
    <t>cg22229076</t>
  </si>
  <si>
    <t>cg22235293</t>
  </si>
  <si>
    <t>cg22237300</t>
  </si>
  <si>
    <t>cg22248052</t>
  </si>
  <si>
    <t>cg22261528</t>
  </si>
  <si>
    <t>cg22264975</t>
  </si>
  <si>
    <t>cg22267131</t>
  </si>
  <si>
    <t>cg22267542</t>
  </si>
  <si>
    <t>cg22268256</t>
  </si>
  <si>
    <t>cg22268510</t>
  </si>
  <si>
    <t>cg22274251</t>
  </si>
  <si>
    <t>cg22275276</t>
  </si>
  <si>
    <t>cg22277887</t>
  </si>
  <si>
    <t>cg22291762</t>
  </si>
  <si>
    <t>cg22300282</t>
  </si>
  <si>
    <t>cg22306579</t>
  </si>
  <si>
    <t>cg22318514</t>
  </si>
  <si>
    <t>cg22321514</t>
  </si>
  <si>
    <t>cg22321572</t>
  </si>
  <si>
    <t>cg22324934</t>
  </si>
  <si>
    <t>cg22325294</t>
  </si>
  <si>
    <t>cg22329831</t>
  </si>
  <si>
    <t>cg22330763</t>
  </si>
  <si>
    <t>cg22336993</t>
  </si>
  <si>
    <t>cg22352234</t>
  </si>
  <si>
    <t>cg22361816</t>
  </si>
  <si>
    <t>cg22363327</t>
  </si>
  <si>
    <t>cg22366783</t>
  </si>
  <si>
    <t>cg22367191</t>
  </si>
  <si>
    <t>cg22368624</t>
  </si>
  <si>
    <t>cg22376415</t>
  </si>
  <si>
    <t>cg22378065</t>
  </si>
  <si>
    <t>cg22389147</t>
  </si>
  <si>
    <t>cg22389871</t>
  </si>
  <si>
    <t>cg22401066</t>
  </si>
  <si>
    <t>cg22401907</t>
  </si>
  <si>
    <t>cg22402850</t>
  </si>
  <si>
    <t>cg22404450</t>
  </si>
  <si>
    <t>cg22408278</t>
  </si>
  <si>
    <t>cg22409854</t>
  </si>
  <si>
    <t>cg22410478</t>
  </si>
  <si>
    <t>cg22412072</t>
  </si>
  <si>
    <t>cg22416137</t>
  </si>
  <si>
    <t>cg22452837</t>
  </si>
  <si>
    <t>cg22466350</t>
  </si>
  <si>
    <t>cg22466620</t>
  </si>
  <si>
    <t>cg22473637</t>
  </si>
  <si>
    <t>cg22475867</t>
  </si>
  <si>
    <t>cg22476027</t>
  </si>
  <si>
    <t>cg22483030</t>
  </si>
  <si>
    <t>cg22491629</t>
  </si>
  <si>
    <t>cg22492936</t>
  </si>
  <si>
    <t>cg22496809</t>
  </si>
  <si>
    <t>cg22507772</t>
  </si>
  <si>
    <t>cg22541378</t>
  </si>
  <si>
    <t>cg22542300</t>
  </si>
  <si>
    <t>cg22549545</t>
  </si>
  <si>
    <t>cg22561889</t>
  </si>
  <si>
    <t>cg22562590</t>
  </si>
  <si>
    <t>cg22570970</t>
  </si>
  <si>
    <t>cg22571131</t>
  </si>
  <si>
    <t>cg22573696</t>
  </si>
  <si>
    <t>cg22578433</t>
  </si>
  <si>
    <t>cg22608269</t>
  </si>
  <si>
    <t>cg22609510</t>
  </si>
  <si>
    <t>cg22617773</t>
  </si>
  <si>
    <t>cg22624253</t>
  </si>
  <si>
    <t>cg22647810</t>
  </si>
  <si>
    <t>cg22662036</t>
  </si>
  <si>
    <t>cg22671580</t>
  </si>
  <si>
    <t>cg22674613</t>
  </si>
  <si>
    <t>cg22676447</t>
  </si>
  <si>
    <t>cg22684370</t>
  </si>
  <si>
    <t>cg22684570</t>
  </si>
  <si>
    <t>cg22686132</t>
  </si>
  <si>
    <t>cg22696073</t>
  </si>
  <si>
    <t>cg22701603</t>
  </si>
  <si>
    <t>cg22708150</t>
  </si>
  <si>
    <t>cg22710115</t>
  </si>
  <si>
    <t>cg22711111</t>
  </si>
  <si>
    <t>cg22715021</t>
  </si>
  <si>
    <t>cg22727304</t>
  </si>
  <si>
    <t>cg22736777</t>
  </si>
  <si>
    <t>cg22767321</t>
  </si>
  <si>
    <t>cg22776687</t>
  </si>
  <si>
    <t>cg22777309</t>
  </si>
  <si>
    <t>cg22777520</t>
  </si>
  <si>
    <t>cg22782271</t>
  </si>
  <si>
    <t>cg22786465</t>
  </si>
  <si>
    <t>cg22787977</t>
  </si>
  <si>
    <t>cg22789193</t>
  </si>
  <si>
    <t>cg22789298</t>
  </si>
  <si>
    <t>cg22791936</t>
  </si>
  <si>
    <t>cg22792479</t>
  </si>
  <si>
    <t>cg22794731</t>
  </si>
  <si>
    <t>cg22796313</t>
  </si>
  <si>
    <t>cg22798503</t>
  </si>
  <si>
    <t>cg22799902</t>
  </si>
  <si>
    <t>cg22804502</t>
  </si>
  <si>
    <t>cg22804786</t>
  </si>
  <si>
    <t>cg22807378</t>
  </si>
  <si>
    <t>cg22809408</t>
  </si>
  <si>
    <t>cg22812442</t>
  </si>
  <si>
    <t>cg22818423</t>
  </si>
  <si>
    <t>cg22818913</t>
  </si>
  <si>
    <t>cg22822893</t>
  </si>
  <si>
    <t>cg22827707</t>
  </si>
  <si>
    <t>cg22828147</t>
  </si>
  <si>
    <t>cg22831313</t>
  </si>
  <si>
    <t>cg22833143</t>
  </si>
  <si>
    <t>cg22834713</t>
  </si>
  <si>
    <t>cg22847579</t>
  </si>
  <si>
    <t>cg22847691</t>
  </si>
  <si>
    <t>cg22849665</t>
  </si>
  <si>
    <t>cg22850387</t>
  </si>
  <si>
    <t>cg22851295</t>
  </si>
  <si>
    <t>cg22856287</t>
  </si>
  <si>
    <t>cg22858549</t>
  </si>
  <si>
    <t>cg22863204</t>
  </si>
  <si>
    <t>cg22867288</t>
  </si>
  <si>
    <t>cg22874893</t>
  </si>
  <si>
    <t>cg22875823</t>
  </si>
  <si>
    <t>cg22878489</t>
  </si>
  <si>
    <t>cg22880757</t>
  </si>
  <si>
    <t>cg22885965</t>
  </si>
  <si>
    <t>cg22897615</t>
  </si>
  <si>
    <t>cg22939043</t>
  </si>
  <si>
    <t>cg22941165</t>
  </si>
  <si>
    <t>cg22942245</t>
  </si>
  <si>
    <t>cg22942377</t>
  </si>
  <si>
    <t>cg22942804</t>
  </si>
  <si>
    <t>cg22946679</t>
  </si>
  <si>
    <t>cg22949743</t>
  </si>
  <si>
    <t>cg22976700</t>
  </si>
  <si>
    <t>cg22979996</t>
  </si>
  <si>
    <t>cg22985172</t>
  </si>
  <si>
    <t>cg22987116</t>
  </si>
  <si>
    <t>cg22988865</t>
  </si>
  <si>
    <t>cg23001000</t>
  </si>
  <si>
    <t>cg23001086</t>
  </si>
  <si>
    <t>cg23001918</t>
  </si>
  <si>
    <t>cg23004710</t>
  </si>
  <si>
    <t>cg23007898</t>
  </si>
  <si>
    <t>cg23009632</t>
  </si>
  <si>
    <t>cg23011817</t>
  </si>
  <si>
    <t>cg23015983</t>
  </si>
  <si>
    <t>cg23017850</t>
  </si>
  <si>
    <t>cg23026345</t>
  </si>
  <si>
    <t>cg23051811</t>
  </si>
  <si>
    <t>cg23051859</t>
  </si>
  <si>
    <t>cg23052020</t>
  </si>
  <si>
    <t>cg23073439</t>
  </si>
  <si>
    <t>cg23073451</t>
  </si>
  <si>
    <t>cg23076086</t>
  </si>
  <si>
    <t>cg23082428</t>
  </si>
  <si>
    <t>cg23088511</t>
  </si>
  <si>
    <t>cg23091255</t>
  </si>
  <si>
    <t>cg23093754</t>
  </si>
  <si>
    <t>cg23109137</t>
  </si>
  <si>
    <t>cg23115158</t>
  </si>
  <si>
    <t>cg23119604</t>
  </si>
  <si>
    <t>cg23121394</t>
  </si>
  <si>
    <t>cg23125249</t>
  </si>
  <si>
    <t>cg23128651</t>
  </si>
  <si>
    <t>cg23136799</t>
  </si>
  <si>
    <t>cg23143796</t>
  </si>
  <si>
    <t>cg23144123</t>
  </si>
  <si>
    <t>cg23146472</t>
  </si>
  <si>
    <t>cg23157089</t>
  </si>
  <si>
    <t>cg23157971</t>
  </si>
  <si>
    <t>cg23158347</t>
  </si>
  <si>
    <t>cg23161317</t>
  </si>
  <si>
    <t>cg23168870</t>
  </si>
  <si>
    <t>cg23191528</t>
  </si>
  <si>
    <t>cg23204345</t>
  </si>
  <si>
    <t>cg23204407</t>
  </si>
  <si>
    <t>cg23205538</t>
  </si>
  <si>
    <t>cg23215729</t>
  </si>
  <si>
    <t>cg23219808</t>
  </si>
  <si>
    <t>cg23221431</t>
  </si>
  <si>
    <t>cg23228481</t>
  </si>
  <si>
    <t>cg23228540</t>
  </si>
  <si>
    <t>cg23232563</t>
  </si>
  <si>
    <t>cg23238119</t>
  </si>
  <si>
    <t>cg23244761</t>
  </si>
  <si>
    <t>cg23244913</t>
  </si>
  <si>
    <t>cg23248007</t>
  </si>
  <si>
    <t>cg23249710</t>
  </si>
  <si>
    <t>cg23249717</t>
  </si>
  <si>
    <t>cg23273834</t>
  </si>
  <si>
    <t>cg23277376</t>
  </si>
  <si>
    <t>cg23279756</t>
  </si>
  <si>
    <t>cg23281154</t>
  </si>
  <si>
    <t>cg23287992</t>
  </si>
  <si>
    <t>cg23302682</t>
  </si>
  <si>
    <t>cg23302845</t>
  </si>
  <si>
    <t>cg23303585</t>
  </si>
  <si>
    <t>cg23314742</t>
  </si>
  <si>
    <t>cg23323137</t>
  </si>
  <si>
    <t>cg23325570</t>
  </si>
  <si>
    <t>cg23337361</t>
  </si>
  <si>
    <t>cg23351030</t>
  </si>
  <si>
    <t>cg23359665</t>
  </si>
  <si>
    <t>cg23363014</t>
  </si>
  <si>
    <t>cg23365490</t>
  </si>
  <si>
    <t>cg23366101</t>
  </si>
  <si>
    <t>cg23371123</t>
  </si>
  <si>
    <t>cg23371570</t>
  </si>
  <si>
    <t>cg23388085</t>
  </si>
  <si>
    <t>cg23390397</t>
  </si>
  <si>
    <t>cg23407396</t>
  </si>
  <si>
    <t>cg23412630</t>
  </si>
  <si>
    <t>cg23419328</t>
  </si>
  <si>
    <t>cg23424273</t>
  </si>
  <si>
    <t>cg23429696</t>
  </si>
  <si>
    <t>cg23457357</t>
  </si>
  <si>
    <t>cg23460835</t>
  </si>
  <si>
    <t>cg23467008</t>
  </si>
  <si>
    <t>cg23473285</t>
  </si>
  <si>
    <t>cg23483840</t>
  </si>
  <si>
    <t>cg23488616</t>
  </si>
  <si>
    <t>cg23500724</t>
  </si>
  <si>
    <t>cg23506135</t>
  </si>
  <si>
    <t>cg23509266</t>
  </si>
  <si>
    <t>cg23514619</t>
  </si>
  <si>
    <t>cg23525438</t>
  </si>
  <si>
    <t>cg23532765</t>
  </si>
  <si>
    <t>cg23560159</t>
  </si>
  <si>
    <t>cg23569711</t>
  </si>
  <si>
    <t>cg23581489</t>
  </si>
  <si>
    <t>cg23584144</t>
  </si>
  <si>
    <t>cg23590244</t>
  </si>
  <si>
    <t>cg23618440</t>
  </si>
  <si>
    <t>cg23623622</t>
  </si>
  <si>
    <t>cg23625628</t>
  </si>
  <si>
    <t>cg23627620</t>
  </si>
  <si>
    <t>cg23634566</t>
  </si>
  <si>
    <t>cg23640757</t>
  </si>
  <si>
    <t>cg23641315</t>
  </si>
  <si>
    <t>cg23652038</t>
  </si>
  <si>
    <t>cg23657299</t>
  </si>
  <si>
    <t>cg23657870</t>
  </si>
  <si>
    <t>cg23659696</t>
  </si>
  <si>
    <t>cg23661578</t>
  </si>
  <si>
    <t>cg23664192</t>
  </si>
  <si>
    <t>cg23667405</t>
  </si>
  <si>
    <t>cg23671901</t>
  </si>
  <si>
    <t>cg23694520</t>
  </si>
  <si>
    <t>cg23696752</t>
  </si>
  <si>
    <t>cg23696891</t>
  </si>
  <si>
    <t>cg23709117</t>
  </si>
  <si>
    <t>cg23715435</t>
  </si>
  <si>
    <t>cg23719713</t>
  </si>
  <si>
    <t>cg23724858</t>
  </si>
  <si>
    <t>cg23726566</t>
  </si>
  <si>
    <t>cg23737112</t>
  </si>
  <si>
    <t>cg23737190</t>
  </si>
  <si>
    <t>cg23740135</t>
  </si>
  <si>
    <t>cg23740758</t>
  </si>
  <si>
    <t>cg23748185</t>
  </si>
  <si>
    <t>cg23752963</t>
  </si>
  <si>
    <t>cg23760103</t>
  </si>
  <si>
    <t>cg23768510</t>
  </si>
  <si>
    <t>cg23776522</t>
  </si>
  <si>
    <t>cg23779087</t>
  </si>
  <si>
    <t>cg23779626</t>
  </si>
  <si>
    <t>cg23798120</t>
  </si>
  <si>
    <t>cg23798942</t>
  </si>
  <si>
    <t>cg23801012</t>
  </si>
  <si>
    <t>cg23806084</t>
  </si>
  <si>
    <t>cg23814714</t>
  </si>
  <si>
    <t>cg23815246</t>
  </si>
  <si>
    <t>cg23816594</t>
  </si>
  <si>
    <t>cg23817096</t>
  </si>
  <si>
    <t>cg23817779</t>
  </si>
  <si>
    <t>cg23819836</t>
  </si>
  <si>
    <t>cg23822086</t>
  </si>
  <si>
    <t>cg23826582</t>
  </si>
  <si>
    <t>cg23829024</t>
  </si>
  <si>
    <t>cg23829584</t>
  </si>
  <si>
    <t>cg23836413</t>
  </si>
  <si>
    <t>cg23836509</t>
  </si>
  <si>
    <t>cg23839792</t>
  </si>
  <si>
    <t>cg23841361</t>
  </si>
  <si>
    <t>cg23845400</t>
  </si>
  <si>
    <t>cg23847162</t>
  </si>
  <si>
    <t>cg23857447</t>
  </si>
  <si>
    <t>cg23864398</t>
  </si>
  <si>
    <t>cg23866596</t>
  </si>
  <si>
    <t>cg23867718</t>
  </si>
  <si>
    <t>cg23868757</t>
  </si>
  <si>
    <t>cg23870148</t>
  </si>
  <si>
    <t>cg23871507</t>
  </si>
  <si>
    <t>cg23873872</t>
  </si>
  <si>
    <t>cg23879496</t>
  </si>
  <si>
    <t>cg23884626</t>
  </si>
  <si>
    <t>cg23897356</t>
  </si>
  <si>
    <t>cg23903465</t>
  </si>
  <si>
    <t>cg23903470</t>
  </si>
  <si>
    <t>cg23904442</t>
  </si>
  <si>
    <t>cg23913421</t>
  </si>
  <si>
    <t>cg23922920</t>
  </si>
  <si>
    <t>cg23930856</t>
  </si>
  <si>
    <t>cg23931421</t>
  </si>
  <si>
    <t>cg23932593</t>
  </si>
  <si>
    <t>cg23939808</t>
  </si>
  <si>
    <t>cg23940467</t>
  </si>
  <si>
    <t>cg23946695</t>
  </si>
  <si>
    <t>cg23950233</t>
  </si>
  <si>
    <t>cg23953820</t>
  </si>
  <si>
    <t>cg23955494</t>
  </si>
  <si>
    <t>cg23959518</t>
  </si>
  <si>
    <t>cg23959612</t>
  </si>
  <si>
    <t>cg23969311</t>
  </si>
  <si>
    <t>cg23971110</t>
  </si>
  <si>
    <t>cg23981504</t>
  </si>
  <si>
    <t>cg23984769</t>
  </si>
  <si>
    <t>cg23989552</t>
  </si>
  <si>
    <t>cg23989878</t>
  </si>
  <si>
    <t>cg24004055</t>
  </si>
  <si>
    <t>cg24008238</t>
  </si>
  <si>
    <t>cg24008929</t>
  </si>
  <si>
    <t>cg24011531</t>
  </si>
  <si>
    <t>cg24015817</t>
  </si>
  <si>
    <t>cg24016627</t>
  </si>
  <si>
    <t>cg24019399</t>
  </si>
  <si>
    <t>cg24024505</t>
  </si>
  <si>
    <t>cg24025008</t>
  </si>
  <si>
    <t>cg24025786</t>
  </si>
  <si>
    <t>cg24035447</t>
  </si>
  <si>
    <t>cg24036126</t>
  </si>
  <si>
    <t>cg24038058</t>
  </si>
  <si>
    <t>cg24039778</t>
  </si>
  <si>
    <t>cg24040346</t>
  </si>
  <si>
    <t>cg24055029</t>
  </si>
  <si>
    <t>cg24068053</t>
  </si>
  <si>
    <t>cg24076854</t>
  </si>
  <si>
    <t>cg24078451</t>
  </si>
  <si>
    <t>cg24090068</t>
  </si>
  <si>
    <t>cg24099592</t>
  </si>
  <si>
    <t>cg24109273</t>
  </si>
  <si>
    <t>cg24113409</t>
  </si>
  <si>
    <t>cg24125828</t>
  </si>
  <si>
    <t>cg24128593</t>
  </si>
  <si>
    <t>cg24145613</t>
  </si>
  <si>
    <t>cg24151352</t>
  </si>
  <si>
    <t>cg24157171</t>
  </si>
  <si>
    <t>cg24157364</t>
  </si>
  <si>
    <t>cg24184350</t>
  </si>
  <si>
    <t>cg24191049</t>
  </si>
  <si>
    <t>cg24198611</t>
  </si>
  <si>
    <t>cg24201109</t>
  </si>
  <si>
    <t>cg24201362</t>
  </si>
  <si>
    <t>cg24203851</t>
  </si>
  <si>
    <t>cg24208990</t>
  </si>
  <si>
    <t>cg24211504</t>
  </si>
  <si>
    <t>cg24213773</t>
  </si>
  <si>
    <t>cg24217844</t>
  </si>
  <si>
    <t>cg24218109</t>
  </si>
  <si>
    <t>cg24221373</t>
  </si>
  <si>
    <t>cg24225517</t>
  </si>
  <si>
    <t>cg24243375</t>
  </si>
  <si>
    <t>cg24271566</t>
  </si>
  <si>
    <t>cg24272514</t>
  </si>
  <si>
    <t>cg24276787</t>
  </si>
  <si>
    <t>cg24281267</t>
  </si>
  <si>
    <t>cg24283994</t>
  </si>
  <si>
    <t>cg24289452</t>
  </si>
  <si>
    <t>cg24292761</t>
  </si>
  <si>
    <t>cg24297454</t>
  </si>
  <si>
    <t>cg24300962</t>
  </si>
  <si>
    <t>cg24301620</t>
  </si>
  <si>
    <t>cg24322638</t>
  </si>
  <si>
    <t>cg24328964</t>
  </si>
  <si>
    <t>cg24330456</t>
  </si>
  <si>
    <t>cg24336646</t>
  </si>
  <si>
    <t>cg24336989</t>
  </si>
  <si>
    <t>cg24337497</t>
  </si>
  <si>
    <t>cg24340993</t>
  </si>
  <si>
    <t>cg24345166</t>
  </si>
  <si>
    <t>cg24346858</t>
  </si>
  <si>
    <t>cg24351167</t>
  </si>
  <si>
    <t>cg24358465</t>
  </si>
  <si>
    <t>cg24363146</t>
  </si>
  <si>
    <t>cg24363858</t>
  </si>
  <si>
    <t>cg24369185</t>
  </si>
  <si>
    <t>cg24373308</t>
  </si>
  <si>
    <t>cg24376689</t>
  </si>
  <si>
    <t>cg24378095</t>
  </si>
  <si>
    <t>cg24385694</t>
  </si>
  <si>
    <t>cg24399122</t>
  </si>
  <si>
    <t>cg24401219</t>
  </si>
  <si>
    <t>cg24408769</t>
  </si>
  <si>
    <t>cg24409625</t>
  </si>
  <si>
    <t>cg24426208</t>
  </si>
  <si>
    <t>cg24427527</t>
  </si>
  <si>
    <t>cg24427850</t>
  </si>
  <si>
    <t>cg24428325</t>
  </si>
  <si>
    <t>cg24428877</t>
  </si>
  <si>
    <t>cg24429727</t>
  </si>
  <si>
    <t>cg24438313</t>
  </si>
  <si>
    <t>cg24449001</t>
  </si>
  <si>
    <t>cg24450157</t>
  </si>
  <si>
    <t>cg24454932</t>
  </si>
  <si>
    <t>cg24456094</t>
  </si>
  <si>
    <t>cg24457126</t>
  </si>
  <si>
    <t>cg24470657</t>
  </si>
  <si>
    <t>cg24474130</t>
  </si>
  <si>
    <t>cg24477671</t>
  </si>
  <si>
    <t>cg24477778</t>
  </si>
  <si>
    <t>cg24482021</t>
  </si>
  <si>
    <t>cg24486960</t>
  </si>
  <si>
    <t>cg24487908</t>
  </si>
  <si>
    <t>cg24489398</t>
  </si>
  <si>
    <t>cg24499517</t>
  </si>
  <si>
    <t>cg24503272</t>
  </si>
  <si>
    <t>cg24508713</t>
  </si>
  <si>
    <t>cg24511325</t>
  </si>
  <si>
    <t>cg24515799</t>
  </si>
  <si>
    <t>cg24517380</t>
  </si>
  <si>
    <t>cg24517800</t>
  </si>
  <si>
    <t>cg24520538</t>
  </si>
  <si>
    <t>cg24526694</t>
  </si>
  <si>
    <t>cg24527785</t>
  </si>
  <si>
    <t>cg24528463</t>
  </si>
  <si>
    <t>cg24536200</t>
  </si>
  <si>
    <t>cg24543488</t>
  </si>
  <si>
    <t>cg24544003</t>
  </si>
  <si>
    <t>cg24544803</t>
  </si>
  <si>
    <t>cg24547092</t>
  </si>
  <si>
    <t>cg24550302</t>
  </si>
  <si>
    <t>cg24567405</t>
  </si>
  <si>
    <t>cg24577417</t>
  </si>
  <si>
    <t>cg24578853</t>
  </si>
  <si>
    <t>cg24584951</t>
  </si>
  <si>
    <t>cg24594292</t>
  </si>
  <si>
    <t>cg24601517</t>
  </si>
  <si>
    <t>cg24617363</t>
  </si>
  <si>
    <t>cg24623244</t>
  </si>
  <si>
    <t>cg24624349</t>
  </si>
  <si>
    <t>cg24627332</t>
  </si>
  <si>
    <t>cg24631716</t>
  </si>
  <si>
    <t>cg24635468</t>
  </si>
  <si>
    <t>cg24645123</t>
  </si>
  <si>
    <t>cg24646556</t>
  </si>
  <si>
    <t>cg24647363</t>
  </si>
  <si>
    <t>cg24651708</t>
  </si>
  <si>
    <t>cg24652615</t>
  </si>
  <si>
    <t>cg24657127</t>
  </si>
  <si>
    <t>cg24658452</t>
  </si>
  <si>
    <t>cg24659411</t>
  </si>
  <si>
    <t>cg24660009</t>
  </si>
  <si>
    <t>cg24667938</t>
  </si>
  <si>
    <t>cg24676740</t>
  </si>
  <si>
    <t>cg24683514</t>
  </si>
  <si>
    <t>cg24699519</t>
  </si>
  <si>
    <t>cg24700494</t>
  </si>
  <si>
    <t>cg24701809</t>
  </si>
  <si>
    <t>cg24703168</t>
  </si>
  <si>
    <t>cg24710870</t>
  </si>
  <si>
    <t>cg24713667</t>
  </si>
  <si>
    <t>cg24717854</t>
  </si>
  <si>
    <t>cg24718356</t>
  </si>
  <si>
    <t>cg24720571</t>
  </si>
  <si>
    <t>cg24720688</t>
  </si>
  <si>
    <t>cg24724428</t>
  </si>
  <si>
    <t>cg24728018</t>
  </si>
  <si>
    <t>cg24733450</t>
  </si>
  <si>
    <t>cg24734581</t>
  </si>
  <si>
    <t>cg24736274</t>
  </si>
  <si>
    <t>cg24743682</t>
  </si>
  <si>
    <t>cg24746997</t>
  </si>
  <si>
    <t>cg24751407</t>
  </si>
  <si>
    <t>cg24759859</t>
  </si>
  <si>
    <t>cg24772267</t>
  </si>
  <si>
    <t>cg24772519</t>
  </si>
  <si>
    <t>cg24796644</t>
  </si>
  <si>
    <t>cg24803290</t>
  </si>
  <si>
    <t>cg24808186</t>
  </si>
  <si>
    <t>cg24812936</t>
  </si>
  <si>
    <t>cg24816460</t>
  </si>
  <si>
    <t>cg24822696</t>
  </si>
  <si>
    <t>cg24823638</t>
  </si>
  <si>
    <t>cg24829707</t>
  </si>
  <si>
    <t>cg24830314</t>
  </si>
  <si>
    <t>cg24842597</t>
  </si>
  <si>
    <t>cg24843646</t>
  </si>
  <si>
    <t>cg24845763</t>
  </si>
  <si>
    <t>cg24846791</t>
  </si>
  <si>
    <t>cg24847163</t>
  </si>
  <si>
    <t>cg24847259</t>
  </si>
  <si>
    <t>cg24850577</t>
  </si>
  <si>
    <t>cg24858738</t>
  </si>
  <si>
    <t>cg24859800</t>
  </si>
  <si>
    <t>cg24862879</t>
  </si>
  <si>
    <t>cg24866538</t>
  </si>
  <si>
    <t>cg24867279</t>
  </si>
  <si>
    <t>cg24869241</t>
  </si>
  <si>
    <t>cg24873410</t>
  </si>
  <si>
    <t>cg24892241</t>
  </si>
  <si>
    <t>cg24896692</t>
  </si>
  <si>
    <t>cg24899846</t>
  </si>
  <si>
    <t>cg24900370</t>
  </si>
  <si>
    <t>cg24900923</t>
  </si>
  <si>
    <t>cg24902139</t>
  </si>
  <si>
    <t>cg24906519</t>
  </si>
  <si>
    <t>cg24915751</t>
  </si>
  <si>
    <t>cg24920126</t>
  </si>
  <si>
    <t>cg24927124</t>
  </si>
  <si>
    <t>cg24929567</t>
  </si>
  <si>
    <t>cg24932925</t>
  </si>
  <si>
    <t>cg24933925</t>
  </si>
  <si>
    <t>cg24942226</t>
  </si>
  <si>
    <t>cg24966702</t>
  </si>
  <si>
    <t>cg24989527</t>
  </si>
  <si>
    <t>cg24989739</t>
  </si>
  <si>
    <t>cg24990131</t>
  </si>
  <si>
    <t>cg24990422</t>
  </si>
  <si>
    <t>cg24996339</t>
  </si>
  <si>
    <t>cg25005633</t>
  </si>
  <si>
    <t>cg25009629</t>
  </si>
  <si>
    <t>cg25009842</t>
  </si>
  <si>
    <t>cg25012434</t>
  </si>
  <si>
    <t>cg25016907</t>
  </si>
  <si>
    <t>cg25025773</t>
  </si>
  <si>
    <t>cg25026287</t>
  </si>
  <si>
    <t>cg25028035</t>
  </si>
  <si>
    <t>cg25029615</t>
  </si>
  <si>
    <t>cg25040670</t>
  </si>
  <si>
    <t>cg25042346</t>
  </si>
  <si>
    <t>cg25050372</t>
  </si>
  <si>
    <t>cg25051341</t>
  </si>
  <si>
    <t>cg25060829</t>
  </si>
  <si>
    <t>cg25068063</t>
  </si>
  <si>
    <t>cg25075503</t>
  </si>
  <si>
    <t>cg25078649</t>
  </si>
  <si>
    <t>cg25083312</t>
  </si>
  <si>
    <t>cg25083496</t>
  </si>
  <si>
    <t>cg25091829</t>
  </si>
  <si>
    <t>cg25106322</t>
  </si>
  <si>
    <t>cg25106913</t>
  </si>
  <si>
    <t>cg25107188</t>
  </si>
  <si>
    <t>cg25110530</t>
  </si>
  <si>
    <t>cg25114913</t>
  </si>
  <si>
    <t>cg25115993</t>
  </si>
  <si>
    <t>cg25117941</t>
  </si>
  <si>
    <t>cg25123632</t>
  </si>
  <si>
    <t>cg25124633</t>
  </si>
  <si>
    <t>cg25124816</t>
  </si>
  <si>
    <t>cg25131503</t>
  </si>
  <si>
    <t>cg25134283</t>
  </si>
  <si>
    <t>cg25134683</t>
  </si>
  <si>
    <t>cg25135198</t>
  </si>
  <si>
    <t>cg25136961</t>
  </si>
  <si>
    <t>cg25136988</t>
  </si>
  <si>
    <t>cg25141069</t>
  </si>
  <si>
    <t>cg25143247</t>
  </si>
  <si>
    <t>cg25145715</t>
  </si>
  <si>
    <t>cg25159149</t>
  </si>
  <si>
    <t>cg25179963</t>
  </si>
  <si>
    <t>cg25188387</t>
  </si>
  <si>
    <t>cg25192619</t>
  </si>
  <si>
    <t>cg25192717</t>
  </si>
  <si>
    <t>cg25204769</t>
  </si>
  <si>
    <t>cg25211525</t>
  </si>
  <si>
    <t>cg25249518</t>
  </si>
  <si>
    <t>cg25260255</t>
  </si>
  <si>
    <t>cg25262921</t>
  </si>
  <si>
    <t>cg25270422</t>
  </si>
  <si>
    <t>cg25273515</t>
  </si>
  <si>
    <t>cg25280041</t>
  </si>
  <si>
    <t>cg25280433</t>
  </si>
  <si>
    <t>cg25285720</t>
  </si>
  <si>
    <t>cg25287591</t>
  </si>
  <si>
    <t>cg25293221</t>
  </si>
  <si>
    <t>cg25300214</t>
  </si>
  <si>
    <t>cg25302957</t>
  </si>
  <si>
    <t>cg25307277</t>
  </si>
  <si>
    <t>cg25307691</t>
  </si>
  <si>
    <t>cg25313577</t>
  </si>
  <si>
    <t>cg25315731</t>
  </si>
  <si>
    <t>cg25318809</t>
  </si>
  <si>
    <t>cg25325209</t>
  </si>
  <si>
    <t>cg25330773</t>
  </si>
  <si>
    <t>cg25338254</t>
  </si>
  <si>
    <t>cg25341937</t>
  </si>
  <si>
    <t>cg25343734</t>
  </si>
  <si>
    <t>cg25343990</t>
  </si>
  <si>
    <t>cg25351606</t>
  </si>
  <si>
    <t>cg25352781</t>
  </si>
  <si>
    <t>cg25357155</t>
  </si>
  <si>
    <t>cg25360181</t>
  </si>
  <si>
    <t>cg25361447</t>
  </si>
  <si>
    <t>cg25362652</t>
  </si>
  <si>
    <t>cg25365565</t>
  </si>
  <si>
    <t>cg25374230</t>
  </si>
  <si>
    <t>cg25387565</t>
  </si>
  <si>
    <t>cg25389470</t>
  </si>
  <si>
    <t>cg25398598</t>
  </si>
  <si>
    <t>cg25401754</t>
  </si>
  <si>
    <t>cg25406166</t>
  </si>
  <si>
    <t>cg25411849</t>
  </si>
  <si>
    <t>cg25412448</t>
  </si>
  <si>
    <t>cg25414597</t>
  </si>
  <si>
    <t>cg25417675</t>
  </si>
  <si>
    <t>cg25420085</t>
  </si>
  <si>
    <t>cg25430506</t>
  </si>
  <si>
    <t>cg25437304</t>
  </si>
  <si>
    <t>cg25439496</t>
  </si>
  <si>
    <t>cg25456960</t>
  </si>
  <si>
    <t>cg25460984</t>
  </si>
  <si>
    <t>cg25470384</t>
  </si>
  <si>
    <t>cg25472257</t>
  </si>
  <si>
    <t>cg25472998</t>
  </si>
  <si>
    <t>cg25473438</t>
  </si>
  <si>
    <t>cg25474372</t>
  </si>
  <si>
    <t>cg25475789</t>
  </si>
  <si>
    <t>cg25494480</t>
  </si>
  <si>
    <t>cg25502618</t>
  </si>
  <si>
    <t>cg25521481</t>
  </si>
  <si>
    <t>cg25522795</t>
  </si>
  <si>
    <t>cg25524784</t>
  </si>
  <si>
    <t>cg25529393</t>
  </si>
  <si>
    <t>cg25535652</t>
  </si>
  <si>
    <t>cg25543316</t>
  </si>
  <si>
    <t>cg25547957</t>
  </si>
  <si>
    <t>cg25550677</t>
  </si>
  <si>
    <t>cg25551918</t>
  </si>
  <si>
    <t>cg25559490</t>
  </si>
  <si>
    <t>cg25559531</t>
  </si>
  <si>
    <t>cg25565138</t>
  </si>
  <si>
    <t>cg25567021</t>
  </si>
  <si>
    <t>cg25569234</t>
  </si>
  <si>
    <t>cg25580405</t>
  </si>
  <si>
    <t>cg25581448</t>
  </si>
  <si>
    <t>cg25583983</t>
  </si>
  <si>
    <t>cg25589651</t>
  </si>
  <si>
    <t>cg25597138</t>
  </si>
  <si>
    <t>cg25598759</t>
  </si>
  <si>
    <t>cg25602049</t>
  </si>
  <si>
    <t>cg25610702</t>
  </si>
  <si>
    <t>cg25626453</t>
  </si>
  <si>
    <t>cg25642825</t>
  </si>
  <si>
    <t>cg25643819</t>
  </si>
  <si>
    <t>cg25653995</t>
  </si>
  <si>
    <t>cg25654262</t>
  </si>
  <si>
    <t>cg25657713</t>
  </si>
  <si>
    <t>cg25658385</t>
  </si>
  <si>
    <t>cg25661132</t>
  </si>
  <si>
    <t>cg25663770</t>
  </si>
  <si>
    <t>cg25665590</t>
  </si>
  <si>
    <t>cg25669593</t>
  </si>
  <si>
    <t>cg25683811</t>
  </si>
  <si>
    <t>cg25689730</t>
  </si>
  <si>
    <t>cg25701114</t>
  </si>
  <si>
    <t>cg25703934</t>
  </si>
  <si>
    <t>cg25728685</t>
  </si>
  <si>
    <t>cg25729445</t>
  </si>
  <si>
    <t>cg25739875</t>
  </si>
  <si>
    <t>cg25741047</t>
  </si>
  <si>
    <t>cg25748712</t>
  </si>
  <si>
    <t>cg25753631</t>
  </si>
  <si>
    <t>cg25775494</t>
  </si>
  <si>
    <t>cg25790695</t>
  </si>
  <si>
    <t>cg25791744</t>
  </si>
  <si>
    <t>cg25793630</t>
  </si>
  <si>
    <t>cg25796098</t>
  </si>
  <si>
    <t>cg25807274</t>
  </si>
  <si>
    <t>cg25808082</t>
  </si>
  <si>
    <t>cg25808577</t>
  </si>
  <si>
    <t>cg25833238</t>
  </si>
  <si>
    <t>cg25845747</t>
  </si>
  <si>
    <t>cg25919202</t>
  </si>
  <si>
    <t>cg25921418</t>
  </si>
  <si>
    <t>cg25922680</t>
  </si>
  <si>
    <t>cg25924096</t>
  </si>
  <si>
    <t>cg25926008</t>
  </si>
  <si>
    <t>cg25930662</t>
  </si>
  <si>
    <t>cg25930748</t>
  </si>
  <si>
    <t>cg25940949</t>
  </si>
  <si>
    <t>cg25945158</t>
  </si>
  <si>
    <t>cg25946722</t>
  </si>
  <si>
    <t>cg25973273</t>
  </si>
  <si>
    <t>cg25976016</t>
  </si>
  <si>
    <t>cg25976242</t>
  </si>
  <si>
    <t>cg25977101</t>
  </si>
  <si>
    <t>cg25977958</t>
  </si>
  <si>
    <t>cg25982965</t>
  </si>
  <si>
    <t>cg25984249</t>
  </si>
  <si>
    <t>cg25994439</t>
  </si>
  <si>
    <t>cg25994470</t>
  </si>
  <si>
    <t>cg25994616</t>
  </si>
  <si>
    <t>cg25998119</t>
  </si>
  <si>
    <t>cg25998680</t>
  </si>
  <si>
    <t>cg26005766</t>
  </si>
  <si>
    <t>cg26009773</t>
  </si>
  <si>
    <t>cg26014047</t>
  </si>
  <si>
    <t>cg26027205</t>
  </si>
  <si>
    <t>cg26028573</t>
  </si>
  <si>
    <t>cg26031255</t>
  </si>
  <si>
    <t>cg26062223</t>
  </si>
  <si>
    <t>cg26063721</t>
  </si>
  <si>
    <t>cg26069562</t>
  </si>
  <si>
    <t>cg26069919</t>
  </si>
  <si>
    <t>cg26075747</t>
  </si>
  <si>
    <t>cg26076236</t>
  </si>
  <si>
    <t>cg26076858</t>
  </si>
  <si>
    <t>cg26080798</t>
  </si>
  <si>
    <t>cg26083836</t>
  </si>
  <si>
    <t>cg26088994</t>
  </si>
  <si>
    <t>cg26092468</t>
  </si>
  <si>
    <t>cg26092988</t>
  </si>
  <si>
    <t>cg26099134</t>
  </si>
  <si>
    <t>cg26106778</t>
  </si>
  <si>
    <t>cg26114655</t>
  </si>
  <si>
    <t>cg26121931</t>
  </si>
  <si>
    <t>cg26131286</t>
  </si>
  <si>
    <t>cg26133736</t>
  </si>
  <si>
    <t>cg26148059</t>
  </si>
  <si>
    <t>cg26149682</t>
  </si>
  <si>
    <t>cg26156382</t>
  </si>
  <si>
    <t>cg26160196</t>
  </si>
  <si>
    <t>cg26161170</t>
  </si>
  <si>
    <t>cg26165406</t>
  </si>
  <si>
    <t>cg26168649</t>
  </si>
  <si>
    <t>cg26170066</t>
  </si>
  <si>
    <t>cg26187061</t>
  </si>
  <si>
    <t>cg26188297</t>
  </si>
  <si>
    <t>cg26196213</t>
  </si>
  <si>
    <t>cg26198430</t>
  </si>
  <si>
    <t>cg26200001</t>
  </si>
  <si>
    <t>cg26210602</t>
  </si>
  <si>
    <t>cg26226566</t>
  </si>
  <si>
    <t>cg26242687</t>
  </si>
  <si>
    <t>cg26243679</t>
  </si>
  <si>
    <t>cg26245302</t>
  </si>
  <si>
    <t>cg26245667</t>
  </si>
  <si>
    <t>cg26246658</t>
  </si>
  <si>
    <t>cg26247263</t>
  </si>
  <si>
    <t>cg26249106</t>
  </si>
  <si>
    <t>cg26252167</t>
  </si>
  <si>
    <t>cg26252281</t>
  </si>
  <si>
    <t>cg26266427</t>
  </si>
  <si>
    <t>cg26270195</t>
  </si>
  <si>
    <t>cg26291698</t>
  </si>
  <si>
    <t>cg26292547</t>
  </si>
  <si>
    <t>cg26293201</t>
  </si>
  <si>
    <t>cg26295704</t>
  </si>
  <si>
    <t>cg26298272</t>
  </si>
  <si>
    <t>cg26302094</t>
  </si>
  <si>
    <t>cg26309457</t>
  </si>
  <si>
    <t>cg26327118</t>
  </si>
  <si>
    <t>cg26349166</t>
  </si>
  <si>
    <t>cg26349375</t>
  </si>
  <si>
    <t>cg26351406</t>
  </si>
  <si>
    <t>cg26357606</t>
  </si>
  <si>
    <t>cg26358286</t>
  </si>
  <si>
    <t>cg26361807</t>
  </si>
  <si>
    <t>cg26363168</t>
  </si>
  <si>
    <t>cg26365399</t>
  </si>
  <si>
    <t>cg26365690</t>
  </si>
  <si>
    <t>cg26371320</t>
  </si>
  <si>
    <t>cg26372792</t>
  </si>
  <si>
    <t>cg26379258</t>
  </si>
  <si>
    <t>cg26379705</t>
  </si>
  <si>
    <t>cg26389255</t>
  </si>
  <si>
    <t>cg26394227</t>
  </si>
  <si>
    <t>cg26418137</t>
  </si>
  <si>
    <t>cg26418690</t>
  </si>
  <si>
    <t>cg26419712</t>
  </si>
  <si>
    <t>cg26422153</t>
  </si>
  <si>
    <t>cg26422161</t>
  </si>
  <si>
    <t>cg26423041</t>
  </si>
  <si>
    <t>cg26425730</t>
  </si>
  <si>
    <t>cg26426142</t>
  </si>
  <si>
    <t>cg26432347</t>
  </si>
  <si>
    <t>cg26457116</t>
  </si>
  <si>
    <t>cg26462931</t>
  </si>
  <si>
    <t>cg26466587</t>
  </si>
  <si>
    <t>cg26470641</t>
  </si>
  <si>
    <t>cg26481402</t>
  </si>
  <si>
    <t>cg26483578</t>
  </si>
  <si>
    <t>cg26484361</t>
  </si>
  <si>
    <t>cg26488978</t>
  </si>
  <si>
    <t>cg26495473</t>
  </si>
  <si>
    <t>cg26500914</t>
  </si>
  <si>
    <t>cg26501027</t>
  </si>
  <si>
    <t>cg26505596</t>
  </si>
  <si>
    <t>cg26506725</t>
  </si>
  <si>
    <t>cg26511326</t>
  </si>
  <si>
    <t>cg26521213</t>
  </si>
  <si>
    <t>cg26525568</t>
  </si>
  <si>
    <t>cg26531923</t>
  </si>
  <si>
    <t>cg26550861</t>
  </si>
  <si>
    <t>cg26552789</t>
  </si>
  <si>
    <t>cg26556926</t>
  </si>
  <si>
    <t>cg26567592</t>
  </si>
  <si>
    <t>cg26568880</t>
  </si>
  <si>
    <t>cg26573952</t>
  </si>
  <si>
    <t>cg26576890</t>
  </si>
  <si>
    <t>cg26578923</t>
  </si>
  <si>
    <t>cg26590079</t>
  </si>
  <si>
    <t>cg26590603</t>
  </si>
  <si>
    <t>cg26596182</t>
  </si>
  <si>
    <t>cg26650539</t>
  </si>
  <si>
    <t>cg26650701</t>
  </si>
  <si>
    <t>cg26654994</t>
  </si>
  <si>
    <t>cg26656884</t>
  </si>
  <si>
    <t>cg26668675</t>
  </si>
  <si>
    <t>cg26673053</t>
  </si>
  <si>
    <t>cg26682955</t>
  </si>
  <si>
    <t>cg26695758</t>
  </si>
  <si>
    <t>cg26704948</t>
  </si>
  <si>
    <t>cg26705953</t>
  </si>
  <si>
    <t>cg26715952</t>
  </si>
  <si>
    <t>cg26717016</t>
  </si>
  <si>
    <t>cg26717983</t>
  </si>
  <si>
    <t>cg26720073</t>
  </si>
  <si>
    <t>cg26721619</t>
  </si>
  <si>
    <t>cg26722322</t>
  </si>
  <si>
    <t>cg26725047</t>
  </si>
  <si>
    <t>cg26738916</t>
  </si>
  <si>
    <t>cg26747317</t>
  </si>
  <si>
    <t>cg26748024</t>
  </si>
  <si>
    <t>cg26751972</t>
  </si>
  <si>
    <t>cg26752263</t>
  </si>
  <si>
    <t>cg26759954</t>
  </si>
  <si>
    <t>cg26760793</t>
  </si>
  <si>
    <t>cg26774971</t>
  </si>
  <si>
    <t>cg26776742</t>
  </si>
  <si>
    <t>cg26787894</t>
  </si>
  <si>
    <t>cg26787998</t>
  </si>
  <si>
    <t>cg26791826</t>
  </si>
  <si>
    <t>cg26802025</t>
  </si>
  <si>
    <t>cg26805779</t>
  </si>
  <si>
    <t>cg26812362</t>
  </si>
  <si>
    <t>cg26819753</t>
  </si>
  <si>
    <t>cg26831227</t>
  </si>
  <si>
    <t>cg26842743</t>
  </si>
  <si>
    <t>cg26844954</t>
  </si>
  <si>
    <t>cg26849331</t>
  </si>
  <si>
    <t>cg26860970</t>
  </si>
  <si>
    <t>cg26862527</t>
  </si>
  <si>
    <t>cg26867866</t>
  </si>
  <si>
    <t>cg26867890</t>
  </si>
  <si>
    <t>cg26872907</t>
  </si>
  <si>
    <t>cg26885821</t>
  </si>
  <si>
    <t>cg26888317</t>
  </si>
  <si>
    <t>cg26890727</t>
  </si>
  <si>
    <t>cg26892761</t>
  </si>
  <si>
    <t>cg26910594</t>
  </si>
  <si>
    <t>cg26912278</t>
  </si>
  <si>
    <t>cg26922444</t>
  </si>
  <si>
    <t>cg26926076</t>
  </si>
  <si>
    <t>cg26932600</t>
  </si>
  <si>
    <t>cg26934609</t>
  </si>
  <si>
    <t>cg26934881</t>
  </si>
  <si>
    <t>cg26937613</t>
  </si>
  <si>
    <t>cg26942169</t>
  </si>
  <si>
    <t>cg26950876</t>
  </si>
  <si>
    <t>cg26952407</t>
  </si>
  <si>
    <t>cg26953727</t>
  </si>
  <si>
    <t>cg26954968</t>
  </si>
  <si>
    <t>cg26956754</t>
  </si>
  <si>
    <t>cg26956760</t>
  </si>
  <si>
    <t>cg26973414</t>
  </si>
  <si>
    <t>cg26978172</t>
  </si>
  <si>
    <t>cg26980034</t>
  </si>
  <si>
    <t>cg26985471</t>
  </si>
  <si>
    <t>cg26987855</t>
  </si>
  <si>
    <t>cg26992213</t>
  </si>
  <si>
    <t>cg26997880</t>
  </si>
  <si>
    <t>cg26998856</t>
  </si>
  <si>
    <t>cg27000659</t>
  </si>
  <si>
    <t>cg27001603</t>
  </si>
  <si>
    <t>cg27003765</t>
  </si>
  <si>
    <t>cg27005847</t>
  </si>
  <si>
    <t>cg27008780</t>
  </si>
  <si>
    <t>cg27011480</t>
  </si>
  <si>
    <t>cg27013360</t>
  </si>
  <si>
    <t>cg27015207</t>
  </si>
  <si>
    <t>cg27015469</t>
  </si>
  <si>
    <t>cg27016906</t>
  </si>
  <si>
    <t>cg27019245</t>
  </si>
  <si>
    <t>cg27021666</t>
  </si>
  <si>
    <t>cg27023654</t>
  </si>
  <si>
    <t>cg27035087</t>
  </si>
  <si>
    <t>cg27037103</t>
  </si>
  <si>
    <t>cg27051937</t>
  </si>
  <si>
    <t>cg27052777</t>
  </si>
  <si>
    <t>cg27061115</t>
  </si>
  <si>
    <t>cg27065415</t>
  </si>
  <si>
    <t>cg27070869</t>
  </si>
  <si>
    <t>cg27074174</t>
  </si>
  <si>
    <t>cg27075171</t>
  </si>
  <si>
    <t>cg27078600</t>
  </si>
  <si>
    <t>cg27081243</t>
  </si>
  <si>
    <t>cg27083429</t>
  </si>
  <si>
    <t>cg27087057</t>
  </si>
  <si>
    <t>cg27089352</t>
  </si>
  <si>
    <t>cg27092694</t>
  </si>
  <si>
    <t>cg27098900</t>
  </si>
  <si>
    <t>cg27103616</t>
  </si>
  <si>
    <t>cg27112666</t>
  </si>
  <si>
    <t>cg27114428</t>
  </si>
  <si>
    <t>cg27120667</t>
  </si>
  <si>
    <t>cg27120934</t>
  </si>
  <si>
    <t>cg27124293</t>
  </si>
  <si>
    <t>cg27137280</t>
  </si>
  <si>
    <t>cg27139933</t>
  </si>
  <si>
    <t>cg27143868</t>
  </si>
  <si>
    <t>cg27147807</t>
  </si>
  <si>
    <t>cg27148952</t>
  </si>
  <si>
    <t>cg27149530</t>
  </si>
  <si>
    <t>cg27158523</t>
  </si>
  <si>
    <t>cg27160348</t>
  </si>
  <si>
    <t>cg27164797</t>
  </si>
  <si>
    <t>cg27165281</t>
  </si>
  <si>
    <t>cg27167224</t>
  </si>
  <si>
    <t>cg27168291</t>
  </si>
  <si>
    <t>cg27169503</t>
  </si>
  <si>
    <t>cg27172893</t>
  </si>
  <si>
    <t>cg27176628</t>
  </si>
  <si>
    <t>cg27181765</t>
  </si>
  <si>
    <t>cg27193704</t>
  </si>
  <si>
    <t>cg27194049</t>
  </si>
  <si>
    <t>cg27196659</t>
  </si>
  <si>
    <t>cg27198497</t>
  </si>
  <si>
    <t>cg27200446</t>
  </si>
  <si>
    <t>cg27202073</t>
  </si>
  <si>
    <t>cg27204616</t>
  </si>
  <si>
    <t>cg27205941</t>
  </si>
  <si>
    <t>cg27209395</t>
  </si>
  <si>
    <t>cg27216259</t>
  </si>
  <si>
    <t>cg27216384</t>
  </si>
  <si>
    <t>cg27219662</t>
  </si>
  <si>
    <t>cg27225571</t>
  </si>
  <si>
    <t>cg27226147</t>
  </si>
  <si>
    <t>cg27230140</t>
  </si>
  <si>
    <t>cg27237745</t>
  </si>
  <si>
    <t>cg27241808</t>
  </si>
  <si>
    <t>cg27244082</t>
  </si>
  <si>
    <t>cg27245606</t>
  </si>
  <si>
    <t>cg27246129</t>
  </si>
  <si>
    <t>cg27250236</t>
  </si>
  <si>
    <t>cg27252696</t>
  </si>
  <si>
    <t>cg27253887</t>
  </si>
  <si>
    <t>cg27260630</t>
  </si>
  <si>
    <t>cg27279839</t>
  </si>
  <si>
    <t>cg27279904</t>
  </si>
  <si>
    <t>cg27282900</t>
  </si>
  <si>
    <t>cg27291698</t>
  </si>
  <si>
    <t>cg27294950</t>
  </si>
  <si>
    <t>cg27308967</t>
  </si>
  <si>
    <t>cg27311710</t>
  </si>
  <si>
    <t>cg27315243</t>
  </si>
  <si>
    <t>cg27315742</t>
  </si>
  <si>
    <t>cg27327785</t>
  </si>
  <si>
    <t>cg27331144</t>
  </si>
  <si>
    <t>cg27331607</t>
  </si>
  <si>
    <t>cg27336026</t>
  </si>
  <si>
    <t>cg27337194</t>
  </si>
  <si>
    <t>cg27338898</t>
  </si>
  <si>
    <t>cg27338957</t>
  </si>
  <si>
    <t>cg27346037</t>
  </si>
  <si>
    <t>cg27347309</t>
  </si>
  <si>
    <t>cg27348863</t>
  </si>
  <si>
    <t>cg27349795</t>
  </si>
  <si>
    <t>cg27355050</t>
  </si>
  <si>
    <t>cg27363141</t>
  </si>
  <si>
    <t>cg27363327</t>
  </si>
  <si>
    <t>cg27366984</t>
  </si>
  <si>
    <t>cg27385940</t>
  </si>
  <si>
    <t>cg27387193</t>
  </si>
  <si>
    <t>cg27393640</t>
  </si>
  <si>
    <t>cg27393652</t>
  </si>
  <si>
    <t>cg27408637</t>
  </si>
  <si>
    <t>cg27408887</t>
  </si>
  <si>
    <t>cg27425452</t>
  </si>
  <si>
    <t>cg27426442</t>
  </si>
  <si>
    <t>cg27437222</t>
  </si>
  <si>
    <t>cg27442478</t>
  </si>
  <si>
    <t>cg27445386</t>
  </si>
  <si>
    <t>cg27448015</t>
  </si>
  <si>
    <t>cg27449131</t>
  </si>
  <si>
    <t>cg27449352</t>
  </si>
  <si>
    <t>cg27474149</t>
  </si>
  <si>
    <t>cg27478313</t>
  </si>
  <si>
    <t>cg27495579</t>
  </si>
  <si>
    <t>cg27500067</t>
  </si>
  <si>
    <t>cg27500784</t>
  </si>
  <si>
    <t>cg27516732</t>
  </si>
  <si>
    <t>cg27525647</t>
  </si>
  <si>
    <t>cg27530576</t>
  </si>
  <si>
    <t>cg27532187</t>
  </si>
  <si>
    <t>cg27532732</t>
  </si>
  <si>
    <t>cg27538003</t>
  </si>
  <si>
    <t>cg27547442</t>
  </si>
  <si>
    <t>cg27550606</t>
  </si>
  <si>
    <t>cg27555063</t>
  </si>
  <si>
    <t>cg27558594</t>
  </si>
  <si>
    <t>cg27560282</t>
  </si>
  <si>
    <t>cg27565365</t>
  </si>
  <si>
    <t>cg27567401</t>
  </si>
  <si>
    <t>cg27568307</t>
  </si>
  <si>
    <t>cg27572016</t>
  </si>
  <si>
    <t>cg27572301</t>
  </si>
  <si>
    <t>cg27574828</t>
  </si>
  <si>
    <t>cg27576679</t>
  </si>
  <si>
    <t>cg27582173</t>
  </si>
  <si>
    <t>cg27590105</t>
  </si>
  <si>
    <t>cg27596495</t>
  </si>
  <si>
    <t>cg27608028</t>
  </si>
  <si>
    <t>cg27612364</t>
  </si>
  <si>
    <t>cg27613473</t>
  </si>
  <si>
    <t>cg27618684</t>
  </si>
  <si>
    <t>cg27620230</t>
  </si>
  <si>
    <t>cg27624229</t>
  </si>
  <si>
    <t>cg27626844</t>
  </si>
  <si>
    <t>cg27627038</t>
  </si>
  <si>
    <t>cg27629753</t>
  </si>
  <si>
    <t>cg27631191</t>
  </si>
  <si>
    <t>cg27637018</t>
  </si>
  <si>
    <t>cg27637948</t>
  </si>
  <si>
    <t>cg27642470</t>
  </si>
  <si>
    <t>cg27642554</t>
  </si>
  <si>
    <t>cg27643910</t>
  </si>
  <si>
    <t>cg27645345</t>
  </si>
  <si>
    <t>cg27652200</t>
  </si>
  <si>
    <t>cg27658416</t>
  </si>
  <si>
    <t>cg00030291</t>
  </si>
  <si>
    <t>cg00048759</t>
  </si>
  <si>
    <t>cg00075192</t>
  </si>
  <si>
    <t>cg00084687</t>
  </si>
  <si>
    <t>cg00088227</t>
  </si>
  <si>
    <t>cg00091742</t>
  </si>
  <si>
    <t>cg00094518</t>
  </si>
  <si>
    <t>cg00095027</t>
  </si>
  <si>
    <t>cg00106499</t>
  </si>
  <si>
    <t>cg00118103</t>
  </si>
  <si>
    <t>cg00120157</t>
  </si>
  <si>
    <t>cg00124160</t>
  </si>
  <si>
    <t>cg00128425</t>
  </si>
  <si>
    <t>cg00129269</t>
  </si>
  <si>
    <t>cg00129524</t>
  </si>
  <si>
    <t>cg00138804</t>
  </si>
  <si>
    <t>cg00139389</t>
  </si>
  <si>
    <t>cg00141295</t>
  </si>
  <si>
    <t>cg00144425</t>
  </si>
  <si>
    <t>cg00148867</t>
  </si>
  <si>
    <t>cg00151571</t>
  </si>
  <si>
    <t>cg00154968</t>
  </si>
  <si>
    <t>cg00157855</t>
  </si>
  <si>
    <t>cg00170236</t>
  </si>
  <si>
    <t>cg00171290</t>
  </si>
  <si>
    <t>cg00173010</t>
  </si>
  <si>
    <t>cg00173659</t>
  </si>
  <si>
    <t>cg00174201</t>
  </si>
  <si>
    <t>cg00183546</t>
  </si>
  <si>
    <t>cg00196167</t>
  </si>
  <si>
    <t>cg00234294</t>
  </si>
  <si>
    <t>cg00237631</t>
  </si>
  <si>
    <t>cg00254079</t>
  </si>
  <si>
    <t>cg00269643</t>
  </si>
  <si>
    <t>cg00277769</t>
  </si>
  <si>
    <t>cg00281600</t>
  </si>
  <si>
    <t>cg00287096</t>
  </si>
  <si>
    <t>cg00288562</t>
  </si>
  <si>
    <t>cg00290627</t>
  </si>
  <si>
    <t>cg00294823</t>
  </si>
  <si>
    <t>cg00314904</t>
  </si>
  <si>
    <t>cg00328593</t>
  </si>
  <si>
    <t>cg00333985</t>
  </si>
  <si>
    <t>cg00350060</t>
  </si>
  <si>
    <t>cg00350885</t>
  </si>
  <si>
    <t>cg00351097</t>
  </si>
  <si>
    <t>cg00351804</t>
  </si>
  <si>
    <t>cg00356183</t>
  </si>
  <si>
    <t>cg00356769</t>
  </si>
  <si>
    <t>cg00358442</t>
  </si>
  <si>
    <t>cg00365505</t>
  </si>
  <si>
    <t>cg00368636</t>
  </si>
  <si>
    <t>cg00369443</t>
  </si>
  <si>
    <t>cg00370123</t>
  </si>
  <si>
    <t>cg00374298</t>
  </si>
  <si>
    <t>cg00376553</t>
  </si>
  <si>
    <t>cg00387107</t>
  </si>
  <si>
    <t>cg00390769</t>
  </si>
  <si>
    <t>cg00394725</t>
  </si>
  <si>
    <t>cg00400832</t>
  </si>
  <si>
    <t>cg00405843</t>
  </si>
  <si>
    <t>cg00415263</t>
  </si>
  <si>
    <t>cg00418216</t>
  </si>
  <si>
    <t>cg00418284</t>
  </si>
  <si>
    <t>cg00423702</t>
  </si>
  <si>
    <t>cg00427834</t>
  </si>
  <si>
    <t>cg00429706</t>
  </si>
  <si>
    <t>cg00437166</t>
  </si>
  <si>
    <t>cg00443194</t>
  </si>
  <si>
    <t>cg00446065</t>
  </si>
  <si>
    <t>cg00458878</t>
  </si>
  <si>
    <t>cg00459289</t>
  </si>
  <si>
    <t>cg00459447</t>
  </si>
  <si>
    <t>cg00469341</t>
  </si>
  <si>
    <t>cg00473294</t>
  </si>
  <si>
    <t>cg00475182</t>
  </si>
  <si>
    <t>cg00476243</t>
  </si>
  <si>
    <t>cg00495289</t>
  </si>
  <si>
    <t>cg00496025</t>
  </si>
  <si>
    <t>cg00498438</t>
  </si>
  <si>
    <t>cg00502509</t>
  </si>
  <si>
    <t>cg00507727</t>
  </si>
  <si>
    <t>cg00511228</t>
  </si>
  <si>
    <t>cg00513981</t>
  </si>
  <si>
    <t>cg00516639</t>
  </si>
  <si>
    <t>cg00517218</t>
  </si>
  <si>
    <t>cg00536924</t>
  </si>
  <si>
    <t>cg00543658</t>
  </si>
  <si>
    <t>cg00551736</t>
  </si>
  <si>
    <t>cg00552235</t>
  </si>
  <si>
    <t>cg00553120</t>
  </si>
  <si>
    <t>cg00553149</t>
  </si>
  <si>
    <t>cg00622010</t>
  </si>
  <si>
    <t>cg00641009</t>
  </si>
  <si>
    <t>cg00650641</t>
  </si>
  <si>
    <t>cg00651359</t>
  </si>
  <si>
    <t>cg00664021</t>
  </si>
  <si>
    <t>cg00667974</t>
  </si>
  <si>
    <t>cg00688850</t>
  </si>
  <si>
    <t>cg00704299</t>
  </si>
  <si>
    <t>cg00713400</t>
  </si>
  <si>
    <t>cg00716277</t>
  </si>
  <si>
    <t>cg00722445</t>
  </si>
  <si>
    <t>cg00725145</t>
  </si>
  <si>
    <t>cg00725654</t>
  </si>
  <si>
    <t>cg00729291</t>
  </si>
  <si>
    <t>cg00744920</t>
  </si>
  <si>
    <t>cg00754232</t>
  </si>
  <si>
    <t>cg00772850</t>
  </si>
  <si>
    <t>cg00776808</t>
  </si>
  <si>
    <t>cg00794508</t>
  </si>
  <si>
    <t>cg00799631</t>
  </si>
  <si>
    <t>cg00815484</t>
  </si>
  <si>
    <t>cg00816182</t>
  </si>
  <si>
    <t>cg00830401</t>
  </si>
  <si>
    <t>cg00833479</t>
  </si>
  <si>
    <t>cg00834400</t>
  </si>
  <si>
    <t>cg00839579</t>
  </si>
  <si>
    <t>cg00840332</t>
  </si>
  <si>
    <t>cg00845891</t>
  </si>
  <si>
    <t>cg00850453</t>
  </si>
  <si>
    <t>cg00852398</t>
  </si>
  <si>
    <t>cg00852549</t>
  </si>
  <si>
    <t>cg00852675</t>
  </si>
  <si>
    <t>cg00856204</t>
  </si>
  <si>
    <t>cg00858973</t>
  </si>
  <si>
    <t>cg00864551</t>
  </si>
  <si>
    <t>cg00866572</t>
  </si>
  <si>
    <t>cg00867475</t>
  </si>
  <si>
    <t>cg00867835</t>
  </si>
  <si>
    <t>cg00870179</t>
  </si>
  <si>
    <t>cg00871706</t>
  </si>
  <si>
    <t>cg00879163</t>
  </si>
  <si>
    <t>cg00905524</t>
  </si>
  <si>
    <t>cg00907843</t>
  </si>
  <si>
    <t>cg00912939</t>
  </si>
  <si>
    <t>cg00913283</t>
  </si>
  <si>
    <t>cg00919016</t>
  </si>
  <si>
    <t>cg00920098</t>
  </si>
  <si>
    <t>cg00920477</t>
  </si>
  <si>
    <t>cg00923803</t>
  </si>
  <si>
    <t>cg00924357</t>
  </si>
  <si>
    <t>cg00925096</t>
  </si>
  <si>
    <t>cg00934312</t>
  </si>
  <si>
    <t>cg00943060</t>
  </si>
  <si>
    <t>cg00943382</t>
  </si>
  <si>
    <t>cg00945244</t>
  </si>
  <si>
    <t>cg00945735</t>
  </si>
  <si>
    <t>cg00954931</t>
  </si>
  <si>
    <t>cg00974941</t>
  </si>
  <si>
    <t>cg00981552</t>
  </si>
  <si>
    <t>cg00984540</t>
  </si>
  <si>
    <t>cg00987699</t>
  </si>
  <si>
    <t>cg00992090</t>
  </si>
  <si>
    <t>cg00993710</t>
  </si>
  <si>
    <t>cg00993799</t>
  </si>
  <si>
    <t>cg01008256</t>
  </si>
  <si>
    <t>cg01010781</t>
  </si>
  <si>
    <t>cg01015416</t>
  </si>
  <si>
    <t>cg01017541</t>
  </si>
  <si>
    <t>cg01021547</t>
  </si>
  <si>
    <t>cg01026192</t>
  </si>
  <si>
    <t>cg01027929</t>
  </si>
  <si>
    <t>cg01029838</t>
  </si>
  <si>
    <t>cg01030534</t>
  </si>
  <si>
    <t>cg01044261</t>
  </si>
  <si>
    <t>cg01058266</t>
  </si>
  <si>
    <t>cg01078824</t>
  </si>
  <si>
    <t>cg01083148</t>
  </si>
  <si>
    <t>cg01103938</t>
  </si>
  <si>
    <t>cg01105229</t>
  </si>
  <si>
    <t>cg01106412</t>
  </si>
  <si>
    <t>cg01106572</t>
  </si>
  <si>
    <t>cg01108106</t>
  </si>
  <si>
    <t>cg01115598</t>
  </si>
  <si>
    <t>cg01121978</t>
  </si>
  <si>
    <t>cg01134260</t>
  </si>
  <si>
    <t>cg01139861</t>
  </si>
  <si>
    <t>cg01140416</t>
  </si>
  <si>
    <t>cg01154573</t>
  </si>
  <si>
    <t>cg01159623</t>
  </si>
  <si>
    <t>cg01174859</t>
  </si>
  <si>
    <t>cg01189256</t>
  </si>
  <si>
    <t>cg01191920</t>
  </si>
  <si>
    <t>cg01198338</t>
  </si>
  <si>
    <t>cg01216607</t>
  </si>
  <si>
    <t>cg01217984</t>
  </si>
  <si>
    <t>cg01232604</t>
  </si>
  <si>
    <t>cg01239704</t>
  </si>
  <si>
    <t>cg01249735</t>
  </si>
  <si>
    <t>cg01251255</t>
  </si>
  <si>
    <t>cg01251444</t>
  </si>
  <si>
    <t>cg01260010</t>
  </si>
  <si>
    <t>cg01273613</t>
  </si>
  <si>
    <t>cg01285926</t>
  </si>
  <si>
    <t>cg01297191</t>
  </si>
  <si>
    <t>cg01300682</t>
  </si>
  <si>
    <t>cg01301117</t>
  </si>
  <si>
    <t>cg01302712</t>
  </si>
  <si>
    <t>cg01305849</t>
  </si>
  <si>
    <t>cg01307939</t>
  </si>
  <si>
    <t>cg01308419</t>
  </si>
  <si>
    <t>cg01314034</t>
  </si>
  <si>
    <t>cg01316109</t>
  </si>
  <si>
    <t>cg01318557</t>
  </si>
  <si>
    <t>cg01324507</t>
  </si>
  <si>
    <t>cg01338494</t>
  </si>
  <si>
    <t>cg01343991</t>
  </si>
  <si>
    <t>cg01348584</t>
  </si>
  <si>
    <t>cg01354961</t>
  </si>
  <si>
    <t>cg01357429</t>
  </si>
  <si>
    <t>cg01364799</t>
  </si>
  <si>
    <t>cg01370437</t>
  </si>
  <si>
    <t>cg01370759</t>
  </si>
  <si>
    <t>cg01371799</t>
  </si>
  <si>
    <t>cg01381374</t>
  </si>
  <si>
    <t>cg01386335</t>
  </si>
  <si>
    <t>cg01388565</t>
  </si>
  <si>
    <t>cg01391867</t>
  </si>
  <si>
    <t>cg01394671</t>
  </si>
  <si>
    <t>cg01398299</t>
  </si>
  <si>
    <t>cg01399255</t>
  </si>
  <si>
    <t>cg01409887</t>
  </si>
  <si>
    <t>cg01413299</t>
  </si>
  <si>
    <t>cg01423776</t>
  </si>
  <si>
    <t>cg01425666</t>
  </si>
  <si>
    <t>cg01432945</t>
  </si>
  <si>
    <t>cg01439601</t>
  </si>
  <si>
    <t>cg01443832</t>
  </si>
  <si>
    <t>cg01445395</t>
  </si>
  <si>
    <t>cg01445942</t>
  </si>
  <si>
    <t>cg01448276</t>
  </si>
  <si>
    <t>cg01455568</t>
  </si>
  <si>
    <t>cg01462184</t>
  </si>
  <si>
    <t>cg01491466</t>
  </si>
  <si>
    <t>cg01496602</t>
  </si>
  <si>
    <t>cg01497501</t>
  </si>
  <si>
    <t>cg01501264</t>
  </si>
  <si>
    <t>cg01531333</t>
  </si>
  <si>
    <t>cg01536330</t>
  </si>
  <si>
    <t>cg01545109</t>
  </si>
  <si>
    <t>cg01545140</t>
  </si>
  <si>
    <t>cg01547069</t>
  </si>
  <si>
    <t>cg01548142</t>
  </si>
  <si>
    <t>cg01560934</t>
  </si>
  <si>
    <t>cg01562995</t>
  </si>
  <si>
    <t>cg01566785</t>
  </si>
  <si>
    <t>cg01570551</t>
  </si>
  <si>
    <t>cg01572891</t>
  </si>
  <si>
    <t>cg01574787</t>
  </si>
  <si>
    <t>cg01574912</t>
  </si>
  <si>
    <t>cg01577992</t>
  </si>
  <si>
    <t>cg01581050</t>
  </si>
  <si>
    <t>cg01581867</t>
  </si>
  <si>
    <t>cg01582980</t>
  </si>
  <si>
    <t>cg01583265</t>
  </si>
  <si>
    <t>cg01587709</t>
  </si>
  <si>
    <t>cg01588379</t>
  </si>
  <si>
    <t>cg01590844</t>
  </si>
  <si>
    <t>cg01620991</t>
  </si>
  <si>
    <t>cg01622718</t>
  </si>
  <si>
    <t>cg01624004</t>
  </si>
  <si>
    <t>cg01630199</t>
  </si>
  <si>
    <t>cg01640506</t>
  </si>
  <si>
    <t>cg01642827</t>
  </si>
  <si>
    <t>cg01643320</t>
  </si>
  <si>
    <t>cg01643690</t>
  </si>
  <si>
    <t>cg01660676</t>
  </si>
  <si>
    <t>cg01663825</t>
  </si>
  <si>
    <t>cg01667946</t>
  </si>
  <si>
    <t>cg01685644</t>
  </si>
  <si>
    <t>cg01685739</t>
  </si>
  <si>
    <t>cg01687558</t>
  </si>
  <si>
    <t>cg01688536</t>
  </si>
  <si>
    <t>cg01692340</t>
  </si>
  <si>
    <t>cg01704862</t>
  </si>
  <si>
    <t>cg01705934</t>
  </si>
  <si>
    <t>cg01707076</t>
  </si>
  <si>
    <t>cg01718447</t>
  </si>
  <si>
    <t>cg01723606</t>
  </si>
  <si>
    <t>cg01724941</t>
  </si>
  <si>
    <t>cg01726448</t>
  </si>
  <si>
    <t>cg01731096</t>
  </si>
  <si>
    <t>cg01745789</t>
  </si>
  <si>
    <t>cg01748892</t>
  </si>
  <si>
    <t>cg01753241</t>
  </si>
  <si>
    <t>cg01758041</t>
  </si>
  <si>
    <t>cg01759437</t>
  </si>
  <si>
    <t>cg01759597</t>
  </si>
  <si>
    <t>cg01773807</t>
  </si>
  <si>
    <t>cg01776278</t>
  </si>
  <si>
    <t>cg01776691</t>
  </si>
  <si>
    <t>cg01780378</t>
  </si>
  <si>
    <t>cg01784351</t>
  </si>
  <si>
    <t>cg01790002</t>
  </si>
  <si>
    <t>cg01792182</t>
  </si>
  <si>
    <t>cg01794468</t>
  </si>
  <si>
    <t>cg01796902</t>
  </si>
  <si>
    <t>cg01803125</t>
  </si>
  <si>
    <t>cg01830900</t>
  </si>
  <si>
    <t>cg01835944</t>
  </si>
  <si>
    <t>cg01841651</t>
  </si>
  <si>
    <t>cg01842807</t>
  </si>
  <si>
    <t>cg01847021</t>
  </si>
  <si>
    <t>cg01855803</t>
  </si>
  <si>
    <t>cg01856450</t>
  </si>
  <si>
    <t>cg01860168</t>
  </si>
  <si>
    <t>cg01860370</t>
  </si>
  <si>
    <t>cg01861740</t>
  </si>
  <si>
    <t>cg01877778</t>
  </si>
  <si>
    <t>cg01877967</t>
  </si>
  <si>
    <t>cg01886004</t>
  </si>
  <si>
    <t>cg01890075</t>
  </si>
  <si>
    <t>cg01893212</t>
  </si>
  <si>
    <t>cg01893439</t>
  </si>
  <si>
    <t>cg01896656</t>
  </si>
  <si>
    <t>cg01896918</t>
  </si>
  <si>
    <t>cg01901107</t>
  </si>
  <si>
    <t>cg01903971</t>
  </si>
  <si>
    <t>cg01914455</t>
  </si>
  <si>
    <t>cg01937399</t>
  </si>
  <si>
    <t>cg01942863</t>
  </si>
  <si>
    <t>cg01942926</t>
  </si>
  <si>
    <t>cg01945793</t>
  </si>
  <si>
    <t>cg01952989</t>
  </si>
  <si>
    <t>cg01958203</t>
  </si>
  <si>
    <t>cg01958221</t>
  </si>
  <si>
    <t>cg01962918</t>
  </si>
  <si>
    <t>cg01964852</t>
  </si>
  <si>
    <t>cg01966561</t>
  </si>
  <si>
    <t>cg01971363</t>
  </si>
  <si>
    <t>cg01973676</t>
  </si>
  <si>
    <t>cg01975495</t>
  </si>
  <si>
    <t>cg01979600</t>
  </si>
  <si>
    <t>cg01981960</t>
  </si>
  <si>
    <t>cg01986123</t>
  </si>
  <si>
    <t>cg01988550</t>
  </si>
  <si>
    <t>cg01996567</t>
  </si>
  <si>
    <t>cg02005782</t>
  </si>
  <si>
    <t>cg02016094</t>
  </si>
  <si>
    <t>cg02016892</t>
  </si>
  <si>
    <t>cg02023042</t>
  </si>
  <si>
    <t>cg02023043</t>
  </si>
  <si>
    <t>cg02027541</t>
  </si>
  <si>
    <t>cg02034516</t>
  </si>
  <si>
    <t>cg02048505</t>
  </si>
  <si>
    <t>cg02049663</t>
  </si>
  <si>
    <t>cg02051077</t>
  </si>
  <si>
    <t>cg02054964</t>
  </si>
  <si>
    <t>cg02057469</t>
  </si>
  <si>
    <t>cg02084118</t>
  </si>
  <si>
    <t>cg02086046</t>
  </si>
  <si>
    <t>cg02087954</t>
  </si>
  <si>
    <t>cg02096656</t>
  </si>
  <si>
    <t>cg02096916</t>
  </si>
  <si>
    <t>cg02112681</t>
  </si>
  <si>
    <t>cg02115599</t>
  </si>
  <si>
    <t>cg02116251</t>
  </si>
  <si>
    <t>cg02120774</t>
  </si>
  <si>
    <t>cg02126753</t>
  </si>
  <si>
    <t>cg02132470</t>
  </si>
  <si>
    <t>cg02133520</t>
  </si>
  <si>
    <t>cg02133809</t>
  </si>
  <si>
    <t>cg02137809</t>
  </si>
  <si>
    <t>cg02151036</t>
  </si>
  <si>
    <t>cg02155627</t>
  </si>
  <si>
    <t>cg02159402</t>
  </si>
  <si>
    <t>cg02168303</t>
  </si>
  <si>
    <t>cg02172150</t>
  </si>
  <si>
    <t>cg02176326</t>
  </si>
  <si>
    <t>cg02176683</t>
  </si>
  <si>
    <t>cg02192117</t>
  </si>
  <si>
    <t>cg02199589</t>
  </si>
  <si>
    <t>cg02215070</t>
  </si>
  <si>
    <t>cg02223801</t>
  </si>
  <si>
    <t>cg02224845</t>
  </si>
  <si>
    <t>cg02225599</t>
  </si>
  <si>
    <t>cg02229433</t>
  </si>
  <si>
    <t>cg02229586</t>
  </si>
  <si>
    <t>cg02239805</t>
  </si>
  <si>
    <t>cg02240103</t>
  </si>
  <si>
    <t>cg02266348</t>
  </si>
  <si>
    <t>cg02266399</t>
  </si>
  <si>
    <t>cg02273970</t>
  </si>
  <si>
    <t>cg02288296</t>
  </si>
  <si>
    <t>cg02288552</t>
  </si>
  <si>
    <t>cg02300154</t>
  </si>
  <si>
    <t>cg02301128</t>
  </si>
  <si>
    <t>cg02303805</t>
  </si>
  <si>
    <t>cg02308366</t>
  </si>
  <si>
    <t>cg02315971</t>
  </si>
  <si>
    <t>cg02332902</t>
  </si>
  <si>
    <t>cg02356111</t>
  </si>
  <si>
    <t>cg02367856</t>
  </si>
  <si>
    <t>cg02376703</t>
  </si>
  <si>
    <t>cg02383130</t>
  </si>
  <si>
    <t>cg02387974</t>
  </si>
  <si>
    <t>cg02400740</t>
  </si>
  <si>
    <t>cg02422616</t>
  </si>
  <si>
    <t>cg02423318</t>
  </si>
  <si>
    <t>cg02425263</t>
  </si>
  <si>
    <t>cg02432107</t>
  </si>
  <si>
    <t>cg02435252</t>
  </si>
  <si>
    <t>cg02440537</t>
  </si>
  <si>
    <t>cg02443148</t>
  </si>
  <si>
    <t>cg02443818</t>
  </si>
  <si>
    <t>cg02445395</t>
  </si>
  <si>
    <t>cg02446080</t>
  </si>
  <si>
    <t>cg02448207</t>
  </si>
  <si>
    <t>cg02467990</t>
  </si>
  <si>
    <t>cg02477380</t>
  </si>
  <si>
    <t>cg02477548</t>
  </si>
  <si>
    <t>cg02478172</t>
  </si>
  <si>
    <t>cg02487654</t>
  </si>
  <si>
    <t>cg02497785</t>
  </si>
  <si>
    <t>cg02500917</t>
  </si>
  <si>
    <t>cg02512224</t>
  </si>
  <si>
    <t>cg02512352</t>
  </si>
  <si>
    <t>cg02517932</t>
  </si>
  <si>
    <t>cg02538825</t>
  </si>
  <si>
    <t>cg02539083</t>
  </si>
  <si>
    <t>cg02543993</t>
  </si>
  <si>
    <t>cg02556360</t>
  </si>
  <si>
    <t>cg02557695</t>
  </si>
  <si>
    <t>cg02557755</t>
  </si>
  <si>
    <t>cg02560081</t>
  </si>
  <si>
    <t>cg02562602</t>
  </si>
  <si>
    <t>cg02568153</t>
  </si>
  <si>
    <t>cg02570079</t>
  </si>
  <si>
    <t>cg02581302</t>
  </si>
  <si>
    <t>cg02582136</t>
  </si>
  <si>
    <t>cg02586768</t>
  </si>
  <si>
    <t>cg02589067</t>
  </si>
  <si>
    <t>cg02599498</t>
  </si>
  <si>
    <t>cg02602423</t>
  </si>
  <si>
    <t>cg02604407</t>
  </si>
  <si>
    <t>cg02605760</t>
  </si>
  <si>
    <t>cg02607340</t>
  </si>
  <si>
    <t>cg02617428</t>
  </si>
  <si>
    <t>cg02620388</t>
  </si>
  <si>
    <t>cg02628508</t>
  </si>
  <si>
    <t>cg02632809</t>
  </si>
  <si>
    <t>cg02635482</t>
  </si>
  <si>
    <t>cg02637781</t>
  </si>
  <si>
    <t>cg02644510</t>
  </si>
  <si>
    <t>cg02645408</t>
  </si>
  <si>
    <t>cg02646665</t>
  </si>
  <si>
    <t>cg02650121</t>
  </si>
  <si>
    <t>cg02656801</t>
  </si>
  <si>
    <t>cg02657292</t>
  </si>
  <si>
    <t>cg02661879</t>
  </si>
  <si>
    <t>cg02665399</t>
  </si>
  <si>
    <t>cg02699447</t>
  </si>
  <si>
    <t>cg02716317</t>
  </si>
  <si>
    <t>cg02720925</t>
  </si>
  <si>
    <t>cg02733025</t>
  </si>
  <si>
    <t>cg02752243</t>
  </si>
  <si>
    <t>cg02752958</t>
  </si>
  <si>
    <t>cg02759751</t>
  </si>
  <si>
    <t>cg02768139</t>
  </si>
  <si>
    <t>cg02774070</t>
  </si>
  <si>
    <t>cg02777535</t>
  </si>
  <si>
    <t>cg02779037</t>
  </si>
  <si>
    <t>cg02788637</t>
  </si>
  <si>
    <t>cg02803508</t>
  </si>
  <si>
    <t>cg02804920</t>
  </si>
  <si>
    <t>cg02805489</t>
  </si>
  <si>
    <t>cg02811067</t>
  </si>
  <si>
    <t>cg02816732</t>
  </si>
  <si>
    <t>cg02820242</t>
  </si>
  <si>
    <t>cg02820566</t>
  </si>
  <si>
    <t>cg02820836</t>
  </si>
  <si>
    <t>cg02837488</t>
  </si>
  <si>
    <t>cg02843503</t>
  </si>
  <si>
    <t>cg02853322</t>
  </si>
  <si>
    <t>cg02854490</t>
  </si>
  <si>
    <t>cg02855558</t>
  </si>
  <si>
    <t>cg02856420</t>
  </si>
  <si>
    <t>cg02864844</t>
  </si>
  <si>
    <t>cg02866628</t>
  </si>
  <si>
    <t>cg02869126</t>
  </si>
  <si>
    <t>cg02869364</t>
  </si>
  <si>
    <t>cg02870573</t>
  </si>
  <si>
    <t>cg02876211</t>
  </si>
  <si>
    <t>cg02885694</t>
  </si>
  <si>
    <t>cg02890194</t>
  </si>
  <si>
    <t>cg02891728</t>
  </si>
  <si>
    <t>cg02898094</t>
  </si>
  <si>
    <t>cg02905066</t>
  </si>
  <si>
    <t>cg02908720</t>
  </si>
  <si>
    <t>cg02908900</t>
  </si>
  <si>
    <t>cg02910208</t>
  </si>
  <si>
    <t>cg02914422</t>
  </si>
  <si>
    <t>cg02918146</t>
  </si>
  <si>
    <t>cg02925800</t>
  </si>
  <si>
    <t>cg02927485</t>
  </si>
  <si>
    <t>cg02960853</t>
  </si>
  <si>
    <t>cg02961934</t>
  </si>
  <si>
    <t>cg02965180</t>
  </si>
  <si>
    <t>cg02968407</t>
  </si>
  <si>
    <t>cg02968854</t>
  </si>
  <si>
    <t>cg02969141</t>
  </si>
  <si>
    <t>cg02976405</t>
  </si>
  <si>
    <t>cg02978421</t>
  </si>
  <si>
    <t>cg02984159</t>
  </si>
  <si>
    <t>cg02984449</t>
  </si>
  <si>
    <t>cg02986546</t>
  </si>
  <si>
    <t>cg02991118</t>
  </si>
  <si>
    <t>cg03002479</t>
  </si>
  <si>
    <t>cg03006716</t>
  </si>
  <si>
    <t>cg03007404</t>
  </si>
  <si>
    <t>cg03009463</t>
  </si>
  <si>
    <t>cg03012726</t>
  </si>
  <si>
    <t>cg03013298</t>
  </si>
  <si>
    <t>cg03027977</t>
  </si>
  <si>
    <t>cg03032053</t>
  </si>
  <si>
    <t>cg03040746</t>
  </si>
  <si>
    <t>cg03043709</t>
  </si>
  <si>
    <t>cg03046560</t>
  </si>
  <si>
    <t>cg03047724</t>
  </si>
  <si>
    <t>cg03052431</t>
  </si>
  <si>
    <t>cg03053407</t>
  </si>
  <si>
    <t>cg03060590</t>
  </si>
  <si>
    <t>cg03060764</t>
  </si>
  <si>
    <t>cg03063710</t>
  </si>
  <si>
    <t>cg03067192</t>
  </si>
  <si>
    <t>cg03073431</t>
  </si>
  <si>
    <t>cg03074663</t>
  </si>
  <si>
    <t>cg03092191</t>
  </si>
  <si>
    <t>cg03101021</t>
  </si>
  <si>
    <t>cg03103944</t>
  </si>
  <si>
    <t>cg03104765</t>
  </si>
  <si>
    <t>cg03105133</t>
  </si>
  <si>
    <t>cg03105603</t>
  </si>
  <si>
    <t>cg03113878</t>
  </si>
  <si>
    <t>cg03122505</t>
  </si>
  <si>
    <t>cg03122674</t>
  </si>
  <si>
    <t>cg03142634</t>
  </si>
  <si>
    <t>cg03143164</t>
  </si>
  <si>
    <t>cg03146005</t>
  </si>
  <si>
    <t>cg03148428</t>
  </si>
  <si>
    <t>cg03149706</t>
  </si>
  <si>
    <t>cg03155239</t>
  </si>
  <si>
    <t>cg03181166</t>
  </si>
  <si>
    <t>cg03187894</t>
  </si>
  <si>
    <t>cg03188948</t>
  </si>
  <si>
    <t>cg03190219</t>
  </si>
  <si>
    <t>cg03197500</t>
  </si>
  <si>
    <t>cg03203223</t>
  </si>
  <si>
    <t>cg03207732</t>
  </si>
  <si>
    <t>cg03217572</t>
  </si>
  <si>
    <t>cg03217800</t>
  </si>
  <si>
    <t>cg03219611</t>
  </si>
  <si>
    <t>cg03223221</t>
  </si>
  <si>
    <t>cg03225210</t>
  </si>
  <si>
    <t>cg03229627</t>
  </si>
  <si>
    <t>cg03232056</t>
  </si>
  <si>
    <t>cg03232620</t>
  </si>
  <si>
    <t>cg03235923</t>
  </si>
  <si>
    <t>cg03242877</t>
  </si>
  <si>
    <t>cg03244087</t>
  </si>
  <si>
    <t>cg03257739</t>
  </si>
  <si>
    <t>cg03276399</t>
  </si>
  <si>
    <t>cg03277898</t>
  </si>
  <si>
    <t>cg03282689</t>
  </si>
  <si>
    <t>cg03285219</t>
  </si>
  <si>
    <t>cg03286969</t>
  </si>
  <si>
    <t>cg03294164</t>
  </si>
  <si>
    <t>cg03297163</t>
  </si>
  <si>
    <t>cg03301582</t>
  </si>
  <si>
    <t>cg03305004</t>
  </si>
  <si>
    <t>cg03308706</t>
  </si>
  <si>
    <t>cg03309421</t>
  </si>
  <si>
    <t>cg03311036</t>
  </si>
  <si>
    <t>cg03312572</t>
  </si>
  <si>
    <t>cg03313088</t>
  </si>
  <si>
    <t>cg03316107</t>
  </si>
  <si>
    <t>cg03319806</t>
  </si>
  <si>
    <t>cg03324421</t>
  </si>
  <si>
    <t>cg03324947</t>
  </si>
  <si>
    <t>cg03331514</t>
  </si>
  <si>
    <t>cg03332469</t>
  </si>
  <si>
    <t>cg03335136</t>
  </si>
  <si>
    <t>cg03338522</t>
  </si>
  <si>
    <t>cg03345106</t>
  </si>
  <si>
    <t>cg03347095</t>
  </si>
  <si>
    <t>cg03355241</t>
  </si>
  <si>
    <t>cg03357999</t>
  </si>
  <si>
    <t>cg03360716</t>
  </si>
  <si>
    <t>cg03361067</t>
  </si>
  <si>
    <t>cg03364193</t>
  </si>
  <si>
    <t>cg03366574</t>
  </si>
  <si>
    <t>cg03368099</t>
  </si>
  <si>
    <t>cg03369668</t>
  </si>
  <si>
    <t>cg03379100</t>
  </si>
  <si>
    <t>cg03383295</t>
  </si>
  <si>
    <t>cg03383472</t>
  </si>
  <si>
    <t>cg03385696</t>
  </si>
  <si>
    <t>cg03406778</t>
  </si>
  <si>
    <t>cg03411270</t>
  </si>
  <si>
    <t>cg03413097</t>
  </si>
  <si>
    <t>cg03428881</t>
  </si>
  <si>
    <t>cg03437186</t>
  </si>
  <si>
    <t>cg03439587</t>
  </si>
  <si>
    <t>cg03446876</t>
  </si>
  <si>
    <t>cg03466198</t>
  </si>
  <si>
    <t>cg03467067</t>
  </si>
  <si>
    <t>cg03473125</t>
  </si>
  <si>
    <t>cg03489907</t>
  </si>
  <si>
    <t>cg03493211</t>
  </si>
  <si>
    <t>cg03506028</t>
  </si>
  <si>
    <t>cg03509753</t>
  </si>
  <si>
    <t>cg03509927</t>
  </si>
  <si>
    <t>cg03529432</t>
  </si>
  <si>
    <t>cg03532926</t>
  </si>
  <si>
    <t>cg03533051</t>
  </si>
  <si>
    <t>cg03547487</t>
  </si>
  <si>
    <t>cg03550794</t>
  </si>
  <si>
    <t>cg03571927</t>
  </si>
  <si>
    <t>cg03573679</t>
  </si>
  <si>
    <t>cg03574289</t>
  </si>
  <si>
    <t>cg03574882</t>
  </si>
  <si>
    <t>cg03577591</t>
  </si>
  <si>
    <t>cg03577655</t>
  </si>
  <si>
    <t>cg03582798</t>
  </si>
  <si>
    <t>cg03590328</t>
  </si>
  <si>
    <t>cg03601098</t>
  </si>
  <si>
    <t>cg03604796</t>
  </si>
  <si>
    <t>cg03611057</t>
  </si>
  <si>
    <t>cg03616189</t>
  </si>
  <si>
    <t>cg03637614</t>
  </si>
  <si>
    <t>cg03638172</t>
  </si>
  <si>
    <t>cg03641797</t>
  </si>
  <si>
    <t>cg03642066</t>
  </si>
  <si>
    <t>cg03653726</t>
  </si>
  <si>
    <t>cg03657549</t>
  </si>
  <si>
    <t>cg03661160</t>
  </si>
  <si>
    <t>cg03662843</t>
  </si>
  <si>
    <t>cg03663746</t>
  </si>
  <si>
    <t>cg03665832</t>
  </si>
  <si>
    <t>cg03674265</t>
  </si>
  <si>
    <t>cg03678035</t>
  </si>
  <si>
    <t>cg03678146</t>
  </si>
  <si>
    <t>cg03684273</t>
  </si>
  <si>
    <t>cg03686950</t>
  </si>
  <si>
    <t>cg03689146</t>
  </si>
  <si>
    <t>cg03694157</t>
  </si>
  <si>
    <t>cg03694580</t>
  </si>
  <si>
    <t>cg03699778</t>
  </si>
  <si>
    <t>cg03707183</t>
  </si>
  <si>
    <t>cg03711348</t>
  </si>
  <si>
    <t>cg03721064</t>
  </si>
  <si>
    <t>cg03727359</t>
  </si>
  <si>
    <t>cg03728046</t>
  </si>
  <si>
    <t>cg03738868</t>
  </si>
  <si>
    <t>cg03740159</t>
  </si>
  <si>
    <t>cg03744954</t>
  </si>
  <si>
    <t>cg03751356</t>
  </si>
  <si>
    <t>cg03755177</t>
  </si>
  <si>
    <t>cg03767357</t>
  </si>
  <si>
    <t>cg03767515</t>
  </si>
  <si>
    <t>cg03771448</t>
  </si>
  <si>
    <t>cg03774463</t>
  </si>
  <si>
    <t>cg03775632</t>
  </si>
  <si>
    <t>cg03778788</t>
  </si>
  <si>
    <t>cg03783062</t>
  </si>
  <si>
    <t>cg03785696</t>
  </si>
  <si>
    <t>cg03788995</t>
  </si>
  <si>
    <t>cg03790324</t>
  </si>
  <si>
    <t>cg03811533</t>
  </si>
  <si>
    <t>cg03817667</t>
  </si>
  <si>
    <t>cg03837935</t>
  </si>
  <si>
    <t>cg03849660</t>
  </si>
  <si>
    <t>cg03881524</t>
  </si>
  <si>
    <t>cg03885264</t>
  </si>
  <si>
    <t>cg03886242</t>
  </si>
  <si>
    <t>cg03890634</t>
  </si>
  <si>
    <t>cg03894119</t>
  </si>
  <si>
    <t>cg03897712</t>
  </si>
  <si>
    <t>cg03904586</t>
  </si>
  <si>
    <t>cg03906434</t>
  </si>
  <si>
    <t>cg03907570</t>
  </si>
  <si>
    <t>cg03913792</t>
  </si>
  <si>
    <t>cg03913921</t>
  </si>
  <si>
    <t>cg03916382</t>
  </si>
  <si>
    <t>cg03919453</t>
  </si>
  <si>
    <t>cg03921396</t>
  </si>
  <si>
    <t>cg03930209</t>
  </si>
  <si>
    <t>cg03931927</t>
  </si>
  <si>
    <t>cg03932904</t>
  </si>
  <si>
    <t>cg03935544</t>
  </si>
  <si>
    <t>cg03938320</t>
  </si>
  <si>
    <t>cg03943446</t>
  </si>
  <si>
    <t>cg03943571</t>
  </si>
  <si>
    <t>cg03945777</t>
  </si>
  <si>
    <t>cg03948025</t>
  </si>
  <si>
    <t>cg03948452</t>
  </si>
  <si>
    <t>cg03951180</t>
  </si>
  <si>
    <t>cg03955175</t>
  </si>
  <si>
    <t>cg03958363</t>
  </si>
  <si>
    <t>cg03959891</t>
  </si>
  <si>
    <t>cg03963784</t>
  </si>
  <si>
    <t>cg03966685</t>
  </si>
  <si>
    <t>cg03970319</t>
  </si>
  <si>
    <t>cg03973420</t>
  </si>
  <si>
    <t>cg03975188</t>
  </si>
  <si>
    <t>cg03976326</t>
  </si>
  <si>
    <t>cg03976877</t>
  </si>
  <si>
    <t>cg03977081</t>
  </si>
  <si>
    <t>cg03981954</t>
  </si>
  <si>
    <t>cg03983213</t>
  </si>
  <si>
    <t>cg03995966</t>
  </si>
  <si>
    <t>cg04005938</t>
  </si>
  <si>
    <t>cg04008703</t>
  </si>
  <si>
    <t>cg04010165</t>
  </si>
  <si>
    <t>cg04027736</t>
  </si>
  <si>
    <t>cg04028315</t>
  </si>
  <si>
    <t>cg04034967</t>
  </si>
  <si>
    <t>cg04038678</t>
  </si>
  <si>
    <t>cg04078658</t>
  </si>
  <si>
    <t>cg04079248</t>
  </si>
  <si>
    <t>cg04080282</t>
  </si>
  <si>
    <t>cg04080994</t>
  </si>
  <si>
    <t>cg04084883</t>
  </si>
  <si>
    <t>cg04085025</t>
  </si>
  <si>
    <t>cg04086097</t>
  </si>
  <si>
    <t>cg04086442</t>
  </si>
  <si>
    <t>cg04096735</t>
  </si>
  <si>
    <t>cg04102894</t>
  </si>
  <si>
    <t>cg04111071</t>
  </si>
  <si>
    <t>cg04126760</t>
  </si>
  <si>
    <t>cg04127606</t>
  </si>
  <si>
    <t>cg04127867</t>
  </si>
  <si>
    <t>cg04132809</t>
  </si>
  <si>
    <t>cg04141610</t>
  </si>
  <si>
    <t>cg04153784</t>
  </si>
  <si>
    <t>cg04156293</t>
  </si>
  <si>
    <t>cg04160501</t>
  </si>
  <si>
    <t>cg04163540</t>
  </si>
  <si>
    <t>cg04167844</t>
  </si>
  <si>
    <t>cg04191989</t>
  </si>
  <si>
    <t>cg04195340</t>
  </si>
  <si>
    <t>cg04198125</t>
  </si>
  <si>
    <t>cg04205943</t>
  </si>
  <si>
    <t>cg04207045</t>
  </si>
  <si>
    <t>cg04207084</t>
  </si>
  <si>
    <t>cg04212285</t>
  </si>
  <si>
    <t>cg04213338</t>
  </si>
  <si>
    <t>cg04215179</t>
  </si>
  <si>
    <t>cg04217778</t>
  </si>
  <si>
    <t>cg04217952</t>
  </si>
  <si>
    <t>cg04249525</t>
  </si>
  <si>
    <t>cg04253037</t>
  </si>
  <si>
    <t>cg04257877</t>
  </si>
  <si>
    <t>cg04258219</t>
  </si>
  <si>
    <t>cg04271782</t>
  </si>
  <si>
    <t>cg04290133</t>
  </si>
  <si>
    <t>cg04298511</t>
  </si>
  <si>
    <t>cg04307270</t>
  </si>
  <si>
    <t>cg04307457</t>
  </si>
  <si>
    <t>cg04310316</t>
  </si>
  <si>
    <t>cg04320354</t>
  </si>
  <si>
    <t>cg04320405</t>
  </si>
  <si>
    <t>cg04321566</t>
  </si>
  <si>
    <t>cg04324995</t>
  </si>
  <si>
    <t>cg04326741</t>
  </si>
  <si>
    <t>cg04344923</t>
  </si>
  <si>
    <t>cg04346666</t>
  </si>
  <si>
    <t>cg04346806</t>
  </si>
  <si>
    <t>cg04350646</t>
  </si>
  <si>
    <t>cg04358131</t>
  </si>
  <si>
    <t>cg04380800</t>
  </si>
  <si>
    <t>cg04391064</t>
  </si>
  <si>
    <t>cg04400944</t>
  </si>
  <si>
    <t>cg04402966</t>
  </si>
  <si>
    <t>cg04408923</t>
  </si>
  <si>
    <t>cg04417556</t>
  </si>
  <si>
    <t>cg04425632</t>
  </si>
  <si>
    <t>cg04427512</t>
  </si>
  <si>
    <t>cg04428700</t>
  </si>
  <si>
    <t>cg04430780</t>
  </si>
  <si>
    <t>cg04431119</t>
  </si>
  <si>
    <t>cg04432660</t>
  </si>
  <si>
    <t>cg04433990</t>
  </si>
  <si>
    <t>cg04434696</t>
  </si>
  <si>
    <t>cg04438814</t>
  </si>
  <si>
    <t>cg04447862</t>
  </si>
  <si>
    <t>cg04468334</t>
  </si>
  <si>
    <t>cg04493247</t>
  </si>
  <si>
    <t>cg04494750</t>
  </si>
  <si>
    <t>cg04497717</t>
  </si>
  <si>
    <t>cg04499151</t>
  </si>
  <si>
    <t>cg04499797</t>
  </si>
  <si>
    <t>cg04510807</t>
  </si>
  <si>
    <t>cg04526124</t>
  </si>
  <si>
    <t>cg04531694</t>
  </si>
  <si>
    <t>cg04536807</t>
  </si>
  <si>
    <t>cg04553410</t>
  </si>
  <si>
    <t>cg04557695</t>
  </si>
  <si>
    <t>cg04571941</t>
  </si>
  <si>
    <t>cg04590284</t>
  </si>
  <si>
    <t>cg04591132</t>
  </si>
  <si>
    <t>cg04596071</t>
  </si>
  <si>
    <t>cg04599026</t>
  </si>
  <si>
    <t>cg04606995</t>
  </si>
  <si>
    <t>cg04608317</t>
  </si>
  <si>
    <t>cg04609841</t>
  </si>
  <si>
    <t>cg04610628</t>
  </si>
  <si>
    <t>cg04610667</t>
  </si>
  <si>
    <t>cg04612073</t>
  </si>
  <si>
    <t>cg04618897</t>
  </si>
  <si>
    <t>cg04619859</t>
  </si>
  <si>
    <t>cg04622620</t>
  </si>
  <si>
    <t>cg04625871</t>
  </si>
  <si>
    <t>cg04633141</t>
  </si>
  <si>
    <t>cg04635735</t>
  </si>
  <si>
    <t>cg04646809</t>
  </si>
  <si>
    <t>cg04649489</t>
  </si>
  <si>
    <t>cg04652097</t>
  </si>
  <si>
    <t>cg04652621</t>
  </si>
  <si>
    <t>cg04652932</t>
  </si>
  <si>
    <t>cg04659689</t>
  </si>
  <si>
    <t>cg04668631</t>
  </si>
  <si>
    <t>cg04679031</t>
  </si>
  <si>
    <t>cg04682916</t>
  </si>
  <si>
    <t>cg04696780</t>
  </si>
  <si>
    <t>cg04707863</t>
  </si>
  <si>
    <t>cg04710402</t>
  </si>
  <si>
    <t>cg04714877</t>
  </si>
  <si>
    <t>cg04725777</t>
  </si>
  <si>
    <t>cg04727332</t>
  </si>
  <si>
    <t>cg04728429</t>
  </si>
  <si>
    <t>cg04729004</t>
  </si>
  <si>
    <t>cg04739306</t>
  </si>
  <si>
    <t>cg04761077</t>
  </si>
  <si>
    <t>cg04769218</t>
  </si>
  <si>
    <t>cg04770504</t>
  </si>
  <si>
    <t>cg04775059</t>
  </si>
  <si>
    <t>cg04792352</t>
  </si>
  <si>
    <t>cg04794120</t>
  </si>
  <si>
    <t>cg04803128</t>
  </si>
  <si>
    <t>cg04804717</t>
  </si>
  <si>
    <t>cg04816311</t>
  </si>
  <si>
    <t>cg04819167</t>
  </si>
  <si>
    <t>cg04823311</t>
  </si>
  <si>
    <t>cg04828133</t>
  </si>
  <si>
    <t>cg04828509</t>
  </si>
  <si>
    <t>cg04832767</t>
  </si>
  <si>
    <t>cg04839131</t>
  </si>
  <si>
    <t>cg04842426</t>
  </si>
  <si>
    <t>cg04858082</t>
  </si>
  <si>
    <t>cg04861380</t>
  </si>
  <si>
    <t>cg04863452</t>
  </si>
  <si>
    <t>cg04866162</t>
  </si>
  <si>
    <t>cg04878366</t>
  </si>
  <si>
    <t>cg04884579</t>
  </si>
  <si>
    <t>cg04892724</t>
  </si>
  <si>
    <t>cg04895288</t>
  </si>
  <si>
    <t>cg04898026</t>
  </si>
  <si>
    <t>cg04904331</t>
  </si>
  <si>
    <t>cg04904385</t>
  </si>
  <si>
    <t>cg04923394</t>
  </si>
  <si>
    <t>cg04925511</t>
  </si>
  <si>
    <t>cg04945248</t>
  </si>
  <si>
    <t>cg04953579</t>
  </si>
  <si>
    <t>cg04958124</t>
  </si>
  <si>
    <t>cg04961235</t>
  </si>
  <si>
    <t>cg04976780</t>
  </si>
  <si>
    <t>cg04995722</t>
  </si>
  <si>
    <t>cg04996097</t>
  </si>
  <si>
    <t>cg04996195</t>
  </si>
  <si>
    <t>cg05001908</t>
  </si>
  <si>
    <t>cg05003398</t>
  </si>
  <si>
    <t>cg05008927</t>
  </si>
  <si>
    <t>cg05009619</t>
  </si>
  <si>
    <t>cg05009684</t>
  </si>
  <si>
    <t>cg05017199</t>
  </si>
  <si>
    <t>cg05031187</t>
  </si>
  <si>
    <t>cg05031195</t>
  </si>
  <si>
    <t>cg05032135</t>
  </si>
  <si>
    <t>cg05032788</t>
  </si>
  <si>
    <t>cg05037609</t>
  </si>
  <si>
    <t>cg05043909</t>
  </si>
  <si>
    <t>cg05043952</t>
  </si>
  <si>
    <t>cg05045969</t>
  </si>
  <si>
    <t>cg05055652</t>
  </si>
  <si>
    <t>cg05058103</t>
  </si>
  <si>
    <t>cg05060949</t>
  </si>
  <si>
    <t>cg05062510</t>
  </si>
  <si>
    <t>cg05064645</t>
  </si>
  <si>
    <t>cg05065466</t>
  </si>
  <si>
    <t>cg05065989</t>
  </si>
  <si>
    <t>cg05066722</t>
  </si>
  <si>
    <t>cg05071212</t>
  </si>
  <si>
    <t>cg05073880</t>
  </si>
  <si>
    <t>cg05076971</t>
  </si>
  <si>
    <t>cg05089059</t>
  </si>
  <si>
    <t>cg05096321</t>
  </si>
  <si>
    <t>cg05098230</t>
  </si>
  <si>
    <t>cg05099121</t>
  </si>
  <si>
    <t>cg05101809</t>
  </si>
  <si>
    <t>cg05102190</t>
  </si>
  <si>
    <t>cg05124021</t>
  </si>
  <si>
    <t>cg05128566</t>
  </si>
  <si>
    <t>cg05151803</t>
  </si>
  <si>
    <t>cg05153861</t>
  </si>
  <si>
    <t>cg05157140</t>
  </si>
  <si>
    <t>cg05157299</t>
  </si>
  <si>
    <t>cg05166028</t>
  </si>
  <si>
    <t>cg05166819</t>
  </si>
  <si>
    <t>cg05168378</t>
  </si>
  <si>
    <t>cg05175020</t>
  </si>
  <si>
    <t>cg05184016</t>
  </si>
  <si>
    <t>cg05191928</t>
  </si>
  <si>
    <t>cg05210910</t>
  </si>
  <si>
    <t>cg05223392</t>
  </si>
  <si>
    <t>cg05223720</t>
  </si>
  <si>
    <t>cg05232802</t>
  </si>
  <si>
    <t>cg05233311</t>
  </si>
  <si>
    <t>cg05234135</t>
  </si>
  <si>
    <t>cg05250768</t>
  </si>
  <si>
    <t>cg05250953</t>
  </si>
  <si>
    <t>cg05263479</t>
  </si>
  <si>
    <t>cg05264145</t>
  </si>
  <si>
    <t>cg05269678</t>
  </si>
  <si>
    <t>cg05277095</t>
  </si>
  <si>
    <t>cg05277165</t>
  </si>
  <si>
    <t>cg05279413</t>
  </si>
  <si>
    <t>cg05281418</t>
  </si>
  <si>
    <t>cg05285902</t>
  </si>
  <si>
    <t>cg05293994</t>
  </si>
  <si>
    <t>cg05302531</t>
  </si>
  <si>
    <t>cg05305155</t>
  </si>
  <si>
    <t>cg05306024</t>
  </si>
  <si>
    <t>cg05306546</t>
  </si>
  <si>
    <t>cg05310260</t>
  </si>
  <si>
    <t>cg05311388</t>
  </si>
  <si>
    <t>cg05312305</t>
  </si>
  <si>
    <t>cg05313743</t>
  </si>
  <si>
    <t>cg05325633</t>
  </si>
  <si>
    <t>cg05336198</t>
  </si>
  <si>
    <t>cg05339390</t>
  </si>
  <si>
    <t>cg05347872</t>
  </si>
  <si>
    <t>cg05358749</t>
  </si>
  <si>
    <t>cg05363335</t>
  </si>
  <si>
    <t>cg05364750</t>
  </si>
  <si>
    <t>cg05367028</t>
  </si>
  <si>
    <t>cg05369274</t>
  </si>
  <si>
    <t>cg05369791</t>
  </si>
  <si>
    <t>cg05371552</t>
  </si>
  <si>
    <t>cg05372578</t>
  </si>
  <si>
    <t>cg05375487</t>
  </si>
  <si>
    <t>cg05397886</t>
  </si>
  <si>
    <t>cg05400618</t>
  </si>
  <si>
    <t>cg05401447</t>
  </si>
  <si>
    <t>cg05407003</t>
  </si>
  <si>
    <t>cg05412664</t>
  </si>
  <si>
    <t>cg05425699</t>
  </si>
  <si>
    <t>cg05429359</t>
  </si>
  <si>
    <t>cg05447579</t>
  </si>
  <si>
    <t>cg05460950</t>
  </si>
  <si>
    <t>cg05470554</t>
  </si>
  <si>
    <t>cg05470643</t>
  </si>
  <si>
    <t>cg05480046</t>
  </si>
  <si>
    <t>cg05487769</t>
  </si>
  <si>
    <t>cg05490269</t>
  </si>
  <si>
    <t>cg05490875</t>
  </si>
  <si>
    <t>cg05494014</t>
  </si>
  <si>
    <t>cg05494152</t>
  </si>
  <si>
    <t>cg05506029</t>
  </si>
  <si>
    <t>cg05508245</t>
  </si>
  <si>
    <t>cg05526376</t>
  </si>
  <si>
    <t>cg05529686</t>
  </si>
  <si>
    <t>cg05549419</t>
  </si>
  <si>
    <t>cg05550901</t>
  </si>
  <si>
    <t>cg05551825</t>
  </si>
  <si>
    <t>cg05551889</t>
  </si>
  <si>
    <t>cg05556276</t>
  </si>
  <si>
    <t>cg05556923</t>
  </si>
  <si>
    <t>cg05561993</t>
  </si>
  <si>
    <t>cg05568311</t>
  </si>
  <si>
    <t>cg05576245</t>
  </si>
  <si>
    <t>cg05577902</t>
  </si>
  <si>
    <t>cg05581460</t>
  </si>
  <si>
    <t>cg05590025</t>
  </si>
  <si>
    <t>cg05605135</t>
  </si>
  <si>
    <t>cg05608588</t>
  </si>
  <si>
    <t>cg05609414</t>
  </si>
  <si>
    <t>cg05610699</t>
  </si>
  <si>
    <t>cg05615019</t>
  </si>
  <si>
    <t>cg05618401</t>
  </si>
  <si>
    <t>cg05620980</t>
  </si>
  <si>
    <t>cg05629378</t>
  </si>
  <si>
    <t>cg05640558</t>
  </si>
  <si>
    <t>cg05652668</t>
  </si>
  <si>
    <t>cg05666820</t>
  </si>
  <si>
    <t>cg05669157</t>
  </si>
  <si>
    <t>cg05669210</t>
  </si>
  <si>
    <t>cg05674052</t>
  </si>
  <si>
    <t>cg05706582</t>
  </si>
  <si>
    <t>cg05707386</t>
  </si>
  <si>
    <t>cg05710561</t>
  </si>
  <si>
    <t>cg05711251</t>
  </si>
  <si>
    <t>cg05715492</t>
  </si>
  <si>
    <t>cg05716269</t>
  </si>
  <si>
    <t>cg05726600</t>
  </si>
  <si>
    <t>cg05731021</t>
  </si>
  <si>
    <t>cg05732750</t>
  </si>
  <si>
    <t>cg05743885</t>
  </si>
  <si>
    <t>cg05748691</t>
  </si>
  <si>
    <t>cg05749717</t>
  </si>
  <si>
    <t>cg05753675</t>
  </si>
  <si>
    <t>cg05758978</t>
  </si>
  <si>
    <t>cg05764847</t>
  </si>
  <si>
    <t>cg05777672</t>
  </si>
  <si>
    <t>cg05781417</t>
  </si>
  <si>
    <t>cg05785945</t>
  </si>
  <si>
    <t>cg05786630</t>
  </si>
  <si>
    <t>cg05797929</t>
  </si>
  <si>
    <t>cg05800928</t>
  </si>
  <si>
    <t>cg05801627</t>
  </si>
  <si>
    <t>cg05809668</t>
  </si>
  <si>
    <t>cg05818532</t>
  </si>
  <si>
    <t>cg05819130</t>
  </si>
  <si>
    <t>cg05822532</t>
  </si>
  <si>
    <t>cg05827943</t>
  </si>
  <si>
    <t>cg05829046</t>
  </si>
  <si>
    <t>cg05837491</t>
  </si>
  <si>
    <t>cg05841659</t>
  </si>
  <si>
    <t>cg05844713</t>
  </si>
  <si>
    <t>cg05848863</t>
  </si>
  <si>
    <t>cg05851442</t>
  </si>
  <si>
    <t>cg05852040</t>
  </si>
  <si>
    <t>cg05852760</t>
  </si>
  <si>
    <t>cg05862114</t>
  </si>
  <si>
    <t>cg05865860</t>
  </si>
  <si>
    <t>cg05867499</t>
  </si>
  <si>
    <t>cg05868448</t>
  </si>
  <si>
    <t>cg05876635</t>
  </si>
  <si>
    <t>cg05876738</t>
  </si>
  <si>
    <t>cg05884394</t>
  </si>
  <si>
    <t>cg05887787</t>
  </si>
  <si>
    <t>cg05890154</t>
  </si>
  <si>
    <t>cg05897255</t>
  </si>
  <si>
    <t>cg05904041</t>
  </si>
  <si>
    <t>cg05919161</t>
  </si>
  <si>
    <t>cg05920602</t>
  </si>
  <si>
    <t>cg05920870</t>
  </si>
  <si>
    <t>cg05921905</t>
  </si>
  <si>
    <t>cg05922723</t>
  </si>
  <si>
    <t>cg05927438</t>
  </si>
  <si>
    <t>cg05928369</t>
  </si>
  <si>
    <t>cg05928975</t>
  </si>
  <si>
    <t>cg05946335</t>
  </si>
  <si>
    <t>cg05948305</t>
  </si>
  <si>
    <t>cg05951860</t>
  </si>
  <si>
    <t>cg05952755</t>
  </si>
  <si>
    <t>cg05952909</t>
  </si>
  <si>
    <t>cg05952925</t>
  </si>
  <si>
    <t>cg05964622</t>
  </si>
  <si>
    <t>cg05967120</t>
  </si>
  <si>
    <t>cg05967295</t>
  </si>
  <si>
    <t>cg05972033</t>
  </si>
  <si>
    <t>cg05973872</t>
  </si>
  <si>
    <t>cg05977669</t>
  </si>
  <si>
    <t>cg05984317</t>
  </si>
  <si>
    <t>cg05986417</t>
  </si>
  <si>
    <t>cg05989381</t>
  </si>
  <si>
    <t>cg05989740</t>
  </si>
  <si>
    <t>cg05998486</t>
  </si>
  <si>
    <t>cg05999287</t>
  </si>
  <si>
    <t>cg06003197</t>
  </si>
  <si>
    <t>cg06010390</t>
  </si>
  <si>
    <t>cg06032855</t>
  </si>
  <si>
    <t>cg06043142</t>
  </si>
  <si>
    <t>cg06075477</t>
  </si>
  <si>
    <t>cg06080224</t>
  </si>
  <si>
    <t>cg06080252</t>
  </si>
  <si>
    <t>cg06088639</t>
  </si>
  <si>
    <t>cg06096916</t>
  </si>
  <si>
    <t>cg06098368</t>
  </si>
  <si>
    <t>cg06100147</t>
  </si>
  <si>
    <t>cg06104667</t>
  </si>
  <si>
    <t>cg06105987</t>
  </si>
  <si>
    <t>cg06106312</t>
  </si>
  <si>
    <t>cg06110297</t>
  </si>
  <si>
    <t>cg06112082</t>
  </si>
  <si>
    <t>cg06123544</t>
  </si>
  <si>
    <t>cg06123807</t>
  </si>
  <si>
    <t>cg06137086</t>
  </si>
  <si>
    <t>cg06138156</t>
  </si>
  <si>
    <t>cg06139908</t>
  </si>
  <si>
    <t>cg06147752</t>
  </si>
  <si>
    <t>cg06150897</t>
  </si>
  <si>
    <t>cg06155229</t>
  </si>
  <si>
    <t>cg06159087</t>
  </si>
  <si>
    <t>cg06159603</t>
  </si>
  <si>
    <t>cg06160397</t>
  </si>
  <si>
    <t>cg06163738</t>
  </si>
  <si>
    <t>cg06165179</t>
  </si>
  <si>
    <t>cg06173663</t>
  </si>
  <si>
    <t>cg06176929</t>
  </si>
  <si>
    <t>cg06186727</t>
  </si>
  <si>
    <t>cg06190346</t>
  </si>
  <si>
    <t>cg06195987</t>
  </si>
  <si>
    <t>cg06198351</t>
  </si>
  <si>
    <t>cg06201680</t>
  </si>
  <si>
    <t>cg06206902</t>
  </si>
  <si>
    <t>cg06214938</t>
  </si>
  <si>
    <t>cg06218066</t>
  </si>
  <si>
    <t>cg06218338</t>
  </si>
  <si>
    <t>cg06219267</t>
  </si>
  <si>
    <t>cg06221861</t>
  </si>
  <si>
    <t>cg06226283</t>
  </si>
  <si>
    <t>cg06231385</t>
  </si>
  <si>
    <t>cg06239616</t>
  </si>
  <si>
    <t>cg06240896</t>
  </si>
  <si>
    <t>cg06242102</t>
  </si>
  <si>
    <t>cg06244512</t>
  </si>
  <si>
    <t>cg06254964</t>
  </si>
  <si>
    <t>cg06258179</t>
  </si>
  <si>
    <t>cg06263672</t>
  </si>
  <si>
    <t>cg06270661</t>
  </si>
  <si>
    <t>cg06273413</t>
  </si>
  <si>
    <t>cg06285766</t>
  </si>
  <si>
    <t>cg06286135</t>
  </si>
  <si>
    <t>cg06294376</t>
  </si>
  <si>
    <t>cg06299997</t>
  </si>
  <si>
    <t>cg06310816</t>
  </si>
  <si>
    <t>cg06314333</t>
  </si>
  <si>
    <t>cg06315569</t>
  </si>
  <si>
    <t>cg06322601</t>
  </si>
  <si>
    <t>cg06331595</t>
  </si>
  <si>
    <t>cg06335867</t>
  </si>
  <si>
    <t>cg06336086</t>
  </si>
  <si>
    <t>cg06338562</t>
  </si>
  <si>
    <t>cg06350432</t>
  </si>
  <si>
    <t>cg06367154</t>
  </si>
  <si>
    <t>cg06368429</t>
  </si>
  <si>
    <t>cg06369532</t>
  </si>
  <si>
    <t>cg06372887</t>
  </si>
  <si>
    <t>cg06384642</t>
  </si>
  <si>
    <t>cg06386408</t>
  </si>
  <si>
    <t>cg06386517</t>
  </si>
  <si>
    <t>cg06386880</t>
  </si>
  <si>
    <t>cg06394478</t>
  </si>
  <si>
    <t>cg06394887</t>
  </si>
  <si>
    <t>cg06412937</t>
  </si>
  <si>
    <t>cg06413196</t>
  </si>
  <si>
    <t>cg06415087</t>
  </si>
  <si>
    <t>cg06422678</t>
  </si>
  <si>
    <t>cg06423425</t>
  </si>
  <si>
    <t>cg06423617</t>
  </si>
  <si>
    <t>cg06436185</t>
  </si>
  <si>
    <t>cg06457824</t>
  </si>
  <si>
    <t>cg06458469</t>
  </si>
  <si>
    <t>cg06463759</t>
  </si>
  <si>
    <t>cg06471596</t>
  </si>
  <si>
    <t>cg06474646</t>
  </si>
  <si>
    <t>cg06481699</t>
  </si>
  <si>
    <t>cg06485995</t>
  </si>
  <si>
    <t>cg06488747</t>
  </si>
  <si>
    <t>cg06491456</t>
  </si>
  <si>
    <t>cg06493334</t>
  </si>
  <si>
    <t>cg06493554</t>
  </si>
  <si>
    <t>cg06505107</t>
  </si>
  <si>
    <t>cg06507579</t>
  </si>
  <si>
    <t>cg06519449</t>
  </si>
  <si>
    <t>cg06528267</t>
  </si>
  <si>
    <t>cg06548193</t>
  </si>
  <si>
    <t>cg06550177</t>
  </si>
  <si>
    <t>cg06550951</t>
  </si>
  <si>
    <t>cg06551493</t>
  </si>
  <si>
    <t>cg06554200</t>
  </si>
  <si>
    <t>cg06557057</t>
  </si>
  <si>
    <t>cg06567355</t>
  </si>
  <si>
    <t>cg06567596</t>
  </si>
  <si>
    <t>cg06570167</t>
  </si>
  <si>
    <t>cg06571993</t>
  </si>
  <si>
    <t>cg06576119</t>
  </si>
  <si>
    <t>cg06577930</t>
  </si>
  <si>
    <t>cg06584637</t>
  </si>
  <si>
    <t>cg06589239</t>
  </si>
  <si>
    <t>cg06593906</t>
  </si>
  <si>
    <t>cg06595212</t>
  </si>
  <si>
    <t>cg06596689</t>
  </si>
  <si>
    <t>cg06602498</t>
  </si>
  <si>
    <t>cg06606773</t>
  </si>
  <si>
    <t>cg06615659</t>
  </si>
  <si>
    <t>cg06616976</t>
  </si>
  <si>
    <t>cg06618764</t>
  </si>
  <si>
    <t>cg06622553</t>
  </si>
  <si>
    <t>cg06633484</t>
  </si>
  <si>
    <t>cg06636427</t>
  </si>
  <si>
    <t>cg06639246</t>
  </si>
  <si>
    <t>cg06640728</t>
  </si>
  <si>
    <t>cg06642093</t>
  </si>
  <si>
    <t>cg06649856</t>
  </si>
  <si>
    <t>cg06650216</t>
  </si>
  <si>
    <t>cg06655810</t>
  </si>
  <si>
    <t>cg06669226</t>
  </si>
  <si>
    <t>cg06677352</t>
  </si>
  <si>
    <t>cg06700935</t>
  </si>
  <si>
    <t>cg06717492</t>
  </si>
  <si>
    <t>cg06721096</t>
  </si>
  <si>
    <t>cg06725997</t>
  </si>
  <si>
    <t>cg06736785</t>
  </si>
  <si>
    <t>cg06739182</t>
  </si>
  <si>
    <t>cg06739774</t>
  </si>
  <si>
    <t>cg06751705</t>
  </si>
  <si>
    <t>cg06760423</t>
  </si>
  <si>
    <t>cg06779469</t>
  </si>
  <si>
    <t>cg06779604</t>
  </si>
  <si>
    <t>cg06781788</t>
  </si>
  <si>
    <t>cg06783429</t>
  </si>
  <si>
    <t>cg06783955</t>
  </si>
  <si>
    <t>cg06786000</t>
  </si>
  <si>
    <t>cg06795768</t>
  </si>
  <si>
    <t>cg06796482</t>
  </si>
  <si>
    <t>cg06807960</t>
  </si>
  <si>
    <t>cg06808430</t>
  </si>
  <si>
    <t>cg06819492</t>
  </si>
  <si>
    <t>cg06824382</t>
  </si>
  <si>
    <t>cg06828852</t>
  </si>
  <si>
    <t>cg06830415</t>
  </si>
  <si>
    <t>cg06830441</t>
  </si>
  <si>
    <t>cg06838869</t>
  </si>
  <si>
    <t>cg06847146</t>
  </si>
  <si>
    <t>cg06851224</t>
  </si>
  <si>
    <t>cg06864005</t>
  </si>
  <si>
    <t>cg06864047</t>
  </si>
  <si>
    <t>cg06864853</t>
  </si>
  <si>
    <t>cg06872588</t>
  </si>
  <si>
    <t>cg06875060</t>
  </si>
  <si>
    <t>cg06887471</t>
  </si>
  <si>
    <t>cg06889442</t>
  </si>
  <si>
    <t>cg06892332</t>
  </si>
  <si>
    <t>cg06893112</t>
  </si>
  <si>
    <t>cg06897306</t>
  </si>
  <si>
    <t>cg06898199</t>
  </si>
  <si>
    <t>cg06911630</t>
  </si>
  <si>
    <t>cg06913160</t>
  </si>
  <si>
    <t>cg06914050</t>
  </si>
  <si>
    <t>cg06915202</t>
  </si>
  <si>
    <t>cg06937717</t>
  </si>
  <si>
    <t>cg06947694</t>
  </si>
  <si>
    <t>cg06951352</t>
  </si>
  <si>
    <t>cg06953065</t>
  </si>
  <si>
    <t>cg06956613</t>
  </si>
  <si>
    <t>cg06969129</t>
  </si>
  <si>
    <t>cg06975979</t>
  </si>
  <si>
    <t>cg06981541</t>
  </si>
  <si>
    <t>cg06985755</t>
  </si>
  <si>
    <t>cg06988775</t>
  </si>
  <si>
    <t>cg07012231</t>
  </si>
  <si>
    <t>cg07017994</t>
  </si>
  <si>
    <t>cg07023327</t>
  </si>
  <si>
    <t>cg07028821</t>
  </si>
  <si>
    <t>cg07032256</t>
  </si>
  <si>
    <t>cg07041720</t>
  </si>
  <si>
    <t>cg07045469</t>
  </si>
  <si>
    <t>cg07063559</t>
  </si>
  <si>
    <t>cg07067171</t>
  </si>
  <si>
    <t>cg07070039</t>
  </si>
  <si>
    <t>cg07070542</t>
  </si>
  <si>
    <t>cg07075347</t>
  </si>
  <si>
    <t>cg07075840</t>
  </si>
  <si>
    <t>cg07076816</t>
  </si>
  <si>
    <t>cg07081267</t>
  </si>
  <si>
    <t>cg07081352</t>
  </si>
  <si>
    <t>cg07089161</t>
  </si>
  <si>
    <t>cg07094915</t>
  </si>
  <si>
    <t>cg07095530</t>
  </si>
  <si>
    <t>cg07097673</t>
  </si>
  <si>
    <t>cg07104748</t>
  </si>
  <si>
    <t>cg07105958</t>
  </si>
  <si>
    <t>cg07121182</t>
  </si>
  <si>
    <t>cg07131210</t>
  </si>
  <si>
    <t>cg07134031</t>
  </si>
  <si>
    <t>cg07134102</t>
  </si>
  <si>
    <t>cg07135626</t>
  </si>
  <si>
    <t>cg07135629</t>
  </si>
  <si>
    <t>cg07137043</t>
  </si>
  <si>
    <t>cg07143083</t>
  </si>
  <si>
    <t>cg07146974</t>
  </si>
  <si>
    <t>cg07154921</t>
  </si>
  <si>
    <t>cg07157602</t>
  </si>
  <si>
    <t>cg07166333</t>
  </si>
  <si>
    <t>cg07167778</t>
  </si>
  <si>
    <t>cg07178143</t>
  </si>
  <si>
    <t>cg07184237</t>
  </si>
  <si>
    <t>cg07194832</t>
  </si>
  <si>
    <t>cg07208703</t>
  </si>
  <si>
    <t>cg07211472</t>
  </si>
  <si>
    <t>cg07223253</t>
  </si>
  <si>
    <t>cg07224147</t>
  </si>
  <si>
    <t>cg07227728</t>
  </si>
  <si>
    <t>cg07228869</t>
  </si>
  <si>
    <t>cg07229076</t>
  </si>
  <si>
    <t>cg07241084</t>
  </si>
  <si>
    <t>cg07244362</t>
  </si>
  <si>
    <t>cg07258916</t>
  </si>
  <si>
    <t>cg07277447</t>
  </si>
  <si>
    <t>cg07278332</t>
  </si>
  <si>
    <t>cg07278425</t>
  </si>
  <si>
    <t>cg07287682</t>
  </si>
  <si>
    <t>cg07291445</t>
  </si>
  <si>
    <t>cg07293445</t>
  </si>
  <si>
    <t>cg07293520</t>
  </si>
  <si>
    <t>cg07294406</t>
  </si>
  <si>
    <t>cg07297397</t>
  </si>
  <si>
    <t>cg07300192</t>
  </si>
  <si>
    <t>cg07302069</t>
  </si>
  <si>
    <t>cg07315426</t>
  </si>
  <si>
    <t>cg07340580</t>
  </si>
  <si>
    <t>cg07345708</t>
  </si>
  <si>
    <t>cg07348339</t>
  </si>
  <si>
    <t>cg07351675</t>
  </si>
  <si>
    <t>cg07372602</t>
  </si>
  <si>
    <t>cg07377876</t>
  </si>
  <si>
    <t>cg07378472</t>
  </si>
  <si>
    <t>cg07392897</t>
  </si>
  <si>
    <t>cg07393419</t>
  </si>
  <si>
    <t>cg07399816</t>
  </si>
  <si>
    <t>cg07413609</t>
  </si>
  <si>
    <t>cg07416383</t>
  </si>
  <si>
    <t>cg07424155</t>
  </si>
  <si>
    <t>cg07434447</t>
  </si>
  <si>
    <t>cg07448060</t>
  </si>
  <si>
    <t>cg07452164</t>
  </si>
  <si>
    <t>cg07459478</t>
  </si>
  <si>
    <t>cg07459650</t>
  </si>
  <si>
    <t>cg07462540</t>
  </si>
  <si>
    <t>cg07462932</t>
  </si>
  <si>
    <t>cg07476339</t>
  </si>
  <si>
    <t>cg07476653</t>
  </si>
  <si>
    <t>cg07477109</t>
  </si>
  <si>
    <t>cg07482935</t>
  </si>
  <si>
    <t>cg07484673</t>
  </si>
  <si>
    <t>cg07491203</t>
  </si>
  <si>
    <t>cg07493435</t>
  </si>
  <si>
    <t>cg07503211</t>
  </si>
  <si>
    <t>cg07504079</t>
  </si>
  <si>
    <t>cg07506698</t>
  </si>
  <si>
    <t>cg07507680</t>
  </si>
  <si>
    <t>cg07508942</t>
  </si>
  <si>
    <t>cg07511564</t>
  </si>
  <si>
    <t>cg07513662</t>
  </si>
  <si>
    <t>cg07522440</t>
  </si>
  <si>
    <t>cg07522913</t>
  </si>
  <si>
    <t>cg07525471</t>
  </si>
  <si>
    <t>cg07542748</t>
  </si>
  <si>
    <t>cg07545535</t>
  </si>
  <si>
    <t>cg07547336</t>
  </si>
  <si>
    <t>cg07547730</t>
  </si>
  <si>
    <t>cg07550313</t>
  </si>
  <si>
    <t>cg07558894</t>
  </si>
  <si>
    <t>cg07560446</t>
  </si>
  <si>
    <t>cg07569018</t>
  </si>
  <si>
    <t>cg07571734</t>
  </si>
  <si>
    <t>cg07589773</t>
  </si>
  <si>
    <t>cg07591089</t>
  </si>
  <si>
    <t>cg07593405</t>
  </si>
  <si>
    <t>cg07607077</t>
  </si>
  <si>
    <t>cg07608671</t>
  </si>
  <si>
    <t>cg07614064</t>
  </si>
  <si>
    <t>cg07615067</t>
  </si>
  <si>
    <t>cg07617120</t>
  </si>
  <si>
    <t>cg07618048</t>
  </si>
  <si>
    <t>cg07627464</t>
  </si>
  <si>
    <t>cg07627726</t>
  </si>
  <si>
    <t>cg07628404</t>
  </si>
  <si>
    <t>cg07638282</t>
  </si>
  <si>
    <t>cg07639783</t>
  </si>
  <si>
    <t>cg07651242</t>
  </si>
  <si>
    <t>cg07674753</t>
  </si>
  <si>
    <t>cg07677396</t>
  </si>
  <si>
    <t>cg07681084</t>
  </si>
  <si>
    <t>cg07681419</t>
  </si>
  <si>
    <t>cg07687567</t>
  </si>
  <si>
    <t>cg07687766</t>
  </si>
  <si>
    <t>cg07687814</t>
  </si>
  <si>
    <t>cg07691705</t>
  </si>
  <si>
    <t>cg07697275</t>
  </si>
  <si>
    <t>cg07697895</t>
  </si>
  <si>
    <t>cg07698638</t>
  </si>
  <si>
    <t>cg07702750</t>
  </si>
  <si>
    <t>cg07703976</t>
  </si>
  <si>
    <t>cg07706515</t>
  </si>
  <si>
    <t>cg07722840</t>
  </si>
  <si>
    <t>cg07734513</t>
  </si>
  <si>
    <t>cg07735777</t>
  </si>
  <si>
    <t>cg07738938</t>
  </si>
  <si>
    <t>cg07745102</t>
  </si>
  <si>
    <t>cg07748583</t>
  </si>
  <si>
    <t>cg07751270</t>
  </si>
  <si>
    <t>cg07777352</t>
  </si>
  <si>
    <t>cg07788167</t>
  </si>
  <si>
    <t>cg07788369</t>
  </si>
  <si>
    <t>cg07790939</t>
  </si>
  <si>
    <t>cg07793849</t>
  </si>
  <si>
    <t>cg07794522</t>
  </si>
  <si>
    <t>cg07803375</t>
  </si>
  <si>
    <t>cg07805240</t>
  </si>
  <si>
    <t>cg07805999</t>
  </si>
  <si>
    <t>cg07811933</t>
  </si>
  <si>
    <t>cg07819926</t>
  </si>
  <si>
    <t>cg07821629</t>
  </si>
  <si>
    <t>cg07826431</t>
  </si>
  <si>
    <t>cg07838272</t>
  </si>
  <si>
    <t>cg07841762</t>
  </si>
  <si>
    <t>cg07849460</t>
  </si>
  <si>
    <t>cg07870293</t>
  </si>
  <si>
    <t>cg07870486</t>
  </si>
  <si>
    <t>cg07870999</t>
  </si>
  <si>
    <t>cg07871590</t>
  </si>
  <si>
    <t>cg07879540</t>
  </si>
  <si>
    <t>cg07898582</t>
  </si>
  <si>
    <t>cg07908679</t>
  </si>
  <si>
    <t>cg07917886</t>
  </si>
  <si>
    <t>cg07925282</t>
  </si>
  <si>
    <t>cg07926691</t>
  </si>
  <si>
    <t>cg07928105</t>
  </si>
  <si>
    <t>cg07955793</t>
  </si>
  <si>
    <t>cg07955995</t>
  </si>
  <si>
    <t>cg07960450</t>
  </si>
  <si>
    <t>cg07961444</t>
  </si>
  <si>
    <t>cg07963361</t>
  </si>
  <si>
    <t>cg07969984</t>
  </si>
  <si>
    <t>cg07970658</t>
  </si>
  <si>
    <t>cg07981080</t>
  </si>
  <si>
    <t>cg07993468</t>
  </si>
  <si>
    <t>cg07996452</t>
  </si>
  <si>
    <t>cg07996577</t>
  </si>
  <si>
    <t>cg07998558</t>
  </si>
  <si>
    <t>cg08011146</t>
  </si>
  <si>
    <t>cg08015590</t>
  </si>
  <si>
    <t>cg08016802</t>
  </si>
  <si>
    <t>cg08021273</t>
  </si>
  <si>
    <t>cg08021734</t>
  </si>
  <si>
    <t>cg08023476</t>
  </si>
  <si>
    <t>cg08039116</t>
  </si>
  <si>
    <t>cg08039707</t>
  </si>
  <si>
    <t>cg08041408</t>
  </si>
  <si>
    <t>cg08042316</t>
  </si>
  <si>
    <t>cg08045766</t>
  </si>
  <si>
    <t>cg08052302</t>
  </si>
  <si>
    <t>cg08073934</t>
  </si>
  <si>
    <t>cg08074427</t>
  </si>
  <si>
    <t>cg08081346</t>
  </si>
  <si>
    <t>cg08085609</t>
  </si>
  <si>
    <t>cg08091621</t>
  </si>
  <si>
    <t>cg08100535</t>
  </si>
  <si>
    <t>cg08101303</t>
  </si>
  <si>
    <t>cg08105951</t>
  </si>
  <si>
    <t>cg08107767</t>
  </si>
  <si>
    <t>cg08109855</t>
  </si>
  <si>
    <t>cg08119647</t>
  </si>
  <si>
    <t>cg08127460</t>
  </si>
  <si>
    <t>cg08132980</t>
  </si>
  <si>
    <t>cg08133327</t>
  </si>
  <si>
    <t>cg08134068</t>
  </si>
  <si>
    <t>cg08134618</t>
  </si>
  <si>
    <t>cg08142884</t>
  </si>
  <si>
    <t>cg08152481</t>
  </si>
  <si>
    <t>cg08159831</t>
  </si>
  <si>
    <t>cg08160526</t>
  </si>
  <si>
    <t>cg08164617</t>
  </si>
  <si>
    <t>cg08167951</t>
  </si>
  <si>
    <t>cg08172445</t>
  </si>
  <si>
    <t>cg08176258</t>
  </si>
  <si>
    <t>cg08192683</t>
  </si>
  <si>
    <t>cg08212713</t>
  </si>
  <si>
    <t>cg08215532</t>
  </si>
  <si>
    <t>cg08234689</t>
  </si>
  <si>
    <t>cg08234897</t>
  </si>
  <si>
    <t>cg08246366</t>
  </si>
  <si>
    <t>cg08248516</t>
  </si>
  <si>
    <t>cg08253188</t>
  </si>
  <si>
    <t>cg08253463</t>
  </si>
  <si>
    <t>cg08262464</t>
  </si>
  <si>
    <t>cg08264122</t>
  </si>
  <si>
    <t>cg08281469</t>
  </si>
  <si>
    <t>cg08305371</t>
  </si>
  <si>
    <t>cg08307369</t>
  </si>
  <si>
    <t>cg08309311</t>
  </si>
  <si>
    <t>cg08310360</t>
  </si>
  <si>
    <t>cg08315202</t>
  </si>
  <si>
    <t>cg08322978</t>
  </si>
  <si>
    <t>cg08325307</t>
  </si>
  <si>
    <t>cg08325813</t>
  </si>
  <si>
    <t>cg08368788</t>
  </si>
  <si>
    <t>cg08369258</t>
  </si>
  <si>
    <t>cg08370546</t>
  </si>
  <si>
    <t>cg08379029</t>
  </si>
  <si>
    <t>cg08387815</t>
  </si>
  <si>
    <t>cg08393086</t>
  </si>
  <si>
    <t>cg08396704</t>
  </si>
  <si>
    <t>cg08398005</t>
  </si>
  <si>
    <t>cg08398147</t>
  </si>
  <si>
    <t>cg08399858</t>
  </si>
  <si>
    <t>cg08401938</t>
  </si>
  <si>
    <t>cg08403994</t>
  </si>
  <si>
    <t>cg08416191</t>
  </si>
  <si>
    <t>cg08427928</t>
  </si>
  <si>
    <t>cg08429023</t>
  </si>
  <si>
    <t>cg08430489</t>
  </si>
  <si>
    <t>cg08434234</t>
  </si>
  <si>
    <t>cg08443635</t>
  </si>
  <si>
    <t>cg08450256</t>
  </si>
  <si>
    <t>cg08454687</t>
  </si>
  <si>
    <t>cg08455021</t>
  </si>
  <si>
    <t>cg08467400</t>
  </si>
  <si>
    <t>cg08475931</t>
  </si>
  <si>
    <t>cg08481578</t>
  </si>
  <si>
    <t>cg08482359</t>
  </si>
  <si>
    <t>cg08493879</t>
  </si>
  <si>
    <t>cg08499057</t>
  </si>
  <si>
    <t>cg08504806</t>
  </si>
  <si>
    <t>cg08507422</t>
  </si>
  <si>
    <t>cg08522707</t>
  </si>
  <si>
    <t>cg08527172</t>
  </si>
  <si>
    <t>cg08530030</t>
  </si>
  <si>
    <t>cg08532834</t>
  </si>
  <si>
    <t>cg08540945</t>
  </si>
  <si>
    <t>cg08540953</t>
  </si>
  <si>
    <t>cg08543278</t>
  </si>
  <si>
    <t>cg08543695</t>
  </si>
  <si>
    <t>cg08545531</t>
  </si>
  <si>
    <t>cg08548478</t>
  </si>
  <si>
    <t>cg08550615</t>
  </si>
  <si>
    <t>cg08551725</t>
  </si>
  <si>
    <t>cg08558397</t>
  </si>
  <si>
    <t>cg08560150</t>
  </si>
  <si>
    <t>cg08568561</t>
  </si>
  <si>
    <t>cg08572611</t>
  </si>
  <si>
    <t>cg08573435</t>
  </si>
  <si>
    <t>cg08575537</t>
  </si>
  <si>
    <t>cg08584377</t>
  </si>
  <si>
    <t>cg08599300</t>
  </si>
  <si>
    <t>cg08603083</t>
  </si>
  <si>
    <t>cg08604097</t>
  </si>
  <si>
    <t>cg08605301</t>
  </si>
  <si>
    <t>cg08606227</t>
  </si>
  <si>
    <t>cg08608193</t>
  </si>
  <si>
    <t>cg08610901</t>
  </si>
  <si>
    <t>cg08619533</t>
  </si>
  <si>
    <t>cg08619651</t>
  </si>
  <si>
    <t>cg08620789</t>
  </si>
  <si>
    <t>cg08622280</t>
  </si>
  <si>
    <t>cg08623948</t>
  </si>
  <si>
    <t>cg08624472</t>
  </si>
  <si>
    <t>cg08625416</t>
  </si>
  <si>
    <t>cg08630869</t>
  </si>
  <si>
    <t>cg08632164</t>
  </si>
  <si>
    <t>cg08635118</t>
  </si>
  <si>
    <t>cg08635249</t>
  </si>
  <si>
    <t>cg08641579</t>
  </si>
  <si>
    <t>cg08647641</t>
  </si>
  <si>
    <t>cg08649099</t>
  </si>
  <si>
    <t>cg08650910</t>
  </si>
  <si>
    <t>cg08652337</t>
  </si>
  <si>
    <t>cg08657851</t>
  </si>
  <si>
    <t>cg08684580</t>
  </si>
  <si>
    <t>cg08689931</t>
  </si>
  <si>
    <t>cg08692879</t>
  </si>
  <si>
    <t>cg08694295</t>
  </si>
  <si>
    <t>cg08697244</t>
  </si>
  <si>
    <t>cg08703595</t>
  </si>
  <si>
    <t>cg08703857</t>
  </si>
  <si>
    <t>cg08718398</t>
  </si>
  <si>
    <t>cg08725167</t>
  </si>
  <si>
    <t>cg08728167</t>
  </si>
  <si>
    <t>cg08737189</t>
  </si>
  <si>
    <t>cg08752303</t>
  </si>
  <si>
    <t>cg08757037</t>
  </si>
  <si>
    <t>cg08761693</t>
  </si>
  <si>
    <t>cg08766170</t>
  </si>
  <si>
    <t>cg08766915</t>
  </si>
  <si>
    <t>cg08767820</t>
  </si>
  <si>
    <t>cg08779067</t>
  </si>
  <si>
    <t>cg08786957</t>
  </si>
  <si>
    <t>cg08802482</t>
  </si>
  <si>
    <t>cg08814268</t>
  </si>
  <si>
    <t>cg08828819</t>
  </si>
  <si>
    <t>cg08829140</t>
  </si>
  <si>
    <t>cg08832603</t>
  </si>
  <si>
    <t>cg08832624</t>
  </si>
  <si>
    <t>cg08832709</t>
  </si>
  <si>
    <t>cg08832906</t>
  </si>
  <si>
    <t>cg08833546</t>
  </si>
  <si>
    <t>cg08837462</t>
  </si>
  <si>
    <t>cg08863848</t>
  </si>
  <si>
    <t>cg08883853</t>
  </si>
  <si>
    <t>cg08897188</t>
  </si>
  <si>
    <t>cg08898155</t>
  </si>
  <si>
    <t>cg08901752</t>
  </si>
  <si>
    <t>cg08905662</t>
  </si>
  <si>
    <t>cg08914378</t>
  </si>
  <si>
    <t>cg08928675</t>
  </si>
  <si>
    <t>cg08930672</t>
  </si>
  <si>
    <t>cg08931682</t>
  </si>
  <si>
    <t>cg08933161</t>
  </si>
  <si>
    <t>cg08959216</t>
  </si>
  <si>
    <t>cg08968947</t>
  </si>
  <si>
    <t>cg08971171</t>
  </si>
  <si>
    <t>cg08971981</t>
  </si>
  <si>
    <t>cg08974816</t>
  </si>
  <si>
    <t>cg08986016</t>
  </si>
  <si>
    <t>cg08991339</t>
  </si>
  <si>
    <t>cg08995368</t>
  </si>
  <si>
    <t>cg08997913</t>
  </si>
  <si>
    <t>cg09013789</t>
  </si>
  <si>
    <t>cg09017619</t>
  </si>
  <si>
    <t>cg09018861</t>
  </si>
  <si>
    <t>cg09019002</t>
  </si>
  <si>
    <t>cg09040942</t>
  </si>
  <si>
    <t>cg09041756</t>
  </si>
  <si>
    <t>cg09043294</t>
  </si>
  <si>
    <t>cg09066883</t>
  </si>
  <si>
    <t>cg09079168</t>
  </si>
  <si>
    <t>cg09080913</t>
  </si>
  <si>
    <t>cg09085201</t>
  </si>
  <si>
    <t>cg09118400</t>
  </si>
  <si>
    <t>cg09123307</t>
  </si>
  <si>
    <t>cg09125127</t>
  </si>
  <si>
    <t>cg09126559</t>
  </si>
  <si>
    <t>cg09134205</t>
  </si>
  <si>
    <t>cg09134794</t>
  </si>
  <si>
    <t>cg09138430</t>
  </si>
  <si>
    <t>cg09140966</t>
  </si>
  <si>
    <t>cg09141965</t>
  </si>
  <si>
    <t>cg09146903</t>
  </si>
  <si>
    <t>cg09150117</t>
  </si>
  <si>
    <t>cg09160231</t>
  </si>
  <si>
    <t>cg09162158</t>
  </si>
  <si>
    <t>cg09162751</t>
  </si>
  <si>
    <t>cg09165414</t>
  </si>
  <si>
    <t>cg09168272</t>
  </si>
  <si>
    <t>cg09170679</t>
  </si>
  <si>
    <t>cg09183941</t>
  </si>
  <si>
    <t>cg09184477</t>
  </si>
  <si>
    <t>cg09187098</t>
  </si>
  <si>
    <t>cg09187740</t>
  </si>
  <si>
    <t>cg09188385</t>
  </si>
  <si>
    <t>cg09193477</t>
  </si>
  <si>
    <t>cg09199562</t>
  </si>
  <si>
    <t>cg09200263</t>
  </si>
  <si>
    <t>cg09200593</t>
  </si>
  <si>
    <t>cg09201783</t>
  </si>
  <si>
    <t>cg09205156</t>
  </si>
  <si>
    <t>cg09214456</t>
  </si>
  <si>
    <t>cg09219368</t>
  </si>
  <si>
    <t>cg09219451</t>
  </si>
  <si>
    <t>cg09225287</t>
  </si>
  <si>
    <t>cg09232499</t>
  </si>
  <si>
    <t>cg09234025</t>
  </si>
  <si>
    <t>cg09244174</t>
  </si>
  <si>
    <t>cg09244601</t>
  </si>
  <si>
    <t>cg09247695</t>
  </si>
  <si>
    <t>cg09256781</t>
  </si>
  <si>
    <t>cg09263325</t>
  </si>
  <si>
    <t>cg09265173</t>
  </si>
  <si>
    <t>cg09267051</t>
  </si>
  <si>
    <t>cg09267087</t>
  </si>
  <si>
    <t>cg09268566</t>
  </si>
  <si>
    <t>cg09271277</t>
  </si>
  <si>
    <t>cg09275602</t>
  </si>
  <si>
    <t>cg09279037</t>
  </si>
  <si>
    <t>cg09279412</t>
  </si>
  <si>
    <t>cg09280288</t>
  </si>
  <si>
    <t>cg09283635</t>
  </si>
  <si>
    <t>cg09284066</t>
  </si>
  <si>
    <t>cg09285695</t>
  </si>
  <si>
    <t>cg09294139</t>
  </si>
  <si>
    <t>cg09296001</t>
  </si>
  <si>
    <t>cg09304803</t>
  </si>
  <si>
    <t>cg09313831</t>
  </si>
  <si>
    <t>cg09326362</t>
  </si>
  <si>
    <t>cg09331995</t>
  </si>
  <si>
    <t>cg09338302</t>
  </si>
  <si>
    <t>cg09339462</t>
  </si>
  <si>
    <t>cg09343092</t>
  </si>
  <si>
    <t>cg09359114</t>
  </si>
  <si>
    <t>cg09360824</t>
  </si>
  <si>
    <t>cg09366357</t>
  </si>
  <si>
    <t>cg09367075</t>
  </si>
  <si>
    <t>cg09369818</t>
  </si>
  <si>
    <t>cg09370462</t>
  </si>
  <si>
    <t>cg09371829</t>
  </si>
  <si>
    <t>cg09374838</t>
  </si>
  <si>
    <t>cg09378105</t>
  </si>
  <si>
    <t>cg09378441</t>
  </si>
  <si>
    <t>cg09380000</t>
  </si>
  <si>
    <t>cg09380357</t>
  </si>
  <si>
    <t>cg09383187</t>
  </si>
  <si>
    <t>cg09399498</t>
  </si>
  <si>
    <t>cg09409500</t>
  </si>
  <si>
    <t>cg09414673</t>
  </si>
  <si>
    <t>cg09424415</t>
  </si>
  <si>
    <t>cg09441736</t>
  </si>
  <si>
    <t>cg09442740</t>
  </si>
  <si>
    <t>cg09450020</t>
  </si>
  <si>
    <t>cg09453116</t>
  </si>
  <si>
    <t>cg09458940</t>
  </si>
  <si>
    <t>cg09461837</t>
  </si>
  <si>
    <t>cg09464192</t>
  </si>
  <si>
    <t>cg09469432</t>
  </si>
  <si>
    <t>cg09476963</t>
  </si>
  <si>
    <t>cg09477453</t>
  </si>
  <si>
    <t>cg09481347</t>
  </si>
  <si>
    <t>cg09493505</t>
  </si>
  <si>
    <t>cg09493652</t>
  </si>
  <si>
    <t>cg09505788</t>
  </si>
  <si>
    <t>cg09510128</t>
  </si>
  <si>
    <t>cg09516959</t>
  </si>
  <si>
    <t>cg09519327</t>
  </si>
  <si>
    <t>cg09532502</t>
  </si>
  <si>
    <t>cg09539800</t>
  </si>
  <si>
    <t>cg09544728</t>
  </si>
  <si>
    <t>cg09545293</t>
  </si>
  <si>
    <t>cg09565014</t>
  </si>
  <si>
    <t>cg09570031</t>
  </si>
  <si>
    <t>cg09570585</t>
  </si>
  <si>
    <t>cg09575322</t>
  </si>
  <si>
    <t>cg09588392</t>
  </si>
  <si>
    <t>cg09594696</t>
  </si>
  <si>
    <t>cg09596116</t>
  </si>
  <si>
    <t>cg09597710</t>
  </si>
  <si>
    <t>cg09608412</t>
  </si>
  <si>
    <t>cg09612786</t>
  </si>
  <si>
    <t>cg09613161</t>
  </si>
  <si>
    <t>cg09619271</t>
  </si>
  <si>
    <t>cg09626894</t>
  </si>
  <si>
    <t>cg09631055</t>
  </si>
  <si>
    <t>cg09636715</t>
  </si>
  <si>
    <t>cg09641576</t>
  </si>
  <si>
    <t>cg09642951</t>
  </si>
  <si>
    <t>cg09652312</t>
  </si>
  <si>
    <t>cg09658576</t>
  </si>
  <si>
    <t>cg09661370</t>
  </si>
  <si>
    <t>cg09677935</t>
  </si>
  <si>
    <t>cg09679690</t>
  </si>
  <si>
    <t>cg09690326</t>
  </si>
  <si>
    <t>cg09693464</t>
  </si>
  <si>
    <t>cg09702334</t>
  </si>
  <si>
    <t>cg09725546</t>
  </si>
  <si>
    <t>cg09727531</t>
  </si>
  <si>
    <t>cg09739081</t>
  </si>
  <si>
    <t>cg09740255</t>
  </si>
  <si>
    <t>cg09744732</t>
  </si>
  <si>
    <t>cg09754845</t>
  </si>
  <si>
    <t>cg09755105</t>
  </si>
  <si>
    <t>cg09760836</t>
  </si>
  <si>
    <t>cg09787580</t>
  </si>
  <si>
    <t>cg09791055</t>
  </si>
  <si>
    <t>cg09791812</t>
  </si>
  <si>
    <t>cg09794469</t>
  </si>
  <si>
    <t>cg09796320</t>
  </si>
  <si>
    <t>cg09823095</t>
  </si>
  <si>
    <t>cg09827440</t>
  </si>
  <si>
    <t>cg09827826</t>
  </si>
  <si>
    <t>cg09833174</t>
  </si>
  <si>
    <t>cg09844775</t>
  </si>
  <si>
    <t>cg09845709</t>
  </si>
  <si>
    <t>cg09865339</t>
  </si>
  <si>
    <t>cg09866690</t>
  </si>
  <si>
    <t>cg09871328</t>
  </si>
  <si>
    <t>cg09871679</t>
  </si>
  <si>
    <t>cg09882526</t>
  </si>
  <si>
    <t>cg09883131</t>
  </si>
  <si>
    <t>cg09883849</t>
  </si>
  <si>
    <t>cg09892357</t>
  </si>
  <si>
    <t>cg09901100</t>
  </si>
  <si>
    <t>cg09903049</t>
  </si>
  <si>
    <t>cg09908474</t>
  </si>
  <si>
    <t>cg09909417</t>
  </si>
  <si>
    <t>cg09910998</t>
  </si>
  <si>
    <t>cg09914182</t>
  </si>
  <si>
    <t>cg09925987</t>
  </si>
  <si>
    <t>cg09928203</t>
  </si>
  <si>
    <t>cg09936824</t>
  </si>
  <si>
    <t>cg09970120</t>
  </si>
  <si>
    <t>cg09972618</t>
  </si>
  <si>
    <t>cg09988129</t>
  </si>
  <si>
    <t>cg09996156</t>
  </si>
  <si>
    <t>cg09996344</t>
  </si>
  <si>
    <t>cg09998133</t>
  </si>
  <si>
    <t>cg10000825</t>
  </si>
  <si>
    <t>cg10002850</t>
  </si>
  <si>
    <t>cg10009968</t>
  </si>
  <si>
    <t>cg10022248</t>
  </si>
  <si>
    <t>cg10022399</t>
  </si>
  <si>
    <t>cg10026158</t>
  </si>
  <si>
    <t>cg10030458</t>
  </si>
  <si>
    <t>cg10032110</t>
  </si>
  <si>
    <t>cg10036918</t>
  </si>
  <si>
    <t>cg10045804</t>
  </si>
  <si>
    <t>cg10052687</t>
  </si>
  <si>
    <t>cg10054262</t>
  </si>
  <si>
    <t>cg10055621</t>
  </si>
  <si>
    <t>cg10059542</t>
  </si>
  <si>
    <t>cg10063233</t>
  </si>
  <si>
    <t>cg10065792</t>
  </si>
  <si>
    <t>cg10074347</t>
  </si>
  <si>
    <t>cg10084644</t>
  </si>
  <si>
    <t>cg10087754</t>
  </si>
  <si>
    <t>cg10090217</t>
  </si>
  <si>
    <t>cg10092878</t>
  </si>
  <si>
    <t>cg10093438</t>
  </si>
  <si>
    <t>cg10094907</t>
  </si>
  <si>
    <t>cg10099601</t>
  </si>
  <si>
    <t>cg10113101</t>
  </si>
  <si>
    <t>cg10125443</t>
  </si>
  <si>
    <t>cg10126205</t>
  </si>
  <si>
    <t>cg10129984</t>
  </si>
  <si>
    <t>cg10131227</t>
  </si>
  <si>
    <t>cg10141022</t>
  </si>
  <si>
    <t>cg10142179</t>
  </si>
  <si>
    <t>cg10145585</t>
  </si>
  <si>
    <t>cg10147075</t>
  </si>
  <si>
    <t>cg10147207</t>
  </si>
  <si>
    <t>cg10149326</t>
  </si>
  <si>
    <t>cg10149455</t>
  </si>
  <si>
    <t>cg10152684</t>
  </si>
  <si>
    <t>cg10154311</t>
  </si>
  <si>
    <t>cg10158711</t>
  </si>
  <si>
    <t>cg10161423</t>
  </si>
  <si>
    <t>cg10169177</t>
  </si>
  <si>
    <t>cg10172165</t>
  </si>
  <si>
    <t>cg10182092</t>
  </si>
  <si>
    <t>cg10182869</t>
  </si>
  <si>
    <t>cg10191097</t>
  </si>
  <si>
    <t>cg10196995</t>
  </si>
  <si>
    <t>cg10213875</t>
  </si>
  <si>
    <t>cg10218605</t>
  </si>
  <si>
    <t>cg10256052</t>
  </si>
  <si>
    <t>cg10258962</t>
  </si>
  <si>
    <t>cg10269127</t>
  </si>
  <si>
    <t>cg10271408</t>
  </si>
  <si>
    <t>cg10276302</t>
  </si>
  <si>
    <t>cg10285337</t>
  </si>
  <si>
    <t>cg10286128</t>
  </si>
  <si>
    <t>cg10286163</t>
  </si>
  <si>
    <t>cg10290200</t>
  </si>
  <si>
    <t>cg10293925</t>
  </si>
  <si>
    <t>cg10320410</t>
  </si>
  <si>
    <t>cg10322824</t>
  </si>
  <si>
    <t>cg10333402</t>
  </si>
  <si>
    <t>cg10345571</t>
  </si>
  <si>
    <t>cg10348193</t>
  </si>
  <si>
    <t>cg10348543</t>
  </si>
  <si>
    <t>cg10349065</t>
  </si>
  <si>
    <t>cg10349880</t>
  </si>
  <si>
    <t>cg10350880</t>
  </si>
  <si>
    <t>cg10363003</t>
  </si>
  <si>
    <t>cg10364115</t>
  </si>
  <si>
    <t>cg10365046</t>
  </si>
  <si>
    <t>cg10382410</t>
  </si>
  <si>
    <t>cg10386016</t>
  </si>
  <si>
    <t>cg10389385</t>
  </si>
  <si>
    <t>cg10393931</t>
  </si>
  <si>
    <t>cg10396281</t>
  </si>
  <si>
    <t>cg10418812</t>
  </si>
  <si>
    <t>cg10420952</t>
  </si>
  <si>
    <t>cg10426581</t>
  </si>
  <si>
    <t>cg10436877</t>
  </si>
  <si>
    <t>cg10475014</t>
  </si>
  <si>
    <t>cg10479082</t>
  </si>
  <si>
    <t>cg10481660</t>
  </si>
  <si>
    <t>cg10485664</t>
  </si>
  <si>
    <t>cg10500406</t>
  </si>
  <si>
    <t>cg10501602</t>
  </si>
  <si>
    <t>cg10502121</t>
  </si>
  <si>
    <t>cg10516089</t>
  </si>
  <si>
    <t>cg10517517</t>
  </si>
  <si>
    <t>cg10523411</t>
  </si>
  <si>
    <t>cg10530336</t>
  </si>
  <si>
    <t>cg10532908</t>
  </si>
  <si>
    <t>cg10536999</t>
  </si>
  <si>
    <t>cg10542336</t>
  </si>
  <si>
    <t>cg10549156</t>
  </si>
  <si>
    <t>cg10550160</t>
  </si>
  <si>
    <t>cg10550971</t>
  </si>
  <si>
    <t>cg10552126</t>
  </si>
  <si>
    <t>cg10552603</t>
  </si>
  <si>
    <t>cg10554801</t>
  </si>
  <si>
    <t>cg10555519</t>
  </si>
  <si>
    <t>cg10570405</t>
  </si>
  <si>
    <t>cg10571824</t>
  </si>
  <si>
    <t>cg10575986</t>
  </si>
  <si>
    <t>cg10589673</t>
  </si>
  <si>
    <t>cg10592494</t>
  </si>
  <si>
    <t>cg10600178</t>
  </si>
  <si>
    <t>cg10607454</t>
  </si>
  <si>
    <t>cg10608858</t>
  </si>
  <si>
    <t>cg10611760</t>
  </si>
  <si>
    <t>cg10612867</t>
  </si>
  <si>
    <t>cg10614809</t>
  </si>
  <si>
    <t>cg10616859</t>
  </si>
  <si>
    <t>cg10622741</t>
  </si>
  <si>
    <t>cg10624122</t>
  </si>
  <si>
    <t>cg10624784</t>
  </si>
  <si>
    <t>cg10636020</t>
  </si>
  <si>
    <t>cg10636403</t>
  </si>
  <si>
    <t>cg10639440</t>
  </si>
  <si>
    <t>cg10649384</t>
  </si>
  <si>
    <t>cg10657965</t>
  </si>
  <si>
    <t>cg10659382</t>
  </si>
  <si>
    <t>cg10659652</t>
  </si>
  <si>
    <t>cg10663408</t>
  </si>
  <si>
    <t>cg10669265</t>
  </si>
  <si>
    <t>cg10673833</t>
  </si>
  <si>
    <t>cg10675666</t>
  </si>
  <si>
    <t>cg10677697</t>
  </si>
  <si>
    <t>cg10679226</t>
  </si>
  <si>
    <t>cg10692693</t>
  </si>
  <si>
    <t>cg10698222</t>
  </si>
  <si>
    <t>cg10698404</t>
  </si>
  <si>
    <t>cg10702041</t>
  </si>
  <si>
    <t>cg10716768</t>
  </si>
  <si>
    <t>cg10724490</t>
  </si>
  <si>
    <t>cg10726355</t>
  </si>
  <si>
    <t>cg10731606</t>
  </si>
  <si>
    <t>cg10736231</t>
  </si>
  <si>
    <t>cg10739556</t>
  </si>
  <si>
    <t>cg10742917</t>
  </si>
  <si>
    <t>cg10749792</t>
  </si>
  <si>
    <t>cg10757027</t>
  </si>
  <si>
    <t>cg10766172</t>
  </si>
  <si>
    <t>cg10774155</t>
  </si>
  <si>
    <t>cg10779184</t>
  </si>
  <si>
    <t>cg10783797</t>
  </si>
  <si>
    <t>cg10791343</t>
  </si>
  <si>
    <t>cg10795119</t>
  </si>
  <si>
    <t>cg10821050</t>
  </si>
  <si>
    <t>cg10836716</t>
  </si>
  <si>
    <t>cg10857807</t>
  </si>
  <si>
    <t>cg10860802</t>
  </si>
  <si>
    <t>cg10861925</t>
  </si>
  <si>
    <t>cg10864074</t>
  </si>
  <si>
    <t>cg10874111</t>
  </si>
  <si>
    <t>cg10876076</t>
  </si>
  <si>
    <t>cg10883583</t>
  </si>
  <si>
    <t>cg10886992</t>
  </si>
  <si>
    <t>cg10889506</t>
  </si>
  <si>
    <t>cg10897459</t>
  </si>
  <si>
    <t>cg10900932</t>
  </si>
  <si>
    <t>cg10916967</t>
  </si>
  <si>
    <t>cg10928426</t>
  </si>
  <si>
    <t>cg10942059</t>
  </si>
  <si>
    <t>cg10949113</t>
  </si>
  <si>
    <t>cg10950272</t>
  </si>
  <si>
    <t>cg10955642</t>
  </si>
  <si>
    <t>cg10979436</t>
  </si>
  <si>
    <t>cg10980296</t>
  </si>
  <si>
    <t>cg10994314</t>
  </si>
  <si>
    <t>cg11008003</t>
  </si>
  <si>
    <t>cg11010242</t>
  </si>
  <si>
    <t>cg11018271</t>
  </si>
  <si>
    <t>cg11027456</t>
  </si>
  <si>
    <t>cg11031429</t>
  </si>
  <si>
    <t>cg11032268</t>
  </si>
  <si>
    <t>cg11033688</t>
  </si>
  <si>
    <t>cg11050988</t>
  </si>
  <si>
    <t>cg11056045</t>
  </si>
  <si>
    <t>cg11060441</t>
  </si>
  <si>
    <t>cg11064039</t>
  </si>
  <si>
    <t>cg11065834</t>
  </si>
  <si>
    <t>cg11073494</t>
  </si>
  <si>
    <t>cg11073773</t>
  </si>
  <si>
    <t>cg11074378</t>
  </si>
  <si>
    <t>cg11078175</t>
  </si>
  <si>
    <t>cg11081941</t>
  </si>
  <si>
    <t>cg11100258</t>
  </si>
  <si>
    <t>cg11103147</t>
  </si>
  <si>
    <t>cg11109374</t>
  </si>
  <si>
    <t>cg11109809</t>
  </si>
  <si>
    <t>cg11112226</t>
  </si>
  <si>
    <t>cg11112419</t>
  </si>
  <si>
    <t>cg11115097</t>
  </si>
  <si>
    <t>cg11117438</t>
  </si>
  <si>
    <t>cg11120115</t>
  </si>
  <si>
    <t>cg11124350</t>
  </si>
  <si>
    <t>cg11124364</t>
  </si>
  <si>
    <t>cg11124980</t>
  </si>
  <si>
    <t>cg11145818</t>
  </si>
  <si>
    <t>cg11165752</t>
  </si>
  <si>
    <t>cg11166252</t>
  </si>
  <si>
    <t>cg11166741</t>
  </si>
  <si>
    <t>cg11171224</t>
  </si>
  <si>
    <t>cg11176889</t>
  </si>
  <si>
    <t>cg11194698</t>
  </si>
  <si>
    <t>cg11196182</t>
  </si>
  <si>
    <t>cg11200568</t>
  </si>
  <si>
    <t>cg11203616</t>
  </si>
  <si>
    <t>cg11203670</t>
  </si>
  <si>
    <t>cg11230343</t>
  </si>
  <si>
    <t>cg11251690</t>
  </si>
  <si>
    <t>cg11262093</t>
  </si>
  <si>
    <t>cg11267480</t>
  </si>
  <si>
    <t>cg11267619</t>
  </si>
  <si>
    <t>cg11270977</t>
  </si>
  <si>
    <t>cg11316146</t>
  </si>
  <si>
    <t>cg11317705</t>
  </si>
  <si>
    <t>cg11344668</t>
  </si>
  <si>
    <t>cg11356247</t>
  </si>
  <si>
    <t>cg11364468</t>
  </si>
  <si>
    <t>cg11367038</t>
  </si>
  <si>
    <t>cg11369172</t>
  </si>
  <si>
    <t>cg11374656</t>
  </si>
  <si>
    <t>cg11385338</t>
  </si>
  <si>
    <t>cg11387286</t>
  </si>
  <si>
    <t>cg11387705</t>
  </si>
  <si>
    <t>cg11401866</t>
  </si>
  <si>
    <t>cg11420883</t>
  </si>
  <si>
    <t>cg11435506</t>
  </si>
  <si>
    <t>cg11461133</t>
  </si>
  <si>
    <t>cg11464238</t>
  </si>
  <si>
    <t>cg11466523</t>
  </si>
  <si>
    <t>cg11467738</t>
  </si>
  <si>
    <t>cg11470337</t>
  </si>
  <si>
    <t>cg11490986</t>
  </si>
  <si>
    <t>cg11490987</t>
  </si>
  <si>
    <t>cg11494213</t>
  </si>
  <si>
    <t>cg11495060</t>
  </si>
  <si>
    <t>cg11516540</t>
  </si>
  <si>
    <t>cg11527656</t>
  </si>
  <si>
    <t>cg11528101</t>
  </si>
  <si>
    <t>cg11531232</t>
  </si>
  <si>
    <t>cg11534677</t>
  </si>
  <si>
    <t>cg11540838</t>
  </si>
  <si>
    <t>cg11541382</t>
  </si>
  <si>
    <t>cg11552183</t>
  </si>
  <si>
    <t>cg11555878</t>
  </si>
  <si>
    <t>cg11559343</t>
  </si>
  <si>
    <t>cg11563434</t>
  </si>
  <si>
    <t>cg11564120</t>
  </si>
  <si>
    <t>cg11567001</t>
  </si>
  <si>
    <t>cg11569374</t>
  </si>
  <si>
    <t>cg11573308</t>
  </si>
  <si>
    <t>cg11581706</t>
  </si>
  <si>
    <t>cg11589429</t>
  </si>
  <si>
    <t>cg11589509</t>
  </si>
  <si>
    <t>cg11589966</t>
  </si>
  <si>
    <t>cg11590780</t>
  </si>
  <si>
    <t>cg11592503</t>
  </si>
  <si>
    <t>cg11609154</t>
  </si>
  <si>
    <t>cg11612902</t>
  </si>
  <si>
    <t>cg11617965</t>
  </si>
  <si>
    <t>cg11618193</t>
  </si>
  <si>
    <t>cg11618788</t>
  </si>
  <si>
    <t>cg11621667</t>
  </si>
  <si>
    <t>cg11633514</t>
  </si>
  <si>
    <t>cg11644973</t>
  </si>
  <si>
    <t>cg11647481</t>
  </si>
  <si>
    <t>cg11655629</t>
  </si>
  <si>
    <t>cg11674231</t>
  </si>
  <si>
    <t>cg11674863</t>
  </si>
  <si>
    <t>cg11698548</t>
  </si>
  <si>
    <t>cg11698888</t>
  </si>
  <si>
    <t>cg11719452</t>
  </si>
  <si>
    <t>cg11724970</t>
  </si>
  <si>
    <t>cg11725689</t>
  </si>
  <si>
    <t>cg11725972</t>
  </si>
  <si>
    <t>cg11734777</t>
  </si>
  <si>
    <t>cg11738162</t>
  </si>
  <si>
    <t>cg11738421</t>
  </si>
  <si>
    <t>cg11740398</t>
  </si>
  <si>
    <t>cg11742909</t>
  </si>
  <si>
    <t>cg11748186</t>
  </si>
  <si>
    <t>cg11749864</t>
  </si>
  <si>
    <t>cg11753867</t>
  </si>
  <si>
    <t>cg11757144</t>
  </si>
  <si>
    <t>cg11757417</t>
  </si>
  <si>
    <t>cg11761615</t>
  </si>
  <si>
    <t>cg11765288</t>
  </si>
  <si>
    <t>cg11769966</t>
  </si>
  <si>
    <t>cg11771692</t>
  </si>
  <si>
    <t>cg11781154</t>
  </si>
  <si>
    <t>cg11790979</t>
  </si>
  <si>
    <t>cg11791427</t>
  </si>
  <si>
    <t>cg11797573</t>
  </si>
  <si>
    <t>cg11813617</t>
  </si>
  <si>
    <t>cg11826638</t>
  </si>
  <si>
    <t>cg11828163</t>
  </si>
  <si>
    <t>cg11831043</t>
  </si>
  <si>
    <t>cg11844827</t>
  </si>
  <si>
    <t>cg11848928</t>
  </si>
  <si>
    <t>cg11852646</t>
  </si>
  <si>
    <t>cg11855325</t>
  </si>
  <si>
    <t>cg11859345</t>
  </si>
  <si>
    <t>cg11860434</t>
  </si>
  <si>
    <t>cg11881754</t>
  </si>
  <si>
    <t>cg11883538</t>
  </si>
  <si>
    <t>cg11885100</t>
  </si>
  <si>
    <t>cg11889808</t>
  </si>
  <si>
    <t>cg11896795</t>
  </si>
  <si>
    <t>cg11898009</t>
  </si>
  <si>
    <t>cg11904590</t>
  </si>
  <si>
    <t>cg11934386</t>
  </si>
  <si>
    <t>cg11945929</t>
  </si>
  <si>
    <t>cg11959821</t>
  </si>
  <si>
    <t>cg11962078</t>
  </si>
  <si>
    <t>cg11963202</t>
  </si>
  <si>
    <t>cg11980004</t>
  </si>
  <si>
    <t>cg11983867</t>
  </si>
  <si>
    <t>cg11993436</t>
  </si>
  <si>
    <t>cg11994639</t>
  </si>
  <si>
    <t>cg12001630</t>
  </si>
  <si>
    <t>cg12011136</t>
  </si>
  <si>
    <t>cg12014441</t>
  </si>
  <si>
    <t>cg12017558</t>
  </si>
  <si>
    <t>cg12020476</t>
  </si>
  <si>
    <t>cg12022895</t>
  </si>
  <si>
    <t>cg12025522</t>
  </si>
  <si>
    <t>cg12025996</t>
  </si>
  <si>
    <t>cg12030788</t>
  </si>
  <si>
    <t>cg12034187</t>
  </si>
  <si>
    <t>cg12042055</t>
  </si>
  <si>
    <t>cg12042864</t>
  </si>
  <si>
    <t>cg12080715</t>
  </si>
  <si>
    <t>cg12084011</t>
  </si>
  <si>
    <t>cg12099727</t>
  </si>
  <si>
    <t>cg12111272</t>
  </si>
  <si>
    <t>cg12134682</t>
  </si>
  <si>
    <t>cg12135573</t>
  </si>
  <si>
    <t>cg12144852</t>
  </si>
  <si>
    <t>cg12164975</t>
  </si>
  <si>
    <t>cg12172057</t>
  </si>
  <si>
    <t>cg12183594</t>
  </si>
  <si>
    <t>cg12194463</t>
  </si>
  <si>
    <t>cg12209693</t>
  </si>
  <si>
    <t>cg12223582</t>
  </si>
  <si>
    <t>cg12234855</t>
  </si>
  <si>
    <t>cg12242062</t>
  </si>
  <si>
    <t>cg12243858</t>
  </si>
  <si>
    <t>cg12246416</t>
  </si>
  <si>
    <t>cg12253191</t>
  </si>
  <si>
    <t>cg12256038</t>
  </si>
  <si>
    <t>cg12260801</t>
  </si>
  <si>
    <t>cg12262427</t>
  </si>
  <si>
    <t>cg12268106</t>
  </si>
  <si>
    <t>cg12291523</t>
  </si>
  <si>
    <t>cg12300292</t>
  </si>
  <si>
    <t>cg12302761</t>
  </si>
  <si>
    <t>cg12302797</t>
  </si>
  <si>
    <t>cg12302875</t>
  </si>
  <si>
    <t>cg12334424</t>
  </si>
  <si>
    <t>cg12342027</t>
  </si>
  <si>
    <t>cg12347757</t>
  </si>
  <si>
    <t>cg12356249</t>
  </si>
  <si>
    <t>cg12358443</t>
  </si>
  <si>
    <t>cg12382229</t>
  </si>
  <si>
    <t>cg12382456</t>
  </si>
  <si>
    <t>cg12397924</t>
  </si>
  <si>
    <t>cg12400556</t>
  </si>
  <si>
    <t>cg12415318</t>
  </si>
  <si>
    <t>cg12424230</t>
  </si>
  <si>
    <t>cg12429935</t>
  </si>
  <si>
    <t>cg12449483</t>
  </si>
  <si>
    <t>cg12451852</t>
  </si>
  <si>
    <t>cg12456681</t>
  </si>
  <si>
    <t>cg12457529</t>
  </si>
  <si>
    <t>cg12460870</t>
  </si>
  <si>
    <t>cg12471296</t>
  </si>
  <si>
    <t>cg12472483</t>
  </si>
  <si>
    <t>cg12479444</t>
  </si>
  <si>
    <t>cg12481734</t>
  </si>
  <si>
    <t>cg12493200</t>
  </si>
  <si>
    <t>cg12498409</t>
  </si>
  <si>
    <t>cg12500857</t>
  </si>
  <si>
    <t>cg12502785</t>
  </si>
  <si>
    <t>cg12507655</t>
  </si>
  <si>
    <t>cg12510512</t>
  </si>
  <si>
    <t>cg12510535</t>
  </si>
  <si>
    <t>cg12513975</t>
  </si>
  <si>
    <t>cg12514654</t>
  </si>
  <si>
    <t>cg12521813</t>
  </si>
  <si>
    <t>cg12538435</t>
  </si>
  <si>
    <t>cg12545931</t>
  </si>
  <si>
    <t>cg12548057</t>
  </si>
  <si>
    <t>cg12548629</t>
  </si>
  <si>
    <t>cg12549201</t>
  </si>
  <si>
    <t>cg12551957</t>
  </si>
  <si>
    <t>cg12558269</t>
  </si>
  <si>
    <t>cg12559670</t>
  </si>
  <si>
    <t>cg12560987</t>
  </si>
  <si>
    <t>cg12566780</t>
  </si>
  <si>
    <t>cg12574408</t>
  </si>
  <si>
    <t>cg12575883</t>
  </si>
  <si>
    <t>cg12579640</t>
  </si>
  <si>
    <t>cg12580665</t>
  </si>
  <si>
    <t>cg12588476</t>
  </si>
  <si>
    <t>cg12591125</t>
  </si>
  <si>
    <t>cg12612420</t>
  </si>
  <si>
    <t>cg12613107</t>
  </si>
  <si>
    <t>cg12613402</t>
  </si>
  <si>
    <t>cg12614711</t>
  </si>
  <si>
    <t>cg12620035</t>
  </si>
  <si>
    <t>cg12620706</t>
  </si>
  <si>
    <t>cg12627074</t>
  </si>
  <si>
    <t>cg12627695</t>
  </si>
  <si>
    <t>cg12631105</t>
  </si>
  <si>
    <t>cg12644845</t>
  </si>
  <si>
    <t>cg12647142</t>
  </si>
  <si>
    <t>cg12647837</t>
  </si>
  <si>
    <t>cg12649695</t>
  </si>
  <si>
    <t>cg12652174</t>
  </si>
  <si>
    <t>cg12656475</t>
  </si>
  <si>
    <t>cg12660364</t>
  </si>
  <si>
    <t>cg12661206</t>
  </si>
  <si>
    <t>cg12665951</t>
  </si>
  <si>
    <t>cg12677853</t>
  </si>
  <si>
    <t>cg12683173</t>
  </si>
  <si>
    <t>cg12693702</t>
  </si>
  <si>
    <t>cg12695158</t>
  </si>
  <si>
    <t>cg12705352</t>
  </si>
  <si>
    <t>cg12712184</t>
  </si>
  <si>
    <t>cg12724498</t>
  </si>
  <si>
    <t>cg12726277</t>
  </si>
  <si>
    <t>cg12733656</t>
  </si>
  <si>
    <t>cg12734526</t>
  </si>
  <si>
    <t>cg12744031</t>
  </si>
  <si>
    <t>cg12744812</t>
  </si>
  <si>
    <t>cg12770539</t>
  </si>
  <si>
    <t>cg12776163</t>
  </si>
  <si>
    <t>cg12782180</t>
  </si>
  <si>
    <t>cg12789343</t>
  </si>
  <si>
    <t>cg12810189</t>
  </si>
  <si>
    <t>cg12810325</t>
  </si>
  <si>
    <t>cg12816198</t>
  </si>
  <si>
    <t>cg12833207</t>
  </si>
  <si>
    <t>cg12837084</t>
  </si>
  <si>
    <t>cg12838902</t>
  </si>
  <si>
    <t>cg12845021</t>
  </si>
  <si>
    <t>cg12845678</t>
  </si>
  <si>
    <t>cg12851526</t>
  </si>
  <si>
    <t>cg12854762</t>
  </si>
  <si>
    <t>cg12855247</t>
  </si>
  <si>
    <t>cg12857488</t>
  </si>
  <si>
    <t>cg12876261</t>
  </si>
  <si>
    <t>cg12878786</t>
  </si>
  <si>
    <t>cg12889810</t>
  </si>
  <si>
    <t>cg12900690</t>
  </si>
  <si>
    <t>cg12903911</t>
  </si>
  <si>
    <t>cg12909732</t>
  </si>
  <si>
    <t>cg12909983</t>
  </si>
  <si>
    <t>cg12917153</t>
  </si>
  <si>
    <t>cg12918460</t>
  </si>
  <si>
    <t>cg12920814</t>
  </si>
  <si>
    <t>cg12921992</t>
  </si>
  <si>
    <t>cg12927203</t>
  </si>
  <si>
    <t>cg12929755</t>
  </si>
  <si>
    <t>cg12935170</t>
  </si>
  <si>
    <t>cg12954512</t>
  </si>
  <si>
    <t>cg12967164</t>
  </si>
  <si>
    <t>cg12967902</t>
  </si>
  <si>
    <t>cg12973548</t>
  </si>
  <si>
    <t>cg12973591</t>
  </si>
  <si>
    <t>cg12976999</t>
  </si>
  <si>
    <t>cg12980798</t>
  </si>
  <si>
    <t>cg12984349</t>
  </si>
  <si>
    <t>cg12986338</t>
  </si>
  <si>
    <t>cg12988534</t>
  </si>
  <si>
    <t>cg12993975</t>
  </si>
  <si>
    <t>cg12997720</t>
  </si>
  <si>
    <t>cg13002346</t>
  </si>
  <si>
    <t>cg13018071</t>
  </si>
  <si>
    <t>cg13019149</t>
  </si>
  <si>
    <t>cg13019513</t>
  </si>
  <si>
    <t>cg13024471</t>
  </si>
  <si>
    <t>cg13029706</t>
  </si>
  <si>
    <t>cg13035219</t>
  </si>
  <si>
    <t>cg13035437</t>
  </si>
  <si>
    <t>cg13038241</t>
  </si>
  <si>
    <t>cg13043150</t>
  </si>
  <si>
    <t>cg13053914</t>
  </si>
  <si>
    <t>cg13065683</t>
  </si>
  <si>
    <t>cg13081999</t>
  </si>
  <si>
    <t>cg13087761</t>
  </si>
  <si>
    <t>cg13088374</t>
  </si>
  <si>
    <t>cg13094036</t>
  </si>
  <si>
    <t>cg13098082</t>
  </si>
  <si>
    <t>cg13100965</t>
  </si>
  <si>
    <t>cg13104298</t>
  </si>
  <si>
    <t>cg13106306</t>
  </si>
  <si>
    <t>cg13119035</t>
  </si>
  <si>
    <t>cg13120875</t>
  </si>
  <si>
    <t>cg13131519</t>
  </si>
  <si>
    <t>cg13145017</t>
  </si>
  <si>
    <t>cg13151425</t>
  </si>
  <si>
    <t>cg13153964</t>
  </si>
  <si>
    <t>cg13158604</t>
  </si>
  <si>
    <t>cg13161961</t>
  </si>
  <si>
    <t>cg13205784</t>
  </si>
  <si>
    <t>cg13207797</t>
  </si>
  <si>
    <t>cg13209990</t>
  </si>
  <si>
    <t>cg13213997</t>
  </si>
  <si>
    <t>cg13230386</t>
  </si>
  <si>
    <t>cg13235160</t>
  </si>
  <si>
    <t>cg13235817</t>
  </si>
  <si>
    <t>cg13247668</t>
  </si>
  <si>
    <t>cg13257514</t>
  </si>
  <si>
    <t>cg13261883</t>
  </si>
  <si>
    <t>cg13266630</t>
  </si>
  <si>
    <t>cg13266951</t>
  </si>
  <si>
    <t>cg13267931</t>
  </si>
  <si>
    <t>cg13277983</t>
  </si>
  <si>
    <t>cg13279530</t>
  </si>
  <si>
    <t>cg13295719</t>
  </si>
  <si>
    <t>cg13298389</t>
  </si>
  <si>
    <t>cg13302401</t>
  </si>
  <si>
    <t>cg13302670</t>
  </si>
  <si>
    <t>cg13308350</t>
  </si>
  <si>
    <t>cg13314145</t>
  </si>
  <si>
    <t>cg13324717</t>
  </si>
  <si>
    <t>cg13326081</t>
  </si>
  <si>
    <t>cg13328921</t>
  </si>
  <si>
    <t>cg13332474</t>
  </si>
  <si>
    <t>cg13333335</t>
  </si>
  <si>
    <t>cg13334819</t>
  </si>
  <si>
    <t>cg13338827</t>
  </si>
  <si>
    <t>cg13342360</t>
  </si>
  <si>
    <t>cg13343203</t>
  </si>
  <si>
    <t>cg13345683</t>
  </si>
  <si>
    <t>cg13352750</t>
  </si>
  <si>
    <t>cg13353389</t>
  </si>
  <si>
    <t>cg13366445</t>
  </si>
  <si>
    <t>cg13373361</t>
  </si>
  <si>
    <t>cg13383235</t>
  </si>
  <si>
    <t>cg13384409</t>
  </si>
  <si>
    <t>cg13393612</t>
  </si>
  <si>
    <t>cg13393978</t>
  </si>
  <si>
    <t>cg13394785</t>
  </si>
  <si>
    <t>cg13396661</t>
  </si>
  <si>
    <t>cg13400248</t>
  </si>
  <si>
    <t>cg13427789</t>
  </si>
  <si>
    <t>cg13435834</t>
  </si>
  <si>
    <t>cg13440641</t>
  </si>
  <si>
    <t>cg13447684</t>
  </si>
  <si>
    <t>cg13470333</t>
  </si>
  <si>
    <t>cg13472359</t>
  </si>
  <si>
    <t>cg13476133</t>
  </si>
  <si>
    <t>cg13490352</t>
  </si>
  <si>
    <t>cg13494126</t>
  </si>
  <si>
    <t>cg13496324</t>
  </si>
  <si>
    <t>cg13504346</t>
  </si>
  <si>
    <t>cg13508402</t>
  </si>
  <si>
    <t>cg13517567</t>
  </si>
  <si>
    <t>cg13518390</t>
  </si>
  <si>
    <t>cg13522244</t>
  </si>
  <si>
    <t>cg13525062</t>
  </si>
  <si>
    <t>cg13529907</t>
  </si>
  <si>
    <t>cg13530817</t>
  </si>
  <si>
    <t>cg13532854</t>
  </si>
  <si>
    <t>cg13534424</t>
  </si>
  <si>
    <t>cg13534903</t>
  </si>
  <si>
    <t>cg13538648</t>
  </si>
  <si>
    <t>cg13558627</t>
  </si>
  <si>
    <t>cg13566610</t>
  </si>
  <si>
    <t>cg13567541</t>
  </si>
  <si>
    <t>cg13569651</t>
  </si>
  <si>
    <t>cg13574857</t>
  </si>
  <si>
    <t>cg13575205</t>
  </si>
  <si>
    <t>cg13578160</t>
  </si>
  <si>
    <t>cg13581527</t>
  </si>
  <si>
    <t>cg13585675</t>
  </si>
  <si>
    <t>cg13588054</t>
  </si>
  <si>
    <t>cg13592104</t>
  </si>
  <si>
    <t>cg13594957</t>
  </si>
  <si>
    <t>cg13598010</t>
  </si>
  <si>
    <t>cg13606434</t>
  </si>
  <si>
    <t>cg13607835</t>
  </si>
  <si>
    <t>cg13618342</t>
  </si>
  <si>
    <t>cg13628325</t>
  </si>
  <si>
    <t>cg13630739</t>
  </si>
  <si>
    <t>cg13656518</t>
  </si>
  <si>
    <t>cg13660372</t>
  </si>
  <si>
    <t>cg13675721</t>
  </si>
  <si>
    <t>cg13677149</t>
  </si>
  <si>
    <t>cg13686589</t>
  </si>
  <si>
    <t>cg13694927</t>
  </si>
  <si>
    <t>cg13699657</t>
  </si>
  <si>
    <t>cg13700033</t>
  </si>
  <si>
    <t>cg13702357</t>
  </si>
  <si>
    <t>cg13703049</t>
  </si>
  <si>
    <t>cg13733314</t>
  </si>
  <si>
    <t>cg13736064</t>
  </si>
  <si>
    <t>cg13736404</t>
  </si>
  <si>
    <t>cg13748577</t>
  </si>
  <si>
    <t>cg13751213</t>
  </si>
  <si>
    <t>cg13754948</t>
  </si>
  <si>
    <t>cg13790199</t>
  </si>
  <si>
    <t>cg13792025</t>
  </si>
  <si>
    <t>cg13794530</t>
  </si>
  <si>
    <t>cg13801416</t>
  </si>
  <si>
    <t>cg13808180</t>
  </si>
  <si>
    <t>cg13815311</t>
  </si>
  <si>
    <t>cg13821173</t>
  </si>
  <si>
    <t>cg13822726</t>
  </si>
  <si>
    <t>cg13824302</t>
  </si>
  <si>
    <t>cg13827212</t>
  </si>
  <si>
    <t>cg13827911</t>
  </si>
  <si>
    <t>cg13831540</t>
  </si>
  <si>
    <t>cg13863118</t>
  </si>
  <si>
    <t>cg13873802</t>
  </si>
  <si>
    <t>cg13874780</t>
  </si>
  <si>
    <t>cg13877423</t>
  </si>
  <si>
    <t>cg13895235</t>
  </si>
  <si>
    <t>cg13900349</t>
  </si>
  <si>
    <t>cg13905586</t>
  </si>
  <si>
    <t>cg13909730</t>
  </si>
  <si>
    <t>cg13911723</t>
  </si>
  <si>
    <t>cg13915212</t>
  </si>
  <si>
    <t>cg13921324</t>
  </si>
  <si>
    <t>cg13934106</t>
  </si>
  <si>
    <t>cg13944903</t>
  </si>
  <si>
    <t>cg13948146</t>
  </si>
  <si>
    <t>cg13955851</t>
  </si>
  <si>
    <t>cg13971154</t>
  </si>
  <si>
    <t>cg13972986</t>
  </si>
  <si>
    <t>cg13976866</t>
  </si>
  <si>
    <t>cg13978175</t>
  </si>
  <si>
    <t>cg13979194</t>
  </si>
  <si>
    <t>cg13985767</t>
  </si>
  <si>
    <t>cg13990958</t>
  </si>
  <si>
    <t>cg13999330</t>
  </si>
  <si>
    <t>cg14001157</t>
  </si>
  <si>
    <t>cg14001567</t>
  </si>
  <si>
    <t>cg14002172</t>
  </si>
  <si>
    <t>cg14012925</t>
  </si>
  <si>
    <t>cg14013695</t>
  </si>
  <si>
    <t>cg14014627</t>
  </si>
  <si>
    <t>cg14017435</t>
  </si>
  <si>
    <t>cg14018797</t>
  </si>
  <si>
    <t>cg14028652</t>
  </si>
  <si>
    <t>cg14029206</t>
  </si>
  <si>
    <t>cg14036041</t>
  </si>
  <si>
    <t>cg14053590</t>
  </si>
  <si>
    <t>cg14056620</t>
  </si>
  <si>
    <t>cg14058329</t>
  </si>
  <si>
    <t>cg14059817</t>
  </si>
  <si>
    <t>cg14090510</t>
  </si>
  <si>
    <t>cg14094063</t>
  </si>
  <si>
    <t>cg14094960</t>
  </si>
  <si>
    <t>cg14094983</t>
  </si>
  <si>
    <t>cg14095744</t>
  </si>
  <si>
    <t>cg14097304</t>
  </si>
  <si>
    <t>cg14100214</t>
  </si>
  <si>
    <t>cg14105752</t>
  </si>
  <si>
    <t>cg14106156</t>
  </si>
  <si>
    <t>cg14114033</t>
  </si>
  <si>
    <t>cg14114135</t>
  </si>
  <si>
    <t>cg14140881</t>
  </si>
  <si>
    <t>cg14141459</t>
  </si>
  <si>
    <t>cg14141741</t>
  </si>
  <si>
    <t>cg14145334</t>
  </si>
  <si>
    <t>cg14148253</t>
  </si>
  <si>
    <t>cg14155567</t>
  </si>
  <si>
    <t>cg14155637</t>
  </si>
  <si>
    <t>cg14159963</t>
  </si>
  <si>
    <t>cg14162629</t>
  </si>
  <si>
    <t>cg14167314</t>
  </si>
  <si>
    <t>cg14167385</t>
  </si>
  <si>
    <t>cg14169521</t>
  </si>
  <si>
    <t>cg14183329</t>
  </si>
  <si>
    <t>cg14188840</t>
  </si>
  <si>
    <t>cg14189678</t>
  </si>
  <si>
    <t>cg14196840</t>
  </si>
  <si>
    <t>cg14204266</t>
  </si>
  <si>
    <t>cg14204491</t>
  </si>
  <si>
    <t>cg14222657</t>
  </si>
  <si>
    <t>cg14223646</t>
  </si>
  <si>
    <t>cg14245910</t>
  </si>
  <si>
    <t>cg14247444</t>
  </si>
  <si>
    <t>cg14249876</t>
  </si>
  <si>
    <t>cg14258366</t>
  </si>
  <si>
    <t>cg14264556</t>
  </si>
  <si>
    <t>cg14285533</t>
  </si>
  <si>
    <t>cg14288953</t>
  </si>
  <si>
    <t>cg14291194</t>
  </si>
  <si>
    <t>cg14298577</t>
  </si>
  <si>
    <t>cg14322681</t>
  </si>
  <si>
    <t>cg14323210</t>
  </si>
  <si>
    <t>cg14330119</t>
  </si>
  <si>
    <t>cg14337134</t>
  </si>
  <si>
    <t>cg14340110</t>
  </si>
  <si>
    <t>cg14340114</t>
  </si>
  <si>
    <t>cg14343017</t>
  </si>
  <si>
    <t>cg14347389</t>
  </si>
  <si>
    <t>cg14348828</t>
  </si>
  <si>
    <t>cg14349538</t>
  </si>
  <si>
    <t>cg14353258</t>
  </si>
  <si>
    <t>cg14359292</t>
  </si>
  <si>
    <t>cg14362920</t>
  </si>
  <si>
    <t>cg14363114</t>
  </si>
  <si>
    <t>cg14369938</t>
  </si>
  <si>
    <t>cg14382259</t>
  </si>
  <si>
    <t>cg14382976</t>
  </si>
  <si>
    <t>cg14383716</t>
  </si>
  <si>
    <t>cg14388858</t>
  </si>
  <si>
    <t>cg14391419</t>
  </si>
  <si>
    <t>cg14393469</t>
  </si>
  <si>
    <t>cg14393609</t>
  </si>
  <si>
    <t>cg14395731</t>
  </si>
  <si>
    <t>cg14398883</t>
  </si>
  <si>
    <t>cg14401494</t>
  </si>
  <si>
    <t>cg14412317</t>
  </si>
  <si>
    <t>cg14413117</t>
  </si>
  <si>
    <t>cg14414971</t>
  </si>
  <si>
    <t>cg14415759</t>
  </si>
  <si>
    <t>cg14430886</t>
  </si>
  <si>
    <t>cg14431986</t>
  </si>
  <si>
    <t>cg14433314</t>
  </si>
  <si>
    <t>cg14445341</t>
  </si>
  <si>
    <t>cg14446604</t>
  </si>
  <si>
    <t>cg14446979</t>
  </si>
  <si>
    <t>cg14448169</t>
  </si>
  <si>
    <t>cg14453612</t>
  </si>
  <si>
    <t>cg14459772</t>
  </si>
  <si>
    <t>cg14462553</t>
  </si>
  <si>
    <t>cg14471975</t>
  </si>
  <si>
    <t>cg14472810</t>
  </si>
  <si>
    <t>cg14496862</t>
  </si>
  <si>
    <t>cg14499426</t>
  </si>
  <si>
    <t>cg14500798</t>
  </si>
  <si>
    <t>cg14505161</t>
  </si>
  <si>
    <t>cg14515078</t>
  </si>
  <si>
    <t>cg14520214</t>
  </si>
  <si>
    <t>cg14520626</t>
  </si>
  <si>
    <t>cg14521995</t>
  </si>
  <si>
    <t>cg14523847</t>
  </si>
  <si>
    <t>cg14525935</t>
  </si>
  <si>
    <t>cg14526322</t>
  </si>
  <si>
    <t>cg14528254</t>
  </si>
  <si>
    <t>cg14538751</t>
  </si>
  <si>
    <t>cg14552568</t>
  </si>
  <si>
    <t>cg14554371</t>
  </si>
  <si>
    <t>cg14567287</t>
  </si>
  <si>
    <t>cg14568353</t>
  </si>
  <si>
    <t>cg14576616</t>
  </si>
  <si>
    <t>cg14576951</t>
  </si>
  <si>
    <t>cg14577835</t>
  </si>
  <si>
    <t>cg14582226</t>
  </si>
  <si>
    <t>cg14584961</t>
  </si>
  <si>
    <t>cg14586887</t>
  </si>
  <si>
    <t>cg14587446</t>
  </si>
  <si>
    <t>cg14592072</t>
  </si>
  <si>
    <t>cg14592474</t>
  </si>
  <si>
    <t>cg14595269</t>
  </si>
  <si>
    <t>cg14597223</t>
  </si>
  <si>
    <t>cg14615425</t>
  </si>
  <si>
    <t>cg14618638</t>
  </si>
  <si>
    <t>cg14626793</t>
  </si>
  <si>
    <t>cg14628819</t>
  </si>
  <si>
    <t>cg14629509</t>
  </si>
  <si>
    <t>cg14640310</t>
  </si>
  <si>
    <t>cg14641333</t>
  </si>
  <si>
    <t>cg14644787</t>
  </si>
  <si>
    <t>cg14658067</t>
  </si>
  <si>
    <t>cg14664464</t>
  </si>
  <si>
    <t>cg14678430</t>
  </si>
  <si>
    <t>cg14684441</t>
  </si>
  <si>
    <t>cg14708875</t>
  </si>
  <si>
    <t>cg14709460</t>
  </si>
  <si>
    <t>cg14711428</t>
  </si>
  <si>
    <t>cg14717314</t>
  </si>
  <si>
    <t>cg14719722</t>
  </si>
  <si>
    <t>cg14726403</t>
  </si>
  <si>
    <t>cg14742851</t>
  </si>
  <si>
    <t>cg14744768</t>
  </si>
  <si>
    <t>cg14745529</t>
  </si>
  <si>
    <t>cg14759472</t>
  </si>
  <si>
    <t>cg14762234</t>
  </si>
  <si>
    <t>cg14764357</t>
  </si>
  <si>
    <t>cg14767790</t>
  </si>
  <si>
    <t>cg14767944</t>
  </si>
  <si>
    <t>cg14784944</t>
  </si>
  <si>
    <t>cg14785449</t>
  </si>
  <si>
    <t>cg14799209</t>
  </si>
  <si>
    <t>cg14824670</t>
  </si>
  <si>
    <t>cg14826215</t>
  </si>
  <si>
    <t>cg14826425</t>
  </si>
  <si>
    <t>cg14827502</t>
  </si>
  <si>
    <t>cg14833891</t>
  </si>
  <si>
    <t>cg14846368</t>
  </si>
  <si>
    <t>cg14863978</t>
  </si>
  <si>
    <t>cg14871932</t>
  </si>
  <si>
    <t>cg14872657</t>
  </si>
  <si>
    <t>cg14873490</t>
  </si>
  <si>
    <t>cg14874750</t>
  </si>
  <si>
    <t>cg14876685</t>
  </si>
  <si>
    <t>cg14886300</t>
  </si>
  <si>
    <t>cg14887505</t>
  </si>
  <si>
    <t>cg14887563</t>
  </si>
  <si>
    <t>cg14890922</t>
  </si>
  <si>
    <t>cg14893935</t>
  </si>
  <si>
    <t>cg14896516</t>
  </si>
  <si>
    <t>cg14899164</t>
  </si>
  <si>
    <t>cg14925158</t>
  </si>
  <si>
    <t>cg14950193</t>
  </si>
  <si>
    <t>cg14974749</t>
  </si>
  <si>
    <t>cg14978172</t>
  </si>
  <si>
    <t>cg14978307</t>
  </si>
  <si>
    <t>cg14979231</t>
  </si>
  <si>
    <t>cg14980060</t>
  </si>
  <si>
    <t>cg14980177</t>
  </si>
  <si>
    <t>cg14981253</t>
  </si>
  <si>
    <t>cg14993712</t>
  </si>
  <si>
    <t>cg14996783</t>
  </si>
  <si>
    <t>cg15000794</t>
  </si>
  <si>
    <t>cg15001673</t>
  </si>
  <si>
    <t>cg15028507</t>
  </si>
  <si>
    <t>cg15035364</t>
  </si>
  <si>
    <t>cg15039797</t>
  </si>
  <si>
    <t>cg15057238</t>
  </si>
  <si>
    <t>cg15057554</t>
  </si>
  <si>
    <t>cg15062310</t>
  </si>
  <si>
    <t>cg15073248</t>
  </si>
  <si>
    <t>cg15076191</t>
  </si>
  <si>
    <t>cg15087571</t>
  </si>
  <si>
    <t>cg15089567</t>
  </si>
  <si>
    <t>cg15104702</t>
  </si>
  <si>
    <t>cg15105359</t>
  </si>
  <si>
    <t>cg15108645</t>
  </si>
  <si>
    <t>cg15110300</t>
  </si>
  <si>
    <t>cg15112458</t>
  </si>
  <si>
    <t>cg15112475</t>
  </si>
  <si>
    <t>cg15121053</t>
  </si>
  <si>
    <t>cg15134787</t>
  </si>
  <si>
    <t>cg15140703</t>
  </si>
  <si>
    <t>cg15147084</t>
  </si>
  <si>
    <t>cg15148918</t>
  </si>
  <si>
    <t>cg15153026</t>
  </si>
  <si>
    <t>cg15176413</t>
  </si>
  <si>
    <t>cg15177055</t>
  </si>
  <si>
    <t>cg15188808</t>
  </si>
  <si>
    <t>cg15205547</t>
  </si>
  <si>
    <t>cg15235373</t>
  </si>
  <si>
    <t>cg15243267</t>
  </si>
  <si>
    <t>cg15247247</t>
  </si>
  <si>
    <t>cg15251779</t>
  </si>
  <si>
    <t>cg15254559</t>
  </si>
  <si>
    <t>cg15256491</t>
  </si>
  <si>
    <t>cg15262352</t>
  </si>
  <si>
    <t>cg15270970</t>
  </si>
  <si>
    <t>cg15278043</t>
  </si>
  <si>
    <t>cg15280728</t>
  </si>
  <si>
    <t>cg15290971</t>
  </si>
  <si>
    <t>cg15304692</t>
  </si>
  <si>
    <t>cg15308666</t>
  </si>
  <si>
    <t>cg15309232</t>
  </si>
  <si>
    <t>cg15311814</t>
  </si>
  <si>
    <t>cg15317587</t>
  </si>
  <si>
    <t>cg15318176</t>
  </si>
  <si>
    <t>cg15331902</t>
  </si>
  <si>
    <t>cg15337700</t>
  </si>
  <si>
    <t>cg15340652</t>
  </si>
  <si>
    <t>cg15355015</t>
  </si>
  <si>
    <t>cg15356195</t>
  </si>
  <si>
    <t>cg15357078</t>
  </si>
  <si>
    <t>cg15378913</t>
  </si>
  <si>
    <t>cg15379185</t>
  </si>
  <si>
    <t>cg15381475</t>
  </si>
  <si>
    <t>cg15386550</t>
  </si>
  <si>
    <t>cg15391105</t>
  </si>
  <si>
    <t>cg15391433</t>
  </si>
  <si>
    <t>cg15399433</t>
  </si>
  <si>
    <t>cg15408722</t>
  </si>
  <si>
    <t>cg15424250</t>
  </si>
  <si>
    <t>cg15424903</t>
  </si>
  <si>
    <t>cg15427906</t>
  </si>
  <si>
    <t>cg15444947</t>
  </si>
  <si>
    <t>cg15446670</t>
  </si>
  <si>
    <t>cg15454818</t>
  </si>
  <si>
    <t>cg15460454</t>
  </si>
  <si>
    <t>cg15473395</t>
  </si>
  <si>
    <t>cg15478390</t>
  </si>
  <si>
    <t>cg15503438</t>
  </si>
  <si>
    <t>cg15506157</t>
  </si>
  <si>
    <t>cg15506609</t>
  </si>
  <si>
    <t>cg15509361</t>
  </si>
  <si>
    <t>cg15510468</t>
  </si>
  <si>
    <t>cg15518923</t>
  </si>
  <si>
    <t>cg15532408</t>
  </si>
  <si>
    <t>cg15535638</t>
  </si>
  <si>
    <t>cg15545410</t>
  </si>
  <si>
    <t>cg15547241</t>
  </si>
  <si>
    <t>cg15549450</t>
  </si>
  <si>
    <t>cg15549927</t>
  </si>
  <si>
    <t>cg15551525</t>
  </si>
  <si>
    <t>cg15556090</t>
  </si>
  <si>
    <t>cg15560632</t>
  </si>
  <si>
    <t>cg15571730</t>
  </si>
  <si>
    <t>cg15572779</t>
  </si>
  <si>
    <t>cg15577180</t>
  </si>
  <si>
    <t>cg15586193</t>
  </si>
  <si>
    <t>cg15600935</t>
  </si>
  <si>
    <t>cg15607763</t>
  </si>
  <si>
    <t>cg15613991</t>
  </si>
  <si>
    <t>cg15616888</t>
  </si>
  <si>
    <t>cg15621338</t>
  </si>
  <si>
    <t>cg15623480</t>
  </si>
  <si>
    <t>cg15636799</t>
  </si>
  <si>
    <t>cg15646795</t>
  </si>
  <si>
    <t>cg15646967</t>
  </si>
  <si>
    <t>cg15650170</t>
  </si>
  <si>
    <t>cg15651918</t>
  </si>
  <si>
    <t>cg15653194</t>
  </si>
  <si>
    <t>cg15657154</t>
  </si>
  <si>
    <t>cg15657564</t>
  </si>
  <si>
    <t>cg15658543</t>
  </si>
  <si>
    <t>cg15661251</t>
  </si>
  <si>
    <t>cg15684231</t>
  </si>
  <si>
    <t>cg15695585</t>
  </si>
  <si>
    <t>cg15696408</t>
  </si>
  <si>
    <t>cg15704358</t>
  </si>
  <si>
    <t>cg15727524</t>
  </si>
  <si>
    <t>cg15730481</t>
  </si>
  <si>
    <t>cg15733309</t>
  </si>
  <si>
    <t>cg15740366</t>
  </si>
  <si>
    <t>cg15750986</t>
  </si>
  <si>
    <t>cg15751131</t>
  </si>
  <si>
    <t>cg15755348</t>
  </si>
  <si>
    <t>cg15755662</t>
  </si>
  <si>
    <t>cg15759056</t>
  </si>
  <si>
    <t>cg15760709</t>
  </si>
  <si>
    <t>cg15764975</t>
  </si>
  <si>
    <t>cg15770585</t>
  </si>
  <si>
    <t>cg15771432</t>
  </si>
  <si>
    <t>cg15775138</t>
  </si>
  <si>
    <t>cg15778346</t>
  </si>
  <si>
    <t>cg15778457</t>
  </si>
  <si>
    <t>cg15779609</t>
  </si>
  <si>
    <t>cg15782153</t>
  </si>
  <si>
    <t>cg15788149</t>
  </si>
  <si>
    <t>cg15790073</t>
  </si>
  <si>
    <t>cg15797801</t>
  </si>
  <si>
    <t>cg15800530</t>
  </si>
  <si>
    <t>cg15804231</t>
  </si>
  <si>
    <t>cg15816080</t>
  </si>
  <si>
    <t>cg15818671</t>
  </si>
  <si>
    <t>cg15819410</t>
  </si>
  <si>
    <t>cg15822010</t>
  </si>
  <si>
    <t>cg15839482</t>
  </si>
  <si>
    <t>cg15848628</t>
  </si>
  <si>
    <t>cg15865178</t>
  </si>
  <si>
    <t>cg15874611</t>
  </si>
  <si>
    <t>cg15879716</t>
  </si>
  <si>
    <t>cg15892839</t>
  </si>
  <si>
    <t>cg15893396</t>
  </si>
  <si>
    <t>cg15894192</t>
  </si>
  <si>
    <t>cg15898267</t>
  </si>
  <si>
    <t>cg15908455</t>
  </si>
  <si>
    <t>cg15919396</t>
  </si>
  <si>
    <t>cg15928538</t>
  </si>
  <si>
    <t>cg15929698</t>
  </si>
  <si>
    <t>cg15946262</t>
  </si>
  <si>
    <t>cg15948245</t>
  </si>
  <si>
    <t>cg15949805</t>
  </si>
  <si>
    <t>cg15950665</t>
  </si>
  <si>
    <t>cg15952483</t>
  </si>
  <si>
    <t>cg15957615</t>
  </si>
  <si>
    <t>cg15964872</t>
  </si>
  <si>
    <t>cg15972572</t>
  </si>
  <si>
    <t>cg15978191</t>
  </si>
  <si>
    <t>cg15988350</t>
  </si>
  <si>
    <t>cg15990679</t>
  </si>
  <si>
    <t>cg15991262</t>
  </si>
  <si>
    <t>cg15993027</t>
  </si>
  <si>
    <t>cg16007573</t>
  </si>
  <si>
    <t>cg16008457</t>
  </si>
  <si>
    <t>cg16047049</t>
  </si>
  <si>
    <t>cg16056465</t>
  </si>
  <si>
    <t>cg16063666</t>
  </si>
  <si>
    <t>cg16066195</t>
  </si>
  <si>
    <t>cg16068669</t>
  </si>
  <si>
    <t>cg16073408</t>
  </si>
  <si>
    <t>cg16080015</t>
  </si>
  <si>
    <t>cg16103996</t>
  </si>
  <si>
    <t>cg16104915</t>
  </si>
  <si>
    <t>cg16107907</t>
  </si>
  <si>
    <t>cg16115627</t>
  </si>
  <si>
    <t>cg16123202</t>
  </si>
  <si>
    <t>cg16131903</t>
  </si>
  <si>
    <t>cg16135995</t>
  </si>
  <si>
    <t>cg16145915</t>
  </si>
  <si>
    <t>cg16149129</t>
  </si>
  <si>
    <t>cg16184737</t>
  </si>
  <si>
    <t>cg16185831</t>
  </si>
  <si>
    <t>cg16189722</t>
  </si>
  <si>
    <t>cg16196384</t>
  </si>
  <si>
    <t>cg16197925</t>
  </si>
  <si>
    <t>cg16204818</t>
  </si>
  <si>
    <t>cg16207528</t>
  </si>
  <si>
    <t>cg16232530</t>
  </si>
  <si>
    <t>cg16234978</t>
  </si>
  <si>
    <t>cg16236270</t>
  </si>
  <si>
    <t>cg16243019</t>
  </si>
  <si>
    <t>cg16255462</t>
  </si>
  <si>
    <t>cg16270571</t>
  </si>
  <si>
    <t>cg16278512</t>
  </si>
  <si>
    <t>cg16279775</t>
  </si>
  <si>
    <t>cg16283362</t>
  </si>
  <si>
    <t>cg16286275</t>
  </si>
  <si>
    <t>cg16288089</t>
  </si>
  <si>
    <t>cg16288579</t>
  </si>
  <si>
    <t>cg16306644</t>
  </si>
  <si>
    <t>cg16307409</t>
  </si>
  <si>
    <t>cg16307674</t>
  </si>
  <si>
    <t>cg16311192</t>
  </si>
  <si>
    <t>cg16322121</t>
  </si>
  <si>
    <t>cg16322205</t>
  </si>
  <si>
    <t>cg16327041</t>
  </si>
  <si>
    <t>cg16327497</t>
  </si>
  <si>
    <t>cg16331920</t>
  </si>
  <si>
    <t>cg16337783</t>
  </si>
  <si>
    <t>cg16369651</t>
  </si>
  <si>
    <t>cg16374347</t>
  </si>
  <si>
    <t>cg16378527</t>
  </si>
  <si>
    <t>cg16384170</t>
  </si>
  <si>
    <t>cg16384355</t>
  </si>
  <si>
    <t>cg16384552</t>
  </si>
  <si>
    <t>cg16385941</t>
  </si>
  <si>
    <t>cg16392213</t>
  </si>
  <si>
    <t>cg16400647</t>
  </si>
  <si>
    <t>cg16402443</t>
  </si>
  <si>
    <t>cg16410464</t>
  </si>
  <si>
    <t>cg16410579</t>
  </si>
  <si>
    <t>cg16411895</t>
  </si>
  <si>
    <t>cg16413333</t>
  </si>
  <si>
    <t>cg16414149</t>
  </si>
  <si>
    <t>cg16415411</t>
  </si>
  <si>
    <t>cg16431610</t>
  </si>
  <si>
    <t>cg16439298</t>
  </si>
  <si>
    <t>cg16446591</t>
  </si>
  <si>
    <t>cg16460681</t>
  </si>
  <si>
    <t>cg16476975</t>
  </si>
  <si>
    <t>cg16479386</t>
  </si>
  <si>
    <t>cg16480132</t>
  </si>
  <si>
    <t>cg16482474</t>
  </si>
  <si>
    <t>cg16494843</t>
  </si>
  <si>
    <t>cg16498359</t>
  </si>
  <si>
    <t>cg16511229</t>
  </si>
  <si>
    <t>cg16511870</t>
  </si>
  <si>
    <t>cg16521917</t>
  </si>
  <si>
    <t>cg16537044</t>
  </si>
  <si>
    <t>cg16537132</t>
  </si>
  <si>
    <t>cg16544399</t>
  </si>
  <si>
    <t>cg16544859</t>
  </si>
  <si>
    <t>cg16544956</t>
  </si>
  <si>
    <t>cg16564842</t>
  </si>
  <si>
    <t>cg16571642</t>
  </si>
  <si>
    <t>cg16573836</t>
  </si>
  <si>
    <t>cg16586152</t>
  </si>
  <si>
    <t>cg16589214</t>
  </si>
  <si>
    <t>cg16589305</t>
  </si>
  <si>
    <t>cg16599901</t>
  </si>
  <si>
    <t>cg16603578</t>
  </si>
  <si>
    <t>cg16617297</t>
  </si>
  <si>
    <t>cg16620608</t>
  </si>
  <si>
    <t>cg16622899</t>
  </si>
  <si>
    <t>cg16627090</t>
  </si>
  <si>
    <t>cg16633750</t>
  </si>
  <si>
    <t>cg16633901</t>
  </si>
  <si>
    <t>cg16645977</t>
  </si>
  <si>
    <t>cg16649298</t>
  </si>
  <si>
    <t>cg16650002</t>
  </si>
  <si>
    <t>cg16651428</t>
  </si>
  <si>
    <t>cg16669468</t>
  </si>
  <si>
    <t>cg16670736</t>
  </si>
  <si>
    <t>cg16681268</t>
  </si>
  <si>
    <t>cg16687344</t>
  </si>
  <si>
    <t>cg16689048</t>
  </si>
  <si>
    <t>cg16697214</t>
  </si>
  <si>
    <t>cg16699849</t>
  </si>
  <si>
    <t>cg16700779</t>
  </si>
  <si>
    <t>cg16703135</t>
  </si>
  <si>
    <t>cg16703576</t>
  </si>
  <si>
    <t>cg16708264</t>
  </si>
  <si>
    <t>cg16712549</t>
  </si>
  <si>
    <t>cg16718902</t>
  </si>
  <si>
    <t>cg16739054</t>
  </si>
  <si>
    <t>cg16741291</t>
  </si>
  <si>
    <t>cg16742763</t>
  </si>
  <si>
    <t>cg16749355</t>
  </si>
  <si>
    <t>cg16752985</t>
  </si>
  <si>
    <t>cg16754678</t>
  </si>
  <si>
    <t>cg16761035</t>
  </si>
  <si>
    <t>cg16764637</t>
  </si>
  <si>
    <t>cg16766966</t>
  </si>
  <si>
    <t>cg16767506</t>
  </si>
  <si>
    <t>cg16768191</t>
  </si>
  <si>
    <t>cg16770798</t>
  </si>
  <si>
    <t>cg16773043</t>
  </si>
  <si>
    <t>cg16773563</t>
  </si>
  <si>
    <t>cg16774290</t>
  </si>
  <si>
    <t>cg16776231</t>
  </si>
  <si>
    <t>cg16782613</t>
  </si>
  <si>
    <t>cg16788538</t>
  </si>
  <si>
    <t>cg16803141</t>
  </si>
  <si>
    <t>cg16805150</t>
  </si>
  <si>
    <t>cg16806794</t>
  </si>
  <si>
    <t>cg16817992</t>
  </si>
  <si>
    <t>cg16823958</t>
  </si>
  <si>
    <t>cg16842053</t>
  </si>
  <si>
    <t>cg16844055</t>
  </si>
  <si>
    <t>cg16846728</t>
  </si>
  <si>
    <t>cg16847315</t>
  </si>
  <si>
    <t>cg16847637</t>
  </si>
  <si>
    <t>cg16848624</t>
  </si>
  <si>
    <t>cg16850897</t>
  </si>
  <si>
    <t>cg16857641</t>
  </si>
  <si>
    <t>cg16857858</t>
  </si>
  <si>
    <t>cg16873973</t>
  </si>
  <si>
    <t>cg16882373</t>
  </si>
  <si>
    <t>cg16882450</t>
  </si>
  <si>
    <t>cg16884974</t>
  </si>
  <si>
    <t>cg16886175</t>
  </si>
  <si>
    <t>cg16890606</t>
  </si>
  <si>
    <t>cg16890939</t>
  </si>
  <si>
    <t>cg16899367</t>
  </si>
  <si>
    <t>cg16909783</t>
  </si>
  <si>
    <t>cg16911981</t>
  </si>
  <si>
    <t>cg16913233</t>
  </si>
  <si>
    <t>cg16913829</t>
  </si>
  <si>
    <t>cg16928523</t>
  </si>
  <si>
    <t>cg16930768</t>
  </si>
  <si>
    <t>cg16937266</t>
  </si>
  <si>
    <t>cg16938614</t>
  </si>
  <si>
    <t>cg16939187</t>
  </si>
  <si>
    <t>cg16940617</t>
  </si>
  <si>
    <t>cg16953283</t>
  </si>
  <si>
    <t>cg16956426</t>
  </si>
  <si>
    <t>cg16956686</t>
  </si>
  <si>
    <t>cg16961070</t>
  </si>
  <si>
    <t>cg16961080</t>
  </si>
  <si>
    <t>cg16961816</t>
  </si>
  <si>
    <t>cg16962008</t>
  </si>
  <si>
    <t>cg16964249</t>
  </si>
  <si>
    <t>cg16964348</t>
  </si>
  <si>
    <t>cg16968475</t>
  </si>
  <si>
    <t>cg16993108</t>
  </si>
  <si>
    <t>cg16994128</t>
  </si>
  <si>
    <t>cg16998835</t>
  </si>
  <si>
    <t>cg16999122</t>
  </si>
  <si>
    <t>cg17001958</t>
  </si>
  <si>
    <t>cg17007872</t>
  </si>
  <si>
    <t>cg17008375</t>
  </si>
  <si>
    <t>cg17008884</t>
  </si>
  <si>
    <t>cg17025484</t>
  </si>
  <si>
    <t>cg17025835</t>
  </si>
  <si>
    <t>cg17045801</t>
  </si>
  <si>
    <t>cg17047021</t>
  </si>
  <si>
    <t>cg17051318</t>
  </si>
  <si>
    <t>cg17052310</t>
  </si>
  <si>
    <t>cg17052813</t>
  </si>
  <si>
    <t>cg17067889</t>
  </si>
  <si>
    <t>cg17068794</t>
  </si>
  <si>
    <t>cg17069437</t>
  </si>
  <si>
    <t>cg17081778</t>
  </si>
  <si>
    <t>cg17087899</t>
  </si>
  <si>
    <t>cg17093212</t>
  </si>
  <si>
    <t>cg17100761</t>
  </si>
  <si>
    <t>cg17126901</t>
  </si>
  <si>
    <t>cg17131435</t>
  </si>
  <si>
    <t>cg17136810</t>
  </si>
  <si>
    <t>cg17137182</t>
  </si>
  <si>
    <t>cg17150306</t>
  </si>
  <si>
    <t>cg17170568</t>
  </si>
  <si>
    <t>cg17177213</t>
  </si>
  <si>
    <t>cg17186355</t>
  </si>
  <si>
    <t>cg17190930</t>
  </si>
  <si>
    <t>cg17197034</t>
  </si>
  <si>
    <t>cg17197489</t>
  </si>
  <si>
    <t>cg17198123</t>
  </si>
  <si>
    <t>cg17200920</t>
  </si>
  <si>
    <t>cg17209826</t>
  </si>
  <si>
    <t>cg17214237</t>
  </si>
  <si>
    <t>cg17215532</t>
  </si>
  <si>
    <t>cg17226348</t>
  </si>
  <si>
    <t>cg17230640</t>
  </si>
  <si>
    <t>cg17236067</t>
  </si>
  <si>
    <t>cg17236668</t>
  </si>
  <si>
    <t>cg17236930</t>
  </si>
  <si>
    <t>cg17309289</t>
  </si>
  <si>
    <t>cg17314888</t>
  </si>
  <si>
    <t>cg17315135</t>
  </si>
  <si>
    <t>cg17315454</t>
  </si>
  <si>
    <t>cg17322443</t>
  </si>
  <si>
    <t>cg17322935</t>
  </si>
  <si>
    <t>cg17323493</t>
  </si>
  <si>
    <t>cg17327632</t>
  </si>
  <si>
    <t>cg17330061</t>
  </si>
  <si>
    <t>cg17331461</t>
  </si>
  <si>
    <t>cg17331904</t>
  </si>
  <si>
    <t>cg17338208</t>
  </si>
  <si>
    <t>cg17341361</t>
  </si>
  <si>
    <t>cg17353412</t>
  </si>
  <si>
    <t>cg17353893</t>
  </si>
  <si>
    <t>cg17364913</t>
  </si>
  <si>
    <t>cg17372657</t>
  </si>
  <si>
    <t>cg17373058</t>
  </si>
  <si>
    <t>cg17390350</t>
  </si>
  <si>
    <t>cg17390817</t>
  </si>
  <si>
    <t>cg17403699</t>
  </si>
  <si>
    <t>cg17409405</t>
  </si>
  <si>
    <t>cg17409673</t>
  </si>
  <si>
    <t>cg17412528</t>
  </si>
  <si>
    <t>cg17419731</t>
  </si>
  <si>
    <t>cg17429234</t>
  </si>
  <si>
    <t>cg17429236</t>
  </si>
  <si>
    <t>cg17448072</t>
  </si>
  <si>
    <t>cg17475136</t>
  </si>
  <si>
    <t>cg17475269</t>
  </si>
  <si>
    <t>cg17479718</t>
  </si>
  <si>
    <t>cg17484877</t>
  </si>
  <si>
    <t>cg17486213</t>
  </si>
  <si>
    <t>cg17488228</t>
  </si>
  <si>
    <t>cg17497608</t>
  </si>
  <si>
    <t>cg17525357</t>
  </si>
  <si>
    <t>cg17533927</t>
  </si>
  <si>
    <t>cg17540192</t>
  </si>
  <si>
    <t>cg17541965</t>
  </si>
  <si>
    <t>cg17554604</t>
  </si>
  <si>
    <t>cg17559894</t>
  </si>
  <si>
    <t>cg17561891</t>
  </si>
  <si>
    <t>cg17563032</t>
  </si>
  <si>
    <t>cg17580798</t>
  </si>
  <si>
    <t>cg17581870</t>
  </si>
  <si>
    <t>cg17589437</t>
  </si>
  <si>
    <t>cg17593625</t>
  </si>
  <si>
    <t>cg17609731</t>
  </si>
  <si>
    <t>cg17613810</t>
  </si>
  <si>
    <t>cg17617930</t>
  </si>
  <si>
    <t>cg17619082</t>
  </si>
  <si>
    <t>cg17620121</t>
  </si>
  <si>
    <t>cg17628556</t>
  </si>
  <si>
    <t>cg17633015</t>
  </si>
  <si>
    <t>cg17642796</t>
  </si>
  <si>
    <t>cg17650622</t>
  </si>
  <si>
    <t>cg17651095</t>
  </si>
  <si>
    <t>cg17677524</t>
  </si>
  <si>
    <t>cg17678038</t>
  </si>
  <si>
    <t>cg17681447</t>
  </si>
  <si>
    <t>cg17683390</t>
  </si>
  <si>
    <t>cg17689925</t>
  </si>
  <si>
    <t>cg17692200</t>
  </si>
  <si>
    <t>cg17695504</t>
  </si>
  <si>
    <t>cg17701146</t>
  </si>
  <si>
    <t>cg17701373</t>
  </si>
  <si>
    <t>cg17702076</t>
  </si>
  <si>
    <t>cg17711535</t>
  </si>
  <si>
    <t>cg17712928</t>
  </si>
  <si>
    <t>cg17713751</t>
  </si>
  <si>
    <t>cg17717259</t>
  </si>
  <si>
    <t>cg17735131</t>
  </si>
  <si>
    <t>cg17749557</t>
  </si>
  <si>
    <t>cg17750428</t>
  </si>
  <si>
    <t>cg17755880</t>
  </si>
  <si>
    <t>cg17760049</t>
  </si>
  <si>
    <t>cg17775727</t>
  </si>
  <si>
    <t>cg17780595</t>
  </si>
  <si>
    <t>cg17803868</t>
  </si>
  <si>
    <t>cg17804177</t>
  </si>
  <si>
    <t>cg17810691</t>
  </si>
  <si>
    <t>cg17822101</t>
  </si>
  <si>
    <t>cg17825298</t>
  </si>
  <si>
    <t>cg17827650</t>
  </si>
  <si>
    <t>cg17833862</t>
  </si>
  <si>
    <t>cg17833937</t>
  </si>
  <si>
    <t>cg17839237</t>
  </si>
  <si>
    <t>cg17841065</t>
  </si>
  <si>
    <t>cg17851657</t>
  </si>
  <si>
    <t>cg17852987</t>
  </si>
  <si>
    <t>cg17868694</t>
  </si>
  <si>
    <t>cg17890940</t>
  </si>
  <si>
    <t>cg17907730</t>
  </si>
  <si>
    <t>cg17913670</t>
  </si>
  <si>
    <t>cg17920744</t>
  </si>
  <si>
    <t>cg17928224</t>
  </si>
  <si>
    <t>cg17929492</t>
  </si>
  <si>
    <t>cg17934367</t>
  </si>
  <si>
    <t>cg17937683</t>
  </si>
  <si>
    <t>cg17945195</t>
  </si>
  <si>
    <t>cg17960051</t>
  </si>
  <si>
    <t>cg17963944</t>
  </si>
  <si>
    <t>cg17969084</t>
  </si>
  <si>
    <t>cg17974780</t>
  </si>
  <si>
    <t>cg17979991</t>
  </si>
  <si>
    <t>cg17983724</t>
  </si>
  <si>
    <t>cg17985646</t>
  </si>
  <si>
    <t>cg17986181</t>
  </si>
  <si>
    <t>cg17995050</t>
  </si>
  <si>
    <t>cg17996989</t>
  </si>
  <si>
    <t>cg18001059</t>
  </si>
  <si>
    <t>cg18003214</t>
  </si>
  <si>
    <t>cg18003588</t>
  </si>
  <si>
    <t>cg18003762</t>
  </si>
  <si>
    <t>cg18004701</t>
  </si>
  <si>
    <t>cg18008037</t>
  </si>
  <si>
    <t>cg18011364</t>
  </si>
  <si>
    <t>cg18013249</t>
  </si>
  <si>
    <t>cg18013408</t>
  </si>
  <si>
    <t>cg18018798</t>
  </si>
  <si>
    <t>cg18022728</t>
  </si>
  <si>
    <t>cg18023771</t>
  </si>
  <si>
    <t>cg18025446</t>
  </si>
  <si>
    <t>cg18029778</t>
  </si>
  <si>
    <t>cg18032812</t>
  </si>
  <si>
    <t>cg18046394</t>
  </si>
  <si>
    <t>cg18048071</t>
  </si>
  <si>
    <t>cg18064706</t>
  </si>
  <si>
    <t>cg18068487</t>
  </si>
  <si>
    <t>cg18075761</t>
  </si>
  <si>
    <t>cg18077580</t>
  </si>
  <si>
    <t>cg18078387</t>
  </si>
  <si>
    <t>cg18078841</t>
  </si>
  <si>
    <t>cg18080670</t>
  </si>
  <si>
    <t>cg18090004</t>
  </si>
  <si>
    <t>cg18090103</t>
  </si>
  <si>
    <t>cg18090197</t>
  </si>
  <si>
    <t>cg18095404</t>
  </si>
  <si>
    <t>cg18102949</t>
  </si>
  <si>
    <t>cg18108329</t>
  </si>
  <si>
    <t>cg18108753</t>
  </si>
  <si>
    <t>cg18112904</t>
  </si>
  <si>
    <t>cg18113596</t>
  </si>
  <si>
    <t>cg18115495</t>
  </si>
  <si>
    <t>cg18122501</t>
  </si>
  <si>
    <t>cg18125549</t>
  </si>
  <si>
    <t>cg18126572</t>
  </si>
  <si>
    <t>cg18127823</t>
  </si>
  <si>
    <t>cg18129805</t>
  </si>
  <si>
    <t>cg18132262</t>
  </si>
  <si>
    <t>cg18138902</t>
  </si>
  <si>
    <t>cg18141365</t>
  </si>
  <si>
    <t>cg18155226</t>
  </si>
  <si>
    <t>cg18159323</t>
  </si>
  <si>
    <t>cg18159583</t>
  </si>
  <si>
    <t>cg18173908</t>
  </si>
  <si>
    <t>cg18177414</t>
  </si>
  <si>
    <t>cg18194535</t>
  </si>
  <si>
    <t>cg18194932</t>
  </si>
  <si>
    <t>cg18195498</t>
  </si>
  <si>
    <t>cg18195862</t>
  </si>
  <si>
    <t>cg18202127</t>
  </si>
  <si>
    <t>cg18204762</t>
  </si>
  <si>
    <t>cg18206027</t>
  </si>
  <si>
    <t>cg18209323</t>
  </si>
  <si>
    <t>cg18209835</t>
  </si>
  <si>
    <t>cg18210722</t>
  </si>
  <si>
    <t>cg18218112</t>
  </si>
  <si>
    <t>cg18219532</t>
  </si>
  <si>
    <t>cg18234533</t>
  </si>
  <si>
    <t>cg18235026</t>
  </si>
  <si>
    <t>cg18242990</t>
  </si>
  <si>
    <t>cg18249027</t>
  </si>
  <si>
    <t>cg18249173</t>
  </si>
  <si>
    <t>cg18250212</t>
  </si>
  <si>
    <t>cg18252968</t>
  </si>
  <si>
    <t>cg18267079</t>
  </si>
  <si>
    <t>cg18269580</t>
  </si>
  <si>
    <t>cg18270113</t>
  </si>
  <si>
    <t>cg18274279</t>
  </si>
  <si>
    <t>cg18278817</t>
  </si>
  <si>
    <t>cg18279341</t>
  </si>
  <si>
    <t>cg18311498</t>
  </si>
  <si>
    <t>cg18311871</t>
  </si>
  <si>
    <t>cg18313661</t>
  </si>
  <si>
    <t>cg18316613</t>
  </si>
  <si>
    <t>cg18317554</t>
  </si>
  <si>
    <t>cg18324707</t>
  </si>
  <si>
    <t>cg18325439</t>
  </si>
  <si>
    <t>cg18326825</t>
  </si>
  <si>
    <t>cg18339838</t>
  </si>
  <si>
    <t>cg18341924</t>
  </si>
  <si>
    <t>cg18342832</t>
  </si>
  <si>
    <t>cg18347153</t>
  </si>
  <si>
    <t>cg18349022</t>
  </si>
  <si>
    <t>cg18349835</t>
  </si>
  <si>
    <t>cg18353661</t>
  </si>
  <si>
    <t>cg18358894</t>
  </si>
  <si>
    <t>cg18362281</t>
  </si>
  <si>
    <t>cg18380123</t>
  </si>
  <si>
    <t>cg18396041</t>
  </si>
  <si>
    <t>cg18404559</t>
  </si>
  <si>
    <t>cg18404925</t>
  </si>
  <si>
    <t>cg18413659</t>
  </si>
  <si>
    <t>cg18416576</t>
  </si>
  <si>
    <t>cg18417464</t>
  </si>
  <si>
    <t>cg18419175</t>
  </si>
  <si>
    <t>cg18420512</t>
  </si>
  <si>
    <t>cg18437077</t>
  </si>
  <si>
    <t>cg18447772</t>
  </si>
  <si>
    <t>cg18451131</t>
  </si>
  <si>
    <t>cg18453441</t>
  </si>
  <si>
    <t>cg18454288</t>
  </si>
  <si>
    <t>cg18470468</t>
  </si>
  <si>
    <t>cg18494018</t>
  </si>
  <si>
    <t>cg18502727</t>
  </si>
  <si>
    <t>cg18515291</t>
  </si>
  <si>
    <t>cg18522413</t>
  </si>
  <si>
    <t>cg18523172</t>
  </si>
  <si>
    <t>cg18526602</t>
  </si>
  <si>
    <t>cg18541042</t>
  </si>
  <si>
    <t>cg18541469</t>
  </si>
  <si>
    <t>cg18542177</t>
  </si>
  <si>
    <t>cg18542829</t>
  </si>
  <si>
    <t>cg18549575</t>
  </si>
  <si>
    <t>cg18560936</t>
  </si>
  <si>
    <t>cg18563348</t>
  </si>
  <si>
    <t>cg18565899</t>
  </si>
  <si>
    <t>cg18570553</t>
  </si>
  <si>
    <t>cg18574157</t>
  </si>
  <si>
    <t>cg18577494</t>
  </si>
  <si>
    <t>cg18591107</t>
  </si>
  <si>
    <t>cg18592975</t>
  </si>
  <si>
    <t>cg18601167</t>
  </si>
  <si>
    <t>cg18607529</t>
  </si>
  <si>
    <t>cg18621538</t>
  </si>
  <si>
    <t>cg18625951</t>
  </si>
  <si>
    <t>cg18628255</t>
  </si>
  <si>
    <t>cg18631920</t>
  </si>
  <si>
    <t>cg18634086</t>
  </si>
  <si>
    <t>cg18641463</t>
  </si>
  <si>
    <t>cg18687914</t>
  </si>
  <si>
    <t>cg18694758</t>
  </si>
  <si>
    <t>cg18705067</t>
  </si>
  <si>
    <t>cg18705808</t>
  </si>
  <si>
    <t>cg18713528</t>
  </si>
  <si>
    <t>cg18721249</t>
  </si>
  <si>
    <t>cg18723978</t>
  </si>
  <si>
    <t>cg18724565</t>
  </si>
  <si>
    <t>cg18750086</t>
  </si>
  <si>
    <t>cg18753341</t>
  </si>
  <si>
    <t>cg18762727</t>
  </si>
  <si>
    <t>cg18766483</t>
  </si>
  <si>
    <t>cg18790057</t>
  </si>
  <si>
    <t>cg18795825</t>
  </si>
  <si>
    <t>cg18805285</t>
  </si>
  <si>
    <t>cg18807030</t>
  </si>
  <si>
    <t>cg18811597</t>
  </si>
  <si>
    <t>cg18813035</t>
  </si>
  <si>
    <t>cg18815388</t>
  </si>
  <si>
    <t>cg18818321</t>
  </si>
  <si>
    <t>cg18834058</t>
  </si>
  <si>
    <t>cg18834259</t>
  </si>
  <si>
    <t>cg18843944</t>
  </si>
  <si>
    <t>cg18845377</t>
  </si>
  <si>
    <t>cg18845801</t>
  </si>
  <si>
    <t>cg18845984</t>
  </si>
  <si>
    <t>cg18846423</t>
  </si>
  <si>
    <t>cg18853935</t>
  </si>
  <si>
    <t>cg18857159</t>
  </si>
  <si>
    <t>cg18857889</t>
  </si>
  <si>
    <t>cg18871179</t>
  </si>
  <si>
    <t>cg18873037</t>
  </si>
  <si>
    <t>cg18873914</t>
  </si>
  <si>
    <t>cg18880986</t>
  </si>
  <si>
    <t>cg18884388</t>
  </si>
  <si>
    <t>cg18884557</t>
  </si>
  <si>
    <t>cg18884940</t>
  </si>
  <si>
    <t>cg18892624</t>
  </si>
  <si>
    <t>cg18913869</t>
  </si>
  <si>
    <t>cg18921306</t>
  </si>
  <si>
    <t>cg18927317</t>
  </si>
  <si>
    <t>cg18929814</t>
  </si>
  <si>
    <t>cg18931036</t>
  </si>
  <si>
    <t>cg18934441</t>
  </si>
  <si>
    <t>cg18934641</t>
  </si>
  <si>
    <t>cg18935479</t>
  </si>
  <si>
    <t>cg18951862</t>
  </si>
  <si>
    <t>cg18952098</t>
  </si>
  <si>
    <t>cg18953747</t>
  </si>
  <si>
    <t>cg18961681</t>
  </si>
  <si>
    <t>cg18976797</t>
  </si>
  <si>
    <t>cg18987274</t>
  </si>
  <si>
    <t>cg18990050</t>
  </si>
  <si>
    <t>cg18999390</t>
  </si>
  <si>
    <t>cg19014245</t>
  </si>
  <si>
    <t>cg19027985</t>
  </si>
  <si>
    <t>cg19028079</t>
  </si>
  <si>
    <t>cg19033045</t>
  </si>
  <si>
    <t>cg19033943</t>
  </si>
  <si>
    <t>cg19036016</t>
  </si>
  <si>
    <t>cg19040163</t>
  </si>
  <si>
    <t>cg19041648</t>
  </si>
  <si>
    <t>cg19042013</t>
  </si>
  <si>
    <t>cg19046642</t>
  </si>
  <si>
    <t>cg19048532</t>
  </si>
  <si>
    <t>cg19080138</t>
  </si>
  <si>
    <t>cg19081270</t>
  </si>
  <si>
    <t>cg19082708</t>
  </si>
  <si>
    <t>cg19082909</t>
  </si>
  <si>
    <t>cg19084479</t>
  </si>
  <si>
    <t>cg19089073</t>
  </si>
  <si>
    <t>cg19098793</t>
  </si>
  <si>
    <t>cg19104757</t>
  </si>
  <si>
    <t>cg19105122</t>
  </si>
  <si>
    <t>cg19113326</t>
  </si>
  <si>
    <t>cg19127138</t>
  </si>
  <si>
    <t>cg19131736</t>
  </si>
  <si>
    <t>cg19142026</t>
  </si>
  <si>
    <t>cg19150007</t>
  </si>
  <si>
    <t>cg19153883</t>
  </si>
  <si>
    <t>cg19156402</t>
  </si>
  <si>
    <t>cg19157140</t>
  </si>
  <si>
    <t>cg19160975</t>
  </si>
  <si>
    <t>cg19161124</t>
  </si>
  <si>
    <t>cg19164917</t>
  </si>
  <si>
    <t>cg19167080</t>
  </si>
  <si>
    <t>cg19183743</t>
  </si>
  <si>
    <t>cg19197750</t>
  </si>
  <si>
    <t>cg19215677</t>
  </si>
  <si>
    <t>cg19221959</t>
  </si>
  <si>
    <t>cg19230755</t>
  </si>
  <si>
    <t>cg19238824</t>
  </si>
  <si>
    <t>cg19239040</t>
  </si>
  <si>
    <t>cg19240213</t>
  </si>
  <si>
    <t>cg19241327</t>
  </si>
  <si>
    <t>cg19242568</t>
  </si>
  <si>
    <t>cg19242984</t>
  </si>
  <si>
    <t>cg19249678</t>
  </si>
  <si>
    <t>cg19250764</t>
  </si>
  <si>
    <t>cg19266034</t>
  </si>
  <si>
    <t>cg19275838</t>
  </si>
  <si>
    <t>cg19279257</t>
  </si>
  <si>
    <t>cg19289355</t>
  </si>
  <si>
    <t>cg19313311</t>
  </si>
  <si>
    <t>cg19314263</t>
  </si>
  <si>
    <t>cg19318147</t>
  </si>
  <si>
    <t>cg19319088</t>
  </si>
  <si>
    <t>cg19319490</t>
  </si>
  <si>
    <t>cg19336198</t>
  </si>
  <si>
    <t>cg19336959</t>
  </si>
  <si>
    <t>cg19339021</t>
  </si>
  <si>
    <t>cg19343600</t>
  </si>
  <si>
    <t>cg19350839</t>
  </si>
  <si>
    <t>cg19362210</t>
  </si>
  <si>
    <t>cg19364784</t>
  </si>
  <si>
    <t>cg19365706</t>
  </si>
  <si>
    <t>cg19382157</t>
  </si>
  <si>
    <t>cg19385090</t>
  </si>
  <si>
    <t>cg19402173</t>
  </si>
  <si>
    <t>cg19419389</t>
  </si>
  <si>
    <t>cg19426362</t>
  </si>
  <si>
    <t>cg19430577</t>
  </si>
  <si>
    <t>cg19436016</t>
  </si>
  <si>
    <t>cg19437757</t>
  </si>
  <si>
    <t>cg19438100</t>
  </si>
  <si>
    <t>cg19451167</t>
  </si>
  <si>
    <t>cg19455421</t>
  </si>
  <si>
    <t>cg19466590</t>
  </si>
  <si>
    <t>cg19480724</t>
  </si>
  <si>
    <t>cg19486070</t>
  </si>
  <si>
    <t>cg19501345</t>
  </si>
  <si>
    <t>cg19506025</t>
  </si>
  <si>
    <t>cg19524362</t>
  </si>
  <si>
    <t>cg19528521</t>
  </si>
  <si>
    <t>cg19529696</t>
  </si>
  <si>
    <t>cg19529957</t>
  </si>
  <si>
    <t>cg19539421</t>
  </si>
  <si>
    <t>cg19547972</t>
  </si>
  <si>
    <t>cg19558503</t>
  </si>
  <si>
    <t>cg19573644</t>
  </si>
  <si>
    <t>cg19586159</t>
  </si>
  <si>
    <t>cg19589071</t>
  </si>
  <si>
    <t>cg19593306</t>
  </si>
  <si>
    <t>cg19594666</t>
  </si>
  <si>
    <t>cg19603847</t>
  </si>
  <si>
    <t>cg19614694</t>
  </si>
  <si>
    <t>cg19623360</t>
  </si>
  <si>
    <t>cg19624444</t>
  </si>
  <si>
    <t>cg19629631</t>
  </si>
  <si>
    <t>cg19639530</t>
  </si>
  <si>
    <t>cg19642189</t>
  </si>
  <si>
    <t>cg19655177</t>
  </si>
  <si>
    <t>cg19658926</t>
  </si>
  <si>
    <t>cg19672993</t>
  </si>
  <si>
    <t>cg19678392</t>
  </si>
  <si>
    <t>cg19691563</t>
  </si>
  <si>
    <t>cg19704520</t>
  </si>
  <si>
    <t>cg19714762</t>
  </si>
  <si>
    <t>cg19716727</t>
  </si>
  <si>
    <t>cg19727491</t>
  </si>
  <si>
    <t>cg19734163</t>
  </si>
  <si>
    <t>cg19741077</t>
  </si>
  <si>
    <t>cg19747852</t>
  </si>
  <si>
    <t>cg19752627</t>
  </si>
  <si>
    <t>cg19760898</t>
  </si>
  <si>
    <t>cg19767562</t>
  </si>
  <si>
    <t>cg19768312</t>
  </si>
  <si>
    <t>cg19781133</t>
  </si>
  <si>
    <t>cg19786287</t>
  </si>
  <si>
    <t>cg19803052</t>
  </si>
  <si>
    <t>cg19808841</t>
  </si>
  <si>
    <t>cg19814400</t>
  </si>
  <si>
    <t>cg19837298</t>
  </si>
  <si>
    <t>cg19838156</t>
  </si>
  <si>
    <t>cg19862616</t>
  </si>
  <si>
    <t>cg19868301</t>
  </si>
  <si>
    <t>cg19877419</t>
  </si>
  <si>
    <t>cg19879539</t>
  </si>
  <si>
    <t>cg19882119</t>
  </si>
  <si>
    <t>cg19889934</t>
  </si>
  <si>
    <t>cg19896591</t>
  </si>
  <si>
    <t>cg19910922</t>
  </si>
  <si>
    <t>cg19915007</t>
  </si>
  <si>
    <t>cg19915185</t>
  </si>
  <si>
    <t>cg19924104</t>
  </si>
  <si>
    <t>cg19924540</t>
  </si>
  <si>
    <t>cg19926079</t>
  </si>
  <si>
    <t>cg19926395</t>
  </si>
  <si>
    <t>cg19928597</t>
  </si>
  <si>
    <t>cg19929126</t>
  </si>
  <si>
    <t>cg19929638</t>
  </si>
  <si>
    <t>cg19942237</t>
  </si>
  <si>
    <t>cg19989222</t>
  </si>
  <si>
    <t>cg20003144</t>
  </si>
  <si>
    <t>cg20004424</t>
  </si>
  <si>
    <t>cg20007465</t>
  </si>
  <si>
    <t>cg20007643</t>
  </si>
  <si>
    <t>cg20018267</t>
  </si>
  <si>
    <t>cg20019019</t>
  </si>
  <si>
    <t>cg20021941</t>
  </si>
  <si>
    <t>cg20024310</t>
  </si>
  <si>
    <t>cg20028661</t>
  </si>
  <si>
    <t>cg20033401</t>
  </si>
  <si>
    <t>cg20033598</t>
  </si>
  <si>
    <t>cg20047924</t>
  </si>
  <si>
    <t>cg20050761</t>
  </si>
  <si>
    <t>cg20052718</t>
  </si>
  <si>
    <t>cg20061010</t>
  </si>
  <si>
    <t>cg20062097</t>
  </si>
  <si>
    <t>cg20068463</t>
  </si>
  <si>
    <t>cg20078466</t>
  </si>
  <si>
    <t>cg20102246</t>
  </si>
  <si>
    <t>cg20105082</t>
  </si>
  <si>
    <t>cg20109393</t>
  </si>
  <si>
    <t>cg20122491</t>
  </si>
  <si>
    <t>cg20151476</t>
  </si>
  <si>
    <t>cg20155440</t>
  </si>
  <si>
    <t>cg20156240</t>
  </si>
  <si>
    <t>cg20160127</t>
  </si>
  <si>
    <t>cg20160281</t>
  </si>
  <si>
    <t>cg20160885</t>
  </si>
  <si>
    <t>cg20161791</t>
  </si>
  <si>
    <t>cg20162526</t>
  </si>
  <si>
    <t>cg20165074</t>
  </si>
  <si>
    <t>cg20183778</t>
  </si>
  <si>
    <t>cg20187418</t>
  </si>
  <si>
    <t>cg20194947</t>
  </si>
  <si>
    <t>cg20200035</t>
  </si>
  <si>
    <t>cg20218073</t>
  </si>
  <si>
    <t>cg20218237</t>
  </si>
  <si>
    <t>cg20218280</t>
  </si>
  <si>
    <t>cg20222926</t>
  </si>
  <si>
    <t>cg20226151</t>
  </si>
  <si>
    <t>cg20229339</t>
  </si>
  <si>
    <t>cg20230721</t>
  </si>
  <si>
    <t>cg20235658</t>
  </si>
  <si>
    <t>cg20238355</t>
  </si>
  <si>
    <t>cg20250336</t>
  </si>
  <si>
    <t>cg20253855</t>
  </si>
  <si>
    <t>cg20258934</t>
  </si>
  <si>
    <t>cg20260127</t>
  </si>
  <si>
    <t>cg20261917</t>
  </si>
  <si>
    <t>cg20263098</t>
  </si>
  <si>
    <t>cg20305142</t>
  </si>
  <si>
    <t>cg20307391</t>
  </si>
  <si>
    <t>cg20309794</t>
  </si>
  <si>
    <t>cg20311575</t>
  </si>
  <si>
    <t>cg20329153</t>
  </si>
  <si>
    <t>cg20340141</t>
  </si>
  <si>
    <t>cg20347042</t>
  </si>
  <si>
    <t>cg20350518</t>
  </si>
  <si>
    <t>cg20354141</t>
  </si>
  <si>
    <t>cg20358061</t>
  </si>
  <si>
    <t>cg20377305</t>
  </si>
  <si>
    <t>cg20378837</t>
  </si>
  <si>
    <t>cg20381798</t>
  </si>
  <si>
    <t>cg20381963</t>
  </si>
  <si>
    <t>cg20387100</t>
  </si>
  <si>
    <t>cg20392105</t>
  </si>
  <si>
    <t>cg20392203</t>
  </si>
  <si>
    <t>cg20393609</t>
  </si>
  <si>
    <t>cg20396385</t>
  </si>
  <si>
    <t>cg20396393</t>
  </si>
  <si>
    <t>cg20397034</t>
  </si>
  <si>
    <t>cg20407483</t>
  </si>
  <si>
    <t>cg20413993</t>
  </si>
  <si>
    <t>cg20419410</t>
  </si>
  <si>
    <t>cg20426994</t>
  </si>
  <si>
    <t>cg20429954</t>
  </si>
  <si>
    <t>cg20435150</t>
  </si>
  <si>
    <t>cg20457683</t>
  </si>
  <si>
    <t>cg20458353</t>
  </si>
  <si>
    <t>cg20458740</t>
  </si>
  <si>
    <t>cg20459407</t>
  </si>
  <si>
    <t>cg20469733</t>
  </si>
  <si>
    <t>cg20477962</t>
  </si>
  <si>
    <t>cg20479774</t>
  </si>
  <si>
    <t>cg20481909</t>
  </si>
  <si>
    <t>cg20482143</t>
  </si>
  <si>
    <t>cg20489453</t>
  </si>
  <si>
    <t>cg20495206</t>
  </si>
  <si>
    <t>cg20526205</t>
  </si>
  <si>
    <t>cg20528183</t>
  </si>
  <si>
    <t>cg20530048</t>
  </si>
  <si>
    <t>cg20531550</t>
  </si>
  <si>
    <t>cg20531781</t>
  </si>
  <si>
    <t>cg20536716</t>
  </si>
  <si>
    <t>cg20538951</t>
  </si>
  <si>
    <t>cg20540370</t>
  </si>
  <si>
    <t>cg20540942</t>
  </si>
  <si>
    <t>cg20552263</t>
  </si>
  <si>
    <t>cg20553930</t>
  </si>
  <si>
    <t>cg20554228</t>
  </si>
  <si>
    <t>cg20555785</t>
  </si>
  <si>
    <t>cg20556803</t>
  </si>
  <si>
    <t>cg20557534</t>
  </si>
  <si>
    <t>cg20561716</t>
  </si>
  <si>
    <t>cg20567847</t>
  </si>
  <si>
    <t>cg20572537</t>
  </si>
  <si>
    <t>cg20580578</t>
  </si>
  <si>
    <t>cg20588703</t>
  </si>
  <si>
    <t>cg20592378</t>
  </si>
  <si>
    <t>cg20592656</t>
  </si>
  <si>
    <t>cg20600874</t>
  </si>
  <si>
    <t>cg20601620</t>
  </si>
  <si>
    <t>cg20603222</t>
  </si>
  <si>
    <t>cg20603964</t>
  </si>
  <si>
    <t>cg20606062</t>
  </si>
  <si>
    <t>cg20612831</t>
  </si>
  <si>
    <t>cg20616779</t>
  </si>
  <si>
    <t>cg20617676</t>
  </si>
  <si>
    <t>cg20631224</t>
  </si>
  <si>
    <t>cg20634074</t>
  </si>
  <si>
    <t>cg20647467</t>
  </si>
  <si>
    <t>cg20648975</t>
  </si>
  <si>
    <t>cg20661176</t>
  </si>
  <si>
    <t>cg20672981</t>
  </si>
  <si>
    <t>cg20675019</t>
  </si>
  <si>
    <t>cg20678233</t>
  </si>
  <si>
    <t>cg20682326</t>
  </si>
  <si>
    <t>cg20703729</t>
  </si>
  <si>
    <t>cg20706192</t>
  </si>
  <si>
    <t>cg20722698</t>
  </si>
  <si>
    <t>cg20723414</t>
  </si>
  <si>
    <t>cg20728105</t>
  </si>
  <si>
    <t>cg20739526</t>
  </si>
  <si>
    <t>cg20753954</t>
  </si>
  <si>
    <t>cg20781234</t>
  </si>
  <si>
    <t>cg20782252</t>
  </si>
  <si>
    <t>cg20784733</t>
  </si>
  <si>
    <t>cg20805005</t>
  </si>
  <si>
    <t>cg20808813</t>
  </si>
  <si>
    <t>cg20811266</t>
  </si>
  <si>
    <t>cg20824189</t>
  </si>
  <si>
    <t>cg20831492</t>
  </si>
  <si>
    <t>cg20835353</t>
  </si>
  <si>
    <t>cg20845262</t>
  </si>
  <si>
    <t>cg20848291</t>
  </si>
  <si>
    <t>cg20848785</t>
  </si>
  <si>
    <t>cg20849378</t>
  </si>
  <si>
    <t>cg20866932</t>
  </si>
  <si>
    <t>cg20870512</t>
  </si>
  <si>
    <t>cg20883831</t>
  </si>
  <si>
    <t>cg20884887</t>
  </si>
  <si>
    <t>cg20893717</t>
  </si>
  <si>
    <t>cg20895785</t>
  </si>
  <si>
    <t>cg20899329</t>
  </si>
  <si>
    <t>cg20935223</t>
  </si>
  <si>
    <t>cg20942782</t>
  </si>
  <si>
    <t>cg20947113</t>
  </si>
  <si>
    <t>cg20949107</t>
  </si>
  <si>
    <t>cg20952204</t>
  </si>
  <si>
    <t>cg20960833</t>
  </si>
  <si>
    <t>cg20964328</t>
  </si>
  <si>
    <t>cg20974609</t>
  </si>
  <si>
    <t>cg20977170</t>
  </si>
  <si>
    <t>cg20978460</t>
  </si>
  <si>
    <t>cg20979786</t>
  </si>
  <si>
    <t>cg20984053</t>
  </si>
  <si>
    <t>cg20989283</t>
  </si>
  <si>
    <t>cg20991937</t>
  </si>
  <si>
    <t>cg21000493</t>
  </si>
  <si>
    <t>cg21003581</t>
  </si>
  <si>
    <t>cg21004325</t>
  </si>
  <si>
    <t>cg21005226</t>
  </si>
  <si>
    <t>cg21007190</t>
  </si>
  <si>
    <t>cg21009572</t>
  </si>
  <si>
    <t>cg21010129</t>
  </si>
  <si>
    <t>cg21010435</t>
  </si>
  <si>
    <t>cg21010566</t>
  </si>
  <si>
    <t>cg21024826</t>
  </si>
  <si>
    <t>cg21024835</t>
  </si>
  <si>
    <t>cg21026624</t>
  </si>
  <si>
    <t>cg21027573</t>
  </si>
  <si>
    <t>cg21037018</t>
  </si>
  <si>
    <t>cg21039932</t>
  </si>
  <si>
    <t>cg21042456</t>
  </si>
  <si>
    <t>cg21052788</t>
  </si>
  <si>
    <t>cg21053509</t>
  </si>
  <si>
    <t>cg21053935</t>
  </si>
  <si>
    <t>cg21054968</t>
  </si>
  <si>
    <t>cg21056706</t>
  </si>
  <si>
    <t>cg21077069</t>
  </si>
  <si>
    <t>cg21079345</t>
  </si>
  <si>
    <t>cg21097504</t>
  </si>
  <si>
    <t>cg21097881</t>
  </si>
  <si>
    <t>cg21099419</t>
  </si>
  <si>
    <t>cg21100807</t>
  </si>
  <si>
    <t>cg21103385</t>
  </si>
  <si>
    <t>cg21108767</t>
  </si>
  <si>
    <t>cg21110052</t>
  </si>
  <si>
    <t>cg21110456</t>
  </si>
  <si>
    <t>cg21110795</t>
  </si>
  <si>
    <t>cg21117373</t>
  </si>
  <si>
    <t>cg21117678</t>
  </si>
  <si>
    <t>cg21123656</t>
  </si>
  <si>
    <t>cg21126583</t>
  </si>
  <si>
    <t>cg21129976</t>
  </si>
  <si>
    <t>cg21134542</t>
  </si>
  <si>
    <t>cg21143892</t>
  </si>
  <si>
    <t>cg21143896</t>
  </si>
  <si>
    <t>cg21151950</t>
  </si>
  <si>
    <t>cg21154964</t>
  </si>
  <si>
    <t>cg21155852</t>
  </si>
  <si>
    <t>cg21156836</t>
  </si>
  <si>
    <t>cg21158526</t>
  </si>
  <si>
    <t>cg21158664</t>
  </si>
  <si>
    <t>cg21159241</t>
  </si>
  <si>
    <t>cg21160944</t>
  </si>
  <si>
    <t>cg21161069</t>
  </si>
  <si>
    <t>cg21176326</t>
  </si>
  <si>
    <t>cg21186299</t>
  </si>
  <si>
    <t>cg21192063</t>
  </si>
  <si>
    <t>cg21201294</t>
  </si>
  <si>
    <t>cg21206234</t>
  </si>
  <si>
    <t>cg21217070</t>
  </si>
  <si>
    <t>cg21227610</t>
  </si>
  <si>
    <t>cg21232767</t>
  </si>
  <si>
    <t>cg21235678</t>
  </si>
  <si>
    <t>cg21239265</t>
  </si>
  <si>
    <t>cg21240861</t>
  </si>
  <si>
    <t>cg21245936</t>
  </si>
  <si>
    <t>cg21246968</t>
  </si>
  <si>
    <t>cg21248060</t>
  </si>
  <si>
    <t>cg21250356</t>
  </si>
  <si>
    <t>cg21254450</t>
  </si>
  <si>
    <t>cg21255826</t>
  </si>
  <si>
    <t>cg21257581</t>
  </si>
  <si>
    <t>cg21265917</t>
  </si>
  <si>
    <t>cg21268650</t>
  </si>
  <si>
    <t>cg21270593</t>
  </si>
  <si>
    <t>cg21279840</t>
  </si>
  <si>
    <t>cg21288207</t>
  </si>
  <si>
    <t>cg21322436</t>
  </si>
  <si>
    <t>cg21330313</t>
  </si>
  <si>
    <t>cg21340129</t>
  </si>
  <si>
    <t>cg21353724</t>
  </si>
  <si>
    <t>cg21364231</t>
  </si>
  <si>
    <t>cg21368161</t>
  </si>
  <si>
    <t>cg21373064</t>
  </si>
  <si>
    <t>cg21375204</t>
  </si>
  <si>
    <t>cg21377260</t>
  </si>
  <si>
    <t>cg21377936</t>
  </si>
  <si>
    <t>cg21381845</t>
  </si>
  <si>
    <t>cg21393713</t>
  </si>
  <si>
    <t>cg21394081</t>
  </si>
  <si>
    <t>cg21394197</t>
  </si>
  <si>
    <t>cg21403089</t>
  </si>
  <si>
    <t>cg21403771</t>
  </si>
  <si>
    <t>cg21405786</t>
  </si>
  <si>
    <t>cg21423973</t>
  </si>
  <si>
    <t>cg21424664</t>
  </si>
  <si>
    <t>cg21428990</t>
  </si>
  <si>
    <t>cg21433668</t>
  </si>
  <si>
    <t>cg21440829</t>
  </si>
  <si>
    <t>cg21444484</t>
  </si>
  <si>
    <t>cg21447117</t>
  </si>
  <si>
    <t>cg21451816</t>
  </si>
  <si>
    <t>cg21452471</t>
  </si>
  <si>
    <t>cg21483883</t>
  </si>
  <si>
    <t>cg21484940</t>
  </si>
  <si>
    <t>cg21486465</t>
  </si>
  <si>
    <t>cg21497990</t>
  </si>
  <si>
    <t>cg21503582</t>
  </si>
  <si>
    <t>cg21510892</t>
  </si>
  <si>
    <t>cg21526343</t>
  </si>
  <si>
    <t>cg21532325</t>
  </si>
  <si>
    <t>cg21532378</t>
  </si>
  <si>
    <t>cg21535156</t>
  </si>
  <si>
    <t>cg21542643</t>
  </si>
  <si>
    <t>cg21543987</t>
  </si>
  <si>
    <t>cg21555798</t>
  </si>
  <si>
    <t>cg21577472</t>
  </si>
  <si>
    <t>cg21585707</t>
  </si>
  <si>
    <t>cg21587460</t>
  </si>
  <si>
    <t>cg21606447</t>
  </si>
  <si>
    <t>cg21617762</t>
  </si>
  <si>
    <t>cg21629166</t>
  </si>
  <si>
    <t>cg21630044</t>
  </si>
  <si>
    <t>cg21637392</t>
  </si>
  <si>
    <t>cg21639178</t>
  </si>
  <si>
    <t>cg21654684</t>
  </si>
  <si>
    <t>cg21656751</t>
  </si>
  <si>
    <t>cg21657955</t>
  </si>
  <si>
    <t>cg21679509</t>
  </si>
  <si>
    <t>cg21685565</t>
  </si>
  <si>
    <t>cg21699595</t>
  </si>
  <si>
    <t>cg21700332</t>
  </si>
  <si>
    <t>cg21700582</t>
  </si>
  <si>
    <t>cg21701354</t>
  </si>
  <si>
    <t>cg21711075</t>
  </si>
  <si>
    <t>cg21718653</t>
  </si>
  <si>
    <t>cg21719787</t>
  </si>
  <si>
    <t>cg21720999</t>
  </si>
  <si>
    <t>cg21743907</t>
  </si>
  <si>
    <t>cg21749456</t>
  </si>
  <si>
    <t>cg21757314</t>
  </si>
  <si>
    <t>cg21763598</t>
  </si>
  <si>
    <t>cg21770322</t>
  </si>
  <si>
    <t>cg21773872</t>
  </si>
  <si>
    <t>cg21778348</t>
  </si>
  <si>
    <t>cg21784396</t>
  </si>
  <si>
    <t>cg21784917</t>
  </si>
  <si>
    <t>cg21787965</t>
  </si>
  <si>
    <t>cg21795588</t>
  </si>
  <si>
    <t>cg21802401</t>
  </si>
  <si>
    <t>cg21804372</t>
  </si>
  <si>
    <t>cg21810311</t>
  </si>
  <si>
    <t>cg21815508</t>
  </si>
  <si>
    <t>cg21815536</t>
  </si>
  <si>
    <t>cg21821755</t>
  </si>
  <si>
    <t>cg21828663</t>
  </si>
  <si>
    <t>cg21831587</t>
  </si>
  <si>
    <t>cg21834860</t>
  </si>
  <si>
    <t>cg21840672</t>
  </si>
  <si>
    <t>cg21842944</t>
  </si>
  <si>
    <t>cg21852117</t>
  </si>
  <si>
    <t>cg21885361</t>
  </si>
  <si>
    <t>cg21887193</t>
  </si>
  <si>
    <t>cg21890592</t>
  </si>
  <si>
    <t>cg21894058</t>
  </si>
  <si>
    <t>cg21898346</t>
  </si>
  <si>
    <t>cg21900829</t>
  </si>
  <si>
    <t>cg21901847</t>
  </si>
  <si>
    <t>cg21914187</t>
  </si>
  <si>
    <t>cg21926039</t>
  </si>
  <si>
    <t>cg21931372</t>
  </si>
  <si>
    <t>cg21950525</t>
  </si>
  <si>
    <t>cg21957028</t>
  </si>
  <si>
    <t>cg21959181</t>
  </si>
  <si>
    <t>cg21962765</t>
  </si>
  <si>
    <t>cg21972156</t>
  </si>
  <si>
    <t>cg21993461</t>
  </si>
  <si>
    <t>cg21998512</t>
  </si>
  <si>
    <t>cg21998840</t>
  </si>
  <si>
    <t>cg22000980</t>
  </si>
  <si>
    <t>cg22029189</t>
  </si>
  <si>
    <t>cg22035166</t>
  </si>
  <si>
    <t>cg22037518</t>
  </si>
  <si>
    <t>cg22044861</t>
  </si>
  <si>
    <t>cg22052566</t>
  </si>
  <si>
    <t>cg22055728</t>
  </si>
  <si>
    <t>cg22063269</t>
  </si>
  <si>
    <t>cg22077265</t>
  </si>
  <si>
    <t>cg22082800</t>
  </si>
  <si>
    <t>cg22083684</t>
  </si>
  <si>
    <t>cg22087390</t>
  </si>
  <si>
    <t>cg22087659</t>
  </si>
  <si>
    <t>cg22107210</t>
  </si>
  <si>
    <t>cg22112000</t>
  </si>
  <si>
    <t>cg22113588</t>
  </si>
  <si>
    <t>cg22114489</t>
  </si>
  <si>
    <t>cg22115465</t>
  </si>
  <si>
    <t>cg22120509</t>
  </si>
  <si>
    <t>cg22120894</t>
  </si>
  <si>
    <t>cg22121237</t>
  </si>
  <si>
    <t>cg22126914</t>
  </si>
  <si>
    <t>cg22128468</t>
  </si>
  <si>
    <t>cg22131234</t>
  </si>
  <si>
    <t>cg22136051</t>
  </si>
  <si>
    <t>cg22143209</t>
  </si>
  <si>
    <t>cg22151113</t>
  </si>
  <si>
    <t>cg22153931</t>
  </si>
  <si>
    <t>cg22154562</t>
  </si>
  <si>
    <t>cg22155270</t>
  </si>
  <si>
    <t>cg22164250</t>
  </si>
  <si>
    <t>cg22176042</t>
  </si>
  <si>
    <t>cg22185451</t>
  </si>
  <si>
    <t>cg22187843</t>
  </si>
  <si>
    <t>cg22202558</t>
  </si>
  <si>
    <t>cg22205015</t>
  </si>
  <si>
    <t>cg22216017</t>
  </si>
  <si>
    <t>cg22240715</t>
  </si>
  <si>
    <t>cg22243438</t>
  </si>
  <si>
    <t>cg22272803</t>
  </si>
  <si>
    <t>cg22272911</t>
  </si>
  <si>
    <t>cg22281380</t>
  </si>
  <si>
    <t>cg22282410</t>
  </si>
  <si>
    <t>cg22285878</t>
  </si>
  <si>
    <t>cg22286616</t>
  </si>
  <si>
    <t>cg22294755</t>
  </si>
  <si>
    <t>cg22318996</t>
  </si>
  <si>
    <t>cg22330924</t>
  </si>
  <si>
    <t>cg22337169</t>
  </si>
  <si>
    <t>cg22338567</t>
  </si>
  <si>
    <t>cg22339356</t>
  </si>
  <si>
    <t>cg22366933</t>
  </si>
  <si>
    <t>cg22377767</t>
  </si>
  <si>
    <t>cg22379472</t>
  </si>
  <si>
    <t>cg22387839</t>
  </si>
  <si>
    <t>cg22396147</t>
  </si>
  <si>
    <t>cg22399555</t>
  </si>
  <si>
    <t>cg22411407</t>
  </si>
  <si>
    <t>cg22415591</t>
  </si>
  <si>
    <t>cg22417032</t>
  </si>
  <si>
    <t>cg22441533</t>
  </si>
  <si>
    <t>cg22444338</t>
  </si>
  <si>
    <t>cg22445167</t>
  </si>
  <si>
    <t>cg22447539</t>
  </si>
  <si>
    <t>cg22450968</t>
  </si>
  <si>
    <t>cg22456132</t>
  </si>
  <si>
    <t>cg22459664</t>
  </si>
  <si>
    <t>cg22460590</t>
  </si>
  <si>
    <t>cg22469274</t>
  </si>
  <si>
    <t>cg22477374</t>
  </si>
  <si>
    <t>cg22479366</t>
  </si>
  <si>
    <t>cg22480742</t>
  </si>
  <si>
    <t>cg22483191</t>
  </si>
  <si>
    <t>cg22483286</t>
  </si>
  <si>
    <t>cg22491548</t>
  </si>
  <si>
    <t>cg22493372</t>
  </si>
  <si>
    <t>cg22497014</t>
  </si>
  <si>
    <t>cg22498223</t>
  </si>
  <si>
    <t>cg22500140</t>
  </si>
  <si>
    <t>cg22500518</t>
  </si>
  <si>
    <t>cg22508391</t>
  </si>
  <si>
    <t>cg22510794</t>
  </si>
  <si>
    <t>cg22512973</t>
  </si>
  <si>
    <t>cg22516733</t>
  </si>
  <si>
    <t>cg22517801</t>
  </si>
  <si>
    <t>cg22521356</t>
  </si>
  <si>
    <t>cg22528270</t>
  </si>
  <si>
    <t>cg22529720</t>
  </si>
  <si>
    <t>cg22531904</t>
  </si>
  <si>
    <t>cg22534288</t>
  </si>
  <si>
    <t>cg22544485</t>
  </si>
  <si>
    <t>cg22551695</t>
  </si>
  <si>
    <t>cg22573590</t>
  </si>
  <si>
    <t>cg22578125</t>
  </si>
  <si>
    <t>cg22607212</t>
  </si>
  <si>
    <t>cg22608082</t>
  </si>
  <si>
    <t>cg22610194</t>
  </si>
  <si>
    <t>cg22616881</t>
  </si>
  <si>
    <t>cg22620221</t>
  </si>
  <si>
    <t>cg22623133</t>
  </si>
  <si>
    <t>cg22623223</t>
  </si>
  <si>
    <t>cg22633390</t>
  </si>
  <si>
    <t>cg22644163</t>
  </si>
  <si>
    <t>cg22663872</t>
  </si>
  <si>
    <t>cg22674202</t>
  </si>
  <si>
    <t>cg22676516</t>
  </si>
  <si>
    <t>cg22691505</t>
  </si>
  <si>
    <t>cg22710955</t>
  </si>
  <si>
    <t>cg22715837</t>
  </si>
  <si>
    <t>cg22717323</t>
  </si>
  <si>
    <t>cg22718111</t>
  </si>
  <si>
    <t>cg22718431</t>
  </si>
  <si>
    <t>cg22722807</t>
  </si>
  <si>
    <t>cg22728904</t>
  </si>
  <si>
    <t>cg22729910</t>
  </si>
  <si>
    <t>cg22740527</t>
  </si>
  <si>
    <t>cg22741272</t>
  </si>
  <si>
    <t>cg22745781</t>
  </si>
  <si>
    <t>cg22747501</t>
  </si>
  <si>
    <t>cg22747643</t>
  </si>
  <si>
    <t>cg22748443</t>
  </si>
  <si>
    <t>cg22751848</t>
  </si>
  <si>
    <t>cg22758700</t>
  </si>
  <si>
    <t>cg22762813</t>
  </si>
  <si>
    <t>cg22784187</t>
  </si>
  <si>
    <t>cg22788953</t>
  </si>
  <si>
    <t>cg22793860</t>
  </si>
  <si>
    <t>cg22797114</t>
  </si>
  <si>
    <t>cg22798849</t>
  </si>
  <si>
    <t>cg22808692</t>
  </si>
  <si>
    <t>cg22820921</t>
  </si>
  <si>
    <t>cg22822048</t>
  </si>
  <si>
    <t>cg22831795</t>
  </si>
  <si>
    <t>cg22864337</t>
  </si>
  <si>
    <t>cg22867066</t>
  </si>
  <si>
    <t>cg22872778</t>
  </si>
  <si>
    <t>cg22873420</t>
  </si>
  <si>
    <t>cg22875749</t>
  </si>
  <si>
    <t>cg22881266</t>
  </si>
  <si>
    <t>cg22884541</t>
  </si>
  <si>
    <t>cg22886405</t>
  </si>
  <si>
    <t>cg22888238</t>
  </si>
  <si>
    <t>cg22902969</t>
  </si>
  <si>
    <t>cg22920873</t>
  </si>
  <si>
    <t>cg22922770</t>
  </si>
  <si>
    <t>cg22939524</t>
  </si>
  <si>
    <t>cg22940273</t>
  </si>
  <si>
    <t>cg22950223</t>
  </si>
  <si>
    <t>cg22951727</t>
  </si>
  <si>
    <t>cg22962123</t>
  </si>
  <si>
    <t>cg22964918</t>
  </si>
  <si>
    <t>cg22964985</t>
  </si>
  <si>
    <t>cg22972989</t>
  </si>
  <si>
    <t>cg22993400</t>
  </si>
  <si>
    <t>cg23030159</t>
  </si>
  <si>
    <t>cg23043544</t>
  </si>
  <si>
    <t>cg23053506</t>
  </si>
  <si>
    <t>cg23066808</t>
  </si>
  <si>
    <t>cg23074601</t>
  </si>
  <si>
    <t>cg23074799</t>
  </si>
  <si>
    <t>cg23084922</t>
  </si>
  <si>
    <t>cg23106370</t>
  </si>
  <si>
    <t>cg23112423</t>
  </si>
  <si>
    <t>cg23112563</t>
  </si>
  <si>
    <t>cg23115136</t>
  </si>
  <si>
    <t>cg23129930</t>
  </si>
  <si>
    <t>cg23133355</t>
  </si>
  <si>
    <t>cg23143978</t>
  </si>
  <si>
    <t>cg23151401</t>
  </si>
  <si>
    <t>cg23152743</t>
  </si>
  <si>
    <t>cg23155395</t>
  </si>
  <si>
    <t>cg23157290</t>
  </si>
  <si>
    <t>cg23161505</t>
  </si>
  <si>
    <t>cg23162587</t>
  </si>
  <si>
    <t>cg23166656</t>
  </si>
  <si>
    <t>cg23166765</t>
  </si>
  <si>
    <t>cg23178550</t>
  </si>
  <si>
    <t>cg23179249</t>
  </si>
  <si>
    <t>cg23181844</t>
  </si>
  <si>
    <t>cg23191072</t>
  </si>
  <si>
    <t>cg23191354</t>
  </si>
  <si>
    <t>cg23191380</t>
  </si>
  <si>
    <t>cg23193639</t>
  </si>
  <si>
    <t>cg23194354</t>
  </si>
  <si>
    <t>cg23194596</t>
  </si>
  <si>
    <t>cg23196782</t>
  </si>
  <si>
    <t>cg23209519</t>
  </si>
  <si>
    <t>cg23209537</t>
  </si>
  <si>
    <t>cg23215256</t>
  </si>
  <si>
    <t>cg23216004</t>
  </si>
  <si>
    <t>cg23234556</t>
  </si>
  <si>
    <t>cg23235069</t>
  </si>
  <si>
    <t>cg23238709</t>
  </si>
  <si>
    <t>cg23249624</t>
  </si>
  <si>
    <t>cg23250587</t>
  </si>
  <si>
    <t>cg23261443</t>
  </si>
  <si>
    <t>cg23263937</t>
  </si>
  <si>
    <t>cg23268879</t>
  </si>
  <si>
    <t>cg23273694</t>
  </si>
  <si>
    <t>cg23275972</t>
  </si>
  <si>
    <t>cg23275998</t>
  </si>
  <si>
    <t>cg23276878</t>
  </si>
  <si>
    <t>cg23277638</t>
  </si>
  <si>
    <t>cg23296475</t>
  </si>
  <si>
    <t>cg23299919</t>
  </si>
  <si>
    <t>cg23300659</t>
  </si>
  <si>
    <t>cg23309203</t>
  </si>
  <si>
    <t>cg23313650</t>
  </si>
  <si>
    <t>cg23316599</t>
  </si>
  <si>
    <t>cg23348014</t>
  </si>
  <si>
    <t>cg23355674</t>
  </si>
  <si>
    <t>cg23355967</t>
  </si>
  <si>
    <t>cg23357832</t>
  </si>
  <si>
    <t>cg23358612</t>
  </si>
  <si>
    <t>cg23359173</t>
  </si>
  <si>
    <t>cg23371106</t>
  </si>
  <si>
    <t>cg23375948</t>
  </si>
  <si>
    <t>cg23380262</t>
  </si>
  <si>
    <t>cg23389783</t>
  </si>
  <si>
    <t>cg23392845</t>
  </si>
  <si>
    <t>cg23396974</t>
  </si>
  <si>
    <t>cg23420536</t>
  </si>
  <si>
    <t>cg23422583</t>
  </si>
  <si>
    <t>cg23424003</t>
  </si>
  <si>
    <t>cg23438945</t>
  </si>
  <si>
    <t>cg23444578</t>
  </si>
  <si>
    <t>cg23448850</t>
  </si>
  <si>
    <t>cg23453437</t>
  </si>
  <si>
    <t>cg23461615</t>
  </si>
  <si>
    <t>cg23469188</t>
  </si>
  <si>
    <t>cg23469219</t>
  </si>
  <si>
    <t>cg23472708</t>
  </si>
  <si>
    <t>cg23477241</t>
  </si>
  <si>
    <t>cg23479697</t>
  </si>
  <si>
    <t>cg23497678</t>
  </si>
  <si>
    <t>cg23500774</t>
  </si>
  <si>
    <t>cg23509665</t>
  </si>
  <si>
    <t>cg23513252</t>
  </si>
  <si>
    <t>cg23516310</t>
  </si>
  <si>
    <t>cg23521603</t>
  </si>
  <si>
    <t>cg23522427</t>
  </si>
  <si>
    <t>cg23528705</t>
  </si>
  <si>
    <t>cg23536473</t>
  </si>
  <si>
    <t>cg23536509</t>
  </si>
  <si>
    <t>cg23544526</t>
  </si>
  <si>
    <t>cg23549902</t>
  </si>
  <si>
    <t>cg23558227</t>
  </si>
  <si>
    <t>cg23567366</t>
  </si>
  <si>
    <t>cg23568998</t>
  </si>
  <si>
    <t>cg23583168</t>
  </si>
  <si>
    <t>cg23601994</t>
  </si>
  <si>
    <t>cg23606385</t>
  </si>
  <si>
    <t>cg23609466</t>
  </si>
  <si>
    <t>cg23615779</t>
  </si>
  <si>
    <t>cg23616761</t>
  </si>
  <si>
    <t>cg23634193</t>
  </si>
  <si>
    <t>cg23634711</t>
  </si>
  <si>
    <t>cg23636833</t>
  </si>
  <si>
    <t>cg23640897</t>
  </si>
  <si>
    <t>cg23657099</t>
  </si>
  <si>
    <t>cg23657377</t>
  </si>
  <si>
    <t>cg23657388</t>
  </si>
  <si>
    <t>cg23667466</t>
  </si>
  <si>
    <t>cg23668004</t>
  </si>
  <si>
    <t>cg23668424</t>
  </si>
  <si>
    <t>cg23670563</t>
  </si>
  <si>
    <t>cg23671665</t>
  </si>
  <si>
    <t>cg23677882</t>
  </si>
  <si>
    <t>cg23678070</t>
  </si>
  <si>
    <t>cg23684074</t>
  </si>
  <si>
    <t>cg23686983</t>
  </si>
  <si>
    <t>cg23687058</t>
  </si>
  <si>
    <t>cg23687994</t>
  </si>
  <si>
    <t>cg23688334</t>
  </si>
  <si>
    <t>cg23690528</t>
  </si>
  <si>
    <t>cg23697855</t>
  </si>
  <si>
    <t>cg23708337</t>
  </si>
  <si>
    <t>cg23714917</t>
  </si>
  <si>
    <t>cg23719549</t>
  </si>
  <si>
    <t>cg23738353</t>
  </si>
  <si>
    <t>cg23738548</t>
  </si>
  <si>
    <t>cg23738624</t>
  </si>
  <si>
    <t>cg23740802</t>
  </si>
  <si>
    <t>cg23742152</t>
  </si>
  <si>
    <t>cg23754918</t>
  </si>
  <si>
    <t>cg23755113</t>
  </si>
  <si>
    <t>cg23758931</t>
  </si>
  <si>
    <t>cg23765834</t>
  </si>
  <si>
    <t>cg23769078</t>
  </si>
  <si>
    <t>cg23770265</t>
  </si>
  <si>
    <t>cg23783444</t>
  </si>
  <si>
    <t>cg23785719</t>
  </si>
  <si>
    <t>cg23786812</t>
  </si>
  <si>
    <t>cg23807071</t>
  </si>
  <si>
    <t>cg23834064</t>
  </si>
  <si>
    <t>cg23836139</t>
  </si>
  <si>
    <t>cg23843484</t>
  </si>
  <si>
    <t>cg23849078</t>
  </si>
  <si>
    <t>cg23862698</t>
  </si>
  <si>
    <t>cg23864283</t>
  </si>
  <si>
    <t>cg23871276</t>
  </si>
  <si>
    <t>cg23874145</t>
  </si>
  <si>
    <t>cg23892192</t>
  </si>
  <si>
    <t>cg23893802</t>
  </si>
  <si>
    <t>cg23894086</t>
  </si>
  <si>
    <t>cg23895204</t>
  </si>
  <si>
    <t>cg23906191</t>
  </si>
  <si>
    <t>cg23907921</t>
  </si>
  <si>
    <t>cg23926006</t>
  </si>
  <si>
    <t>cg23930233</t>
  </si>
  <si>
    <t>cg23932674</t>
  </si>
  <si>
    <t>cg23942526</t>
  </si>
  <si>
    <t>cg23946286</t>
  </si>
  <si>
    <t>cg23956190</t>
  </si>
  <si>
    <t>cg23956737</t>
  </si>
  <si>
    <t>cg23970891</t>
  </si>
  <si>
    <t>cg23972767</t>
  </si>
  <si>
    <t>cg23983315</t>
  </si>
  <si>
    <t>cg23998645</t>
  </si>
  <si>
    <t>cg24000099</t>
  </si>
  <si>
    <t>cg24002213</t>
  </si>
  <si>
    <t>cg24002887</t>
  </si>
  <si>
    <t>cg24005260</t>
  </si>
  <si>
    <t>cg24025801</t>
  </si>
  <si>
    <t>cg24031277</t>
  </si>
  <si>
    <t>cg24040106</t>
  </si>
  <si>
    <t>cg24045038</t>
  </si>
  <si>
    <t>cg24046689</t>
  </si>
  <si>
    <t>cg24050047</t>
  </si>
  <si>
    <t>cg24061141</t>
  </si>
  <si>
    <t>cg24061580</t>
  </si>
  <si>
    <t>cg24084481</t>
  </si>
  <si>
    <t>cg24085468</t>
  </si>
  <si>
    <t>cg24090529</t>
  </si>
  <si>
    <t>cg24099726</t>
  </si>
  <si>
    <t>cg24111710</t>
  </si>
  <si>
    <t>cg24114936</t>
  </si>
  <si>
    <t>cg24115067</t>
  </si>
  <si>
    <t>cg24133836</t>
  </si>
  <si>
    <t>cg24135583</t>
  </si>
  <si>
    <t>cg24140629</t>
  </si>
  <si>
    <t>cg24146409</t>
  </si>
  <si>
    <t>cg24146685</t>
  </si>
  <si>
    <t>cg24164005</t>
  </si>
  <si>
    <t>cg24184022</t>
  </si>
  <si>
    <t>cg24206161</t>
  </si>
  <si>
    <t>cg24227081</t>
  </si>
  <si>
    <t>cg24227264</t>
  </si>
  <si>
    <t>cg24229086</t>
  </si>
  <si>
    <t>cg24234270</t>
  </si>
  <si>
    <t>cg24239690</t>
  </si>
  <si>
    <t>cg24241530</t>
  </si>
  <si>
    <t>cg24242823</t>
  </si>
  <si>
    <t>cg24245406</t>
  </si>
  <si>
    <t>cg24246705</t>
  </si>
  <si>
    <t>cg24272254</t>
  </si>
  <si>
    <t>cg24274982</t>
  </si>
  <si>
    <t>cg24286812</t>
  </si>
  <si>
    <t>cg24295800</t>
  </si>
  <si>
    <t>cg24302095</t>
  </si>
  <si>
    <t>cg24310924</t>
  </si>
  <si>
    <t>cg24316073</t>
  </si>
  <si>
    <t>cg24317190</t>
  </si>
  <si>
    <t>cg24318763</t>
  </si>
  <si>
    <t>cg24334838</t>
  </si>
  <si>
    <t>cg24341254</t>
  </si>
  <si>
    <t>cg24351382</t>
  </si>
  <si>
    <t>cg24383018</t>
  </si>
  <si>
    <t>cg24385675</t>
  </si>
  <si>
    <t>cg24398479</t>
  </si>
  <si>
    <t>cg24399349</t>
  </si>
  <si>
    <t>cg24406898</t>
  </si>
  <si>
    <t>cg24410064</t>
  </si>
  <si>
    <t>cg24421091</t>
  </si>
  <si>
    <t>cg24426072</t>
  </si>
  <si>
    <t>cg24426209</t>
  </si>
  <si>
    <t>cg24426329</t>
  </si>
  <si>
    <t>cg24434963</t>
  </si>
  <si>
    <t>cg24446548</t>
  </si>
  <si>
    <t>cg24446586</t>
  </si>
  <si>
    <t>cg24452135</t>
  </si>
  <si>
    <t>cg24454243</t>
  </si>
  <si>
    <t>cg24481633</t>
  </si>
  <si>
    <t>cg24482724</t>
  </si>
  <si>
    <t>cg24490630</t>
  </si>
  <si>
    <t>cg24491576</t>
  </si>
  <si>
    <t>cg24491766</t>
  </si>
  <si>
    <t>cg24493334</t>
  </si>
  <si>
    <t>cg24494316</t>
  </si>
  <si>
    <t>cg24497732</t>
  </si>
  <si>
    <t>cg24517467</t>
  </si>
  <si>
    <t>cg24523301</t>
  </si>
  <si>
    <t>cg24524451</t>
  </si>
  <si>
    <t>cg24525457</t>
  </si>
  <si>
    <t>cg24525480</t>
  </si>
  <si>
    <t>cg24542046</t>
  </si>
  <si>
    <t>cg24543544</t>
  </si>
  <si>
    <t>cg24559868</t>
  </si>
  <si>
    <t>cg24561692</t>
  </si>
  <si>
    <t>cg24565369</t>
  </si>
  <si>
    <t>cg24574963</t>
  </si>
  <si>
    <t>cg24575065</t>
  </si>
  <si>
    <t>cg24576940</t>
  </si>
  <si>
    <t>cg24587796</t>
  </si>
  <si>
    <t>cg24588058</t>
  </si>
  <si>
    <t>cg24589292</t>
  </si>
  <si>
    <t>cg24589334</t>
  </si>
  <si>
    <t>cg24599249</t>
  </si>
  <si>
    <t>cg24603113</t>
  </si>
  <si>
    <t>cg24609890</t>
  </si>
  <si>
    <t>cg24610236</t>
  </si>
  <si>
    <t>cg24610790</t>
  </si>
  <si>
    <t>cg24616589</t>
  </si>
  <si>
    <t>cg24617568</t>
  </si>
  <si>
    <t>cg24620463</t>
  </si>
  <si>
    <t>cg24625034</t>
  </si>
  <si>
    <t>cg24631845</t>
  </si>
  <si>
    <t>cg24638667</t>
  </si>
  <si>
    <t>cg24653772</t>
  </si>
  <si>
    <t>cg24658321</t>
  </si>
  <si>
    <t>cg24661173</t>
  </si>
  <si>
    <t>cg24661986</t>
  </si>
  <si>
    <t>cg24662653</t>
  </si>
  <si>
    <t>cg24669129</t>
  </si>
  <si>
    <t>cg24669602</t>
  </si>
  <si>
    <t>cg24673147</t>
  </si>
  <si>
    <t>cg24676071</t>
  </si>
  <si>
    <t>cg24695071</t>
  </si>
  <si>
    <t>cg24701257</t>
  </si>
  <si>
    <t>cg24707573</t>
  </si>
  <si>
    <t>cg24714709</t>
  </si>
  <si>
    <t>cg24717401</t>
  </si>
  <si>
    <t>cg24721350</t>
  </si>
  <si>
    <t>cg24747780</t>
  </si>
  <si>
    <t>cg24749726</t>
  </si>
  <si>
    <t>cg24756756</t>
  </si>
  <si>
    <t>cg24764310</t>
  </si>
  <si>
    <t>cg24785946</t>
  </si>
  <si>
    <t>cg24794322</t>
  </si>
  <si>
    <t>cg24797360</t>
  </si>
  <si>
    <t>cg24798115</t>
  </si>
  <si>
    <t>cg24798493</t>
  </si>
  <si>
    <t>cg24799764</t>
  </si>
  <si>
    <t>cg24804652</t>
  </si>
  <si>
    <t>cg24814380</t>
  </si>
  <si>
    <t>cg24815507</t>
  </si>
  <si>
    <t>cg24816578</t>
  </si>
  <si>
    <t>cg24828620</t>
  </si>
  <si>
    <t>cg24830730</t>
  </si>
  <si>
    <t>cg24833071</t>
  </si>
  <si>
    <t>cg24836822</t>
  </si>
  <si>
    <t>cg24837397</t>
  </si>
  <si>
    <t>cg24838202</t>
  </si>
  <si>
    <t>cg24838949</t>
  </si>
  <si>
    <t>cg24845234</t>
  </si>
  <si>
    <t>cg24845324</t>
  </si>
  <si>
    <t>cg24846199</t>
  </si>
  <si>
    <t>cg24859794</t>
  </si>
  <si>
    <t>cg24859945</t>
  </si>
  <si>
    <t>cg24869172</t>
  </si>
  <si>
    <t>cg24880736</t>
  </si>
  <si>
    <t>cg24881205</t>
  </si>
  <si>
    <t>cg24883574</t>
  </si>
  <si>
    <t>cg24883607</t>
  </si>
  <si>
    <t>cg24883709</t>
  </si>
  <si>
    <t>cg24884519</t>
  </si>
  <si>
    <t>cg24885417</t>
  </si>
  <si>
    <t>cg24895258</t>
  </si>
  <si>
    <t>cg24902750</t>
  </si>
  <si>
    <t>cg24902995</t>
  </si>
  <si>
    <t>cg24903434</t>
  </si>
  <si>
    <t>cg24904145</t>
  </si>
  <si>
    <t>cg24925865</t>
  </si>
  <si>
    <t>cg24934063</t>
  </si>
  <si>
    <t>cg24942272</t>
  </si>
  <si>
    <t>cg24942465</t>
  </si>
  <si>
    <t>cg24949795</t>
  </si>
  <si>
    <t>cg24956250</t>
  </si>
  <si>
    <t>cg24957423</t>
  </si>
  <si>
    <t>cg24980893</t>
  </si>
  <si>
    <t>cg24990022</t>
  </si>
  <si>
    <t>cg24990803</t>
  </si>
  <si>
    <t>cg24996433</t>
  </si>
  <si>
    <t>cg25001924</t>
  </si>
  <si>
    <t>cg25011530</t>
  </si>
  <si>
    <t>cg25021681</t>
  </si>
  <si>
    <t>cg25024001</t>
  </si>
  <si>
    <t>cg25024354</t>
  </si>
  <si>
    <t>cg25025646</t>
  </si>
  <si>
    <t>cg25042112</t>
  </si>
  <si>
    <t>cg25052320</t>
  </si>
  <si>
    <t>cg25053232</t>
  </si>
  <si>
    <t>cg25058023</t>
  </si>
  <si>
    <t>cg25105066</t>
  </si>
  <si>
    <t>cg25109431</t>
  </si>
  <si>
    <t>cg25119219</t>
  </si>
  <si>
    <t>cg25124241</t>
  </si>
  <si>
    <t>cg25124639</t>
  </si>
  <si>
    <t>cg25127064</t>
  </si>
  <si>
    <t>cg25127850</t>
  </si>
  <si>
    <t>cg25133533</t>
  </si>
  <si>
    <t>cg25153887</t>
  </si>
  <si>
    <t>cg25160286</t>
  </si>
  <si>
    <t>cg25166340</t>
  </si>
  <si>
    <t>cg25170997</t>
  </si>
  <si>
    <t>cg25183470</t>
  </si>
  <si>
    <t>cg25183958</t>
  </si>
  <si>
    <t>cg25184481</t>
  </si>
  <si>
    <t>cg25185001</t>
  </si>
  <si>
    <t>cg25187254</t>
  </si>
  <si>
    <t>cg25188165</t>
  </si>
  <si>
    <t>cg25188395</t>
  </si>
  <si>
    <t>cg25189836</t>
  </si>
  <si>
    <t>cg25193157</t>
  </si>
  <si>
    <t>cg25198656</t>
  </si>
  <si>
    <t>cg25201047</t>
  </si>
  <si>
    <t>cg25202070</t>
  </si>
  <si>
    <t>cg25203256</t>
  </si>
  <si>
    <t>cg25204742</t>
  </si>
  <si>
    <t>cg25205375</t>
  </si>
  <si>
    <t>cg25224330</t>
  </si>
  <si>
    <t>cg25228422</t>
  </si>
  <si>
    <t>cg25231478</t>
  </si>
  <si>
    <t>cg25234732</t>
  </si>
  <si>
    <t>cg25259697</t>
  </si>
  <si>
    <t>cg25265226</t>
  </si>
  <si>
    <t>cg25285947</t>
  </si>
  <si>
    <t>cg25287257</t>
  </si>
  <si>
    <t>cg25289314</t>
  </si>
  <si>
    <t>cg25289803</t>
  </si>
  <si>
    <t>cg25297425</t>
  </si>
  <si>
    <t>cg25298683</t>
  </si>
  <si>
    <t>cg25305174</t>
  </si>
  <si>
    <t>cg25315312</t>
  </si>
  <si>
    <t>cg25317872</t>
  </si>
  <si>
    <t>cg25320562</t>
  </si>
  <si>
    <t>cg25333258</t>
  </si>
  <si>
    <t>cg25337795</t>
  </si>
  <si>
    <t>cg25340241</t>
  </si>
  <si>
    <t>cg25340758</t>
  </si>
  <si>
    <t>cg25346720</t>
  </si>
  <si>
    <t>cg25350986</t>
  </si>
  <si>
    <t>cg25354653</t>
  </si>
  <si>
    <t>cg25359978</t>
  </si>
  <si>
    <t>cg25377220</t>
  </si>
  <si>
    <t>cg25385322</t>
  </si>
  <si>
    <t>cg25386688</t>
  </si>
  <si>
    <t>cg25389261</t>
  </si>
  <si>
    <t>cg25390506</t>
  </si>
  <si>
    <t>cg25391444</t>
  </si>
  <si>
    <t>cg25391814</t>
  </si>
  <si>
    <t>cg25392362</t>
  </si>
  <si>
    <t>cg25392384</t>
  </si>
  <si>
    <t>cg25392970</t>
  </si>
  <si>
    <t>cg25396640</t>
  </si>
  <si>
    <t>cg25402610</t>
  </si>
  <si>
    <t>cg25404033</t>
  </si>
  <si>
    <t>cg25411333</t>
  </si>
  <si>
    <t>cg25414463</t>
  </si>
  <si>
    <t>cg25416230</t>
  </si>
  <si>
    <t>cg25417842</t>
  </si>
  <si>
    <t>cg25422735</t>
  </si>
  <si>
    <t>cg25423225</t>
  </si>
  <si>
    <t>cg25426892</t>
  </si>
  <si>
    <t>cg25430849</t>
  </si>
  <si>
    <t>cg25431479</t>
  </si>
  <si>
    <t>cg25432518</t>
  </si>
  <si>
    <t>cg25444344</t>
  </si>
  <si>
    <t>cg25453625</t>
  </si>
  <si>
    <t>cg25454298</t>
  </si>
  <si>
    <t>cg25468541</t>
  </si>
  <si>
    <t>cg25476939</t>
  </si>
  <si>
    <t>cg25479093</t>
  </si>
  <si>
    <t>cg25495685</t>
  </si>
  <si>
    <t>cg25506325</t>
  </si>
  <si>
    <t>cg25510753</t>
  </si>
  <si>
    <t>cg25519926</t>
  </si>
  <si>
    <t>cg25528260</t>
  </si>
  <si>
    <t>cg25529965</t>
  </si>
  <si>
    <t>cg25533361</t>
  </si>
  <si>
    <t>cg25542337</t>
  </si>
  <si>
    <t>cg25577322</t>
  </si>
  <si>
    <t>cg25599475</t>
  </si>
  <si>
    <t>cg25607032</t>
  </si>
  <si>
    <t>cg25644252</t>
  </si>
  <si>
    <t>cg25644556</t>
  </si>
  <si>
    <t>cg25649203</t>
  </si>
  <si>
    <t>cg25655978</t>
  </si>
  <si>
    <t>cg25673274</t>
  </si>
  <si>
    <t>cg25679366</t>
  </si>
  <si>
    <t>cg25689539</t>
  </si>
  <si>
    <t>cg25691167</t>
  </si>
  <si>
    <t>cg25704036</t>
  </si>
  <si>
    <t>cg25707767</t>
  </si>
  <si>
    <t>cg25707994</t>
  </si>
  <si>
    <t>cg25709738</t>
  </si>
  <si>
    <t>cg25712005</t>
  </si>
  <si>
    <t>cg25720022</t>
  </si>
  <si>
    <t>cg25726664</t>
  </si>
  <si>
    <t>cg25730717</t>
  </si>
  <si>
    <t>cg25735887</t>
  </si>
  <si>
    <t>cg25751588</t>
  </si>
  <si>
    <t>cg25766425</t>
  </si>
  <si>
    <t>cg25783361</t>
  </si>
  <si>
    <t>cg25783579</t>
  </si>
  <si>
    <t>cg25783719</t>
  </si>
  <si>
    <t>cg25789405</t>
  </si>
  <si>
    <t>cg25794884</t>
  </si>
  <si>
    <t>cg25797455</t>
  </si>
  <si>
    <t>cg25798982</t>
  </si>
  <si>
    <t>cg25817701</t>
  </si>
  <si>
    <t>cg25818402</t>
  </si>
  <si>
    <t>cg25820728</t>
  </si>
  <si>
    <t>cg25823085</t>
  </si>
  <si>
    <t>cg25825008</t>
  </si>
  <si>
    <t>cg25826644</t>
  </si>
  <si>
    <t>cg25834613</t>
  </si>
  <si>
    <t>cg25837738</t>
  </si>
  <si>
    <t>cg25841539</t>
  </si>
  <si>
    <t>cg25846074</t>
  </si>
  <si>
    <t>cg25859141</t>
  </si>
  <si>
    <t>cg25859468</t>
  </si>
  <si>
    <t>cg25864125</t>
  </si>
  <si>
    <t>cg25876509</t>
  </si>
  <si>
    <t>cg25878452</t>
  </si>
  <si>
    <t>cg25880593</t>
  </si>
  <si>
    <t>cg25894440</t>
  </si>
  <si>
    <t>cg25901444</t>
  </si>
  <si>
    <t>cg25916771</t>
  </si>
  <si>
    <t>cg25920258</t>
  </si>
  <si>
    <t>cg25920483</t>
  </si>
  <si>
    <t>cg25921007</t>
  </si>
  <si>
    <t>cg25922355</t>
  </si>
  <si>
    <t>cg25923345</t>
  </si>
  <si>
    <t>cg25927822</t>
  </si>
  <si>
    <t>cg25950036</t>
  </si>
  <si>
    <t>cg25963822</t>
  </si>
  <si>
    <t>cg25967031</t>
  </si>
  <si>
    <t>cg25980157</t>
  </si>
  <si>
    <t>cg25980689</t>
  </si>
  <si>
    <t>cg25981124</t>
  </si>
  <si>
    <t>cg25983070</t>
  </si>
  <si>
    <t>cg25987194</t>
  </si>
  <si>
    <t>cg26005303</t>
  </si>
  <si>
    <t>cg26032392</t>
  </si>
  <si>
    <t>cg26032604</t>
  </si>
  <si>
    <t>cg26037026</t>
  </si>
  <si>
    <t>cg26039848</t>
  </si>
  <si>
    <t>cg26050838</t>
  </si>
  <si>
    <t>cg26052553</t>
  </si>
  <si>
    <t>cg26057283</t>
  </si>
  <si>
    <t>cg26058391</t>
  </si>
  <si>
    <t>cg26070081</t>
  </si>
  <si>
    <t>cg26075639</t>
  </si>
  <si>
    <t>cg26080111</t>
  </si>
  <si>
    <t>cg26083396</t>
  </si>
  <si>
    <t>cg26102295</t>
  </si>
  <si>
    <t>cg26104384</t>
  </si>
  <si>
    <t>cg26105076</t>
  </si>
  <si>
    <t>cg26112394</t>
  </si>
  <si>
    <t>cg26122980</t>
  </si>
  <si>
    <t>cg26124968</t>
  </si>
  <si>
    <t>cg26154546</t>
  </si>
  <si>
    <t>cg26155156</t>
  </si>
  <si>
    <t>cg26161795</t>
  </si>
  <si>
    <t>cg26162020</t>
  </si>
  <si>
    <t>cg26170604</t>
  </si>
  <si>
    <t>cg26173417</t>
  </si>
  <si>
    <t>cg26173847</t>
  </si>
  <si>
    <t>cg26175729</t>
  </si>
  <si>
    <t>cg26180191</t>
  </si>
  <si>
    <t>cg26180501</t>
  </si>
  <si>
    <t>cg26183330</t>
  </si>
  <si>
    <t>cg26183948</t>
  </si>
  <si>
    <t>cg26194633</t>
  </si>
  <si>
    <t>cg26203572</t>
  </si>
  <si>
    <t>cg26211126</t>
  </si>
  <si>
    <t>cg26217489</t>
  </si>
  <si>
    <t>cg26220185</t>
  </si>
  <si>
    <t>cg26224354</t>
  </si>
  <si>
    <t>cg26239984</t>
  </si>
  <si>
    <t>cg26240231</t>
  </si>
  <si>
    <t>cg26243635</t>
  </si>
  <si>
    <t>cg26247093</t>
  </si>
  <si>
    <t>cg26259537</t>
  </si>
  <si>
    <t>cg26264232</t>
  </si>
  <si>
    <t>cg26265070</t>
  </si>
  <si>
    <t>cg26267259</t>
  </si>
  <si>
    <t>cg26269703</t>
  </si>
  <si>
    <t>cg26269797</t>
  </si>
  <si>
    <t>cg26293015</t>
  </si>
  <si>
    <t>cg26299549</t>
  </si>
  <si>
    <t>cg26305174</t>
  </si>
  <si>
    <t>cg26307206</t>
  </si>
  <si>
    <t>cg26307355</t>
  </si>
  <si>
    <t>cg26307624</t>
  </si>
  <si>
    <t>cg26311610</t>
  </si>
  <si>
    <t>cg26312950</t>
  </si>
  <si>
    <t>cg26313888</t>
  </si>
  <si>
    <t>cg26314566</t>
  </si>
  <si>
    <t>cg26315617</t>
  </si>
  <si>
    <t>cg26322231</t>
  </si>
  <si>
    <t>cg26330088</t>
  </si>
  <si>
    <t>cg26334954</t>
  </si>
  <si>
    <t>cg26335633</t>
  </si>
  <si>
    <t>cg26337914</t>
  </si>
  <si>
    <t>cg26340461</t>
  </si>
  <si>
    <t>cg26344227</t>
  </si>
  <si>
    <t>cg26365299</t>
  </si>
  <si>
    <t>cg26385074</t>
  </si>
  <si>
    <t>cg26387796</t>
  </si>
  <si>
    <t>cg26393015</t>
  </si>
  <si>
    <t>cg26402660</t>
  </si>
  <si>
    <t>cg26406014</t>
  </si>
  <si>
    <t>cg26421572</t>
  </si>
  <si>
    <t>cg26434548</t>
  </si>
  <si>
    <t>cg26440261</t>
  </si>
  <si>
    <t>cg26451575</t>
  </si>
  <si>
    <t>cg26459372</t>
  </si>
  <si>
    <t>cg26466856</t>
  </si>
  <si>
    <t>cg26468430</t>
  </si>
  <si>
    <t>cg26470115</t>
  </si>
  <si>
    <t>cg26472133</t>
  </si>
  <si>
    <t>cg26476852</t>
  </si>
  <si>
    <t>cg26479533</t>
  </si>
  <si>
    <t>cg26489513</t>
  </si>
  <si>
    <t>cg26502671</t>
  </si>
  <si>
    <t>cg26505959</t>
  </si>
  <si>
    <t>cg26510723</t>
  </si>
  <si>
    <t>cg26510975</t>
  </si>
  <si>
    <t>cg26512479</t>
  </si>
  <si>
    <t>cg26517831</t>
  </si>
  <si>
    <t>cg26521404</t>
  </si>
  <si>
    <t>cg26526379</t>
  </si>
  <si>
    <t>cg26544028</t>
  </si>
  <si>
    <t>cg26556186</t>
  </si>
  <si>
    <t>cg26575120</t>
  </si>
  <si>
    <t>cg26577729</t>
  </si>
  <si>
    <t>cg26585202</t>
  </si>
  <si>
    <t>cg26592281</t>
  </si>
  <si>
    <t>cg26593380</t>
  </si>
  <si>
    <t>cg26596975</t>
  </si>
  <si>
    <t>cg26600954</t>
  </si>
  <si>
    <t>cg26604191</t>
  </si>
  <si>
    <t>cg26605518</t>
  </si>
  <si>
    <t>cg26605996</t>
  </si>
  <si>
    <t>cg26616078</t>
  </si>
  <si>
    <t>cg26616283</t>
  </si>
  <si>
    <t>cg26620655</t>
  </si>
  <si>
    <t>cg26623444</t>
  </si>
  <si>
    <t>cg26636061</t>
  </si>
  <si>
    <t>cg26639747</t>
  </si>
  <si>
    <t>cg26642655</t>
  </si>
  <si>
    <t>cg26642667</t>
  </si>
  <si>
    <t>cg26644764</t>
  </si>
  <si>
    <t>cg26645494</t>
  </si>
  <si>
    <t>cg26647929</t>
  </si>
  <si>
    <t>cg26651148</t>
  </si>
  <si>
    <t>cg26651303</t>
  </si>
  <si>
    <t>cg26652447</t>
  </si>
  <si>
    <t>cg26660541</t>
  </si>
  <si>
    <t>cg26662298</t>
  </si>
  <si>
    <t>cg26663754</t>
  </si>
  <si>
    <t>cg26664107</t>
  </si>
  <si>
    <t>cg26667586</t>
  </si>
  <si>
    <t>cg26673012</t>
  </si>
  <si>
    <t>cg26676326</t>
  </si>
  <si>
    <t>cg26684363</t>
  </si>
  <si>
    <t>cg26686415</t>
  </si>
  <si>
    <t>cg26687746</t>
  </si>
  <si>
    <t>cg26687844</t>
  </si>
  <si>
    <t>cg26690075</t>
  </si>
  <si>
    <t>cg26694724</t>
  </si>
  <si>
    <t>cg26695780</t>
  </si>
  <si>
    <t>cg26718878</t>
  </si>
  <si>
    <t>cg26734522</t>
  </si>
  <si>
    <t>cg26745402</t>
  </si>
  <si>
    <t>cg26748583</t>
  </si>
  <si>
    <t>cg26754824</t>
  </si>
  <si>
    <t>cg26765585</t>
  </si>
  <si>
    <t>cg26769720</t>
  </si>
  <si>
    <t>cg26770381</t>
  </si>
  <si>
    <t>cg26773803</t>
  </si>
  <si>
    <t>cg26774430</t>
  </si>
  <si>
    <t>cg26776175</t>
  </si>
  <si>
    <t>cg26779378</t>
  </si>
  <si>
    <t>cg26780321</t>
  </si>
  <si>
    <t>cg26792755</t>
  </si>
  <si>
    <t>cg26796981</t>
  </si>
  <si>
    <t>cg26797297</t>
  </si>
  <si>
    <t>cg26802289</t>
  </si>
  <si>
    <t>cg26812421</t>
  </si>
  <si>
    <t>cg26814075</t>
  </si>
  <si>
    <t>cg26820118</t>
  </si>
  <si>
    <t>cg26824006</t>
  </si>
  <si>
    <t>cg26832564</t>
  </si>
  <si>
    <t>cg26834624</t>
  </si>
  <si>
    <t>cg26836793</t>
  </si>
  <si>
    <t>cg26839117</t>
  </si>
  <si>
    <t>cg26860994</t>
  </si>
  <si>
    <t>cg26886268</t>
  </si>
  <si>
    <t>cg26891873</t>
  </si>
  <si>
    <t>cg26932690</t>
  </si>
  <si>
    <t>cg26932860</t>
  </si>
  <si>
    <t>cg26935020</t>
  </si>
  <si>
    <t>cg26937500</t>
  </si>
  <si>
    <t>cg26944052</t>
  </si>
  <si>
    <t>cg26948064</t>
  </si>
  <si>
    <t>cg26950885</t>
  </si>
  <si>
    <t>cg26956263</t>
  </si>
  <si>
    <t>cg26958597</t>
  </si>
  <si>
    <t>cg26961808</t>
  </si>
  <si>
    <t>cg26966001</t>
  </si>
  <si>
    <t>cg26967842</t>
  </si>
  <si>
    <t>cg26985366</t>
  </si>
  <si>
    <t>cg26986937</t>
  </si>
  <si>
    <t>cg26990587</t>
  </si>
  <si>
    <t>cg26996890</t>
  </si>
  <si>
    <t>cg27001607</t>
  </si>
  <si>
    <t>cg27003776</t>
  </si>
  <si>
    <t>cg27009703</t>
  </si>
  <si>
    <t>cg27026831</t>
  </si>
  <si>
    <t>cg27028030</t>
  </si>
  <si>
    <t>cg27030336</t>
  </si>
  <si>
    <t>cg27032146</t>
  </si>
  <si>
    <t>cg27032232</t>
  </si>
  <si>
    <t>cg27039626</t>
  </si>
  <si>
    <t>cg27050550</t>
  </si>
  <si>
    <t>cg27061377</t>
  </si>
  <si>
    <t>cg27061477</t>
  </si>
  <si>
    <t>cg27076139</t>
  </si>
  <si>
    <t>cg27078522</t>
  </si>
  <si>
    <t>cg27079009</t>
  </si>
  <si>
    <t>cg27080725</t>
  </si>
  <si>
    <t>cg27084965</t>
  </si>
  <si>
    <t>cg27087150</t>
  </si>
  <si>
    <t>cg27092935</t>
  </si>
  <si>
    <t>cg27096779</t>
  </si>
  <si>
    <t>cg27100990</t>
  </si>
  <si>
    <t>cg27101452</t>
  </si>
  <si>
    <t>cg27103642</t>
  </si>
  <si>
    <t>cg27104173</t>
  </si>
  <si>
    <t>cg27109748</t>
  </si>
  <si>
    <t>cg27112370</t>
  </si>
  <si>
    <t>cg27119212</t>
  </si>
  <si>
    <t>cg27120649</t>
  </si>
  <si>
    <t>cg27121529</t>
  </si>
  <si>
    <t>cg27131953</t>
  </si>
  <si>
    <t>cg27134084</t>
  </si>
  <si>
    <t>cg27135125</t>
  </si>
  <si>
    <t>cg27138194</t>
  </si>
  <si>
    <t>cg27147174</t>
  </si>
  <si>
    <t>cg27147706</t>
  </si>
  <si>
    <t>cg27158209</t>
  </si>
  <si>
    <t>cg27164612</t>
  </si>
  <si>
    <t>cg27172488</t>
  </si>
  <si>
    <t>cg27174778</t>
  </si>
  <si>
    <t>cg27177779</t>
  </si>
  <si>
    <t>cg27179533</t>
  </si>
  <si>
    <t>cg27180548</t>
  </si>
  <si>
    <t>cg27200454</t>
  </si>
  <si>
    <t>cg27200869</t>
  </si>
  <si>
    <t>cg27205559</t>
  </si>
  <si>
    <t>cg27215475</t>
  </si>
  <si>
    <t>cg27220091</t>
  </si>
  <si>
    <t>cg27225422</t>
  </si>
  <si>
    <t>cg27240775</t>
  </si>
  <si>
    <t>cg27241559</t>
  </si>
  <si>
    <t>cg27268486</t>
  </si>
  <si>
    <t>cg27275781</t>
  </si>
  <si>
    <t>cg27284840</t>
  </si>
  <si>
    <t>cg27285761</t>
  </si>
  <si>
    <t>cg27287438</t>
  </si>
  <si>
    <t>cg27303125</t>
  </si>
  <si>
    <t>cg27303983</t>
  </si>
  <si>
    <t>cg27305603</t>
  </si>
  <si>
    <t>cg27317975</t>
  </si>
  <si>
    <t>cg27319677</t>
  </si>
  <si>
    <t>cg27324698</t>
  </si>
  <si>
    <t>cg27324804</t>
  </si>
  <si>
    <t>cg27326224</t>
  </si>
  <si>
    <t>cg27330627</t>
  </si>
  <si>
    <t>cg27331241</t>
  </si>
  <si>
    <t>cg27331524</t>
  </si>
  <si>
    <t>cg27338480</t>
  </si>
  <si>
    <t>cg27341472</t>
  </si>
  <si>
    <t>cg27345762</t>
  </si>
  <si>
    <t>cg27355354</t>
  </si>
  <si>
    <t>cg27356513</t>
  </si>
  <si>
    <t>cg27375029</t>
  </si>
  <si>
    <t>cg27378035</t>
  </si>
  <si>
    <t>cg27379232</t>
  </si>
  <si>
    <t>cg27381618</t>
  </si>
  <si>
    <t>cg27392444</t>
  </si>
  <si>
    <t>cg27392792</t>
  </si>
  <si>
    <t>cg27393730</t>
  </si>
  <si>
    <t>cg27399297</t>
  </si>
  <si>
    <t>cg27402881</t>
  </si>
  <si>
    <t>cg27405731</t>
  </si>
  <si>
    <t>cg27408238</t>
  </si>
  <si>
    <t>cg27409770</t>
  </si>
  <si>
    <t>cg27410012</t>
  </si>
  <si>
    <t>cg27415006</t>
  </si>
  <si>
    <t>cg27417659</t>
  </si>
  <si>
    <t>cg27418434</t>
  </si>
  <si>
    <t>cg27425719</t>
  </si>
  <si>
    <t>cg27425996</t>
  </si>
  <si>
    <t>cg27435498</t>
  </si>
  <si>
    <t>cg27435646</t>
  </si>
  <si>
    <t>cg27437510</t>
  </si>
  <si>
    <t>cg27441048</t>
  </si>
  <si>
    <t>cg27441228</t>
  </si>
  <si>
    <t>cg27443310</t>
  </si>
  <si>
    <t>cg27447165</t>
  </si>
  <si>
    <t>cg27449864</t>
  </si>
  <si>
    <t>cg27450153</t>
  </si>
  <si>
    <t>cg27451672</t>
  </si>
  <si>
    <t>cg27452451</t>
  </si>
  <si>
    <t>cg27457078</t>
  </si>
  <si>
    <t>cg27462497</t>
  </si>
  <si>
    <t>cg27462820</t>
  </si>
  <si>
    <t>cg27465275</t>
  </si>
  <si>
    <t>cg27468941</t>
  </si>
  <si>
    <t>cg27469719</t>
  </si>
  <si>
    <t>cg27478167</t>
  </si>
  <si>
    <t>cg27484582</t>
  </si>
  <si>
    <t>cg27493411</t>
  </si>
  <si>
    <t>cg27494858</t>
  </si>
  <si>
    <t>cg27495643</t>
  </si>
  <si>
    <t>cg27500542</t>
  </si>
  <si>
    <t>cg27511265</t>
  </si>
  <si>
    <t>cg27511528</t>
  </si>
  <si>
    <t>cg27511611</t>
  </si>
  <si>
    <t>cg27516634</t>
  </si>
  <si>
    <t>cg27519534</t>
  </si>
  <si>
    <t>cg27525731</t>
  </si>
  <si>
    <t>cg27528510</t>
  </si>
  <si>
    <t>cg27528649</t>
  </si>
  <si>
    <t>cg27544015</t>
  </si>
  <si>
    <t>cg27544375</t>
  </si>
  <si>
    <t>cg27546065</t>
  </si>
  <si>
    <t>cg27546981</t>
  </si>
  <si>
    <t>cg27550262</t>
  </si>
  <si>
    <t>cg27565794</t>
  </si>
  <si>
    <t>cg27570732</t>
  </si>
  <si>
    <t>cg27573471</t>
  </si>
  <si>
    <t>cg27576576</t>
  </si>
  <si>
    <t>cg27589003</t>
  </si>
  <si>
    <t>cg27598340</t>
  </si>
  <si>
    <t>cg27616751</t>
  </si>
  <si>
    <t>cg27618240</t>
  </si>
  <si>
    <t>cg27624313</t>
  </si>
  <si>
    <t>cg27642883</t>
  </si>
  <si>
    <t>cg27662204</t>
  </si>
  <si>
    <t>cg27663279</t>
  </si>
  <si>
    <t>cg00011247</t>
  </si>
  <si>
    <t>cg00015530</t>
  </si>
  <si>
    <t>cg00021237</t>
  </si>
  <si>
    <t>cg00023185</t>
  </si>
  <si>
    <t>cg00029831</t>
  </si>
  <si>
    <t>cg00033457</t>
  </si>
  <si>
    <t>cg00033806</t>
  </si>
  <si>
    <t>cg00034076</t>
  </si>
  <si>
    <t>cg00054210</t>
  </si>
  <si>
    <t>cg00063503</t>
  </si>
  <si>
    <t>cg00068428</t>
  </si>
  <si>
    <t>cg00071408</t>
  </si>
  <si>
    <t>cg00079785</t>
  </si>
  <si>
    <t>cg00083535</t>
  </si>
  <si>
    <t>cg00083765</t>
  </si>
  <si>
    <t>cg00084798</t>
  </si>
  <si>
    <t>cg00110724</t>
  </si>
  <si>
    <t>cg00111335</t>
  </si>
  <si>
    <t>cg00118363</t>
  </si>
  <si>
    <t>cg00139947</t>
  </si>
  <si>
    <t>cg00140501</t>
  </si>
  <si>
    <t>cg00140502</t>
  </si>
  <si>
    <t>cg00159780</t>
  </si>
  <si>
    <t>cg00161931</t>
  </si>
  <si>
    <t>cg00176896</t>
  </si>
  <si>
    <t>cg00177657</t>
  </si>
  <si>
    <t>cg00178551</t>
  </si>
  <si>
    <t>cg00184235</t>
  </si>
  <si>
    <t>cg00185032</t>
  </si>
  <si>
    <t>cg00194681</t>
  </si>
  <si>
    <t>cg00195828</t>
  </si>
  <si>
    <t>cg00197313</t>
  </si>
  <si>
    <t>cg00255135</t>
  </si>
  <si>
    <t>cg00259887</t>
  </si>
  <si>
    <t>cg00260575</t>
  </si>
  <si>
    <t>cg00267839</t>
  </si>
  <si>
    <t>cg00269553</t>
  </si>
  <si>
    <t>cg00282216</t>
  </si>
  <si>
    <t>cg00288584</t>
  </si>
  <si>
    <t>cg00288598</t>
  </si>
  <si>
    <t>cg00290626</t>
  </si>
  <si>
    <t>cg00291316</t>
  </si>
  <si>
    <t>cg00292087</t>
  </si>
  <si>
    <t>cg00292857</t>
  </si>
  <si>
    <t>cg00293626</t>
  </si>
  <si>
    <t>cg00297737</t>
  </si>
  <si>
    <t>cg00317680</t>
  </si>
  <si>
    <t>cg00318618</t>
  </si>
  <si>
    <t>cg00321480</t>
  </si>
  <si>
    <t>cg00349636</t>
  </si>
  <si>
    <t>cg00384539</t>
  </si>
  <si>
    <t>cg00391481</t>
  </si>
  <si>
    <t>cg00395995</t>
  </si>
  <si>
    <t>cg00396059</t>
  </si>
  <si>
    <t>cg00404280</t>
  </si>
  <si>
    <t>cg00410323</t>
  </si>
  <si>
    <t>cg00413370</t>
  </si>
  <si>
    <t>cg00415665</t>
  </si>
  <si>
    <t>cg00417291</t>
  </si>
  <si>
    <t>cg00421139</t>
  </si>
  <si>
    <t>cg00423068</t>
  </si>
  <si>
    <t>cg00423826</t>
  </si>
  <si>
    <t>cg00425918</t>
  </si>
  <si>
    <t>cg00428944</t>
  </si>
  <si>
    <t>cg00432041</t>
  </si>
  <si>
    <t>cg00433296</t>
  </si>
  <si>
    <t>cg00444261</t>
  </si>
  <si>
    <t>cg00447052</t>
  </si>
  <si>
    <t>cg00449899</t>
  </si>
  <si>
    <t>cg00467244</t>
  </si>
  <si>
    <t>cg00475645</t>
  </si>
  <si>
    <t>cg00487870</t>
  </si>
  <si>
    <t>cg00550558</t>
  </si>
  <si>
    <t>cg00552087</t>
  </si>
  <si>
    <t>cg00561736</t>
  </si>
  <si>
    <t>cg00575153</t>
  </si>
  <si>
    <t>cg00575769</t>
  </si>
  <si>
    <t>cg00580965</t>
  </si>
  <si>
    <t>cg00584456</t>
  </si>
  <si>
    <t>cg00598335</t>
  </si>
  <si>
    <t>cg00598766</t>
  </si>
  <si>
    <t>cg00602245</t>
  </si>
  <si>
    <t>cg00620445</t>
  </si>
  <si>
    <t>cg00630892</t>
  </si>
  <si>
    <t>cg00661245</t>
  </si>
  <si>
    <t>cg00668592</t>
  </si>
  <si>
    <t>cg00672507</t>
  </si>
  <si>
    <t>cg00676030</t>
  </si>
  <si>
    <t>cg00681278</t>
  </si>
  <si>
    <t>cg00687766</t>
  </si>
  <si>
    <t>cg00688297</t>
  </si>
  <si>
    <t>cg00688447</t>
  </si>
  <si>
    <t>cg00720027</t>
  </si>
  <si>
    <t>cg00720475</t>
  </si>
  <si>
    <t>cg00723017</t>
  </si>
  <si>
    <t>cg00735315</t>
  </si>
  <si>
    <t>cg00751253</t>
  </si>
  <si>
    <t>cg00774155</t>
  </si>
  <si>
    <t>cg00775906</t>
  </si>
  <si>
    <t>cg00794209</t>
  </si>
  <si>
    <t>cg00827210</t>
  </si>
  <si>
    <t>cg00831710</t>
  </si>
  <si>
    <t>cg00837765</t>
  </si>
  <si>
    <t>cg00845598</t>
  </si>
  <si>
    <t>cg00874558</t>
  </si>
  <si>
    <t>cg00885176</t>
  </si>
  <si>
    <t>cg00886954</t>
  </si>
  <si>
    <t>cg00892353</t>
  </si>
  <si>
    <t>cg00892792</t>
  </si>
  <si>
    <t>cg00910695</t>
  </si>
  <si>
    <t>cg00920231</t>
  </si>
  <si>
    <t>cg00920484</t>
  </si>
  <si>
    <t>cg00927435</t>
  </si>
  <si>
    <t>cg00938672</t>
  </si>
  <si>
    <t>cg00941745</t>
  </si>
  <si>
    <t>cg00945932</t>
  </si>
  <si>
    <t>cg00990613</t>
  </si>
  <si>
    <t>cg00994411</t>
  </si>
  <si>
    <t>cg00994693</t>
  </si>
  <si>
    <t>cg01003803</t>
  </si>
  <si>
    <t>cg01025954</t>
  </si>
  <si>
    <t>cg01038450</t>
  </si>
  <si>
    <t>cg01039695</t>
  </si>
  <si>
    <t>cg01052614</t>
  </si>
  <si>
    <t>cg01068452</t>
  </si>
  <si>
    <t>cg01076971</t>
  </si>
  <si>
    <t>cg01131038</t>
  </si>
  <si>
    <t>cg01181084</t>
  </si>
  <si>
    <t>cg01200640</t>
  </si>
  <si>
    <t>cg01211852</t>
  </si>
  <si>
    <t>cg01222594</t>
  </si>
  <si>
    <t>cg01224520</t>
  </si>
  <si>
    <t>cg01228243</t>
  </si>
  <si>
    <t>cg01241721</t>
  </si>
  <si>
    <t>cg01247522</t>
  </si>
  <si>
    <t>cg01285435</t>
  </si>
  <si>
    <t>cg01286191</t>
  </si>
  <si>
    <t>cg01287000</t>
  </si>
  <si>
    <t>cg01315139</t>
  </si>
  <si>
    <t>cg01320780</t>
  </si>
  <si>
    <t>cg01353139</t>
  </si>
  <si>
    <t>cg01369750</t>
  </si>
  <si>
    <t>cg01385230</t>
  </si>
  <si>
    <t>cg01408251</t>
  </si>
  <si>
    <t>cg01419567</t>
  </si>
  <si>
    <t>cg01448923</t>
  </si>
  <si>
    <t>cg01450642</t>
  </si>
  <si>
    <t>cg01450719</t>
  </si>
  <si>
    <t>cg01458228</t>
  </si>
  <si>
    <t>cg01459673</t>
  </si>
  <si>
    <t>cg01460805</t>
  </si>
  <si>
    <t>cg01466330</t>
  </si>
  <si>
    <t>cg01467836</t>
  </si>
  <si>
    <t>cg01471372</t>
  </si>
  <si>
    <t>cg01495122</t>
  </si>
  <si>
    <t>cg01504360</t>
  </si>
  <si>
    <t>cg01509843</t>
  </si>
  <si>
    <t>cg01510388</t>
  </si>
  <si>
    <t>cg01514356</t>
  </si>
  <si>
    <t>cg01518225</t>
  </si>
  <si>
    <t>cg01521036</t>
  </si>
  <si>
    <t>cg01527946</t>
  </si>
  <si>
    <t>cg01529149</t>
  </si>
  <si>
    <t>cg01532168</t>
  </si>
  <si>
    <t>cg01536011</t>
  </si>
  <si>
    <t>cg01538821</t>
  </si>
  <si>
    <t>cg01544777</t>
  </si>
  <si>
    <t>cg01544807</t>
  </si>
  <si>
    <t>cg01546729</t>
  </si>
  <si>
    <t>cg01553616</t>
  </si>
  <si>
    <t>cg01558721</t>
  </si>
  <si>
    <t>cg01566544</t>
  </si>
  <si>
    <t>cg01569170</t>
  </si>
  <si>
    <t>cg01572989</t>
  </si>
  <si>
    <t>cg01573321</t>
  </si>
  <si>
    <t>cg01576531</t>
  </si>
  <si>
    <t>cg01579019</t>
  </si>
  <si>
    <t>cg01590076</t>
  </si>
  <si>
    <t>cg01592801</t>
  </si>
  <si>
    <t>cg01597709</t>
  </si>
  <si>
    <t>cg01602153</t>
  </si>
  <si>
    <t>cg01612292</t>
  </si>
  <si>
    <t>cg01614020</t>
  </si>
  <si>
    <t>cg01616178</t>
  </si>
  <si>
    <t>cg01618530</t>
  </si>
  <si>
    <t>cg01620486</t>
  </si>
  <si>
    <t>cg01644723</t>
  </si>
  <si>
    <t>cg01651688</t>
  </si>
  <si>
    <t>cg01653422</t>
  </si>
  <si>
    <t>cg01657511</t>
  </si>
  <si>
    <t>cg01660149</t>
  </si>
  <si>
    <t>cg01671059</t>
  </si>
  <si>
    <t>cg01676552</t>
  </si>
  <si>
    <t>cg01676962</t>
  </si>
  <si>
    <t>cg01677098</t>
  </si>
  <si>
    <t>cg01677561</t>
  </si>
  <si>
    <t>cg01695620</t>
  </si>
  <si>
    <t>cg01703246</t>
  </si>
  <si>
    <t>cg01717010</t>
  </si>
  <si>
    <t>cg01718711</t>
  </si>
  <si>
    <t>cg01719123</t>
  </si>
  <si>
    <t>cg01725531</t>
  </si>
  <si>
    <t>cg01755467</t>
  </si>
  <si>
    <t>cg01755729</t>
  </si>
  <si>
    <t>cg01774419</t>
  </si>
  <si>
    <t>cg01779771</t>
  </si>
  <si>
    <t>cg01788773</t>
  </si>
  <si>
    <t>cg01795694</t>
  </si>
  <si>
    <t>cg01806520</t>
  </si>
  <si>
    <t>cg01806808</t>
  </si>
  <si>
    <t>cg01812826</t>
  </si>
  <si>
    <t>cg01818648</t>
  </si>
  <si>
    <t>cg01836096</t>
  </si>
  <si>
    <t>cg01854491</t>
  </si>
  <si>
    <t>cg01869229</t>
  </si>
  <si>
    <t>cg01870903</t>
  </si>
  <si>
    <t>cg01906015</t>
  </si>
  <si>
    <t>cg01911323</t>
  </si>
  <si>
    <t>cg01911395</t>
  </si>
  <si>
    <t>cg01957751</t>
  </si>
  <si>
    <t>cg01963056</t>
  </si>
  <si>
    <t>cg01971612</t>
  </si>
  <si>
    <t>cg01972576</t>
  </si>
  <si>
    <t>cg01980591</t>
  </si>
  <si>
    <t>cg01981601</t>
  </si>
  <si>
    <t>cg01994308</t>
  </si>
  <si>
    <t>cg01995289</t>
  </si>
  <si>
    <t>cg02005367</t>
  </si>
  <si>
    <t>cg02006790</t>
  </si>
  <si>
    <t>cg02018465</t>
  </si>
  <si>
    <t>cg02045894</t>
  </si>
  <si>
    <t>cg02046552</t>
  </si>
  <si>
    <t>cg02049840</t>
  </si>
  <si>
    <t>cg02096492</t>
  </si>
  <si>
    <t>cg02123667</t>
  </si>
  <si>
    <t>cg02132163</t>
  </si>
  <si>
    <t>cg02133430</t>
  </si>
  <si>
    <t>cg02146453</t>
  </si>
  <si>
    <t>cg02166888</t>
  </si>
  <si>
    <t>cg02172579</t>
  </si>
  <si>
    <t>cg02173067</t>
  </si>
  <si>
    <t>cg02185053</t>
  </si>
  <si>
    <t>cg02195405</t>
  </si>
  <si>
    <t>cg02196694</t>
  </si>
  <si>
    <t>cg02225716</t>
  </si>
  <si>
    <t>cg02225988</t>
  </si>
  <si>
    <t>cg02230854</t>
  </si>
  <si>
    <t>cg02234352</t>
  </si>
  <si>
    <t>cg02235641</t>
  </si>
  <si>
    <t>cg02237470</t>
  </si>
  <si>
    <t>cg02246426</t>
  </si>
  <si>
    <t>cg02289992</t>
  </si>
  <si>
    <t>cg02292042</t>
  </si>
  <si>
    <t>cg02298862</t>
  </si>
  <si>
    <t>cg02302400</t>
  </si>
  <si>
    <t>cg02310165</t>
  </si>
  <si>
    <t>cg02324367</t>
  </si>
  <si>
    <t>cg02331830</t>
  </si>
  <si>
    <t>cg02335370</t>
  </si>
  <si>
    <t>cg02335971</t>
  </si>
  <si>
    <t>cg02336175</t>
  </si>
  <si>
    <t>cg02362467</t>
  </si>
  <si>
    <t>cg02365514</t>
  </si>
  <si>
    <t>cg02377073</t>
  </si>
  <si>
    <t>cg02392634</t>
  </si>
  <si>
    <t>cg02395917</t>
  </si>
  <si>
    <t>cg02455836</t>
  </si>
  <si>
    <t>cg02463440</t>
  </si>
  <si>
    <t>cg02464098</t>
  </si>
  <si>
    <t>cg02466711</t>
  </si>
  <si>
    <t>cg02472291</t>
  </si>
  <si>
    <t>cg02479691</t>
  </si>
  <si>
    <t>cg02479773</t>
  </si>
  <si>
    <t>cg02480405</t>
  </si>
  <si>
    <t>cg02485347</t>
  </si>
  <si>
    <t>cg02485410</t>
  </si>
  <si>
    <t>cg02503933</t>
  </si>
  <si>
    <t>cg02505749</t>
  </si>
  <si>
    <t>cg02509647</t>
  </si>
  <si>
    <t>cg02513874</t>
  </si>
  <si>
    <t>cg02516583</t>
  </si>
  <si>
    <t>cg02517488</t>
  </si>
  <si>
    <t>cg02523415</t>
  </si>
  <si>
    <t>cg02524346</t>
  </si>
  <si>
    <t>cg02537960</t>
  </si>
  <si>
    <t>cg02539855</t>
  </si>
  <si>
    <t>cg02541778</t>
  </si>
  <si>
    <t>cg02563685</t>
  </si>
  <si>
    <t>cg02570977</t>
  </si>
  <si>
    <t>cg02610507</t>
  </si>
  <si>
    <t>cg02616160</t>
  </si>
  <si>
    <t>cg02619464</t>
  </si>
  <si>
    <t>cg02621357</t>
  </si>
  <si>
    <t>cg02624737</t>
  </si>
  <si>
    <t>cg02635875</t>
  </si>
  <si>
    <t>cg02637136</t>
  </si>
  <si>
    <t>cg02637438</t>
  </si>
  <si>
    <t>cg02637537</t>
  </si>
  <si>
    <t>cg02639285</t>
  </si>
  <si>
    <t>cg02639993</t>
  </si>
  <si>
    <t>cg02640612</t>
  </si>
  <si>
    <t>cg02642126</t>
  </si>
  <si>
    <t>cg02681842</t>
  </si>
  <si>
    <t>cg02695267</t>
  </si>
  <si>
    <t>cg02695780</t>
  </si>
  <si>
    <t>cg02700454</t>
  </si>
  <si>
    <t>cg02708813</t>
  </si>
  <si>
    <t>cg02708898</t>
  </si>
  <si>
    <t>cg02711159</t>
  </si>
  <si>
    <t>cg02712294</t>
  </si>
  <si>
    <t>cg02730139</t>
  </si>
  <si>
    <t>cg02787980</t>
  </si>
  <si>
    <t>cg02788857</t>
  </si>
  <si>
    <t>cg02833016</t>
  </si>
  <si>
    <t>cg02842381</t>
  </si>
  <si>
    <t>cg02845890</t>
  </si>
  <si>
    <t>cg02856132</t>
  </si>
  <si>
    <t>cg02856338</t>
  </si>
  <si>
    <t>cg02879661</t>
  </si>
  <si>
    <t>cg02886375</t>
  </si>
  <si>
    <t>cg02889488</t>
  </si>
  <si>
    <t>cg02895582</t>
  </si>
  <si>
    <t>cg02896624</t>
  </si>
  <si>
    <t>cg02898212</t>
  </si>
  <si>
    <t>cg02899190</t>
  </si>
  <si>
    <t>cg02903822</t>
  </si>
  <si>
    <t>cg02905663</t>
  </si>
  <si>
    <t>cg02918786</t>
  </si>
  <si>
    <t>cg02933969</t>
  </si>
  <si>
    <t>cg02973843</t>
  </si>
  <si>
    <t>cg02988171</t>
  </si>
  <si>
    <t>cg02993352</t>
  </si>
  <si>
    <t>cg02995271</t>
  </si>
  <si>
    <t>cg02999463</t>
  </si>
  <si>
    <t>cg03001457</t>
  </si>
  <si>
    <t>cg03003858</t>
  </si>
  <si>
    <t>cg03004552</t>
  </si>
  <si>
    <t>cg03006172</t>
  </si>
  <si>
    <t>cg03023152</t>
  </si>
  <si>
    <t>cg03024183</t>
  </si>
  <si>
    <t>cg03025830</t>
  </si>
  <si>
    <t>cg03031933</t>
  </si>
  <si>
    <t>cg03070196</t>
  </si>
  <si>
    <t>cg03074188</t>
  </si>
  <si>
    <t>cg03075725</t>
  </si>
  <si>
    <t>cg03076047</t>
  </si>
  <si>
    <t>cg03083632</t>
  </si>
  <si>
    <t>cg03087912</t>
  </si>
  <si>
    <t>cg03104356</t>
  </si>
  <si>
    <t>cg03104808</t>
  </si>
  <si>
    <t>cg03127174</t>
  </si>
  <si>
    <t>cg03134551</t>
  </si>
  <si>
    <t>cg03169018</t>
  </si>
  <si>
    <t>cg03174294</t>
  </si>
  <si>
    <t>cg03182158</t>
  </si>
  <si>
    <t>cg03184037</t>
  </si>
  <si>
    <t>cg03185726</t>
  </si>
  <si>
    <t>cg03189282</t>
  </si>
  <si>
    <t>cg03222257</t>
  </si>
  <si>
    <t>cg03224572</t>
  </si>
  <si>
    <t>cg03225623</t>
  </si>
  <si>
    <t>cg03245229</t>
  </si>
  <si>
    <t>cg03277652</t>
  </si>
  <si>
    <t>cg03294066</t>
  </si>
  <si>
    <t>cg03301200</t>
  </si>
  <si>
    <t>cg03304380</t>
  </si>
  <si>
    <t>cg03307092</t>
  </si>
  <si>
    <t>cg03332314</t>
  </si>
  <si>
    <t>cg03340398</t>
  </si>
  <si>
    <t>cg03343534</t>
  </si>
  <si>
    <t>cg03347018</t>
  </si>
  <si>
    <t>cg03348901</t>
  </si>
  <si>
    <t>cg03357798</t>
  </si>
  <si>
    <t>cg03361810</t>
  </si>
  <si>
    <t>cg03368399</t>
  </si>
  <si>
    <t>cg03381304</t>
  </si>
  <si>
    <t>cg03387353</t>
  </si>
  <si>
    <t>cg03410815</t>
  </si>
  <si>
    <t>cg03411765</t>
  </si>
  <si>
    <t>cg03439212</t>
  </si>
  <si>
    <t>cg03450509</t>
  </si>
  <si>
    <t>cg03451212</t>
  </si>
  <si>
    <t>cg03457528</t>
  </si>
  <si>
    <t>cg03460049</t>
  </si>
  <si>
    <t>cg03468739</t>
  </si>
  <si>
    <t>cg03482339</t>
  </si>
  <si>
    <t>cg03486157</t>
  </si>
  <si>
    <t>cg03489969</t>
  </si>
  <si>
    <t>cg03490289</t>
  </si>
  <si>
    <t>cg03509771</t>
  </si>
  <si>
    <t>cg03511735</t>
  </si>
  <si>
    <t>cg03513643</t>
  </si>
  <si>
    <t>cg03515557</t>
  </si>
  <si>
    <t>cg03520938</t>
  </si>
  <si>
    <t>cg03524611</t>
  </si>
  <si>
    <t>cg03525527</t>
  </si>
  <si>
    <t>cg03533216</t>
  </si>
  <si>
    <t>cg03555233</t>
  </si>
  <si>
    <t>cg03567106</t>
  </si>
  <si>
    <t>cg03571684</t>
  </si>
  <si>
    <t>cg03572171</t>
  </si>
  <si>
    <t>cg03579474</t>
  </si>
  <si>
    <t>cg03582537</t>
  </si>
  <si>
    <t>cg03588039</t>
  </si>
  <si>
    <t>cg03589207</t>
  </si>
  <si>
    <t>cg03591606</t>
  </si>
  <si>
    <t>cg03596993</t>
  </si>
  <si>
    <t>cg03598366</t>
  </si>
  <si>
    <t>cg03601354</t>
  </si>
  <si>
    <t>cg03602212</t>
  </si>
  <si>
    <t>cg03605567</t>
  </si>
  <si>
    <t>cg03609398</t>
  </si>
  <si>
    <t>cg03612190</t>
  </si>
  <si>
    <t>cg03615269</t>
  </si>
  <si>
    <t>cg03629577</t>
  </si>
  <si>
    <t>cg03635442</t>
  </si>
  <si>
    <t>cg03660911</t>
  </si>
  <si>
    <t>cg03696370</t>
  </si>
  <si>
    <t>cg03719314</t>
  </si>
  <si>
    <t>cg03738134</t>
  </si>
  <si>
    <t>cg03745316</t>
  </si>
  <si>
    <t>cg03748310</t>
  </si>
  <si>
    <t>cg03752104</t>
  </si>
  <si>
    <t>cg03753385</t>
  </si>
  <si>
    <t>cg03769349</t>
  </si>
  <si>
    <t>cg03780701</t>
  </si>
  <si>
    <t>cg03796881</t>
  </si>
  <si>
    <t>cg03799957</t>
  </si>
  <si>
    <t>cg03806095</t>
  </si>
  <si>
    <t>cg03899054</t>
  </si>
  <si>
    <t>cg03899721</t>
  </si>
  <si>
    <t>cg03907855</t>
  </si>
  <si>
    <t>cg03913000</t>
  </si>
  <si>
    <t>cg03913924</t>
  </si>
  <si>
    <t>cg03923966</t>
  </si>
  <si>
    <t>cg03924566</t>
  </si>
  <si>
    <t>cg03929816</t>
  </si>
  <si>
    <t>cg03932271</t>
  </si>
  <si>
    <t>cg03934689</t>
  </si>
  <si>
    <t>cg03955375</t>
  </si>
  <si>
    <t>cg03957420</t>
  </si>
  <si>
    <t>cg03967627</t>
  </si>
  <si>
    <t>cg03979241</t>
  </si>
  <si>
    <t>cg03994018</t>
  </si>
  <si>
    <t>cg03995571</t>
  </si>
  <si>
    <t>cg04000159</t>
  </si>
  <si>
    <t>cg04002325</t>
  </si>
  <si>
    <t>cg04002885</t>
  </si>
  <si>
    <t>cg04002944</t>
  </si>
  <si>
    <t>cg04009108</t>
  </si>
  <si>
    <t>cg04011470</t>
  </si>
  <si>
    <t>cg04014062</t>
  </si>
  <si>
    <t>cg04015433</t>
  </si>
  <si>
    <t>cg04017479</t>
  </si>
  <si>
    <t>cg04017769</t>
  </si>
  <si>
    <t>cg04038500</t>
  </si>
  <si>
    <t>cg04041942</t>
  </si>
  <si>
    <t>cg04042582</t>
  </si>
  <si>
    <t>cg04043426</t>
  </si>
  <si>
    <t>cg04046931</t>
  </si>
  <si>
    <t>cg04050824</t>
  </si>
  <si>
    <t>cg04050867</t>
  </si>
  <si>
    <t>cg04065304</t>
  </si>
  <si>
    <t>cg04104966</t>
  </si>
  <si>
    <t>cg04118306</t>
  </si>
  <si>
    <t>cg04122019</t>
  </si>
  <si>
    <t>cg04124606</t>
  </si>
  <si>
    <t>cg04138376</t>
  </si>
  <si>
    <t>cg04142296</t>
  </si>
  <si>
    <t>cg04146011</t>
  </si>
  <si>
    <t>cg04167811</t>
  </si>
  <si>
    <t>cg04204438</t>
  </si>
  <si>
    <t>cg04206699</t>
  </si>
  <si>
    <t>cg04218812</t>
  </si>
  <si>
    <t>cg04219247</t>
  </si>
  <si>
    <t>cg04219515</t>
  </si>
  <si>
    <t>cg04220155</t>
  </si>
  <si>
    <t>cg04228628</t>
  </si>
  <si>
    <t>cg04233840</t>
  </si>
  <si>
    <t>cg04236786</t>
  </si>
  <si>
    <t>cg04249066</t>
  </si>
  <si>
    <t>cg04251194</t>
  </si>
  <si>
    <t>cg04259752</t>
  </si>
  <si>
    <t>cg04263685</t>
  </si>
  <si>
    <t>cg04286307</t>
  </si>
  <si>
    <t>cg04286438</t>
  </si>
  <si>
    <t>cg04315434</t>
  </si>
  <si>
    <t>cg04319844</t>
  </si>
  <si>
    <t>cg04321580</t>
  </si>
  <si>
    <t>cg04333463</t>
  </si>
  <si>
    <t>cg04338042</t>
  </si>
  <si>
    <t>cg04344565</t>
  </si>
  <si>
    <t>cg04350571</t>
  </si>
  <si>
    <t>cg04364718</t>
  </si>
  <si>
    <t>cg04366381</t>
  </si>
  <si>
    <t>cg04394254</t>
  </si>
  <si>
    <t>cg04402007</t>
  </si>
  <si>
    <t>cg04409932</t>
  </si>
  <si>
    <t>cg04413673</t>
  </si>
  <si>
    <t>cg04423627</t>
  </si>
  <si>
    <t>cg04425458</t>
  </si>
  <si>
    <t>cg04441314</t>
  </si>
  <si>
    <t>cg04446992</t>
  </si>
  <si>
    <t>cg04463722</t>
  </si>
  <si>
    <t>cg04467958</t>
  </si>
  <si>
    <t>cg04475298</t>
  </si>
  <si>
    <t>cg04495336</t>
  </si>
  <si>
    <t>cg04496304</t>
  </si>
  <si>
    <t>cg04498159</t>
  </si>
  <si>
    <t>cg04520401</t>
  </si>
  <si>
    <t>cg04546993</t>
  </si>
  <si>
    <t>cg04555373</t>
  </si>
  <si>
    <t>cg04559986</t>
  </si>
  <si>
    <t>cg04565464</t>
  </si>
  <si>
    <t>cg04616447</t>
  </si>
  <si>
    <t>cg04618532</t>
  </si>
  <si>
    <t>cg04624228</t>
  </si>
  <si>
    <t>cg04657224</t>
  </si>
  <si>
    <t>cg04664127</t>
  </si>
  <si>
    <t>cg04671734</t>
  </si>
  <si>
    <t>cg04672706</t>
  </si>
  <si>
    <t>cg04684553</t>
  </si>
  <si>
    <t>cg04685813</t>
  </si>
  <si>
    <t>cg04737356</t>
  </si>
  <si>
    <t>cg04768602</t>
  </si>
  <si>
    <t>cg04771100</t>
  </si>
  <si>
    <t>cg04773818</t>
  </si>
  <si>
    <t>cg04778331</t>
  </si>
  <si>
    <t>cg04799343</t>
  </si>
  <si>
    <t>cg04836151</t>
  </si>
  <si>
    <t>cg04838847</t>
  </si>
  <si>
    <t>cg04840623</t>
  </si>
  <si>
    <t>cg04851352</t>
  </si>
  <si>
    <t>cg04857420</t>
  </si>
  <si>
    <t>cg04885410</t>
  </si>
  <si>
    <t>cg04891328</t>
  </si>
  <si>
    <t>cg04892187</t>
  </si>
  <si>
    <t>cg04903451</t>
  </si>
  <si>
    <t>cg04904458</t>
  </si>
  <si>
    <t>cg04905173</t>
  </si>
  <si>
    <t>cg04909834</t>
  </si>
  <si>
    <t>cg04917181</t>
  </si>
  <si>
    <t>cg04920358</t>
  </si>
  <si>
    <t>cg04926347</t>
  </si>
  <si>
    <t>cg04958845</t>
  </si>
  <si>
    <t>cg04963066</t>
  </si>
  <si>
    <t>cg04982401</t>
  </si>
  <si>
    <t>cg04993564</t>
  </si>
  <si>
    <t>cg05004900</t>
  </si>
  <si>
    <t>cg05006903</t>
  </si>
  <si>
    <t>cg05010865</t>
  </si>
  <si>
    <t>cg05014405</t>
  </si>
  <si>
    <t>cg05017760</t>
  </si>
  <si>
    <t>cg05018671</t>
  </si>
  <si>
    <t>cg05020822</t>
  </si>
  <si>
    <t>cg05024927</t>
  </si>
  <si>
    <t>cg05033271</t>
  </si>
  <si>
    <t>cg05043047</t>
  </si>
  <si>
    <t>cg05056638</t>
  </si>
  <si>
    <t>cg05059224</t>
  </si>
  <si>
    <t>cg05063395</t>
  </si>
  <si>
    <t>cg05066959</t>
  </si>
  <si>
    <t>cg05141333</t>
  </si>
  <si>
    <t>cg05142982</t>
  </si>
  <si>
    <t>cg05184456</t>
  </si>
  <si>
    <t>cg05226292</t>
  </si>
  <si>
    <t>cg05234760</t>
  </si>
  <si>
    <t>cg05241828</t>
  </si>
  <si>
    <t>cg05242148</t>
  </si>
  <si>
    <t>cg05251359</t>
  </si>
  <si>
    <t>cg05260031</t>
  </si>
  <si>
    <t>cg05283646</t>
  </si>
  <si>
    <t>cg05294259</t>
  </si>
  <si>
    <t>cg05306225</t>
  </si>
  <si>
    <t>cg05315874</t>
  </si>
  <si>
    <t>cg05317714</t>
  </si>
  <si>
    <t>cg05320369</t>
  </si>
  <si>
    <t>cg05321594</t>
  </si>
  <si>
    <t>cg05361559</t>
  </si>
  <si>
    <t>cg05362548</t>
  </si>
  <si>
    <t>cg05373567</t>
  </si>
  <si>
    <t>cg05398773</t>
  </si>
  <si>
    <t>cg05413325</t>
  </si>
  <si>
    <t>cg05418877</t>
  </si>
  <si>
    <t>cg05427356</t>
  </si>
  <si>
    <t>cg05446539</t>
  </si>
  <si>
    <t>cg05463819</t>
  </si>
  <si>
    <t>cg05472468</t>
  </si>
  <si>
    <t>cg05472579</t>
  </si>
  <si>
    <t>cg05475109</t>
  </si>
  <si>
    <t>cg05477514</t>
  </si>
  <si>
    <t>cg05478295</t>
  </si>
  <si>
    <t>cg05479791</t>
  </si>
  <si>
    <t>cg05499054</t>
  </si>
  <si>
    <t>cg05499834</t>
  </si>
  <si>
    <t>cg05517610</t>
  </si>
  <si>
    <t>cg05578055</t>
  </si>
  <si>
    <t>cg05580671</t>
  </si>
  <si>
    <t>cg05584166</t>
  </si>
  <si>
    <t>cg05587870</t>
  </si>
  <si>
    <t>cg05594525</t>
  </si>
  <si>
    <t>cg05596468</t>
  </si>
  <si>
    <t>cg05611801</t>
  </si>
  <si>
    <t>cg05613951</t>
  </si>
  <si>
    <t>cg05615220</t>
  </si>
  <si>
    <t>cg05619892</t>
  </si>
  <si>
    <t>cg05621091</t>
  </si>
  <si>
    <t>cg05635218</t>
  </si>
  <si>
    <t>cg05637065</t>
  </si>
  <si>
    <t>cg05690644</t>
  </si>
  <si>
    <t>cg05691468</t>
  </si>
  <si>
    <t>cg05695311</t>
  </si>
  <si>
    <t>cg05713735</t>
  </si>
  <si>
    <t>cg05715005</t>
  </si>
  <si>
    <t>cg05716166</t>
  </si>
  <si>
    <t>cg05721253</t>
  </si>
  <si>
    <t>cg05736768</t>
  </si>
  <si>
    <t>cg05746795</t>
  </si>
  <si>
    <t>cg05753693</t>
  </si>
  <si>
    <t>cg05779300</t>
  </si>
  <si>
    <t>cg05797606</t>
  </si>
  <si>
    <t>cg05799038</t>
  </si>
  <si>
    <t>cg05800416</t>
  </si>
  <si>
    <t>cg05805326</t>
  </si>
  <si>
    <t>cg05859960</t>
  </si>
  <si>
    <t>cg05876325</t>
  </si>
  <si>
    <t>cg05883219</t>
  </si>
  <si>
    <t>cg05893876</t>
  </si>
  <si>
    <t>cg05909553</t>
  </si>
  <si>
    <t>cg05930881</t>
  </si>
  <si>
    <t>cg05934196</t>
  </si>
  <si>
    <t>cg05943122</t>
  </si>
  <si>
    <t>cg05949331</t>
  </si>
  <si>
    <t>cg05956498</t>
  </si>
  <si>
    <t>cg05965392</t>
  </si>
  <si>
    <t>cg05968601</t>
  </si>
  <si>
    <t>cg05971818</t>
  </si>
  <si>
    <t>cg05972000</t>
  </si>
  <si>
    <t>cg05984320</t>
  </si>
  <si>
    <t>cg05985821</t>
  </si>
  <si>
    <t>cg05988699</t>
  </si>
  <si>
    <t>cg05989625</t>
  </si>
  <si>
    <t>cg05994672</t>
  </si>
  <si>
    <t>cg05999191</t>
  </si>
  <si>
    <t>cg06009267</t>
  </si>
  <si>
    <t>cg06010588</t>
  </si>
  <si>
    <t>cg06017059</t>
  </si>
  <si>
    <t>cg06023345</t>
  </si>
  <si>
    <t>cg06027112</t>
  </si>
  <si>
    <t>cg06028804</t>
  </si>
  <si>
    <t>cg06042504</t>
  </si>
  <si>
    <t>cg06047473</t>
  </si>
  <si>
    <t>cg06047700</t>
  </si>
  <si>
    <t>cg06065245</t>
  </si>
  <si>
    <t>cg06073550</t>
  </si>
  <si>
    <t>cg06079273</t>
  </si>
  <si>
    <t>cg06178754</t>
  </si>
  <si>
    <t>cg06178942</t>
  </si>
  <si>
    <t>cg06182196</t>
  </si>
  <si>
    <t>cg06233122</t>
  </si>
  <si>
    <t>cg06239191</t>
  </si>
  <si>
    <t>cg06240947</t>
  </si>
  <si>
    <t>cg06248767</t>
  </si>
  <si>
    <t>cg06251832</t>
  </si>
  <si>
    <t>cg06288821</t>
  </si>
  <si>
    <t>cg06288869</t>
  </si>
  <si>
    <t>cg06294027</t>
  </si>
  <si>
    <t>cg06294637</t>
  </si>
  <si>
    <t>cg06316133</t>
  </si>
  <si>
    <t>cg06362966</t>
  </si>
  <si>
    <t>cg06368590</t>
  </si>
  <si>
    <t>cg06383163</t>
  </si>
  <si>
    <t>cg06383979</t>
  </si>
  <si>
    <t>cg06398396</t>
  </si>
  <si>
    <t>cg06398769</t>
  </si>
  <si>
    <t>cg06399148</t>
  </si>
  <si>
    <t>cg06400336</t>
  </si>
  <si>
    <t>cg06401414</t>
  </si>
  <si>
    <t>cg06407417</t>
  </si>
  <si>
    <t>cg06416985</t>
  </si>
  <si>
    <t>cg06422464</t>
  </si>
  <si>
    <t>cg06437256</t>
  </si>
  <si>
    <t>cg06443863</t>
  </si>
  <si>
    <t>cg06445916</t>
  </si>
  <si>
    <t>cg06445972</t>
  </si>
  <si>
    <t>cg06458358</t>
  </si>
  <si>
    <t>cg06459454</t>
  </si>
  <si>
    <t>cg06528830</t>
  </si>
  <si>
    <t>cg06541501</t>
  </si>
  <si>
    <t>cg06541550</t>
  </si>
  <si>
    <t>cg06543761</t>
  </si>
  <si>
    <t>cg06545268</t>
  </si>
  <si>
    <t>cg06546677</t>
  </si>
  <si>
    <t>cg06549924</t>
  </si>
  <si>
    <t>cg06551418</t>
  </si>
  <si>
    <t>cg06554228</t>
  </si>
  <si>
    <t>cg06558050</t>
  </si>
  <si>
    <t>cg06577028</t>
  </si>
  <si>
    <t>cg06620390</t>
  </si>
  <si>
    <t>cg06692871</t>
  </si>
  <si>
    <t>cg06699638</t>
  </si>
  <si>
    <t>cg06702534</t>
  </si>
  <si>
    <t>cg06727855</t>
  </si>
  <si>
    <t>cg06732667</t>
  </si>
  <si>
    <t>cg06763467</t>
  </si>
  <si>
    <t>cg06768079</t>
  </si>
  <si>
    <t>cg06768655</t>
  </si>
  <si>
    <t>cg06768944</t>
  </si>
  <si>
    <t>cg06769094</t>
  </si>
  <si>
    <t>cg06785624</t>
  </si>
  <si>
    <t>cg06802522</t>
  </si>
  <si>
    <t>cg06809074</t>
  </si>
  <si>
    <t>cg06824641</t>
  </si>
  <si>
    <t>cg06829299</t>
  </si>
  <si>
    <t>cg06829538</t>
  </si>
  <si>
    <t>cg06835018</t>
  </si>
  <si>
    <t>cg06867822</t>
  </si>
  <si>
    <t>cg06872257</t>
  </si>
  <si>
    <t>cg06894628</t>
  </si>
  <si>
    <t>cg06906980</t>
  </si>
  <si>
    <t>cg06926782</t>
  </si>
  <si>
    <t>cg06927863</t>
  </si>
  <si>
    <t>cg06931245</t>
  </si>
  <si>
    <t>cg06931905</t>
  </si>
  <si>
    <t>cg06932776</t>
  </si>
  <si>
    <t>cg06933322</t>
  </si>
  <si>
    <t>cg06943005</t>
  </si>
  <si>
    <t>cg06945634</t>
  </si>
  <si>
    <t>cg06948111</t>
  </si>
  <si>
    <t>cg06992285</t>
  </si>
  <si>
    <t>cg06996663</t>
  </si>
  <si>
    <t>cg07004744</t>
  </si>
  <si>
    <t>cg07011778</t>
  </si>
  <si>
    <t>cg07013148</t>
  </si>
  <si>
    <t>cg07026454</t>
  </si>
  <si>
    <t>cg07028608</t>
  </si>
  <si>
    <t>cg07032309</t>
  </si>
  <si>
    <t>cg07044548</t>
  </si>
  <si>
    <t>cg07047046</t>
  </si>
  <si>
    <t>cg07057817</t>
  </si>
  <si>
    <t>cg07058086</t>
  </si>
  <si>
    <t>cg07068883</t>
  </si>
  <si>
    <t>cg07073960</t>
  </si>
  <si>
    <t>cg07076175</t>
  </si>
  <si>
    <t>cg07077080</t>
  </si>
  <si>
    <t>cg07080864</t>
  </si>
  <si>
    <t>cg07082452</t>
  </si>
  <si>
    <t>cg07083896</t>
  </si>
  <si>
    <t>cg07085824</t>
  </si>
  <si>
    <t>cg07086847</t>
  </si>
  <si>
    <t>cg07088328</t>
  </si>
  <si>
    <t>cg07090083</t>
  </si>
  <si>
    <t>cg07103819</t>
  </si>
  <si>
    <t>cg07129253</t>
  </si>
  <si>
    <t>cg07129852</t>
  </si>
  <si>
    <t>cg07134589</t>
  </si>
  <si>
    <t>cg07135964</t>
  </si>
  <si>
    <t>cg07138092</t>
  </si>
  <si>
    <t>cg07140289</t>
  </si>
  <si>
    <t>cg07146119</t>
  </si>
  <si>
    <t>cg07158312</t>
  </si>
  <si>
    <t>cg07161721</t>
  </si>
  <si>
    <t>cg07162571</t>
  </si>
  <si>
    <t>cg07172676</t>
  </si>
  <si>
    <t>cg07177001</t>
  </si>
  <si>
    <t>cg07211044</t>
  </si>
  <si>
    <t>cg07212615</t>
  </si>
  <si>
    <t>cg07216337</t>
  </si>
  <si>
    <t>cg07228441</t>
  </si>
  <si>
    <t>cg07234876</t>
  </si>
  <si>
    <t>cg07236445</t>
  </si>
  <si>
    <t>cg07236798</t>
  </si>
  <si>
    <t>cg07264050</t>
  </si>
  <si>
    <t>cg07281647</t>
  </si>
  <si>
    <t>cg07294234</t>
  </si>
  <si>
    <t>cg07296835</t>
  </si>
  <si>
    <t>cg07313340</t>
  </si>
  <si>
    <t>cg07328417</t>
  </si>
  <si>
    <t>cg07329135</t>
  </si>
  <si>
    <t>cg07333924</t>
  </si>
  <si>
    <t>cg07334509</t>
  </si>
  <si>
    <t>cg07336097</t>
  </si>
  <si>
    <t>cg07352539</t>
  </si>
  <si>
    <t>cg07353006</t>
  </si>
  <si>
    <t>cg07356681</t>
  </si>
  <si>
    <t>cg07357300</t>
  </si>
  <si>
    <t>cg07358015</t>
  </si>
  <si>
    <t>cg07362969</t>
  </si>
  <si>
    <t>cg07390122</t>
  </si>
  <si>
    <t>cg07393414</t>
  </si>
  <si>
    <t>cg07417733</t>
  </si>
  <si>
    <t>cg07466463</t>
  </si>
  <si>
    <t>cg07469555</t>
  </si>
  <si>
    <t>cg07471156</t>
  </si>
  <si>
    <t>cg07472191</t>
  </si>
  <si>
    <t>cg07473471</t>
  </si>
  <si>
    <t>cg07474663</t>
  </si>
  <si>
    <t>cg07529534</t>
  </si>
  <si>
    <t>cg07532183</t>
  </si>
  <si>
    <t>cg07548580</t>
  </si>
  <si>
    <t>cg07550921</t>
  </si>
  <si>
    <t>cg07552803</t>
  </si>
  <si>
    <t>cg07557260</t>
  </si>
  <si>
    <t>cg07563765</t>
  </si>
  <si>
    <t>cg07568779</t>
  </si>
  <si>
    <t>cg07570470</t>
  </si>
  <si>
    <t>cg07574686</t>
  </si>
  <si>
    <t>cg07576409</t>
  </si>
  <si>
    <t>cg07580128</t>
  </si>
  <si>
    <t>cg07587588</t>
  </si>
  <si>
    <t>cg07588263</t>
  </si>
  <si>
    <t>cg07589903</t>
  </si>
  <si>
    <t>cg07595113</t>
  </si>
  <si>
    <t>cg07595301</t>
  </si>
  <si>
    <t>cg07596524</t>
  </si>
  <si>
    <t>cg07597069</t>
  </si>
  <si>
    <t>cg07613656</t>
  </si>
  <si>
    <t>cg07618730</t>
  </si>
  <si>
    <t>cg07651720</t>
  </si>
  <si>
    <t>cg07654202</t>
  </si>
  <si>
    <t>cg07662864</t>
  </si>
  <si>
    <t>cg07695089</t>
  </si>
  <si>
    <t>cg07701018</t>
  </si>
  <si>
    <t>cg07701049</t>
  </si>
  <si>
    <t>cg07739205</t>
  </si>
  <si>
    <t>cg07743387</t>
  </si>
  <si>
    <t>cg07745674</t>
  </si>
  <si>
    <t>cg07756647</t>
  </si>
  <si>
    <t>cg07759377</t>
  </si>
  <si>
    <t>cg07770968</t>
  </si>
  <si>
    <t>cg07776993</t>
  </si>
  <si>
    <t>cg07792478</t>
  </si>
  <si>
    <t>cg07797693</t>
  </si>
  <si>
    <t>cg07798892</t>
  </si>
  <si>
    <t>cg07852735</t>
  </si>
  <si>
    <t>cg07860213</t>
  </si>
  <si>
    <t>cg07862977</t>
  </si>
  <si>
    <t>cg07869667</t>
  </si>
  <si>
    <t>cg07871324</t>
  </si>
  <si>
    <t>cg07896312</t>
  </si>
  <si>
    <t>cg07897448</t>
  </si>
  <si>
    <t>cg07918726</t>
  </si>
  <si>
    <t>cg07924703</t>
  </si>
  <si>
    <t>cg07961887</t>
  </si>
  <si>
    <t>cg07962934</t>
  </si>
  <si>
    <t>cg07969676</t>
  </si>
  <si>
    <t>cg07972191</t>
  </si>
  <si>
    <t>cg07997333</t>
  </si>
  <si>
    <t>cg07998290</t>
  </si>
  <si>
    <t>cg07999738</t>
  </si>
  <si>
    <t>cg07999887</t>
  </si>
  <si>
    <t>cg08000065</t>
  </si>
  <si>
    <t>cg08004698</t>
  </si>
  <si>
    <t>cg08005809</t>
  </si>
  <si>
    <t>cg08056146</t>
  </si>
  <si>
    <t>cg08120796</t>
  </si>
  <si>
    <t>cg08141791</t>
  </si>
  <si>
    <t>cg08149865</t>
  </si>
  <si>
    <t>cg08159271</t>
  </si>
  <si>
    <t>cg08161732</t>
  </si>
  <si>
    <t>cg08187779</t>
  </si>
  <si>
    <t>cg08194989</t>
  </si>
  <si>
    <t>cg08198517</t>
  </si>
  <si>
    <t>cg08202494</t>
  </si>
  <si>
    <t>cg08203794</t>
  </si>
  <si>
    <t>cg08217239</t>
  </si>
  <si>
    <t>cg08217567</t>
  </si>
  <si>
    <t>cg08223771</t>
  </si>
  <si>
    <t>cg08224569</t>
  </si>
  <si>
    <t>cg08230698</t>
  </si>
  <si>
    <t>cg08232264</t>
  </si>
  <si>
    <t>cg08235875</t>
  </si>
  <si>
    <t>cg08236468</t>
  </si>
  <si>
    <t>cg08239177</t>
  </si>
  <si>
    <t>cg08242000</t>
  </si>
  <si>
    <t>cg08246494</t>
  </si>
  <si>
    <t>cg08251499</t>
  </si>
  <si>
    <t>cg08254315</t>
  </si>
  <si>
    <t>cg08258788</t>
  </si>
  <si>
    <t>cg08260549</t>
  </si>
  <si>
    <t>cg08265500</t>
  </si>
  <si>
    <t>cg08274876</t>
  </si>
  <si>
    <t>cg08297140</t>
  </si>
  <si>
    <t>cg08314383</t>
  </si>
  <si>
    <t>cg08318076</t>
  </si>
  <si>
    <t>cg08318424</t>
  </si>
  <si>
    <t>cg08322102</t>
  </si>
  <si>
    <t>cg08377615</t>
  </si>
  <si>
    <t>cg08382124</t>
  </si>
  <si>
    <t>cg08383399</t>
  </si>
  <si>
    <t>cg08415738</t>
  </si>
  <si>
    <t>cg08447380</t>
  </si>
  <si>
    <t>cg08448455</t>
  </si>
  <si>
    <t>cg08453784</t>
  </si>
  <si>
    <t>cg08455275</t>
  </si>
  <si>
    <t>cg08476224</t>
  </si>
  <si>
    <t>cg08497772</t>
  </si>
  <si>
    <t>cg08509032</t>
  </si>
  <si>
    <t>cg08517286</t>
  </si>
  <si>
    <t>cg08519575</t>
  </si>
  <si>
    <t>cg08530859</t>
  </si>
  <si>
    <t>cg08573869</t>
  </si>
  <si>
    <t>cg08579916</t>
  </si>
  <si>
    <t>cg08597799</t>
  </si>
  <si>
    <t>cg08601628</t>
  </si>
  <si>
    <t>cg08679828</t>
  </si>
  <si>
    <t>cg08706670</t>
  </si>
  <si>
    <t>cg08714886</t>
  </si>
  <si>
    <t>cg08749286</t>
  </si>
  <si>
    <t>cg08756121</t>
  </si>
  <si>
    <t>cg08775375</t>
  </si>
  <si>
    <t>cg08775382</t>
  </si>
  <si>
    <t>cg08781253</t>
  </si>
  <si>
    <t>cg08781728</t>
  </si>
  <si>
    <t>cg08795964</t>
  </si>
  <si>
    <t>cg08796640</t>
  </si>
  <si>
    <t>cg08798921</t>
  </si>
  <si>
    <t>cg08818193</t>
  </si>
  <si>
    <t>cg08818798</t>
  </si>
  <si>
    <t>cg08825571</t>
  </si>
  <si>
    <t>cg08827060</t>
  </si>
  <si>
    <t>cg08837587</t>
  </si>
  <si>
    <t>cg08855288</t>
  </si>
  <si>
    <t>cg08858370</t>
  </si>
  <si>
    <t>cg08862452</t>
  </si>
  <si>
    <t>cg08867150</t>
  </si>
  <si>
    <t>cg08872321</t>
  </si>
  <si>
    <t>cg08872590</t>
  </si>
  <si>
    <t>cg08874430</t>
  </si>
  <si>
    <t>cg08874598</t>
  </si>
  <si>
    <t>cg08877142</t>
  </si>
  <si>
    <t>cg08877624</t>
  </si>
  <si>
    <t>cg08886760</t>
  </si>
  <si>
    <t>cg08909802</t>
  </si>
  <si>
    <t>cg08911368</t>
  </si>
  <si>
    <t>cg08924995</t>
  </si>
  <si>
    <t>cg08949296</t>
  </si>
  <si>
    <t>cg08952300</t>
  </si>
  <si>
    <t>cg08970347</t>
  </si>
  <si>
    <t>cg08975720</t>
  </si>
  <si>
    <t>cg08987560</t>
  </si>
  <si>
    <t>cg08991457</t>
  </si>
  <si>
    <t>cg08991599</t>
  </si>
  <si>
    <t>cg08992360</t>
  </si>
  <si>
    <t>cg08992872</t>
  </si>
  <si>
    <t>cg09010017</t>
  </si>
  <si>
    <t>cg09015433</t>
  </si>
  <si>
    <t>cg09023820</t>
  </si>
  <si>
    <t>cg09040184</t>
  </si>
  <si>
    <t>cg09042026</t>
  </si>
  <si>
    <t>cg09047471</t>
  </si>
  <si>
    <t>cg09050062</t>
  </si>
  <si>
    <t>cg09055355</t>
  </si>
  <si>
    <t>cg09056309</t>
  </si>
  <si>
    <t>cg09072052</t>
  </si>
  <si>
    <t>cg09081590</t>
  </si>
  <si>
    <t>cg09100338</t>
  </si>
  <si>
    <t>cg09125300</t>
  </si>
  <si>
    <t>cg09125402</t>
  </si>
  <si>
    <t>cg09129067</t>
  </si>
  <si>
    <t>cg09130549</t>
  </si>
  <si>
    <t>cg09141662</t>
  </si>
  <si>
    <t>cg09143319</t>
  </si>
  <si>
    <t>cg09149147</t>
  </si>
  <si>
    <t>cg09177567</t>
  </si>
  <si>
    <t>cg09188300</t>
  </si>
  <si>
    <t>cg09234518</t>
  </si>
  <si>
    <t>cg09258813</t>
  </si>
  <si>
    <t>cg09265054</t>
  </si>
  <si>
    <t>cg09286137</t>
  </si>
  <si>
    <t>cg09290735</t>
  </si>
  <si>
    <t>cg09303136</t>
  </si>
  <si>
    <t>cg09305580</t>
  </si>
  <si>
    <t>cg09308375</t>
  </si>
  <si>
    <t>cg09315468</t>
  </si>
  <si>
    <t>cg09324698</t>
  </si>
  <si>
    <t>cg09348431</t>
  </si>
  <si>
    <t>cg09372546</t>
  </si>
  <si>
    <t>cg09373786</t>
  </si>
  <si>
    <t>cg09387867</t>
  </si>
  <si>
    <t>cg09405790</t>
  </si>
  <si>
    <t>cg09410389</t>
  </si>
  <si>
    <t>cg09431913</t>
  </si>
  <si>
    <t>cg09433131</t>
  </si>
  <si>
    <t>cg09440788</t>
  </si>
  <si>
    <t>cg09442458</t>
  </si>
  <si>
    <t>cg09442654</t>
  </si>
  <si>
    <t>cg09460369</t>
  </si>
  <si>
    <t>cg09497201</t>
  </si>
  <si>
    <t>cg09504829</t>
  </si>
  <si>
    <t>cg09514524</t>
  </si>
  <si>
    <t>cg09523446</t>
  </si>
  <si>
    <t>cg09527680</t>
  </si>
  <si>
    <t>cg09541794</t>
  </si>
  <si>
    <t>cg09544050</t>
  </si>
  <si>
    <t>cg09550697</t>
  </si>
  <si>
    <t>cg09559189</t>
  </si>
  <si>
    <t>cg09580859</t>
  </si>
  <si>
    <t>cg09605021</t>
  </si>
  <si>
    <t>cg09605693</t>
  </si>
  <si>
    <t>cg09618998</t>
  </si>
  <si>
    <t>cg09622514</t>
  </si>
  <si>
    <t>cg09642740</t>
  </si>
  <si>
    <t>cg09664442</t>
  </si>
  <si>
    <t>cg09698548</t>
  </si>
  <si>
    <t>cg09704422</t>
  </si>
  <si>
    <t>cg09706120</t>
  </si>
  <si>
    <t>cg09730672</t>
  </si>
  <si>
    <t>cg09734791</t>
  </si>
  <si>
    <t>cg09758742</t>
  </si>
  <si>
    <t>cg09807215</t>
  </si>
  <si>
    <t>cg09817024</t>
  </si>
  <si>
    <t>cg09818502</t>
  </si>
  <si>
    <t>cg09820716</t>
  </si>
  <si>
    <t>cg09848409</t>
  </si>
  <si>
    <t>cg09853043</t>
  </si>
  <si>
    <t>cg09855001</t>
  </si>
  <si>
    <t>cg09858281</t>
  </si>
  <si>
    <t>cg09859794</t>
  </si>
  <si>
    <t>cg09861171</t>
  </si>
  <si>
    <t>cg09888753</t>
  </si>
  <si>
    <t>cg09890746</t>
  </si>
  <si>
    <t>cg09895187</t>
  </si>
  <si>
    <t>cg09899173</t>
  </si>
  <si>
    <t>cg09914648</t>
  </si>
  <si>
    <t>cg09935736</t>
  </si>
  <si>
    <t>cg09946832</t>
  </si>
  <si>
    <t>cg09951048</t>
  </si>
  <si>
    <t>cg09959150</t>
  </si>
  <si>
    <t>cg09964625</t>
  </si>
  <si>
    <t>cg09964873</t>
  </si>
  <si>
    <t>cg09968391</t>
  </si>
  <si>
    <t>cg09968723</t>
  </si>
  <si>
    <t>cg09969018</t>
  </si>
  <si>
    <t>cg09975850</t>
  </si>
  <si>
    <t>cg09979478</t>
  </si>
  <si>
    <t>cg09980339</t>
  </si>
  <si>
    <t>cg09984392</t>
  </si>
  <si>
    <t>cg09990563</t>
  </si>
  <si>
    <t>cg09993713</t>
  </si>
  <si>
    <t>cg09999109</t>
  </si>
  <si>
    <t>cg10007002</t>
  </si>
  <si>
    <t>cg10035066</t>
  </si>
  <si>
    <t>cg10038542</t>
  </si>
  <si>
    <t>cg10059178</t>
  </si>
  <si>
    <t>cg10062221</t>
  </si>
  <si>
    <t>cg10063961</t>
  </si>
  <si>
    <t>cg10068917</t>
  </si>
  <si>
    <t>cg10071277</t>
  </si>
  <si>
    <t>cg10073129</t>
  </si>
  <si>
    <t>cg10076225</t>
  </si>
  <si>
    <t>cg10090414</t>
  </si>
  <si>
    <t>cg10094616</t>
  </si>
  <si>
    <t>cg10113526</t>
  </si>
  <si>
    <t>cg10113820</t>
  </si>
  <si>
    <t>cg10120645</t>
  </si>
  <si>
    <t>cg10123247</t>
  </si>
  <si>
    <t>cg10133465</t>
  </si>
  <si>
    <t>cg10137990</t>
  </si>
  <si>
    <t>cg10142863</t>
  </si>
  <si>
    <t>cg10163397</t>
  </si>
  <si>
    <t>cg10177147</t>
  </si>
  <si>
    <t>cg10191684</t>
  </si>
  <si>
    <t>cg10197666</t>
  </si>
  <si>
    <t>cg10206887</t>
  </si>
  <si>
    <t>cg10207277</t>
  </si>
  <si>
    <t>cg10207799</t>
  </si>
  <si>
    <t>cg10209083</t>
  </si>
  <si>
    <t>cg10220156</t>
  </si>
  <si>
    <t>cg10220850</t>
  </si>
  <si>
    <t>cg10220992</t>
  </si>
  <si>
    <t>cg10222474</t>
  </si>
  <si>
    <t>cg10231183</t>
  </si>
  <si>
    <t>cg10231902</t>
  </si>
  <si>
    <t>cg10232580</t>
  </si>
  <si>
    <t>cg10282371</t>
  </si>
  <si>
    <t>cg10296513</t>
  </si>
  <si>
    <t>cg10299941</t>
  </si>
  <si>
    <t>cg10302505</t>
  </si>
  <si>
    <t>cg10303487</t>
  </si>
  <si>
    <t>cg10317098</t>
  </si>
  <si>
    <t>cg10317283</t>
  </si>
  <si>
    <t>cg10319399</t>
  </si>
  <si>
    <t>cg10333767</t>
  </si>
  <si>
    <t>cg10341556</t>
  </si>
  <si>
    <t>cg10347799</t>
  </si>
  <si>
    <t>cg10389722</t>
  </si>
  <si>
    <t>cg10396491</t>
  </si>
  <si>
    <t>cg10397440</t>
  </si>
  <si>
    <t>cg10401356</t>
  </si>
  <si>
    <t>cg10408778</t>
  </si>
  <si>
    <t>cg10409981</t>
  </si>
  <si>
    <t>cg10416846</t>
  </si>
  <si>
    <t>cg10433005</t>
  </si>
  <si>
    <t>cg10433678</t>
  </si>
  <si>
    <t>cg10433910</t>
  </si>
  <si>
    <t>cg10434152</t>
  </si>
  <si>
    <t>cg10438391</t>
  </si>
  <si>
    <t>cg10442932</t>
  </si>
  <si>
    <t>cg10447827</t>
  </si>
  <si>
    <t>cg10451078</t>
  </si>
  <si>
    <t>cg10473004</t>
  </si>
  <si>
    <t>cg10489318</t>
  </si>
  <si>
    <t>cg10498682</t>
  </si>
  <si>
    <t>cg10555010</t>
  </si>
  <si>
    <t>cg10565662</t>
  </si>
  <si>
    <t>cg10582687</t>
  </si>
  <si>
    <t>cg10594709</t>
  </si>
  <si>
    <t>cg10605130</t>
  </si>
  <si>
    <t>cg10606059</t>
  </si>
  <si>
    <t>cg10626625</t>
  </si>
  <si>
    <t>cg10627155</t>
  </si>
  <si>
    <t>cg10640168</t>
  </si>
  <si>
    <t>cg10641504</t>
  </si>
  <si>
    <t>cg10642188</t>
  </si>
  <si>
    <t>cg10644878</t>
  </si>
  <si>
    <t>cg10667489</t>
  </si>
  <si>
    <t>cg10667877</t>
  </si>
  <si>
    <t>cg10670260</t>
  </si>
  <si>
    <t>cg10699986</t>
  </si>
  <si>
    <t>cg10700964</t>
  </si>
  <si>
    <t>cg10702755</t>
  </si>
  <si>
    <t>cg10709532</t>
  </si>
  <si>
    <t>cg10715223</t>
  </si>
  <si>
    <t>cg10719100</t>
  </si>
  <si>
    <t>cg10722846</t>
  </si>
  <si>
    <t>cg10724191</t>
  </si>
  <si>
    <t>cg10754705</t>
  </si>
  <si>
    <t>cg10761372</t>
  </si>
  <si>
    <t>cg10787000</t>
  </si>
  <si>
    <t>cg10787409</t>
  </si>
  <si>
    <t>cg10787548</t>
  </si>
  <si>
    <t>cg10798059</t>
  </si>
  <si>
    <t>cg10806146</t>
  </si>
  <si>
    <t>cg10815543</t>
  </si>
  <si>
    <t>cg10818319</t>
  </si>
  <si>
    <t>cg10821845</t>
  </si>
  <si>
    <t>cg10822418</t>
  </si>
  <si>
    <t>cg10825293</t>
  </si>
  <si>
    <t>cg10826197</t>
  </si>
  <si>
    <t>cg10832291</t>
  </si>
  <si>
    <t>cg10854029</t>
  </si>
  <si>
    <t>cg10855265</t>
  </si>
  <si>
    <t>cg10859897</t>
  </si>
  <si>
    <t>cg10866891</t>
  </si>
  <si>
    <t>cg10867915</t>
  </si>
  <si>
    <t>cg10895433</t>
  </si>
  <si>
    <t>cg10899768</t>
  </si>
  <si>
    <t>cg10899904</t>
  </si>
  <si>
    <t>cg10901841</t>
  </si>
  <si>
    <t>cg10904986</t>
  </si>
  <si>
    <t>cg10919176</t>
  </si>
  <si>
    <t>cg10933445</t>
  </si>
  <si>
    <t>cg10940957</t>
  </si>
  <si>
    <t>cg10943179</t>
  </si>
  <si>
    <t>cg10944437</t>
  </si>
  <si>
    <t>cg10948284</t>
  </si>
  <si>
    <t>cg10951117</t>
  </si>
  <si>
    <t>cg10953863</t>
  </si>
  <si>
    <t>cg10964367</t>
  </si>
  <si>
    <t>cg10964421</t>
  </si>
  <si>
    <t>cg10993470</t>
  </si>
  <si>
    <t>cg10997640</t>
  </si>
  <si>
    <t>cg11006453</t>
  </si>
  <si>
    <t>cg11008690</t>
  </si>
  <si>
    <t>cg11042769</t>
  </si>
  <si>
    <t>cg11044099</t>
  </si>
  <si>
    <t>cg11048722</t>
  </si>
  <si>
    <t>cg11050859</t>
  </si>
  <si>
    <t>cg11051055</t>
  </si>
  <si>
    <t>cg11052780</t>
  </si>
  <si>
    <t>cg11063324</t>
  </si>
  <si>
    <t>cg11071231</t>
  </si>
  <si>
    <t>cg11073558</t>
  </si>
  <si>
    <t>cg11075878</t>
  </si>
  <si>
    <t>cg11087911</t>
  </si>
  <si>
    <t>cg11118357</t>
  </si>
  <si>
    <t>cg11118396</t>
  </si>
  <si>
    <t>cg11146569</t>
  </si>
  <si>
    <t>cg11146916</t>
  </si>
  <si>
    <t>cg11147215</t>
  </si>
  <si>
    <t>cg11149658</t>
  </si>
  <si>
    <t>cg11154747</t>
  </si>
  <si>
    <t>cg11185473</t>
  </si>
  <si>
    <t>cg11189715</t>
  </si>
  <si>
    <t>cg11199639</t>
  </si>
  <si>
    <t>cg11201273</t>
  </si>
  <si>
    <t>cg11205981</t>
  </si>
  <si>
    <t>cg11207081</t>
  </si>
  <si>
    <t>cg11207534</t>
  </si>
  <si>
    <t>cg11220133</t>
  </si>
  <si>
    <t>cg11220619</t>
  </si>
  <si>
    <t>cg11222836</t>
  </si>
  <si>
    <t>cg11222948</t>
  </si>
  <si>
    <t>cg11224624</t>
  </si>
  <si>
    <t>cg11227064</t>
  </si>
  <si>
    <t>cg11229513</t>
  </si>
  <si>
    <t>cg11231240</t>
  </si>
  <si>
    <t>cg11238505</t>
  </si>
  <si>
    <t>cg11241541</t>
  </si>
  <si>
    <t>cg11243826</t>
  </si>
  <si>
    <t>cg11254573</t>
  </si>
  <si>
    <t>cg11265336</t>
  </si>
  <si>
    <t>cg11268280</t>
  </si>
  <si>
    <t>cg11270656</t>
  </si>
  <si>
    <t>cg11276203</t>
  </si>
  <si>
    <t>cg11277148</t>
  </si>
  <si>
    <t>cg11282402</t>
  </si>
  <si>
    <t>cg11326717</t>
  </si>
  <si>
    <t>cg11327809</t>
  </si>
  <si>
    <t>cg11335323</t>
  </si>
  <si>
    <t>cg11360768</t>
  </si>
  <si>
    <t>cg11363615</t>
  </si>
  <si>
    <t>cg11371879</t>
  </si>
  <si>
    <t>cg11382529</t>
  </si>
  <si>
    <t>cg11382963</t>
  </si>
  <si>
    <t>cg11388673</t>
  </si>
  <si>
    <t>cg11416102</t>
  </si>
  <si>
    <t>cg11424828</t>
  </si>
  <si>
    <t>cg11459266</t>
  </si>
  <si>
    <t>cg11460727</t>
  </si>
  <si>
    <t>cg11461670</t>
  </si>
  <si>
    <t>cg11462016</t>
  </si>
  <si>
    <t>cg11467637</t>
  </si>
  <si>
    <t>cg11469098</t>
  </si>
  <si>
    <t>cg11474763</t>
  </si>
  <si>
    <t>cg11477977</t>
  </si>
  <si>
    <t>cg11478273</t>
  </si>
  <si>
    <t>cg11478320</t>
  </si>
  <si>
    <t>cg11485247</t>
  </si>
  <si>
    <t>cg11488020</t>
  </si>
  <si>
    <t>cg11490865</t>
  </si>
  <si>
    <t>cg11497957</t>
  </si>
  <si>
    <t>cg11529109</t>
  </si>
  <si>
    <t>cg11535445</t>
  </si>
  <si>
    <t>cg11538573</t>
  </si>
  <si>
    <t>cg11539066</t>
  </si>
  <si>
    <t>cg11542086</t>
  </si>
  <si>
    <t>cg11543397</t>
  </si>
  <si>
    <t>cg11547878</t>
  </si>
  <si>
    <t>cg11548303</t>
  </si>
  <si>
    <t>cg11554525</t>
  </si>
  <si>
    <t>cg11557530</t>
  </si>
  <si>
    <t>cg11559989</t>
  </si>
  <si>
    <t>cg11588857</t>
  </si>
  <si>
    <t>cg11589287</t>
  </si>
  <si>
    <t>cg11598005</t>
  </si>
  <si>
    <t>cg11599539</t>
  </si>
  <si>
    <t>cg11630226</t>
  </si>
  <si>
    <t>cg11631265</t>
  </si>
  <si>
    <t>cg11631883</t>
  </si>
  <si>
    <t>cg11636714</t>
  </si>
  <si>
    <t>cg11639815</t>
  </si>
  <si>
    <t>cg11644755</t>
  </si>
  <si>
    <t>cg11667643</t>
  </si>
  <si>
    <t>cg11691535</t>
  </si>
  <si>
    <t>cg11692369</t>
  </si>
  <si>
    <t>cg11701471</t>
  </si>
  <si>
    <t>cg11736739</t>
  </si>
  <si>
    <t>cg11741254</t>
  </si>
  <si>
    <t>cg11750431</t>
  </si>
  <si>
    <t>cg11753193</t>
  </si>
  <si>
    <t>cg11754995</t>
  </si>
  <si>
    <t>cg11759446</t>
  </si>
  <si>
    <t>cg11775417</t>
  </si>
  <si>
    <t>cg11783834</t>
  </si>
  <si>
    <t>cg11784799</t>
  </si>
  <si>
    <t>cg11786283</t>
  </si>
  <si>
    <t>cg11817413</t>
  </si>
  <si>
    <t>cg11821269</t>
  </si>
  <si>
    <t>cg11825564</t>
  </si>
  <si>
    <t>cg11826726</t>
  </si>
  <si>
    <t>cg11827743</t>
  </si>
  <si>
    <t>cg11829072</t>
  </si>
  <si>
    <t>cg11847597</t>
  </si>
  <si>
    <t>cg11856918</t>
  </si>
  <si>
    <t>cg11859541</t>
  </si>
  <si>
    <t>cg11859641</t>
  </si>
  <si>
    <t>cg11875085</t>
  </si>
  <si>
    <t>cg11877232</t>
  </si>
  <si>
    <t>cg11878619</t>
  </si>
  <si>
    <t>cg11882144</t>
  </si>
  <si>
    <t>cg11885299</t>
  </si>
  <si>
    <t>cg11889769</t>
  </si>
  <si>
    <t>cg11893698</t>
  </si>
  <si>
    <t>cg11893955</t>
  </si>
  <si>
    <t>cg11896398</t>
  </si>
  <si>
    <t>cg11896633</t>
  </si>
  <si>
    <t>cg11898212</t>
  </si>
  <si>
    <t>cg11904266</t>
  </si>
  <si>
    <t>cg11910167</t>
  </si>
  <si>
    <t>cg11917755</t>
  </si>
  <si>
    <t>cg11926393</t>
  </si>
  <si>
    <t>cg11932387</t>
  </si>
  <si>
    <t>cg11948688</t>
  </si>
  <si>
    <t>cg11961683</t>
  </si>
  <si>
    <t>cg11964564</t>
  </si>
  <si>
    <t>cg11965514</t>
  </si>
  <si>
    <t>cg11967835</t>
  </si>
  <si>
    <t>cg11973167</t>
  </si>
  <si>
    <t>cg11973777</t>
  </si>
  <si>
    <t>cg11978048</t>
  </si>
  <si>
    <t>cg11988591</t>
  </si>
  <si>
    <t>cg11992237</t>
  </si>
  <si>
    <t>cg11992333</t>
  </si>
  <si>
    <t>cg11998141</t>
  </si>
  <si>
    <t>cg12021219</t>
  </si>
  <si>
    <t>cg12021926</t>
  </si>
  <si>
    <t>cg12023271</t>
  </si>
  <si>
    <t>cg12024050</t>
  </si>
  <si>
    <t>cg12025821</t>
  </si>
  <si>
    <t>cg12032713</t>
  </si>
  <si>
    <t>cg12039242</t>
  </si>
  <si>
    <t>cg12044295</t>
  </si>
  <si>
    <t>cg12044654</t>
  </si>
  <si>
    <t>cg12047218</t>
  </si>
  <si>
    <t>cg12054981</t>
  </si>
  <si>
    <t>cg12057741</t>
  </si>
  <si>
    <t>cg12058043</t>
  </si>
  <si>
    <t>cg12070159</t>
  </si>
  <si>
    <t>cg12072677</t>
  </si>
  <si>
    <t>cg12088612</t>
  </si>
  <si>
    <t>cg12091641</t>
  </si>
  <si>
    <t>cg12093930</t>
  </si>
  <si>
    <t>cg12095933</t>
  </si>
  <si>
    <t>cg12097222</t>
  </si>
  <si>
    <t>cg12108029</t>
  </si>
  <si>
    <t>cg12109260</t>
  </si>
  <si>
    <t>cg12120367</t>
  </si>
  <si>
    <t>cg12130935</t>
  </si>
  <si>
    <t>cg12142501</t>
  </si>
  <si>
    <t>cg12143168</t>
  </si>
  <si>
    <t>cg12159190</t>
  </si>
  <si>
    <t>cg12164472</t>
  </si>
  <si>
    <t>cg12166610</t>
  </si>
  <si>
    <t>cg12168112</t>
  </si>
  <si>
    <t>cg12174280</t>
  </si>
  <si>
    <t>cg12174804</t>
  </si>
  <si>
    <t>cg12175729</t>
  </si>
  <si>
    <t>cg12186410</t>
  </si>
  <si>
    <t>cg12187567</t>
  </si>
  <si>
    <t>cg12194517</t>
  </si>
  <si>
    <t>cg12195820</t>
  </si>
  <si>
    <t>cg12247164</t>
  </si>
  <si>
    <t>cg12254515</t>
  </si>
  <si>
    <t>cg12258042</t>
  </si>
  <si>
    <t>cg12263872</t>
  </si>
  <si>
    <t>cg12267291</t>
  </si>
  <si>
    <t>cg12268263</t>
  </si>
  <si>
    <t>cg12279125</t>
  </si>
  <si>
    <t>cg12286194</t>
  </si>
  <si>
    <t>cg12292213</t>
  </si>
  <si>
    <t>cg12294506</t>
  </si>
  <si>
    <t>cg12296772</t>
  </si>
  <si>
    <t>cg12304113</t>
  </si>
  <si>
    <t>cg12330330</t>
  </si>
  <si>
    <t>cg12374732</t>
  </si>
  <si>
    <t>cg12396325</t>
  </si>
  <si>
    <t>cg12396523</t>
  </si>
  <si>
    <t>cg12440566</t>
  </si>
  <si>
    <t>cg12462991</t>
  </si>
  <si>
    <t>cg12468850</t>
  </si>
  <si>
    <t>cg12470625</t>
  </si>
  <si>
    <t>cg12473573</t>
  </si>
  <si>
    <t>cg12486533</t>
  </si>
  <si>
    <t>cg12502286</t>
  </si>
  <si>
    <t>cg12516270</t>
  </si>
  <si>
    <t>cg12545721</t>
  </si>
  <si>
    <t>cg12565585</t>
  </si>
  <si>
    <t>cg12568407</t>
  </si>
  <si>
    <t>cg12614213</t>
  </si>
  <si>
    <t>cg12619398</t>
  </si>
  <si>
    <t>cg12624721</t>
  </si>
  <si>
    <t>cg12641275</t>
  </si>
  <si>
    <t>cg12665736</t>
  </si>
  <si>
    <t>cg12668482</t>
  </si>
  <si>
    <t>cg12678274</t>
  </si>
  <si>
    <t>cg12679192</t>
  </si>
  <si>
    <t>cg12688965</t>
  </si>
  <si>
    <t>cg12723292</t>
  </si>
  <si>
    <t>cg12732805</t>
  </si>
  <si>
    <t>cg12748258</t>
  </si>
  <si>
    <t>cg12749531</t>
  </si>
  <si>
    <t>cg12753791</t>
  </si>
  <si>
    <t>cg12755298</t>
  </si>
  <si>
    <t>cg12797746</t>
  </si>
  <si>
    <t>cg12805580</t>
  </si>
  <si>
    <t>cg12810313</t>
  </si>
  <si>
    <t>cg12812583</t>
  </si>
  <si>
    <t>cg12818557</t>
  </si>
  <si>
    <t>cg12832228</t>
  </si>
  <si>
    <t>cg12837869</t>
  </si>
  <si>
    <t>cg12845520</t>
  </si>
  <si>
    <t>cg12846837</t>
  </si>
  <si>
    <t>cg12847125</t>
  </si>
  <si>
    <t>cg12848220</t>
  </si>
  <si>
    <t>cg12861418</t>
  </si>
  <si>
    <t>cg12870643</t>
  </si>
  <si>
    <t>cg12873476</t>
  </si>
  <si>
    <t>cg12877251</t>
  </si>
  <si>
    <t>cg12877723</t>
  </si>
  <si>
    <t>cg12890650</t>
  </si>
  <si>
    <t>cg12890671</t>
  </si>
  <si>
    <t>cg12892311</t>
  </si>
  <si>
    <t>cg12895810</t>
  </si>
  <si>
    <t>cg12929040</t>
  </si>
  <si>
    <t>cg12934366</t>
  </si>
  <si>
    <t>cg12937186</t>
  </si>
  <si>
    <t>cg12990392</t>
  </si>
  <si>
    <t>cg12995160</t>
  </si>
  <si>
    <t>cg12996100</t>
  </si>
  <si>
    <t>cg13063040</t>
  </si>
  <si>
    <t>cg13070215</t>
  </si>
  <si>
    <t>cg13077699</t>
  </si>
  <si>
    <t>cg13085681</t>
  </si>
  <si>
    <t>cg13086025</t>
  </si>
  <si>
    <t>cg13090007</t>
  </si>
  <si>
    <t>cg13096260</t>
  </si>
  <si>
    <t>cg13126206</t>
  </si>
  <si>
    <t>cg13136220</t>
  </si>
  <si>
    <t>cg13152952</t>
  </si>
  <si>
    <t>cg13153009</t>
  </si>
  <si>
    <t>cg13160221</t>
  </si>
  <si>
    <t>cg13162328</t>
  </si>
  <si>
    <t>cg13165139</t>
  </si>
  <si>
    <t>cg13172906</t>
  </si>
  <si>
    <t>cg13176454</t>
  </si>
  <si>
    <t>cg13177747</t>
  </si>
  <si>
    <t>cg13177830</t>
  </si>
  <si>
    <t>cg13189097</t>
  </si>
  <si>
    <t>cg13191508</t>
  </si>
  <si>
    <t>cg13193676</t>
  </si>
  <si>
    <t>cg13204435</t>
  </si>
  <si>
    <t>cg13211683</t>
  </si>
  <si>
    <t>cg13246053</t>
  </si>
  <si>
    <t>cg13247663</t>
  </si>
  <si>
    <t>cg13249870</t>
  </si>
  <si>
    <t>cg13250618</t>
  </si>
  <si>
    <t>cg13257436</t>
  </si>
  <si>
    <t>cg13259811</t>
  </si>
  <si>
    <t>cg13264850</t>
  </si>
  <si>
    <t>cg13267177</t>
  </si>
  <si>
    <t>cg13267264</t>
  </si>
  <si>
    <t>cg13272701</t>
  </si>
  <si>
    <t>cg13273799</t>
  </si>
  <si>
    <t>cg13282195</t>
  </si>
  <si>
    <t>cg13286318</t>
  </si>
  <si>
    <t>cg13289692</t>
  </si>
  <si>
    <t>cg13291836</t>
  </si>
  <si>
    <t>cg13294602</t>
  </si>
  <si>
    <t>cg13311096</t>
  </si>
  <si>
    <t>cg13318091</t>
  </si>
  <si>
    <t>cg13318121</t>
  </si>
  <si>
    <t>cg13324546</t>
  </si>
  <si>
    <t>cg13336335</t>
  </si>
  <si>
    <t>cg13342158</t>
  </si>
  <si>
    <t>cg13347354</t>
  </si>
  <si>
    <t>cg13353245</t>
  </si>
  <si>
    <t>cg13354240</t>
  </si>
  <si>
    <t>cg13372862</t>
  </si>
  <si>
    <t>cg13383010</t>
  </si>
  <si>
    <t>cg13383332</t>
  </si>
  <si>
    <t>cg13400188</t>
  </si>
  <si>
    <t>cg13402155</t>
  </si>
  <si>
    <t>cg13405423</t>
  </si>
  <si>
    <t>cg13405783</t>
  </si>
  <si>
    <t>cg13406423</t>
  </si>
  <si>
    <t>cg13411962</t>
  </si>
  <si>
    <t>cg13426096</t>
  </si>
  <si>
    <t>cg13428978</t>
  </si>
  <si>
    <t>cg13434842</t>
  </si>
  <si>
    <t>cg13437005</t>
  </si>
  <si>
    <t>cg13438334</t>
  </si>
  <si>
    <t>cg13439505</t>
  </si>
  <si>
    <t>cg13446153</t>
  </si>
  <si>
    <t>cg13451025</t>
  </si>
  <si>
    <t>cg13458255</t>
  </si>
  <si>
    <t>cg13525837</t>
  </si>
  <si>
    <t>cg13527439</t>
  </si>
  <si>
    <t>cg13528935</t>
  </si>
  <si>
    <t>cg13529726</t>
  </si>
  <si>
    <t>cg13531748</t>
  </si>
  <si>
    <t>cg13533935</t>
  </si>
  <si>
    <t>cg13568946</t>
  </si>
  <si>
    <t>cg13580096</t>
  </si>
  <si>
    <t>cg13592003</t>
  </si>
  <si>
    <t>cg13599051</t>
  </si>
  <si>
    <t>cg13609385</t>
  </si>
  <si>
    <t>cg13609723</t>
  </si>
  <si>
    <t>cg13612524</t>
  </si>
  <si>
    <t>cg13618100</t>
  </si>
  <si>
    <t>cg13623968</t>
  </si>
  <si>
    <t>cg13626774</t>
  </si>
  <si>
    <t>cg13678428</t>
  </si>
  <si>
    <t>cg13682019</t>
  </si>
  <si>
    <t>cg13687825</t>
  </si>
  <si>
    <t>cg13690525</t>
  </si>
  <si>
    <t>cg13713522</t>
  </si>
  <si>
    <t>cg13733797</t>
  </si>
  <si>
    <t>cg13879655</t>
  </si>
  <si>
    <t>cg13883671</t>
  </si>
  <si>
    <t>cg13911690</t>
  </si>
  <si>
    <t>cg13924748</t>
  </si>
  <si>
    <t>cg13934277</t>
  </si>
  <si>
    <t>cg13951572</t>
  </si>
  <si>
    <t>cg13953403</t>
  </si>
  <si>
    <t>cg13963446</t>
  </si>
  <si>
    <t>cg13969265</t>
  </si>
  <si>
    <t>cg13971096</t>
  </si>
  <si>
    <t>cg13974084</t>
  </si>
  <si>
    <t>cg13977632</t>
  </si>
  <si>
    <t>cg13983578</t>
  </si>
  <si>
    <t>cg14017195</t>
  </si>
  <si>
    <t>cg14018100</t>
  </si>
  <si>
    <t>cg14023009</t>
  </si>
  <si>
    <t>cg14023573</t>
  </si>
  <si>
    <t>cg14025978</t>
  </si>
  <si>
    <t>cg14033944</t>
  </si>
  <si>
    <t>cg14041100</t>
  </si>
  <si>
    <t>cg14042056</t>
  </si>
  <si>
    <t>cg14143435</t>
  </si>
  <si>
    <t>cg14149685</t>
  </si>
  <si>
    <t>cg14154651</t>
  </si>
  <si>
    <t>cg14156931</t>
  </si>
  <si>
    <t>cg14203118</t>
  </si>
  <si>
    <t>cg14213394</t>
  </si>
  <si>
    <t>cg14217399</t>
  </si>
  <si>
    <t>cg14222879</t>
  </si>
  <si>
    <t>cg14225847</t>
  </si>
  <si>
    <t>cg14228592</t>
  </si>
  <si>
    <t>cg14230992</t>
  </si>
  <si>
    <t>cg14259716</t>
  </si>
  <si>
    <t>cg14265650</t>
  </si>
  <si>
    <t>cg14284469</t>
  </si>
  <si>
    <t>cg14284952</t>
  </si>
  <si>
    <t>cg14302973</t>
  </si>
  <si>
    <t>cg14305139</t>
  </si>
  <si>
    <t>cg14308254</t>
  </si>
  <si>
    <t>cg14313916</t>
  </si>
  <si>
    <t>cg14315058</t>
  </si>
  <si>
    <t>cg14322403</t>
  </si>
  <si>
    <t>cg14329673</t>
  </si>
  <si>
    <t>cg14332120</t>
  </si>
  <si>
    <t>cg14335767</t>
  </si>
  <si>
    <t>cg14337472</t>
  </si>
  <si>
    <t>cg14338425</t>
  </si>
  <si>
    <t>cg14353137</t>
  </si>
  <si>
    <t>cg14354820</t>
  </si>
  <si>
    <t>cg14377816</t>
  </si>
  <si>
    <t>cg14378659</t>
  </si>
  <si>
    <t>cg14392283</t>
  </si>
  <si>
    <t>cg14393034</t>
  </si>
  <si>
    <t>cg14394550</t>
  </si>
  <si>
    <t>cg14405873</t>
  </si>
  <si>
    <t>cg14407184</t>
  </si>
  <si>
    <t>cg14409559</t>
  </si>
  <si>
    <t>cg14409866</t>
  </si>
  <si>
    <t>cg14428146</t>
  </si>
  <si>
    <t>cg14429865</t>
  </si>
  <si>
    <t>cg14430982</t>
  </si>
  <si>
    <t>cg14433990</t>
  </si>
  <si>
    <t>cg14436888</t>
  </si>
  <si>
    <t>cg14439572</t>
  </si>
  <si>
    <t>cg14446015</t>
  </si>
  <si>
    <t>cg14447887</t>
  </si>
  <si>
    <t>cg14480530</t>
  </si>
  <si>
    <t>cg14486338</t>
  </si>
  <si>
    <t>cg14487356</t>
  </si>
  <si>
    <t>cg14487887</t>
  </si>
  <si>
    <t>cg14489570</t>
  </si>
  <si>
    <t>cg14490552</t>
  </si>
  <si>
    <t>cg14491479</t>
  </si>
  <si>
    <t>cg14497781</t>
  </si>
  <si>
    <t>cg14535167</t>
  </si>
  <si>
    <t>cg14536777</t>
  </si>
  <si>
    <t>cg14538320</t>
  </si>
  <si>
    <t>cg14551323</t>
  </si>
  <si>
    <t>cg14551938</t>
  </si>
  <si>
    <t>cg14554372</t>
  </si>
  <si>
    <t>cg14563129</t>
  </si>
  <si>
    <t>cg14592752</t>
  </si>
  <si>
    <t>cg14597214</t>
  </si>
  <si>
    <t>cg14597492</t>
  </si>
  <si>
    <t>cg14618762</t>
  </si>
  <si>
    <t>cg14631386</t>
  </si>
  <si>
    <t>cg14633783</t>
  </si>
  <si>
    <t>cg14635466</t>
  </si>
  <si>
    <t>cg14637067</t>
  </si>
  <si>
    <t>cg14650175</t>
  </si>
  <si>
    <t>cg14655649</t>
  </si>
  <si>
    <t>cg14666006</t>
  </si>
  <si>
    <t>cg14666113</t>
  </si>
  <si>
    <t>cg14677013</t>
  </si>
  <si>
    <t>cg14688104</t>
  </si>
  <si>
    <t>cg14689479</t>
  </si>
  <si>
    <t>cg14695492</t>
  </si>
  <si>
    <t>cg14695663</t>
  </si>
  <si>
    <t>cg14703605</t>
  </si>
  <si>
    <t>cg14732699</t>
  </si>
  <si>
    <t>cg14733867</t>
  </si>
  <si>
    <t>cg14739437</t>
  </si>
  <si>
    <t>cg14743352</t>
  </si>
  <si>
    <t>cg14745270</t>
  </si>
  <si>
    <t>cg14751552</t>
  </si>
  <si>
    <t>cg14774288</t>
  </si>
  <si>
    <t>cg14806103</t>
  </si>
  <si>
    <t>cg14824382</t>
  </si>
  <si>
    <t>cg14824386</t>
  </si>
  <si>
    <t>cg14825413</t>
  </si>
  <si>
    <t>cg14826792</t>
  </si>
  <si>
    <t>cg14827056</t>
  </si>
  <si>
    <t>cg14829271</t>
  </si>
  <si>
    <t>cg14830952</t>
  </si>
  <si>
    <t>cg14843143</t>
  </si>
  <si>
    <t>cg14855519</t>
  </si>
  <si>
    <t>cg14855657</t>
  </si>
  <si>
    <t>cg14861020</t>
  </si>
  <si>
    <t>cg14862612</t>
  </si>
  <si>
    <t>cg14878812</t>
  </si>
  <si>
    <t>cg14892538</t>
  </si>
  <si>
    <t>cg14898260</t>
  </si>
  <si>
    <t>cg14900471</t>
  </si>
  <si>
    <t>cg14900984</t>
  </si>
  <si>
    <t>cg14904662</t>
  </si>
  <si>
    <t>cg14905331</t>
  </si>
  <si>
    <t>cg14907769</t>
  </si>
  <si>
    <t>cg14918359</t>
  </si>
  <si>
    <t>cg14919250</t>
  </si>
  <si>
    <t>cg14925067</t>
  </si>
  <si>
    <t>cg14926340</t>
  </si>
  <si>
    <t>cg14929148</t>
  </si>
  <si>
    <t>cg14929805</t>
  </si>
  <si>
    <t>cg14930075</t>
  </si>
  <si>
    <t>cg14930586</t>
  </si>
  <si>
    <t>cg14938514</t>
  </si>
  <si>
    <t>cg14940705</t>
  </si>
  <si>
    <t>cg14942134</t>
  </si>
  <si>
    <t>cg14964403</t>
  </si>
  <si>
    <t>cg14967899</t>
  </si>
  <si>
    <t>cg14970987</t>
  </si>
  <si>
    <t>cg14988396</t>
  </si>
  <si>
    <t>cg15006175</t>
  </si>
  <si>
    <t>cg15046062</t>
  </si>
  <si>
    <t>cg15118665</t>
  </si>
  <si>
    <t>cg15137369</t>
  </si>
  <si>
    <t>cg15140822</t>
  </si>
  <si>
    <t>cg15142246</t>
  </si>
  <si>
    <t>cg15145148</t>
  </si>
  <si>
    <t>cg15148513</t>
  </si>
  <si>
    <t>cg15151778</t>
  </si>
  <si>
    <t>cg15153412</t>
  </si>
  <si>
    <t>cg15154047</t>
  </si>
  <si>
    <t>cg15160198</t>
  </si>
  <si>
    <t>cg15168842</t>
  </si>
  <si>
    <t>cg15172011</t>
  </si>
  <si>
    <t>cg15189104</t>
  </si>
  <si>
    <t>cg15190738</t>
  </si>
  <si>
    <t>cg15241263</t>
  </si>
  <si>
    <t>cg15244360</t>
  </si>
  <si>
    <t>cg15247169</t>
  </si>
  <si>
    <t>cg15248149</t>
  </si>
  <si>
    <t>cg15248835</t>
  </si>
  <si>
    <t>cg15252948</t>
  </si>
  <si>
    <t>cg15271056</t>
  </si>
  <si>
    <t>cg15301489</t>
  </si>
  <si>
    <t>cg15307908</t>
  </si>
  <si>
    <t>cg15310387</t>
  </si>
  <si>
    <t>cg15316206</t>
  </si>
  <si>
    <t>cg15316716</t>
  </si>
  <si>
    <t>cg15316843</t>
  </si>
  <si>
    <t>cg15317356</t>
  </si>
  <si>
    <t>cg15321997</t>
  </si>
  <si>
    <t>cg15323252</t>
  </si>
  <si>
    <t>cg15329936</t>
  </si>
  <si>
    <t>cg15331837</t>
  </si>
  <si>
    <t>cg15393676</t>
  </si>
  <si>
    <t>cg15396462</t>
  </si>
  <si>
    <t>cg15397308</t>
  </si>
  <si>
    <t>cg15421236</t>
  </si>
  <si>
    <t>cg15421701</t>
  </si>
  <si>
    <t>cg15422033</t>
  </si>
  <si>
    <t>cg15423199</t>
  </si>
  <si>
    <t>cg15427886</t>
  </si>
  <si>
    <t>cg15442737</t>
  </si>
  <si>
    <t>cg15449956</t>
  </si>
  <si>
    <t>cg15450295</t>
  </si>
  <si>
    <t>cg15456293</t>
  </si>
  <si>
    <t>cg15461550</t>
  </si>
  <si>
    <t>cg15462925</t>
  </si>
  <si>
    <t>cg15464112</t>
  </si>
  <si>
    <t>cg15465092</t>
  </si>
  <si>
    <t>cg15466569</t>
  </si>
  <si>
    <t>cg15469704</t>
  </si>
  <si>
    <t>cg15531403</t>
  </si>
  <si>
    <t>cg15537436</t>
  </si>
  <si>
    <t>cg15541630</t>
  </si>
  <si>
    <t>cg15543167</t>
  </si>
  <si>
    <t>cg15543875</t>
  </si>
  <si>
    <t>cg15591513</t>
  </si>
  <si>
    <t>cg15593965</t>
  </si>
  <si>
    <t>cg15623175</t>
  </si>
  <si>
    <t>cg15628518</t>
  </si>
  <si>
    <t>cg15643885</t>
  </si>
  <si>
    <t>cg15644191</t>
  </si>
  <si>
    <t>cg15646900</t>
  </si>
  <si>
    <t>cg15648444</t>
  </si>
  <si>
    <t>cg15651152</t>
  </si>
  <si>
    <t>cg15654626</t>
  </si>
  <si>
    <t>cg15654779</t>
  </si>
  <si>
    <t>cg15659713</t>
  </si>
  <si>
    <t>cg15661450</t>
  </si>
  <si>
    <t>cg15681229</t>
  </si>
  <si>
    <t>cg15684290</t>
  </si>
  <si>
    <t>cg15684724</t>
  </si>
  <si>
    <t>cg15685006</t>
  </si>
  <si>
    <t>cg15687869</t>
  </si>
  <si>
    <t>cg15692687</t>
  </si>
  <si>
    <t>cg15693780</t>
  </si>
  <si>
    <t>cg15712821</t>
  </si>
  <si>
    <t>cg15717598</t>
  </si>
  <si>
    <t>cg15724296</t>
  </si>
  <si>
    <t>cg15737324</t>
  </si>
  <si>
    <t>cg15740790</t>
  </si>
  <si>
    <t>cg15744359</t>
  </si>
  <si>
    <t>cg15774465</t>
  </si>
  <si>
    <t>cg15794252</t>
  </si>
  <si>
    <t>cg15798873</t>
  </si>
  <si>
    <t>cg15820062</t>
  </si>
  <si>
    <t>cg15825175</t>
  </si>
  <si>
    <t>cg15825532</t>
  </si>
  <si>
    <t>cg15836635</t>
  </si>
  <si>
    <t>cg15837119</t>
  </si>
  <si>
    <t>cg15839448</t>
  </si>
  <si>
    <t>cg15839751</t>
  </si>
  <si>
    <t>cg15847845</t>
  </si>
  <si>
    <t>cg15854847</t>
  </si>
  <si>
    <t>cg15857329</t>
  </si>
  <si>
    <t>cg15858239</t>
  </si>
  <si>
    <t>cg15860695</t>
  </si>
  <si>
    <t>cg15893108</t>
  </si>
  <si>
    <t>cg15894039</t>
  </si>
  <si>
    <t>cg15900034</t>
  </si>
  <si>
    <t>cg15908081</t>
  </si>
  <si>
    <t>cg15910928</t>
  </si>
  <si>
    <t>cg15920791</t>
  </si>
  <si>
    <t>cg15944457</t>
  </si>
  <si>
    <t>cg15944766</t>
  </si>
  <si>
    <t>cg15953602</t>
  </si>
  <si>
    <t>cg15959262</t>
  </si>
  <si>
    <t>cg15969606</t>
  </si>
  <si>
    <t>cg15971888</t>
  </si>
  <si>
    <t>cg15997512</t>
  </si>
  <si>
    <t>cg16000544</t>
  </si>
  <si>
    <t>cg16010427</t>
  </si>
  <si>
    <t>cg16015276</t>
  </si>
  <si>
    <t>cg16020747</t>
  </si>
  <si>
    <t>cg16072688</t>
  </si>
  <si>
    <t>cg16074309</t>
  </si>
  <si>
    <t>cg16090205</t>
  </si>
  <si>
    <t>cg16101257</t>
  </si>
  <si>
    <t>cg16102063</t>
  </si>
  <si>
    <t>cg16103681</t>
  </si>
  <si>
    <t>cg16117028</t>
  </si>
  <si>
    <t>cg16128701</t>
  </si>
  <si>
    <t>cg16143176</t>
  </si>
  <si>
    <t>cg16145703</t>
  </si>
  <si>
    <t>cg16146718</t>
  </si>
  <si>
    <t>cg16148593</t>
  </si>
  <si>
    <t>cg16150678</t>
  </si>
  <si>
    <t>cg16168624</t>
  </si>
  <si>
    <t>cg16169373</t>
  </si>
  <si>
    <t>cg16172099</t>
  </si>
  <si>
    <t>cg16174680</t>
  </si>
  <si>
    <t>cg16192717</t>
  </si>
  <si>
    <t>cg16196713</t>
  </si>
  <si>
    <t>cg16222790</t>
  </si>
  <si>
    <t>cg16232702</t>
  </si>
  <si>
    <t>cg16241714</t>
  </si>
  <si>
    <t>cg16286776</t>
  </si>
  <si>
    <t>cg16290904</t>
  </si>
  <si>
    <t>cg16321109</t>
  </si>
  <si>
    <t>cg16334849</t>
  </si>
  <si>
    <t>cg16405582</t>
  </si>
  <si>
    <t>cg16407323</t>
  </si>
  <si>
    <t>cg16419235</t>
  </si>
  <si>
    <t>cg16419441</t>
  </si>
  <si>
    <t>cg16424143</t>
  </si>
  <si>
    <t>cg16424920</t>
  </si>
  <si>
    <t>cg16436004</t>
  </si>
  <si>
    <t>cg16437211</t>
  </si>
  <si>
    <t>cg16449606</t>
  </si>
  <si>
    <t>cg16459364</t>
  </si>
  <si>
    <t>cg16462462</t>
  </si>
  <si>
    <t>cg16477886</t>
  </si>
  <si>
    <t>cg16482314</t>
  </si>
  <si>
    <t>cg16483473</t>
  </si>
  <si>
    <t>cg16491617</t>
  </si>
  <si>
    <t>cg16491677</t>
  </si>
  <si>
    <t>cg16497219</t>
  </si>
  <si>
    <t>cg16497583</t>
  </si>
  <si>
    <t>cg16504626</t>
  </si>
  <si>
    <t>cg16531664</t>
  </si>
  <si>
    <t>cg16560824</t>
  </si>
  <si>
    <t>cg16568641</t>
  </si>
  <si>
    <t>cg16569430</t>
  </si>
  <si>
    <t>cg16570133</t>
  </si>
  <si>
    <t>cg16574871</t>
  </si>
  <si>
    <t>cg16577247</t>
  </si>
  <si>
    <t>cg16579144</t>
  </si>
  <si>
    <t>cg16587988</t>
  </si>
  <si>
    <t>cg16595365</t>
  </si>
  <si>
    <t>cg16599996</t>
  </si>
  <si>
    <t>cg16638571</t>
  </si>
  <si>
    <t>cg16639745</t>
  </si>
  <si>
    <t>cg16648355</t>
  </si>
  <si>
    <t>cg16663570</t>
  </si>
  <si>
    <t>cg16670359</t>
  </si>
  <si>
    <t>cg16675029</t>
  </si>
  <si>
    <t>cg16677531</t>
  </si>
  <si>
    <t>cg16680530</t>
  </si>
  <si>
    <t>cg16688232</t>
  </si>
  <si>
    <t>cg16718260</t>
  </si>
  <si>
    <t>cg16725264</t>
  </si>
  <si>
    <t>cg16729160</t>
  </si>
  <si>
    <t>cg16729631</t>
  </si>
  <si>
    <t>cg16729832</t>
  </si>
  <si>
    <t>cg16736799</t>
  </si>
  <si>
    <t>cg16743070</t>
  </si>
  <si>
    <t>cg16747173</t>
  </si>
  <si>
    <t>cg16747999</t>
  </si>
  <si>
    <t>cg16748413</t>
  </si>
  <si>
    <t>cg16752592</t>
  </si>
  <si>
    <t>cg16752925</t>
  </si>
  <si>
    <t>cg16762778</t>
  </si>
  <si>
    <t>cg16780688</t>
  </si>
  <si>
    <t>cg16797714</t>
  </si>
  <si>
    <t>cg16803596</t>
  </si>
  <si>
    <t>cg16809304</t>
  </si>
  <si>
    <t>cg16810457</t>
  </si>
  <si>
    <t>cg16810605</t>
  </si>
  <si>
    <t>cg16815625</t>
  </si>
  <si>
    <t>cg16821252</t>
  </si>
  <si>
    <t>cg16830075</t>
  </si>
  <si>
    <t>cg16830930</t>
  </si>
  <si>
    <t>cg16844941</t>
  </si>
  <si>
    <t>cg16847396</t>
  </si>
  <si>
    <t>cg16848524</t>
  </si>
  <si>
    <t>cg16863052</t>
  </si>
  <si>
    <t>cg16866373</t>
  </si>
  <si>
    <t>cg16873848</t>
  </si>
  <si>
    <t>cg16875032</t>
  </si>
  <si>
    <t>cg16876192</t>
  </si>
  <si>
    <t>cg16888603</t>
  </si>
  <si>
    <t>cg16899498</t>
  </si>
  <si>
    <t>cg16919317</t>
  </si>
  <si>
    <t>cg16930980</t>
  </si>
  <si>
    <t>cg16998490</t>
  </si>
  <si>
    <t>cg17000343</t>
  </si>
  <si>
    <t>cg17008486</t>
  </si>
  <si>
    <t>cg17010941</t>
  </si>
  <si>
    <t>cg17016242</t>
  </si>
  <si>
    <t>cg17019285</t>
  </si>
  <si>
    <t>cg17066716</t>
  </si>
  <si>
    <t>cg17076635</t>
  </si>
  <si>
    <t>cg17078116</t>
  </si>
  <si>
    <t>cg17080893</t>
  </si>
  <si>
    <t>cg17082719</t>
  </si>
  <si>
    <t>cg17093362</t>
  </si>
  <si>
    <t>cg17101296</t>
  </si>
  <si>
    <t>cg17104422</t>
  </si>
  <si>
    <t>cg17119612</t>
  </si>
  <si>
    <t>cg17130032</t>
  </si>
  <si>
    <t>cg17132465</t>
  </si>
  <si>
    <t>cg17136354</t>
  </si>
  <si>
    <t>cg17136799</t>
  </si>
  <si>
    <t>cg17139035</t>
  </si>
  <si>
    <t>cg17142066</t>
  </si>
  <si>
    <t>cg17150465</t>
  </si>
  <si>
    <t>cg17151990</t>
  </si>
  <si>
    <t>cg17152658</t>
  </si>
  <si>
    <t>cg17154315</t>
  </si>
  <si>
    <t>cg17161921</t>
  </si>
  <si>
    <t>cg17162024</t>
  </si>
  <si>
    <t>cg17163967</t>
  </si>
  <si>
    <t>cg17170088</t>
  </si>
  <si>
    <t>cg17173767</t>
  </si>
  <si>
    <t>cg17182946</t>
  </si>
  <si>
    <t>cg17186373</t>
  </si>
  <si>
    <t>cg17189435</t>
  </si>
  <si>
    <t>cg17190864</t>
  </si>
  <si>
    <t>cg17194240</t>
  </si>
  <si>
    <t>cg17195934</t>
  </si>
  <si>
    <t>cg17198776</t>
  </si>
  <si>
    <t>cg17202879</t>
  </si>
  <si>
    <t>cg17212065</t>
  </si>
  <si>
    <t>cg17223045</t>
  </si>
  <si>
    <t>cg17250537</t>
  </si>
  <si>
    <t>cg17260383</t>
  </si>
  <si>
    <t>cg17297634</t>
  </si>
  <si>
    <t>cg17301223</t>
  </si>
  <si>
    <t>cg17307479</t>
  </si>
  <si>
    <t>cg17309441</t>
  </si>
  <si>
    <t>cg17311649</t>
  </si>
  <si>
    <t>cg17314244</t>
  </si>
  <si>
    <t>cg17325073</t>
  </si>
  <si>
    <t>cg17331254</t>
  </si>
  <si>
    <t>cg17331296</t>
  </si>
  <si>
    <t>cg17335114</t>
  </si>
  <si>
    <t>cg17365845</t>
  </si>
  <si>
    <t>cg17367545</t>
  </si>
  <si>
    <t>cg17368737</t>
  </si>
  <si>
    <t>cg17368874</t>
  </si>
  <si>
    <t>cg17368989</t>
  </si>
  <si>
    <t>cg17372408</t>
  </si>
  <si>
    <t>cg17373321</t>
  </si>
  <si>
    <t>cg17452277</t>
  </si>
  <si>
    <t>cg17457560</t>
  </si>
  <si>
    <t>cg17465752</t>
  </si>
  <si>
    <t>cg17470723</t>
  </si>
  <si>
    <t>cg17474323</t>
  </si>
  <si>
    <t>cg17475381</t>
  </si>
  <si>
    <t>cg17475643</t>
  </si>
  <si>
    <t>cg17480760</t>
  </si>
  <si>
    <t>cg17484036</t>
  </si>
  <si>
    <t>cg17491987</t>
  </si>
  <si>
    <t>cg17495087</t>
  </si>
  <si>
    <t>cg17496794</t>
  </si>
  <si>
    <t>cg17498803</t>
  </si>
  <si>
    <t>cg17512779</t>
  </si>
  <si>
    <t>cg17524017</t>
  </si>
  <si>
    <t>cg17546196</t>
  </si>
  <si>
    <t>cg17546422</t>
  </si>
  <si>
    <t>cg17548406</t>
  </si>
  <si>
    <t>cg17560015</t>
  </si>
  <si>
    <t>cg17561243</t>
  </si>
  <si>
    <t>cg17570006</t>
  </si>
  <si>
    <t>cg17571279</t>
  </si>
  <si>
    <t>cg17573028</t>
  </si>
  <si>
    <t>cg17597744</t>
  </si>
  <si>
    <t>cg17619823</t>
  </si>
  <si>
    <t>cg17631196</t>
  </si>
  <si>
    <t>cg17634588</t>
  </si>
  <si>
    <t>cg17635294</t>
  </si>
  <si>
    <t>cg17637107</t>
  </si>
  <si>
    <t>cg17638730</t>
  </si>
  <si>
    <t>cg17642145</t>
  </si>
  <si>
    <t>cg17645278</t>
  </si>
  <si>
    <t>cg17646969</t>
  </si>
  <si>
    <t>cg17652028</t>
  </si>
  <si>
    <t>cg17660110</t>
  </si>
  <si>
    <t>cg17662034</t>
  </si>
  <si>
    <t>cg17662953</t>
  </si>
  <si>
    <t>cg17670477</t>
  </si>
  <si>
    <t>cg17683126</t>
  </si>
  <si>
    <t>cg17687970</t>
  </si>
  <si>
    <t>cg17691292</t>
  </si>
  <si>
    <t>cg17693222</t>
  </si>
  <si>
    <t>cg17694795</t>
  </si>
  <si>
    <t>cg17698295</t>
  </si>
  <si>
    <t>cg17753021</t>
  </si>
  <si>
    <t>cg17783401</t>
  </si>
  <si>
    <t>cg17795611</t>
  </si>
  <si>
    <t>cg17816390</t>
  </si>
  <si>
    <t>cg17817564</t>
  </si>
  <si>
    <t>cg17820365</t>
  </si>
  <si>
    <t>cg17820989</t>
  </si>
  <si>
    <t>cg17828057</t>
  </si>
  <si>
    <t>cg17830174</t>
  </si>
  <si>
    <t>cg17885579</t>
  </si>
  <si>
    <t>cg17893474</t>
  </si>
  <si>
    <t>cg17894798</t>
  </si>
  <si>
    <t>cg17927889</t>
  </si>
  <si>
    <t>cg17928819</t>
  </si>
  <si>
    <t>cg17929997</t>
  </si>
  <si>
    <t>cg17937101</t>
  </si>
  <si>
    <t>cg17951388</t>
  </si>
  <si>
    <t>cg17973038</t>
  </si>
  <si>
    <t>cg17981028</t>
  </si>
  <si>
    <t>cg17981470</t>
  </si>
  <si>
    <t>cg17984783</t>
  </si>
  <si>
    <t>cg17993027</t>
  </si>
  <si>
    <t>cg17994390</t>
  </si>
  <si>
    <t>cg17995352</t>
  </si>
  <si>
    <t>cg17999376</t>
  </si>
  <si>
    <t>cg17999743</t>
  </si>
  <si>
    <t>cg18002896</t>
  </si>
  <si>
    <t>cg18007935</t>
  </si>
  <si>
    <t>cg18015323</t>
  </si>
  <si>
    <t>cg18015746</t>
  </si>
  <si>
    <t>cg18016194</t>
  </si>
  <si>
    <t>cg18044585</t>
  </si>
  <si>
    <t>cg18048544</t>
  </si>
  <si>
    <t>cg18065361</t>
  </si>
  <si>
    <t>cg18070061</t>
  </si>
  <si>
    <t>cg18106968</t>
  </si>
  <si>
    <t>cg18119380</t>
  </si>
  <si>
    <t>cg18145877</t>
  </si>
  <si>
    <t>cg18147485</t>
  </si>
  <si>
    <t>cg18152809</t>
  </si>
  <si>
    <t>cg18153977</t>
  </si>
  <si>
    <t>cg18165707</t>
  </si>
  <si>
    <t>cg18168101</t>
  </si>
  <si>
    <t>cg18190534</t>
  </si>
  <si>
    <t>cg18209895</t>
  </si>
  <si>
    <t>cg18218549</t>
  </si>
  <si>
    <t>cg18220380</t>
  </si>
  <si>
    <t>cg18233405</t>
  </si>
  <si>
    <t>cg18237323</t>
  </si>
  <si>
    <t>cg18245660</t>
  </si>
  <si>
    <t>cg18246227</t>
  </si>
  <si>
    <t>cg18246262</t>
  </si>
  <si>
    <t>cg18249580</t>
  </si>
  <si>
    <t>cg18249625</t>
  </si>
  <si>
    <t>cg18309761</t>
  </si>
  <si>
    <t>cg18317933</t>
  </si>
  <si>
    <t>cg18324126</t>
  </si>
  <si>
    <t>cg18331249</t>
  </si>
  <si>
    <t>cg18342032</t>
  </si>
  <si>
    <t>cg18343437</t>
  </si>
  <si>
    <t>cg18428050</t>
  </si>
  <si>
    <t>cg18429863</t>
  </si>
  <si>
    <t>cg18454916</t>
  </si>
  <si>
    <t>cg18461362</t>
  </si>
  <si>
    <t>cg18477191</t>
  </si>
  <si>
    <t>cg18485485</t>
  </si>
  <si>
    <t>cg18497394</t>
  </si>
  <si>
    <t>cg18499545</t>
  </si>
  <si>
    <t>cg18501395</t>
  </si>
  <si>
    <t>cg18515837</t>
  </si>
  <si>
    <t>cg18530251</t>
  </si>
  <si>
    <t>cg18533201</t>
  </si>
  <si>
    <t>cg18540249</t>
  </si>
  <si>
    <t>cg18543993</t>
  </si>
  <si>
    <t>cg18554986</t>
  </si>
  <si>
    <t>cg18555069</t>
  </si>
  <si>
    <t>cg18565132</t>
  </si>
  <si>
    <t>cg18577280</t>
  </si>
  <si>
    <t>cg18579631</t>
  </si>
  <si>
    <t>cg18581191</t>
  </si>
  <si>
    <t>cg18582180</t>
  </si>
  <si>
    <t>cg18584803</t>
  </si>
  <si>
    <t>cg18588835</t>
  </si>
  <si>
    <t>cg18619880</t>
  </si>
  <si>
    <t>cg18660971</t>
  </si>
  <si>
    <t>cg18739932</t>
  </si>
  <si>
    <t>cg18755296</t>
  </si>
  <si>
    <t>cg18761696</t>
  </si>
  <si>
    <t>cg18762806</t>
  </si>
  <si>
    <t>cg18786237</t>
  </si>
  <si>
    <t>cg18788741</t>
  </si>
  <si>
    <t>cg18811093</t>
  </si>
  <si>
    <t>cg18825258</t>
  </si>
  <si>
    <t>cg18833573</t>
  </si>
  <si>
    <t>cg18834416</t>
  </si>
  <si>
    <t>cg18837932</t>
  </si>
  <si>
    <t>cg18891615</t>
  </si>
  <si>
    <t>cg18892473</t>
  </si>
  <si>
    <t>cg18898125</t>
  </si>
  <si>
    <t>cg18909596</t>
  </si>
  <si>
    <t>cg18923221</t>
  </si>
  <si>
    <t>cg18976893</t>
  </si>
  <si>
    <t>cg18979581</t>
  </si>
  <si>
    <t>cg18981999</t>
  </si>
  <si>
    <t>cg18991611</t>
  </si>
  <si>
    <t>cg19021985</t>
  </si>
  <si>
    <t>cg19022476</t>
  </si>
  <si>
    <t>cg19035254</t>
  </si>
  <si>
    <t>cg19035966</t>
  </si>
  <si>
    <t>cg19075839</t>
  </si>
  <si>
    <t>cg19085307</t>
  </si>
  <si>
    <t>cg19089079</t>
  </si>
  <si>
    <t>cg19089701</t>
  </si>
  <si>
    <t>cg19101326</t>
  </si>
  <si>
    <t>cg19102938</t>
  </si>
  <si>
    <t>cg19119942</t>
  </si>
  <si>
    <t>cg19139277</t>
  </si>
  <si>
    <t>cg19145387</t>
  </si>
  <si>
    <t>cg19185544</t>
  </si>
  <si>
    <t>cg19197523</t>
  </si>
  <si>
    <t>cg19197915</t>
  </si>
  <si>
    <t>cg19224713</t>
  </si>
  <si>
    <t>cg19288520</t>
  </si>
  <si>
    <t>cg19304107</t>
  </si>
  <si>
    <t>cg19305111</t>
  </si>
  <si>
    <t>cg19306421</t>
  </si>
  <si>
    <t>cg19309499</t>
  </si>
  <si>
    <t>cg19335095</t>
  </si>
  <si>
    <t>cg19352062</t>
  </si>
  <si>
    <t>cg19357499</t>
  </si>
  <si>
    <t>cg19366217</t>
  </si>
  <si>
    <t>cg19403939</t>
  </si>
  <si>
    <t>cg19404484</t>
  </si>
  <si>
    <t>cg19407252</t>
  </si>
  <si>
    <t>cg19413350</t>
  </si>
  <si>
    <t>cg19413366</t>
  </si>
  <si>
    <t>cg19416904</t>
  </si>
  <si>
    <t>cg19496639</t>
  </si>
  <si>
    <t>cg19502867</t>
  </si>
  <si>
    <t>cg19518104</t>
  </si>
  <si>
    <t>cg19536075</t>
  </si>
  <si>
    <t>cg19537719</t>
  </si>
  <si>
    <t>cg19560547</t>
  </si>
  <si>
    <t>cg19566641</t>
  </si>
  <si>
    <t>cg19591612</t>
  </si>
  <si>
    <t>cg19594822</t>
  </si>
  <si>
    <t>cg19657380</t>
  </si>
  <si>
    <t>cg19657945</t>
  </si>
  <si>
    <t>cg19671331</t>
  </si>
  <si>
    <t>cg19675778</t>
  </si>
  <si>
    <t>cg19677607</t>
  </si>
  <si>
    <t>cg19682134</t>
  </si>
  <si>
    <t>cg19776515</t>
  </si>
  <si>
    <t>cg19806833</t>
  </si>
  <si>
    <t>cg19839956</t>
  </si>
  <si>
    <t>cg19843891</t>
  </si>
  <si>
    <t>cg19844326</t>
  </si>
  <si>
    <t>cg19845127</t>
  </si>
  <si>
    <t>cg19845159</t>
  </si>
  <si>
    <t>cg19858371</t>
  </si>
  <si>
    <t>cg19859559</t>
  </si>
  <si>
    <t>cg19861858</t>
  </si>
  <si>
    <t>cg19878482</t>
  </si>
  <si>
    <t>cg19882516</t>
  </si>
  <si>
    <t>cg19883384</t>
  </si>
  <si>
    <t>cg19886106</t>
  </si>
  <si>
    <t>cg19886820</t>
  </si>
  <si>
    <t>cg19888535</t>
  </si>
  <si>
    <t>cg19888654</t>
  </si>
  <si>
    <t>cg19889626</t>
  </si>
  <si>
    <t>cg19893585</t>
  </si>
  <si>
    <t>cg19901994</t>
  </si>
  <si>
    <t>cg19906737</t>
  </si>
  <si>
    <t>cg19913430</t>
  </si>
  <si>
    <t>cg19923238</t>
  </si>
  <si>
    <t>cg19929029</t>
  </si>
  <si>
    <t>cg19930420</t>
  </si>
  <si>
    <t>cg19930652</t>
  </si>
  <si>
    <t>cg19937513</t>
  </si>
  <si>
    <t>cg19939997</t>
  </si>
  <si>
    <t>cg19994023</t>
  </si>
  <si>
    <t>cg19995229</t>
  </si>
  <si>
    <t>cg19996418</t>
  </si>
  <si>
    <t>cg20000220</t>
  </si>
  <si>
    <t>cg20001850</t>
  </si>
  <si>
    <t>cg20003893</t>
  </si>
  <si>
    <t>cg20027456</t>
  </si>
  <si>
    <t>cg20041105</t>
  </si>
  <si>
    <t>cg20041597</t>
  </si>
  <si>
    <t>cg20042662</t>
  </si>
  <si>
    <t>cg20047825</t>
  </si>
  <si>
    <t>cg20052227</t>
  </si>
  <si>
    <t>cg20071498</t>
  </si>
  <si>
    <t>cg20075927</t>
  </si>
  <si>
    <t>cg20094999</t>
  </si>
  <si>
    <t>cg20096481</t>
  </si>
  <si>
    <t>cg20098854</t>
  </si>
  <si>
    <t>cg20099054</t>
  </si>
  <si>
    <t>cg20105448</t>
  </si>
  <si>
    <t>cg20113824</t>
  </si>
  <si>
    <t>cg20128188</t>
  </si>
  <si>
    <t>cg20129213</t>
  </si>
  <si>
    <t>cg20132801</t>
  </si>
  <si>
    <t>cg20135243</t>
  </si>
  <si>
    <t>cg20141434</t>
  </si>
  <si>
    <t>cg20145760</t>
  </si>
  <si>
    <t>cg20146569</t>
  </si>
  <si>
    <t>cg20148210</t>
  </si>
  <si>
    <t>cg20151670</t>
  </si>
  <si>
    <t>cg20154084</t>
  </si>
  <si>
    <t>cg20155550</t>
  </si>
  <si>
    <t>cg20158867</t>
  </si>
  <si>
    <t>cg20165448</t>
  </si>
  <si>
    <t>cg20169702</t>
  </si>
  <si>
    <t>cg20173334</t>
  </si>
  <si>
    <t>cg20175760</t>
  </si>
  <si>
    <t>cg20179892</t>
  </si>
  <si>
    <t>cg20187720</t>
  </si>
  <si>
    <t>cg20203136</t>
  </si>
  <si>
    <t>cg20222666</t>
  </si>
  <si>
    <t>cg20232550</t>
  </si>
  <si>
    <t>cg20253920</t>
  </si>
  <si>
    <t>cg20257821</t>
  </si>
  <si>
    <t>cg20258768</t>
  </si>
  <si>
    <t>cg20259981</t>
  </si>
  <si>
    <t>cg20263435</t>
  </si>
  <si>
    <t>cg20264573</t>
  </si>
  <si>
    <t>cg20295442</t>
  </si>
  <si>
    <t>cg20295949</t>
  </si>
  <si>
    <t>cg20312087</t>
  </si>
  <si>
    <t>cg20321498</t>
  </si>
  <si>
    <t>cg20323509</t>
  </si>
  <si>
    <t>cg20338628</t>
  </si>
  <si>
    <t>cg20363904</t>
  </si>
  <si>
    <t>cg20367404</t>
  </si>
  <si>
    <t>cg20382089</t>
  </si>
  <si>
    <t>cg20387387</t>
  </si>
  <si>
    <t>cg20387695</t>
  </si>
  <si>
    <t>cg20392240</t>
  </si>
  <si>
    <t>cg20401786</t>
  </si>
  <si>
    <t>cg20422052</t>
  </si>
  <si>
    <t>cg20422722</t>
  </si>
  <si>
    <t>cg20426946</t>
  </si>
  <si>
    <t>cg20434819</t>
  </si>
  <si>
    <t>cg20447655</t>
  </si>
  <si>
    <t>cg20460488</t>
  </si>
  <si>
    <t>cg20460852</t>
  </si>
  <si>
    <t>cg20465143</t>
  </si>
  <si>
    <t>cg20477464</t>
  </si>
  <si>
    <t>cg20503956</t>
  </si>
  <si>
    <t>cg20504077</t>
  </si>
  <si>
    <t>cg20508815</t>
  </si>
  <si>
    <t>cg20517154</t>
  </si>
  <si>
    <t>cg20518155</t>
  </si>
  <si>
    <t>cg20521389</t>
  </si>
  <si>
    <t>cg20527270</t>
  </si>
  <si>
    <t>cg20533754</t>
  </si>
  <si>
    <t>cg20535966</t>
  </si>
  <si>
    <t>cg20545776</t>
  </si>
  <si>
    <t>cg20549250</t>
  </si>
  <si>
    <t>cg20555305</t>
  </si>
  <si>
    <t>cg20568227</t>
  </si>
  <si>
    <t>cg20573110</t>
  </si>
  <si>
    <t>cg20575848</t>
  </si>
  <si>
    <t>cg20577468</t>
  </si>
  <si>
    <t>cg20585869</t>
  </si>
  <si>
    <t>cg20587332</t>
  </si>
  <si>
    <t>cg20603611</t>
  </si>
  <si>
    <t>cg20603637</t>
  </si>
  <si>
    <t>cg20621463</t>
  </si>
  <si>
    <t>cg20635724</t>
  </si>
  <si>
    <t>cg20636351</t>
  </si>
  <si>
    <t>cg20637919</t>
  </si>
  <si>
    <t>cg20639802</t>
  </si>
  <si>
    <t>cg20648501</t>
  </si>
  <si>
    <t>cg20652464</t>
  </si>
  <si>
    <t>cg20661138</t>
  </si>
  <si>
    <t>cg20670274</t>
  </si>
  <si>
    <t>cg20672744</t>
  </si>
  <si>
    <t>cg20675505</t>
  </si>
  <si>
    <t>cg20687482</t>
  </si>
  <si>
    <t>cg20704247</t>
  </si>
  <si>
    <t>cg20705358</t>
  </si>
  <si>
    <t>cg20748194</t>
  </si>
  <si>
    <t>cg20761810</t>
  </si>
  <si>
    <t>cg20777247</t>
  </si>
  <si>
    <t>cg20781216</t>
  </si>
  <si>
    <t>cg20785715</t>
  </si>
  <si>
    <t>cg20786909</t>
  </si>
  <si>
    <t>cg20800509</t>
  </si>
  <si>
    <t>cg20807030</t>
  </si>
  <si>
    <t>cg20845466</t>
  </si>
  <si>
    <t>cg20848390</t>
  </si>
  <si>
    <t>cg20861091</t>
  </si>
  <si>
    <t>cg20888907</t>
  </si>
  <si>
    <t>cg20892260</t>
  </si>
  <si>
    <t>cg20902757</t>
  </si>
  <si>
    <t>cg20910102</t>
  </si>
  <si>
    <t>cg20913137</t>
  </si>
  <si>
    <t>cg20915802</t>
  </si>
  <si>
    <t>cg20916500</t>
  </si>
  <si>
    <t>cg20948997</t>
  </si>
  <si>
    <t>cg20976575</t>
  </si>
  <si>
    <t>cg20979652</t>
  </si>
  <si>
    <t>cg20980299</t>
  </si>
  <si>
    <t>cg20980783</t>
  </si>
  <si>
    <t>cg20982046</t>
  </si>
  <si>
    <t>cg20994227</t>
  </si>
  <si>
    <t>cg20995030</t>
  </si>
  <si>
    <t>cg20995089</t>
  </si>
  <si>
    <t>cg21001591</t>
  </si>
  <si>
    <t>cg21008098</t>
  </si>
  <si>
    <t>cg21019315</t>
  </si>
  <si>
    <t>cg21026469</t>
  </si>
  <si>
    <t>cg21033167</t>
  </si>
  <si>
    <t>cg21041329</t>
  </si>
  <si>
    <t>cg21042749</t>
  </si>
  <si>
    <t>cg21044797</t>
  </si>
  <si>
    <t>cg21045802</t>
  </si>
  <si>
    <t>cg21055546</t>
  </si>
  <si>
    <t>cg21073511</t>
  </si>
  <si>
    <t>cg21073748</t>
  </si>
  <si>
    <t>cg21099326</t>
  </si>
  <si>
    <t>cg21142257</t>
  </si>
  <si>
    <t>cg21150486</t>
  </si>
  <si>
    <t>cg21156815</t>
  </si>
  <si>
    <t>cg21158561</t>
  </si>
  <si>
    <t>cg21161403</t>
  </si>
  <si>
    <t>cg21163717</t>
  </si>
  <si>
    <t>cg21164765</t>
  </si>
  <si>
    <t>cg21164821</t>
  </si>
  <si>
    <t>cg21172458</t>
  </si>
  <si>
    <t>cg21180685</t>
  </si>
  <si>
    <t>cg21188772</t>
  </si>
  <si>
    <t>cg21189727</t>
  </si>
  <si>
    <t>cg21196034</t>
  </si>
  <si>
    <t>cg21196927</t>
  </si>
  <si>
    <t>cg21198167</t>
  </si>
  <si>
    <t>cg21205222</t>
  </si>
  <si>
    <t>cg21206266</t>
  </si>
  <si>
    <t>cg21206652</t>
  </si>
  <si>
    <t>cg21210370</t>
  </si>
  <si>
    <t>cg21218059</t>
  </si>
  <si>
    <t>cg21218128</t>
  </si>
  <si>
    <t>cg21222110</t>
  </si>
  <si>
    <t>cg21225501</t>
  </si>
  <si>
    <t>cg21230538</t>
  </si>
  <si>
    <t>cg21236663</t>
  </si>
  <si>
    <t>cg21239901</t>
  </si>
  <si>
    <t>cg21240762</t>
  </si>
  <si>
    <t>cg21242584</t>
  </si>
  <si>
    <t>cg21243608</t>
  </si>
  <si>
    <t>cg21244135</t>
  </si>
  <si>
    <t>cg21251926</t>
  </si>
  <si>
    <t>cg21291431</t>
  </si>
  <si>
    <t>cg21310731</t>
  </si>
  <si>
    <t>cg21337120</t>
  </si>
  <si>
    <t>cg21344124</t>
  </si>
  <si>
    <t>cg21351483</t>
  </si>
  <si>
    <t>cg21394273</t>
  </si>
  <si>
    <t>cg21398280</t>
  </si>
  <si>
    <t>cg21417399</t>
  </si>
  <si>
    <t>cg21422024</t>
  </si>
  <si>
    <t>cg21438722</t>
  </si>
  <si>
    <t>cg21440365</t>
  </si>
  <si>
    <t>cg21449256</t>
  </si>
  <si>
    <t>cg21450008</t>
  </si>
  <si>
    <t>cg21458840</t>
  </si>
  <si>
    <t>cg21461034</t>
  </si>
  <si>
    <t>cg21463869</t>
  </si>
  <si>
    <t>cg21479226</t>
  </si>
  <si>
    <t>cg21479762</t>
  </si>
  <si>
    <t>cg21481789</t>
  </si>
  <si>
    <t>cg21487267</t>
  </si>
  <si>
    <t>cg21490755</t>
  </si>
  <si>
    <t>cg21493703</t>
  </si>
  <si>
    <t>cg21504904</t>
  </si>
  <si>
    <t>cg21511365</t>
  </si>
  <si>
    <t>cg21511395</t>
  </si>
  <si>
    <t>cg21517147</t>
  </si>
  <si>
    <t>cg21517947</t>
  </si>
  <si>
    <t>cg21535000</t>
  </si>
  <si>
    <t>cg21536042</t>
  </si>
  <si>
    <t>cg21550172</t>
  </si>
  <si>
    <t>cg21553145</t>
  </si>
  <si>
    <t>cg21594567</t>
  </si>
  <si>
    <t>cg21599794</t>
  </si>
  <si>
    <t>cg21602557</t>
  </si>
  <si>
    <t>cg21602882</t>
  </si>
  <si>
    <t>cg21604516</t>
  </si>
  <si>
    <t>cg21608195</t>
  </si>
  <si>
    <t>cg21608792</t>
  </si>
  <si>
    <t>cg21618751</t>
  </si>
  <si>
    <t>cg21620107</t>
  </si>
  <si>
    <t>cg21639273</t>
  </si>
  <si>
    <t>cg21639387</t>
  </si>
  <si>
    <t>cg21648954</t>
  </si>
  <si>
    <t>cg21658235</t>
  </si>
  <si>
    <t>cg21658405</t>
  </si>
  <si>
    <t>cg21670944</t>
  </si>
  <si>
    <t>cg21671806</t>
  </si>
  <si>
    <t>cg21672705</t>
  </si>
  <si>
    <t>cg21672855</t>
  </si>
  <si>
    <t>cg21698185</t>
  </si>
  <si>
    <t>cg21712812</t>
  </si>
  <si>
    <t>cg21725374</t>
  </si>
  <si>
    <t>cg21725652</t>
  </si>
  <si>
    <t>cg21734487</t>
  </si>
  <si>
    <t>cg21756720</t>
  </si>
  <si>
    <t>cg21762788</t>
  </si>
  <si>
    <t>cg21788996</t>
  </si>
  <si>
    <t>cg21803052</t>
  </si>
  <si>
    <t>cg21803661</t>
  </si>
  <si>
    <t>cg21815479</t>
  </si>
  <si>
    <t>cg21843258</t>
  </si>
  <si>
    <t>cg21844856</t>
  </si>
  <si>
    <t>cg21853250</t>
  </si>
  <si>
    <t>cg21859781</t>
  </si>
  <si>
    <t>cg21889116</t>
  </si>
  <si>
    <t>cg21889263</t>
  </si>
  <si>
    <t>cg21894883</t>
  </si>
  <si>
    <t>cg21899743</t>
  </si>
  <si>
    <t>cg21900799</t>
  </si>
  <si>
    <t>cg21910355</t>
  </si>
  <si>
    <t>cg21925296</t>
  </si>
  <si>
    <t>cg21935519</t>
  </si>
  <si>
    <t>cg21944972</t>
  </si>
  <si>
    <t>cg21964058</t>
  </si>
  <si>
    <t>cg21964162</t>
  </si>
  <si>
    <t>cg21964400</t>
  </si>
  <si>
    <t>cg21966860</t>
  </si>
  <si>
    <t>cg21967560</t>
  </si>
  <si>
    <t>cg21997182</t>
  </si>
  <si>
    <t>cg22001496</t>
  </si>
  <si>
    <t>cg22002176</t>
  </si>
  <si>
    <t>cg22008625</t>
  </si>
  <si>
    <t>cg22013170</t>
  </si>
  <si>
    <t>cg22020155</t>
  </si>
  <si>
    <t>cg22028544</t>
  </si>
  <si>
    <t>cg22032812</t>
  </si>
  <si>
    <t>cg22040997</t>
  </si>
  <si>
    <t>cg22046830</t>
  </si>
  <si>
    <t>cg22055304</t>
  </si>
  <si>
    <t>cg22062659</t>
  </si>
  <si>
    <t>cg22094607</t>
  </si>
  <si>
    <t>cg22095507</t>
  </si>
  <si>
    <t>cg22095914</t>
  </si>
  <si>
    <t>cg22100228</t>
  </si>
  <si>
    <t>cg22102057</t>
  </si>
  <si>
    <t>cg22104394</t>
  </si>
  <si>
    <t>cg22105512</t>
  </si>
  <si>
    <t>cg22120017</t>
  </si>
  <si>
    <t>cg22120094</t>
  </si>
  <si>
    <t>cg22122414</t>
  </si>
  <si>
    <t>cg22125433</t>
  </si>
  <si>
    <t>cg22130262</t>
  </si>
  <si>
    <t>cg22139271</t>
  </si>
  <si>
    <t>cg22139555</t>
  </si>
  <si>
    <t>cg22145576</t>
  </si>
  <si>
    <t>cg22152500</t>
  </si>
  <si>
    <t>cg22225420</t>
  </si>
  <si>
    <t>cg22227747</t>
  </si>
  <si>
    <t>cg22230538</t>
  </si>
  <si>
    <t>cg22231908</t>
  </si>
  <si>
    <t>cg22232616</t>
  </si>
  <si>
    <t>cg22234712</t>
  </si>
  <si>
    <t>cg22251932</t>
  </si>
  <si>
    <t>cg22252970</t>
  </si>
  <si>
    <t>cg22258527</t>
  </si>
  <si>
    <t>cg22258713</t>
  </si>
  <si>
    <t>cg22259293</t>
  </si>
  <si>
    <t>cg22272888</t>
  </si>
  <si>
    <t>cg22275864</t>
  </si>
  <si>
    <t>cg22280940</t>
  </si>
  <si>
    <t>cg22295787</t>
  </si>
  <si>
    <t>cg22300819</t>
  </si>
  <si>
    <t>cg22320962</t>
  </si>
  <si>
    <t>cg22321237</t>
  </si>
  <si>
    <t>cg22328616</t>
  </si>
  <si>
    <t>cg22329153</t>
  </si>
  <si>
    <t>cg22331074</t>
  </si>
  <si>
    <t>cg22331096</t>
  </si>
  <si>
    <t>cg22332388</t>
  </si>
  <si>
    <t>cg22340072</t>
  </si>
  <si>
    <t>cg22341273</t>
  </si>
  <si>
    <t>cg22342925</t>
  </si>
  <si>
    <t>cg22345515</t>
  </si>
  <si>
    <t>cg22352078</t>
  </si>
  <si>
    <t>cg22354030</t>
  </si>
  <si>
    <t>cg22382021</t>
  </si>
  <si>
    <t>cg22384877</t>
  </si>
  <si>
    <t>cg22403471</t>
  </si>
  <si>
    <t>cg22433775</t>
  </si>
  <si>
    <t>cg22453529</t>
  </si>
  <si>
    <t>cg22457769</t>
  </si>
  <si>
    <t>cg22462010</t>
  </si>
  <si>
    <t>cg22481882</t>
  </si>
  <si>
    <t>cg22485305</t>
  </si>
  <si>
    <t>cg22485774</t>
  </si>
  <si>
    <t>cg22487209</t>
  </si>
  <si>
    <t>cg22505075</t>
  </si>
  <si>
    <t>cg22505891</t>
  </si>
  <si>
    <t>cg22507203</t>
  </si>
  <si>
    <t>cg22513169</t>
  </si>
  <si>
    <t>cg22524065</t>
  </si>
  <si>
    <t>cg22526051</t>
  </si>
  <si>
    <t>cg22531081</t>
  </si>
  <si>
    <t>cg22535103</t>
  </si>
  <si>
    <t>cg22535729</t>
  </si>
  <si>
    <t>cg22540514</t>
  </si>
  <si>
    <t>cg22561380</t>
  </si>
  <si>
    <t>cg22562942</t>
  </si>
  <si>
    <t>cg22600043</t>
  </si>
  <si>
    <t>cg22601688</t>
  </si>
  <si>
    <t>cg22614142</t>
  </si>
  <si>
    <t>cg22616126</t>
  </si>
  <si>
    <t>cg22630875</t>
  </si>
  <si>
    <t>cg22639325</t>
  </si>
  <si>
    <t>cg22648811</t>
  </si>
  <si>
    <t>cg22658846</t>
  </si>
  <si>
    <t>cg22662829</t>
  </si>
  <si>
    <t>cg22724179</t>
  </si>
  <si>
    <t>cg22726414</t>
  </si>
  <si>
    <t>cg22728323</t>
  </si>
  <si>
    <t>cg22736280</t>
  </si>
  <si>
    <t>cg22738440</t>
  </si>
  <si>
    <t>cg22747746</t>
  </si>
  <si>
    <t>cg22747848</t>
  </si>
  <si>
    <t>cg22753825</t>
  </si>
  <si>
    <t>cg22762091</t>
  </si>
  <si>
    <t>cg22804475</t>
  </si>
  <si>
    <t>cg22819616</t>
  </si>
  <si>
    <t>cg22839093</t>
  </si>
  <si>
    <t>cg22840464</t>
  </si>
  <si>
    <t>cg22841810</t>
  </si>
  <si>
    <t>cg22843129</t>
  </si>
  <si>
    <t>cg22845790</t>
  </si>
  <si>
    <t>cg22848598</t>
  </si>
  <si>
    <t>cg22852558</t>
  </si>
  <si>
    <t>cg22857963</t>
  </si>
  <si>
    <t>cg22860740</t>
  </si>
  <si>
    <t>cg22861185</t>
  </si>
  <si>
    <t>cg22863209</t>
  </si>
  <si>
    <t>cg22869660</t>
  </si>
  <si>
    <t>cg22870256</t>
  </si>
  <si>
    <t>cg22873130</t>
  </si>
  <si>
    <t>cg22878622</t>
  </si>
  <si>
    <t>cg22881279</t>
  </si>
  <si>
    <t>cg22882523</t>
  </si>
  <si>
    <t>cg22883125</t>
  </si>
  <si>
    <t>cg22885068</t>
  </si>
  <si>
    <t>cg22922403</t>
  </si>
  <si>
    <t>cg22973076</t>
  </si>
  <si>
    <t>cg22973468</t>
  </si>
  <si>
    <t>cg22978087</t>
  </si>
  <si>
    <t>cg22979083</t>
  </si>
  <si>
    <t>cg22986488</t>
  </si>
  <si>
    <t>cg22987590</t>
  </si>
  <si>
    <t>cg23008230</t>
  </si>
  <si>
    <t>cg23041896</t>
  </si>
  <si>
    <t>cg23048068</t>
  </si>
  <si>
    <t>cg23057831</t>
  </si>
  <si>
    <t>cg23094080</t>
  </si>
  <si>
    <t>cg23105130</t>
  </si>
  <si>
    <t>cg23105338</t>
  </si>
  <si>
    <t>cg23110471</t>
  </si>
  <si>
    <t>cg23111970</t>
  </si>
  <si>
    <t>cg23136266</t>
  </si>
  <si>
    <t>cg23139473</t>
  </si>
  <si>
    <t>cg23155717</t>
  </si>
  <si>
    <t>cg23156916</t>
  </si>
  <si>
    <t>cg23158731</t>
  </si>
  <si>
    <t>cg23187103</t>
  </si>
  <si>
    <t>cg23187159</t>
  </si>
  <si>
    <t>cg23196720</t>
  </si>
  <si>
    <t>cg23197280</t>
  </si>
  <si>
    <t>cg23208513</t>
  </si>
  <si>
    <t>cg23210049</t>
  </si>
  <si>
    <t>cg23242697</t>
  </si>
  <si>
    <t>cg23242862</t>
  </si>
  <si>
    <t>cg23277389</t>
  </si>
  <si>
    <t>cg23281480</t>
  </si>
  <si>
    <t>cg23283234</t>
  </si>
  <si>
    <t>cg23284292</t>
  </si>
  <si>
    <t>cg23285761</t>
  </si>
  <si>
    <t>cg23286173</t>
  </si>
  <si>
    <t>cg23288725</t>
  </si>
  <si>
    <t>cg23290344</t>
  </si>
  <si>
    <t>cg23293774</t>
  </si>
  <si>
    <t>cg23295127</t>
  </si>
  <si>
    <t>cg23305365</t>
  </si>
  <si>
    <t>cg23307326</t>
  </si>
  <si>
    <t>cg23309257</t>
  </si>
  <si>
    <t>cg23311531</t>
  </si>
  <si>
    <t>cg23314364</t>
  </si>
  <si>
    <t>cg23324259</t>
  </si>
  <si>
    <t>cg23328109</t>
  </si>
  <si>
    <t>cg23339899</t>
  </si>
  <si>
    <t>cg23359983</t>
  </si>
  <si>
    <t>cg23412309</t>
  </si>
  <si>
    <t>cg23413007</t>
  </si>
  <si>
    <t>cg23413494</t>
  </si>
  <si>
    <t>cg23425764</t>
  </si>
  <si>
    <t>cg23426958</t>
  </si>
  <si>
    <t>cg23494863</t>
  </si>
  <si>
    <t>cg23495279</t>
  </si>
  <si>
    <t>cg23495695</t>
  </si>
  <si>
    <t>cg23512958</t>
  </si>
  <si>
    <t>cg23513784</t>
  </si>
  <si>
    <t>cg23517116</t>
  </si>
  <si>
    <t>cg23534983</t>
  </si>
  <si>
    <t>cg23542858</t>
  </si>
  <si>
    <t>cg23546843</t>
  </si>
  <si>
    <t>cg23548623</t>
  </si>
  <si>
    <t>cg23548819</t>
  </si>
  <si>
    <t>cg23563443</t>
  </si>
  <si>
    <t>cg23565563</t>
  </si>
  <si>
    <t>cg23565663</t>
  </si>
  <si>
    <t>cg23569415</t>
  </si>
  <si>
    <t>cg23569945</t>
  </si>
  <si>
    <t>cg23583580</t>
  </si>
  <si>
    <t>cg23586322</t>
  </si>
  <si>
    <t>cg23588277</t>
  </si>
  <si>
    <t>cg23637880</t>
  </si>
  <si>
    <t>cg23642001</t>
  </si>
  <si>
    <t>cg23649708</t>
  </si>
  <si>
    <t>cg23667178</t>
  </si>
  <si>
    <t>cg23668102</t>
  </si>
  <si>
    <t>cg23677990</t>
  </si>
  <si>
    <t>cg23680049</t>
  </si>
  <si>
    <t>cg23688868</t>
  </si>
  <si>
    <t>cg23693289</t>
  </si>
  <si>
    <t>cg23703216</t>
  </si>
  <si>
    <t>cg23705487</t>
  </si>
  <si>
    <t>cg23715237</t>
  </si>
  <si>
    <t>cg23716449</t>
  </si>
  <si>
    <t>cg23731089</t>
  </si>
  <si>
    <t>cg23733133</t>
  </si>
  <si>
    <t>cg23757474</t>
  </si>
  <si>
    <t>cg23778149</t>
  </si>
  <si>
    <t>cg23823894</t>
  </si>
  <si>
    <t>cg23826287</t>
  </si>
  <si>
    <t>cg23831143</t>
  </si>
  <si>
    <t>cg23863718</t>
  </si>
  <si>
    <t>cg23868899</t>
  </si>
  <si>
    <t>cg23873315</t>
  </si>
  <si>
    <t>cg23881926</t>
  </si>
  <si>
    <t>cg23883215</t>
  </si>
  <si>
    <t>cg23890910</t>
  </si>
  <si>
    <t>cg23896874</t>
  </si>
  <si>
    <t>cg23900548</t>
  </si>
  <si>
    <t>cg23906459</t>
  </si>
  <si>
    <t>cg23934955</t>
  </si>
  <si>
    <t>cg23938731</t>
  </si>
  <si>
    <t>cg23958373</t>
  </si>
  <si>
    <t>cg23961973</t>
  </si>
  <si>
    <t>cg23963118</t>
  </si>
  <si>
    <t>cg23965061</t>
  </si>
  <si>
    <t>cg23967540</t>
  </si>
  <si>
    <t>cg23973429</t>
  </si>
  <si>
    <t>cg23987846</t>
  </si>
  <si>
    <t>cg24013620</t>
  </si>
  <si>
    <t>cg24023418</t>
  </si>
  <si>
    <t>cg24023859</t>
  </si>
  <si>
    <t>cg24028381</t>
  </si>
  <si>
    <t>cg24030037</t>
  </si>
  <si>
    <t>cg24037389</t>
  </si>
  <si>
    <t>cg24041541</t>
  </si>
  <si>
    <t>cg24049348</t>
  </si>
  <si>
    <t>cg24051276</t>
  </si>
  <si>
    <t>cg24129618</t>
  </si>
  <si>
    <t>cg24137216</t>
  </si>
  <si>
    <t>cg24140801</t>
  </si>
  <si>
    <t>cg24141036</t>
  </si>
  <si>
    <t>cg24142603</t>
  </si>
  <si>
    <t>cg24147367</t>
  </si>
  <si>
    <t>cg24150172</t>
  </si>
  <si>
    <t>cg24158594</t>
  </si>
  <si>
    <t>cg24164564</t>
  </si>
  <si>
    <t>cg24168378</t>
  </si>
  <si>
    <t>cg24182831</t>
  </si>
  <si>
    <t>cg24257038</t>
  </si>
  <si>
    <t>cg24258699</t>
  </si>
  <si>
    <t>cg24278165</t>
  </si>
  <si>
    <t>cg24281422</t>
  </si>
  <si>
    <t>cg24299928</t>
  </si>
  <si>
    <t>cg24316515</t>
  </si>
  <si>
    <t>cg24327389</t>
  </si>
  <si>
    <t>cg24334304</t>
  </si>
  <si>
    <t>cg24337010</t>
  </si>
  <si>
    <t>cg24350612</t>
  </si>
  <si>
    <t>cg24353058</t>
  </si>
  <si>
    <t>cg24379315</t>
  </si>
  <si>
    <t>cg24379915</t>
  </si>
  <si>
    <t>cg24410546</t>
  </si>
  <si>
    <t>cg24421504</t>
  </si>
  <si>
    <t>cg24422826</t>
  </si>
  <si>
    <t>cg24465224</t>
  </si>
  <si>
    <t>cg24465448</t>
  </si>
  <si>
    <t>cg24476153</t>
  </si>
  <si>
    <t>cg24483002</t>
  </si>
  <si>
    <t>cg24486064</t>
  </si>
  <si>
    <t>cg24493375</t>
  </si>
  <si>
    <t>cg24495373</t>
  </si>
  <si>
    <t>cg24504831</t>
  </si>
  <si>
    <t>cg24507266</t>
  </si>
  <si>
    <t>cg24509591</t>
  </si>
  <si>
    <t>cg24510518</t>
  </si>
  <si>
    <t>cg24511731</t>
  </si>
  <si>
    <t>cg24511738</t>
  </si>
  <si>
    <t>cg24512544</t>
  </si>
  <si>
    <t>cg24519347</t>
  </si>
  <si>
    <t>cg24521757</t>
  </si>
  <si>
    <t>cg24525461</t>
  </si>
  <si>
    <t>cg24540315</t>
  </si>
  <si>
    <t>cg24543166</t>
  </si>
  <si>
    <t>cg24555670</t>
  </si>
  <si>
    <t>cg24602417</t>
  </si>
  <si>
    <t>cg24603408</t>
  </si>
  <si>
    <t>cg24617612</t>
  </si>
  <si>
    <t>cg24631970</t>
  </si>
  <si>
    <t>cg24645839</t>
  </si>
  <si>
    <t>cg24666276</t>
  </si>
  <si>
    <t>cg24688856</t>
  </si>
  <si>
    <t>cg24705939</t>
  </si>
  <si>
    <t>cg24728468</t>
  </si>
  <si>
    <t>cg24728479</t>
  </si>
  <si>
    <t>cg24785532</t>
  </si>
  <si>
    <t>cg24791025</t>
  </si>
  <si>
    <t>cg24793746</t>
  </si>
  <si>
    <t>cg24800365</t>
  </si>
  <si>
    <t>cg24803876</t>
  </si>
  <si>
    <t>cg24805258</t>
  </si>
  <si>
    <t>cg24805384</t>
  </si>
  <si>
    <t>cg24806294</t>
  </si>
  <si>
    <t>cg24810594</t>
  </si>
  <si>
    <t>cg24829409</t>
  </si>
  <si>
    <t>cg24833737</t>
  </si>
  <si>
    <t>cg24838654</t>
  </si>
  <si>
    <t>cg24848035</t>
  </si>
  <si>
    <t>cg24853644</t>
  </si>
  <si>
    <t>cg24859937</t>
  </si>
  <si>
    <t>cg24860560</t>
  </si>
  <si>
    <t>cg24891539</t>
  </si>
  <si>
    <t>cg24891660</t>
  </si>
  <si>
    <t>cg24903703</t>
  </si>
  <si>
    <t>cg24923694</t>
  </si>
  <si>
    <t>cg24926872</t>
  </si>
  <si>
    <t>cg24928391</t>
  </si>
  <si>
    <t>cg24930223</t>
  </si>
  <si>
    <t>cg24930856</t>
  </si>
  <si>
    <t>cg24944959</t>
  </si>
  <si>
    <t>cg24946597</t>
  </si>
  <si>
    <t>cg24948743</t>
  </si>
  <si>
    <t>cg24948990</t>
  </si>
  <si>
    <t>cg24971209</t>
  </si>
  <si>
    <t>cg24974704</t>
  </si>
  <si>
    <t>cg24991001</t>
  </si>
  <si>
    <t>cg25021532</t>
  </si>
  <si>
    <t>cg25021970</t>
  </si>
  <si>
    <t>cg25046866</t>
  </si>
  <si>
    <t>cg25068334</t>
  </si>
  <si>
    <t>cg25071869</t>
  </si>
  <si>
    <t>cg25080152</t>
  </si>
  <si>
    <t>cg25081985</t>
  </si>
  <si>
    <t>cg25082785</t>
  </si>
  <si>
    <t>cg25088355</t>
  </si>
  <si>
    <t>cg25093532</t>
  </si>
  <si>
    <t>cg25148117</t>
  </si>
  <si>
    <t>cg25166322</t>
  </si>
  <si>
    <t>cg25178798</t>
  </si>
  <si>
    <t>cg25183890</t>
  </si>
  <si>
    <t>cg25206157</t>
  </si>
  <si>
    <t>cg25208863</t>
  </si>
  <si>
    <t>cg25220460</t>
  </si>
  <si>
    <t>cg25223771</t>
  </si>
  <si>
    <t>cg25224760</t>
  </si>
  <si>
    <t>cg25225379</t>
  </si>
  <si>
    <t>cg25230074</t>
  </si>
  <si>
    <t>cg25230571</t>
  </si>
  <si>
    <t>cg25231471</t>
  </si>
  <si>
    <t>cg25260137</t>
  </si>
  <si>
    <t>cg25261361</t>
  </si>
  <si>
    <t>cg25291941</t>
  </si>
  <si>
    <t>cg25323005</t>
  </si>
  <si>
    <t>cg25353171</t>
  </si>
  <si>
    <t>cg25358770</t>
  </si>
  <si>
    <t>cg25358938</t>
  </si>
  <si>
    <t>cg25367206</t>
  </si>
  <si>
    <t>cg25376924</t>
  </si>
  <si>
    <t>cg25403152</t>
  </si>
  <si>
    <t>cg25434864</t>
  </si>
  <si>
    <t>cg25460807</t>
  </si>
  <si>
    <t>cg25473203</t>
  </si>
  <si>
    <t>cg25474442</t>
  </si>
  <si>
    <t>cg25482853</t>
  </si>
  <si>
    <t>cg25489617</t>
  </si>
  <si>
    <t>cg25490175</t>
  </si>
  <si>
    <t>cg25498536</t>
  </si>
  <si>
    <t>cg25520872</t>
  </si>
  <si>
    <t>cg25542559</t>
  </si>
  <si>
    <t>cg25543190</t>
  </si>
  <si>
    <t>cg25544073</t>
  </si>
  <si>
    <t>cg25544621</t>
  </si>
  <si>
    <t>cg25548415</t>
  </si>
  <si>
    <t>cg25555098</t>
  </si>
  <si>
    <t>cg25557306</t>
  </si>
  <si>
    <t>cg25593776</t>
  </si>
  <si>
    <t>cg25600446</t>
  </si>
  <si>
    <t>cg25612752</t>
  </si>
  <si>
    <t>cg25614094</t>
  </si>
  <si>
    <t>cg25618087</t>
  </si>
  <si>
    <t>cg25623468</t>
  </si>
  <si>
    <t>cg25623604</t>
  </si>
  <si>
    <t>cg25626869</t>
  </si>
  <si>
    <t>cg25633678</t>
  </si>
  <si>
    <t>cg25634484</t>
  </si>
  <si>
    <t>cg25642048</t>
  </si>
  <si>
    <t>cg25642217</t>
  </si>
  <si>
    <t>cg25654652</t>
  </si>
  <si>
    <t>cg25662926</t>
  </si>
  <si>
    <t>cg25668426</t>
  </si>
  <si>
    <t>cg25669088</t>
  </si>
  <si>
    <t>cg25672318</t>
  </si>
  <si>
    <t>cg25678052</t>
  </si>
  <si>
    <t>cg25751295</t>
  </si>
  <si>
    <t>cg25757598</t>
  </si>
  <si>
    <t>cg25764534</t>
  </si>
  <si>
    <t>cg25765796</t>
  </si>
  <si>
    <t>cg25781202</t>
  </si>
  <si>
    <t>cg25788012</t>
  </si>
  <si>
    <t>cg25803426</t>
  </si>
  <si>
    <t>cg25803766</t>
  </si>
  <si>
    <t>cg25804018</t>
  </si>
  <si>
    <t>cg25827490</t>
  </si>
  <si>
    <t>cg25827936</t>
  </si>
  <si>
    <t>cg25832771</t>
  </si>
  <si>
    <t>cg25834419</t>
  </si>
  <si>
    <t>cg25834632</t>
  </si>
  <si>
    <t>cg25877009</t>
  </si>
  <si>
    <t>cg25882887</t>
  </si>
  <si>
    <t>cg25903363</t>
  </si>
  <si>
    <t>cg25921868</t>
  </si>
  <si>
    <t>cg25924823</t>
  </si>
  <si>
    <t>cg25928190</t>
  </si>
  <si>
    <t>cg25930146</t>
  </si>
  <si>
    <t>cg25938262</t>
  </si>
  <si>
    <t>cg25938735</t>
  </si>
  <si>
    <t>cg25938983</t>
  </si>
  <si>
    <t>cg25969087</t>
  </si>
  <si>
    <t>cg25983305</t>
  </si>
  <si>
    <t>cg25987871</t>
  </si>
  <si>
    <t>cg25990647</t>
  </si>
  <si>
    <t>cg25995724</t>
  </si>
  <si>
    <t>cg25998813</t>
  </si>
  <si>
    <t>cg26001178</t>
  </si>
  <si>
    <t>cg26003909</t>
  </si>
  <si>
    <t>cg26029345</t>
  </si>
  <si>
    <t>cg26034408</t>
  </si>
  <si>
    <t>cg26039829</t>
  </si>
  <si>
    <t>cg26053073</t>
  </si>
  <si>
    <t>cg26061304</t>
  </si>
  <si>
    <t>cg26077100</t>
  </si>
  <si>
    <t>cg26096090</t>
  </si>
  <si>
    <t>cg26122012</t>
  </si>
  <si>
    <t>cg26124318</t>
  </si>
  <si>
    <t>cg26137478</t>
  </si>
  <si>
    <t>cg26140749</t>
  </si>
  <si>
    <t>cg26174215</t>
  </si>
  <si>
    <t>cg26181865</t>
  </si>
  <si>
    <t>cg26182263</t>
  </si>
  <si>
    <t>cg26184438</t>
  </si>
  <si>
    <t>cg26185884</t>
  </si>
  <si>
    <t>cg26198463</t>
  </si>
  <si>
    <t>cg26199906</t>
  </si>
  <si>
    <t>cg26202195</t>
  </si>
  <si>
    <t>cg26203839</t>
  </si>
  <si>
    <t>cg26207380</t>
  </si>
  <si>
    <t>cg26209487</t>
  </si>
  <si>
    <t>cg26237168</t>
  </si>
  <si>
    <t>cg26266703</t>
  </si>
  <si>
    <t>cg26267340</t>
  </si>
  <si>
    <t>cg26286901</t>
  </si>
  <si>
    <t>cg26288159</t>
  </si>
  <si>
    <t>cg26291020</t>
  </si>
  <si>
    <t>cg26291818</t>
  </si>
  <si>
    <t>cg26294667</t>
  </si>
  <si>
    <t>cg26298583</t>
  </si>
  <si>
    <t>cg26321366</t>
  </si>
  <si>
    <t>cg26325135</t>
  </si>
  <si>
    <t>cg26325880</t>
  </si>
  <si>
    <t>cg26326633</t>
  </si>
  <si>
    <t>cg26328150</t>
  </si>
  <si>
    <t>cg26330518</t>
  </si>
  <si>
    <t>cg26351229</t>
  </si>
  <si>
    <t>cg26353328</t>
  </si>
  <si>
    <t>cg26356462</t>
  </si>
  <si>
    <t>cg26362079</t>
  </si>
  <si>
    <t>cg26362453</t>
  </si>
  <si>
    <t>cg26368737</t>
  </si>
  <si>
    <t>cg26394008</t>
  </si>
  <si>
    <t>cg26394282</t>
  </si>
  <si>
    <t>cg26400491</t>
  </si>
  <si>
    <t>cg26432044</t>
  </si>
  <si>
    <t>cg26440467</t>
  </si>
  <si>
    <t>cg26463699</t>
  </si>
  <si>
    <t>cg26483359</t>
  </si>
  <si>
    <t>cg26495757</t>
  </si>
  <si>
    <t>cg26506507</t>
  </si>
  <si>
    <t>cg26530971</t>
  </si>
  <si>
    <t>cg26547947</t>
  </si>
  <si>
    <t>cg26551688</t>
  </si>
  <si>
    <t>cg26551897</t>
  </si>
  <si>
    <t>cg26554054</t>
  </si>
  <si>
    <t>cg26559315</t>
  </si>
  <si>
    <t>cg26563553</t>
  </si>
  <si>
    <t>cg26568762</t>
  </si>
  <si>
    <t>cg26569670</t>
  </si>
  <si>
    <t>cg26570179</t>
  </si>
  <si>
    <t>cg26573772</t>
  </si>
  <si>
    <t>cg26579311</t>
  </si>
  <si>
    <t>cg26598540</t>
  </si>
  <si>
    <t>cg26606393</t>
  </si>
  <si>
    <t>cg26610343</t>
  </si>
  <si>
    <t>cg26610527</t>
  </si>
  <si>
    <t>cg26617637</t>
  </si>
  <si>
    <t>cg26618965</t>
  </si>
  <si>
    <t>cg26631144</t>
  </si>
  <si>
    <t>cg26654771</t>
  </si>
  <si>
    <t>cg26656684</t>
  </si>
  <si>
    <t>cg26663686</t>
  </si>
  <si>
    <t>cg26674779</t>
  </si>
  <si>
    <t>cg26675876</t>
  </si>
  <si>
    <t>cg26702929</t>
  </si>
  <si>
    <t>cg26718033</t>
  </si>
  <si>
    <t>cg26722062</t>
  </si>
  <si>
    <t>cg26722577</t>
  </si>
  <si>
    <t>cg26731327</t>
  </si>
  <si>
    <t>cg26753018</t>
  </si>
  <si>
    <t>cg26762173</t>
  </si>
  <si>
    <t>cg26763284</t>
  </si>
  <si>
    <t>cg26766827</t>
  </si>
  <si>
    <t>cg26770385</t>
  </si>
  <si>
    <t>cg26777883</t>
  </si>
  <si>
    <t>cg26783160</t>
  </si>
  <si>
    <t>cg26788501</t>
  </si>
  <si>
    <t>cg26795011</t>
  </si>
  <si>
    <t>cg26796542</t>
  </si>
  <si>
    <t>cg26796727</t>
  </si>
  <si>
    <t>cg26801816</t>
  </si>
  <si>
    <t>cg26818792</t>
  </si>
  <si>
    <t>cg26826136</t>
  </si>
  <si>
    <t>cg26828909</t>
  </si>
  <si>
    <t>cg26830192</t>
  </si>
  <si>
    <t>cg26831001</t>
  </si>
  <si>
    <t>cg26832427</t>
  </si>
  <si>
    <t>cg26835440</t>
  </si>
  <si>
    <t>cg26836171</t>
  </si>
  <si>
    <t>cg26837479</t>
  </si>
  <si>
    <t>cg26872049</t>
  </si>
  <si>
    <t>cg26872137</t>
  </si>
  <si>
    <t>cg26904198</t>
  </si>
  <si>
    <t>cg26910651</t>
  </si>
  <si>
    <t>cg26921611</t>
  </si>
  <si>
    <t>cg26925231</t>
  </si>
  <si>
    <t>cg26952928</t>
  </si>
  <si>
    <t>cg26953288</t>
  </si>
  <si>
    <t>cg26959358</t>
  </si>
  <si>
    <t>cg26963146</t>
  </si>
  <si>
    <t>cg26966828</t>
  </si>
  <si>
    <t>cg26970905</t>
  </si>
  <si>
    <t>cg26976744</t>
  </si>
  <si>
    <t>cg26982601</t>
  </si>
  <si>
    <t>cg26983839</t>
  </si>
  <si>
    <t>cg26985142</t>
  </si>
  <si>
    <t>cg26989202</t>
  </si>
  <si>
    <t>cg26999574</t>
  </si>
  <si>
    <t>cg27000496</t>
  </si>
  <si>
    <t>cg27002758</t>
  </si>
  <si>
    <t>cg27004076</t>
  </si>
  <si>
    <t>cg27005749</t>
  </si>
  <si>
    <t>cg27007426</t>
  </si>
  <si>
    <t>cg27016990</t>
  </si>
  <si>
    <t>cg27025752</t>
  </si>
  <si>
    <t>cg27026045</t>
  </si>
  <si>
    <t>cg27026390</t>
  </si>
  <si>
    <t>cg27029821</t>
  </si>
  <si>
    <t>cg27030482</t>
  </si>
  <si>
    <t>cg27030541</t>
  </si>
  <si>
    <t>cg27033805</t>
  </si>
  <si>
    <t>cg27039312</t>
  </si>
  <si>
    <t>cg27039662</t>
  </si>
  <si>
    <t>cg27040884</t>
  </si>
  <si>
    <t>cg27044841</t>
  </si>
  <si>
    <t>cg27056175</t>
  </si>
  <si>
    <t>cg27057525</t>
  </si>
  <si>
    <t>cg27057652</t>
  </si>
  <si>
    <t>cg27105630</t>
  </si>
  <si>
    <t>cg27126575</t>
  </si>
  <si>
    <t>cg27126872</t>
  </si>
  <si>
    <t>cg27127351</t>
  </si>
  <si>
    <t>cg27127705</t>
  </si>
  <si>
    <t>cg27130302</t>
  </si>
  <si>
    <t>cg27170159</t>
  </si>
  <si>
    <t>cg27224195</t>
  </si>
  <si>
    <t>cg27246991</t>
  </si>
  <si>
    <t>cg27250368</t>
  </si>
  <si>
    <t>cg27255459</t>
  </si>
  <si>
    <t>cg27256077</t>
  </si>
  <si>
    <t>cg27276918</t>
  </si>
  <si>
    <t>cg27280034</t>
  </si>
  <si>
    <t>cg27315996</t>
  </si>
  <si>
    <t>cg27316993</t>
  </si>
  <si>
    <t>cg27317242</t>
  </si>
  <si>
    <t>cg27317647</t>
  </si>
  <si>
    <t>cg27320734</t>
  </si>
  <si>
    <t>cg27338396</t>
  </si>
  <si>
    <t>cg27338504</t>
  </si>
  <si>
    <t>cg27338695</t>
  </si>
  <si>
    <t>cg27344576</t>
  </si>
  <si>
    <t>cg27353330</t>
  </si>
  <si>
    <t>cg27392815</t>
  </si>
  <si>
    <t>cg27393925</t>
  </si>
  <si>
    <t>cg27411370</t>
  </si>
  <si>
    <t>cg27415214</t>
  </si>
  <si>
    <t>cg27465263</t>
  </si>
  <si>
    <t>cg27465717</t>
  </si>
  <si>
    <t>cg27466766</t>
  </si>
  <si>
    <t>cg27468773</t>
  </si>
  <si>
    <t>cg27468857</t>
  </si>
  <si>
    <t>cg27469019</t>
  </si>
  <si>
    <t>cg27481708</t>
  </si>
  <si>
    <t>cg27483474</t>
  </si>
  <si>
    <t>cg27484386</t>
  </si>
  <si>
    <t>cg27485194</t>
  </si>
  <si>
    <t>cg27487839</t>
  </si>
  <si>
    <t>cg27496650</t>
  </si>
  <si>
    <t>cg27497049</t>
  </si>
  <si>
    <t>cg27498114</t>
  </si>
  <si>
    <t>cg27498387</t>
  </si>
  <si>
    <t>cg27509052</t>
  </si>
  <si>
    <t>cg27511169</t>
  </si>
  <si>
    <t>cg27514530</t>
  </si>
  <si>
    <t>cg27515800</t>
  </si>
  <si>
    <t>cg27523780</t>
  </si>
  <si>
    <t>cg27524515</t>
  </si>
  <si>
    <t>cg27528660</t>
  </si>
  <si>
    <t>cg27535044</t>
  </si>
  <si>
    <t>cg27550488</t>
  </si>
  <si>
    <t>cg27595860</t>
  </si>
  <si>
    <t>cg27617225</t>
  </si>
  <si>
    <t>cg27625887</t>
  </si>
  <si>
    <t>cg27628089</t>
  </si>
  <si>
    <t>cg27628854</t>
  </si>
  <si>
    <t>cg27629898</t>
  </si>
  <si>
    <t>cg27648020</t>
  </si>
  <si>
    <t>cg27649089</t>
  </si>
  <si>
    <t>cg27655507</t>
  </si>
  <si>
    <t>cg27655954</t>
  </si>
  <si>
    <t>cg00234608</t>
  </si>
  <si>
    <t>cg00475955</t>
  </si>
  <si>
    <t>cg00534492</t>
  </si>
  <si>
    <t>cg00605775</t>
  </si>
  <si>
    <t>cg00688264</t>
  </si>
  <si>
    <t>cg00771049</t>
  </si>
  <si>
    <t>cg00953282</t>
  </si>
  <si>
    <t>cg01219549</t>
  </si>
  <si>
    <t>cg01237333</t>
  </si>
  <si>
    <t>cg01326531</t>
  </si>
  <si>
    <t>cg01401337</t>
  </si>
  <si>
    <t>cg01618660</t>
  </si>
  <si>
    <t>cg01725199</t>
  </si>
  <si>
    <t>cg02058918</t>
  </si>
  <si>
    <t>cg02062191</t>
  </si>
  <si>
    <t>cg02068676</t>
  </si>
  <si>
    <t>cg02354413</t>
  </si>
  <si>
    <t>cg02411961</t>
  </si>
  <si>
    <t>cg02430183</t>
  </si>
  <si>
    <t>cg02554246</t>
  </si>
  <si>
    <t>cg02560967</t>
  </si>
  <si>
    <t>cg02668708</t>
  </si>
  <si>
    <t>cg02827328</t>
  </si>
  <si>
    <t>cg02942159</t>
  </si>
  <si>
    <t>cg02988316</t>
  </si>
  <si>
    <t>cg03031959</t>
  </si>
  <si>
    <t>cg03079681</t>
  </si>
  <si>
    <t>cg03168582</t>
  </si>
  <si>
    <t>cg03235978</t>
  </si>
  <si>
    <t>cg03243895</t>
  </si>
  <si>
    <t>cg03534008</t>
  </si>
  <si>
    <t>cg03804985</t>
  </si>
  <si>
    <t>cg03848555</t>
  </si>
  <si>
    <t>cg03900646</t>
  </si>
  <si>
    <t>cg03907738</t>
  </si>
  <si>
    <t>cg03950009</t>
  </si>
  <si>
    <t>cg04065065</t>
  </si>
  <si>
    <t>cg04092682</t>
  </si>
  <si>
    <t>cg04867684</t>
  </si>
  <si>
    <t>cg05026753</t>
  </si>
  <si>
    <t>cg05565475</t>
  </si>
  <si>
    <t>cg05600681</t>
  </si>
  <si>
    <t>cg05702505</t>
  </si>
  <si>
    <t>cg05816844</t>
  </si>
  <si>
    <t>cg06087537</t>
  </si>
  <si>
    <t>cg06218627</t>
  </si>
  <si>
    <t>cg06252382</t>
  </si>
  <si>
    <t>cg06383088</t>
  </si>
  <si>
    <t>cg06821959</t>
  </si>
  <si>
    <t>cg06974755</t>
  </si>
  <si>
    <t>cg07090534</t>
  </si>
  <si>
    <t>cg07309102</t>
  </si>
  <si>
    <t>cg07687043</t>
  </si>
  <si>
    <t>cg07772309</t>
  </si>
  <si>
    <t>cg07824742</t>
  </si>
  <si>
    <t>cg07874283</t>
  </si>
  <si>
    <t>cg07981910</t>
  </si>
  <si>
    <t>cg08101172</t>
  </si>
  <si>
    <t>cg08128768</t>
  </si>
  <si>
    <t>cg08287471</t>
  </si>
  <si>
    <t>cg08325021</t>
  </si>
  <si>
    <t>cg08423420</t>
  </si>
  <si>
    <t>cg08720189</t>
  </si>
  <si>
    <t>cg08758850</t>
  </si>
  <si>
    <t>cg08923379</t>
  </si>
  <si>
    <t>cg09000510</t>
  </si>
  <si>
    <t>cg09023593</t>
  </si>
  <si>
    <t>cg09092161</t>
  </si>
  <si>
    <t>cg09160477</t>
  </si>
  <si>
    <t>cg09404405</t>
  </si>
  <si>
    <t>cg09549848</t>
  </si>
  <si>
    <t>cg09944147</t>
  </si>
  <si>
    <t>cg10091935</t>
  </si>
  <si>
    <t>cg10272601</t>
  </si>
  <si>
    <t>cg10319505</t>
  </si>
  <si>
    <t>cg10524192</t>
  </si>
  <si>
    <t>cg10604703</t>
  </si>
  <si>
    <t>cg10610323</t>
  </si>
  <si>
    <t>cg10755973</t>
  </si>
  <si>
    <t>cg10848754</t>
  </si>
  <si>
    <t>cg10870443</t>
  </si>
  <si>
    <t>cg11184091</t>
  </si>
  <si>
    <t>cg11222041</t>
  </si>
  <si>
    <t>cg11510586</t>
  </si>
  <si>
    <t>cg11594303</t>
  </si>
  <si>
    <t>cg11613875</t>
  </si>
  <si>
    <t>cg11725802</t>
  </si>
  <si>
    <t>cg11747771</t>
  </si>
  <si>
    <t>cg11797883</t>
  </si>
  <si>
    <t>cg11828766</t>
  </si>
  <si>
    <t>cg11996428</t>
  </si>
  <si>
    <t>cg12004206</t>
  </si>
  <si>
    <t>cg12157519</t>
  </si>
  <si>
    <t>cg12601414</t>
  </si>
  <si>
    <t>cg12762715</t>
  </si>
  <si>
    <t>cg12927153</t>
  </si>
  <si>
    <t>cg12998491</t>
  </si>
  <si>
    <t>cg13033853</t>
  </si>
  <si>
    <t>cg13109865</t>
  </si>
  <si>
    <t>cg13247581</t>
  </si>
  <si>
    <t>cg13389944</t>
  </si>
  <si>
    <t>cg13392293</t>
  </si>
  <si>
    <t>cg13394530</t>
  </si>
  <si>
    <t>cg13395060</t>
  </si>
  <si>
    <t>cg13397898</t>
  </si>
  <si>
    <t>cg13398482</t>
  </si>
  <si>
    <t>cg13409170</t>
  </si>
  <si>
    <t>cg13410446</t>
  </si>
  <si>
    <t>cg13413755</t>
  </si>
  <si>
    <t>cg13415390</t>
  </si>
  <si>
    <t>cg13416213</t>
  </si>
  <si>
    <t>cg13416901</t>
  </si>
  <si>
    <t>cg13420408</t>
  </si>
  <si>
    <t>cg13422850</t>
  </si>
  <si>
    <t>cg13423383</t>
  </si>
  <si>
    <t>cg13424940</t>
  </si>
  <si>
    <t>cg13425135</t>
  </si>
  <si>
    <t>cg13429168</t>
  </si>
  <si>
    <t>cg13431678</t>
  </si>
  <si>
    <t>cg13433446</t>
  </si>
  <si>
    <t>cg13433942</t>
  </si>
  <si>
    <t>cg13434411</t>
  </si>
  <si>
    <t>cg13434631</t>
  </si>
  <si>
    <t>cg13435263</t>
  </si>
  <si>
    <t>cg13435795</t>
  </si>
  <si>
    <t>cg13441683</t>
  </si>
  <si>
    <t>cg13441730</t>
  </si>
  <si>
    <t>cg13441753</t>
  </si>
  <si>
    <t>cg13442960</t>
  </si>
  <si>
    <t>cg13446043</t>
  </si>
  <si>
    <t>cg13446474</t>
  </si>
  <si>
    <t>cg13449257</t>
  </si>
  <si>
    <t>cg13458609</t>
  </si>
  <si>
    <t>cg13459209</t>
  </si>
  <si>
    <t>cg13460057</t>
  </si>
  <si>
    <t>cg13460467</t>
  </si>
  <si>
    <t>cg13461078</t>
  </si>
  <si>
    <t>cg13461718</t>
  </si>
  <si>
    <t>cg13463203</t>
  </si>
  <si>
    <t>cg13463245</t>
  </si>
  <si>
    <t>cg13464393</t>
  </si>
  <si>
    <t>cg13464876</t>
  </si>
  <si>
    <t>cg13465477</t>
  </si>
  <si>
    <t>cg13469396</t>
  </si>
  <si>
    <t>cg13472882</t>
  </si>
  <si>
    <t>cg13473909</t>
  </si>
  <si>
    <t>cg13474520</t>
  </si>
  <si>
    <t>cg13475271</t>
  </si>
  <si>
    <t>cg13476777</t>
  </si>
  <si>
    <t>cg13477182</t>
  </si>
  <si>
    <t>cg13481132</t>
  </si>
  <si>
    <t>cg13481969</t>
  </si>
  <si>
    <t>cg13482308</t>
  </si>
  <si>
    <t>cg13482432</t>
  </si>
  <si>
    <t>cg13483474</t>
  </si>
  <si>
    <t>cg13484581</t>
  </si>
  <si>
    <t>cg13486387</t>
  </si>
  <si>
    <t>cg13487189</t>
  </si>
  <si>
    <t>cg13487666</t>
  </si>
  <si>
    <t>cg13489501</t>
  </si>
  <si>
    <t>cg13490403</t>
  </si>
  <si>
    <t>cg13491480</t>
  </si>
  <si>
    <t>cg13492692</t>
  </si>
  <si>
    <t>cg13493749</t>
  </si>
  <si>
    <t>cg13499022</t>
  </si>
  <si>
    <t>cg13500797</t>
  </si>
  <si>
    <t>cg13501225</t>
  </si>
  <si>
    <t>cg13504740</t>
  </si>
  <si>
    <t>cg13505608</t>
  </si>
  <si>
    <t>cg13506496</t>
  </si>
  <si>
    <t>cg13509363</t>
  </si>
  <si>
    <t>cg13509934</t>
  </si>
  <si>
    <t>cg13514165</t>
  </si>
  <si>
    <t>cg13515842</t>
  </si>
  <si>
    <t>cg13516820</t>
  </si>
  <si>
    <t>cg13520026</t>
  </si>
  <si>
    <t>cg13525088</t>
  </si>
  <si>
    <t>cg13526766</t>
  </si>
  <si>
    <t>cg13529728</t>
  </si>
  <si>
    <t>cg13533340</t>
  </si>
  <si>
    <t>cg13534503</t>
  </si>
  <si>
    <t>cg13537226</t>
  </si>
  <si>
    <t>cg13541429</t>
  </si>
  <si>
    <t>cg13546937</t>
  </si>
  <si>
    <t>cg13550694</t>
  </si>
  <si>
    <t>cg13551229</t>
  </si>
  <si>
    <t>cg13551263</t>
  </si>
  <si>
    <t>cg13552690</t>
  </si>
  <si>
    <t>cg13554071</t>
  </si>
  <si>
    <t>cg13554903</t>
  </si>
  <si>
    <t>cg13555415</t>
  </si>
  <si>
    <t>cg13555662</t>
  </si>
  <si>
    <t>cg13557031</t>
  </si>
  <si>
    <t>cg13557688</t>
  </si>
  <si>
    <t>cg13560136</t>
  </si>
  <si>
    <t>cg13561592</t>
  </si>
  <si>
    <t>cg13561918</t>
  </si>
  <si>
    <t>cg13564064</t>
  </si>
  <si>
    <t>cg13565549</t>
  </si>
  <si>
    <t>cg13567205</t>
  </si>
  <si>
    <t>cg13568343</t>
  </si>
  <si>
    <t>cg13570861</t>
  </si>
  <si>
    <t>cg13571460</t>
  </si>
  <si>
    <t>cg13573295</t>
  </si>
  <si>
    <t>cg13574050</t>
  </si>
  <si>
    <t>cg13576552</t>
  </si>
  <si>
    <t>cg13578229</t>
  </si>
  <si>
    <t>cg13578447</t>
  </si>
  <si>
    <t>cg13582060</t>
  </si>
  <si>
    <t>cg13583664</t>
  </si>
  <si>
    <t>cg13585776</t>
  </si>
  <si>
    <t>cg13589318</t>
  </si>
  <si>
    <t>cg13590117</t>
  </si>
  <si>
    <t>cg13591204</t>
  </si>
  <si>
    <t>cg13597247</t>
  </si>
  <si>
    <t>cg13598152</t>
  </si>
  <si>
    <t>cg13598317</t>
  </si>
  <si>
    <t>cg13600947</t>
  </si>
  <si>
    <t>cg13601161</t>
  </si>
  <si>
    <t>cg13601435</t>
  </si>
  <si>
    <t>cg13601799</t>
  </si>
  <si>
    <t>cg13601997</t>
  </si>
  <si>
    <t>cg13603112</t>
  </si>
  <si>
    <t>cg13604008</t>
  </si>
  <si>
    <t>cg13608282</t>
  </si>
  <si>
    <t>cg13609937</t>
  </si>
  <si>
    <t>cg13610497</t>
  </si>
  <si>
    <t>cg13618741</t>
  </si>
  <si>
    <t>cg13622265</t>
  </si>
  <si>
    <t>cg13622450</t>
  </si>
  <si>
    <t>cg13627491</t>
  </si>
  <si>
    <t>cg13628817</t>
  </si>
  <si>
    <t>cg13629132</t>
  </si>
  <si>
    <t>cg13629201</t>
  </si>
  <si>
    <t>cg13629486</t>
  </si>
  <si>
    <t>cg13632935</t>
  </si>
  <si>
    <t>cg13633754</t>
  </si>
  <si>
    <t>cg13639452</t>
  </si>
  <si>
    <t>cg13639672</t>
  </si>
  <si>
    <t>cg13645767</t>
  </si>
  <si>
    <t>cg13648117</t>
  </si>
  <si>
    <t>cg13648318</t>
  </si>
  <si>
    <t>cg13648682</t>
  </si>
  <si>
    <t>cg13649036</t>
  </si>
  <si>
    <t>cg13650104</t>
  </si>
  <si>
    <t>cg13653144</t>
  </si>
  <si>
    <t>cg13653153</t>
  </si>
  <si>
    <t>cg13653482</t>
  </si>
  <si>
    <t>cg13653957</t>
  </si>
  <si>
    <t>cg13655082</t>
  </si>
  <si>
    <t>cg13656173</t>
  </si>
  <si>
    <t>cg13659051</t>
  </si>
  <si>
    <t>cg13659951</t>
  </si>
  <si>
    <t>cg13661109</t>
  </si>
  <si>
    <t>cg13661740</t>
  </si>
  <si>
    <t>cg13664345</t>
  </si>
  <si>
    <t>cg13664579</t>
  </si>
  <si>
    <t>cg13664635</t>
  </si>
  <si>
    <t>cg13666716</t>
  </si>
  <si>
    <t>cg13668544</t>
  </si>
  <si>
    <t>cg13669985</t>
  </si>
  <si>
    <t>cg13670316</t>
  </si>
  <si>
    <t>cg13672348</t>
  </si>
  <si>
    <t>cg13675319</t>
  </si>
  <si>
    <t>cg13676763</t>
  </si>
  <si>
    <t>cg13678470</t>
  </si>
  <si>
    <t>cg13679303</t>
  </si>
  <si>
    <t>cg13681781</t>
  </si>
  <si>
    <t>cg13682333</t>
  </si>
  <si>
    <t>cg13682704</t>
  </si>
  <si>
    <t>cg13683280</t>
  </si>
  <si>
    <t>cg13684188</t>
  </si>
  <si>
    <t>cg13686537</t>
  </si>
  <si>
    <t>cg13686751</t>
  </si>
  <si>
    <t>cg13688262</t>
  </si>
  <si>
    <t>cg13688329</t>
  </si>
  <si>
    <t>cg13689699</t>
  </si>
  <si>
    <t>cg13691892</t>
  </si>
  <si>
    <t>cg13694664</t>
  </si>
  <si>
    <t>cg13694973</t>
  </si>
  <si>
    <t>cg13696132</t>
  </si>
  <si>
    <t>cg13696351</t>
  </si>
  <si>
    <t>cg13697021</t>
  </si>
  <si>
    <t>cg13699934</t>
  </si>
  <si>
    <t>cg13700197</t>
  </si>
  <si>
    <t>cg13700589</t>
  </si>
  <si>
    <t>cg13703859</t>
  </si>
  <si>
    <t>cg13704200</t>
  </si>
  <si>
    <t>cg13705894</t>
  </si>
  <si>
    <t>cg13709882</t>
  </si>
  <si>
    <t>cg13709982</t>
  </si>
  <si>
    <t>cg13713218</t>
  </si>
  <si>
    <t>cg13713293</t>
  </si>
  <si>
    <t>cg13713830</t>
  </si>
  <si>
    <t>cg13714586</t>
  </si>
  <si>
    <t>cg13716033</t>
  </si>
  <si>
    <t>cg13716760</t>
  </si>
  <si>
    <t>cg13716829</t>
  </si>
  <si>
    <t>cg13718100</t>
  </si>
  <si>
    <t>cg13718729</t>
  </si>
  <si>
    <t>cg13718827</t>
  </si>
  <si>
    <t>cg13722942</t>
  </si>
  <si>
    <t>cg13723825</t>
  </si>
  <si>
    <t>cg13724160</t>
  </si>
  <si>
    <t>cg13724827</t>
  </si>
  <si>
    <t>cg13725495</t>
  </si>
  <si>
    <t>cg13725899</t>
  </si>
  <si>
    <t>cg13728069</t>
  </si>
  <si>
    <t>cg13728285</t>
  </si>
  <si>
    <t>cg13730105</t>
  </si>
  <si>
    <t>cg13731808</t>
  </si>
  <si>
    <t>cg13732093</t>
  </si>
  <si>
    <t>cg13732589</t>
  </si>
  <si>
    <t>cg13735223</t>
  </si>
  <si>
    <t>cg13737559</t>
  </si>
  <si>
    <t>cg13737695</t>
  </si>
  <si>
    <t>cg13742648</t>
  </si>
  <si>
    <t>cg13744508</t>
  </si>
  <si>
    <t>cg13745402</t>
  </si>
  <si>
    <t>cg13746854</t>
  </si>
  <si>
    <t>cg13747199</t>
  </si>
  <si>
    <t>cg13747435</t>
  </si>
  <si>
    <t>cg13747555</t>
  </si>
  <si>
    <t>cg13752460</t>
  </si>
  <si>
    <t>cg13752749</t>
  </si>
  <si>
    <t>cg13752837</t>
  </si>
  <si>
    <t>cg13754661</t>
  </si>
  <si>
    <t>cg13754915</t>
  </si>
  <si>
    <t>cg13754922</t>
  </si>
  <si>
    <t>cg13756380</t>
  </si>
  <si>
    <t>cg13758646</t>
  </si>
  <si>
    <t>cg13758932</t>
  </si>
  <si>
    <t>cg13759674</t>
  </si>
  <si>
    <t>cg13762060</t>
  </si>
  <si>
    <t>cg13762887</t>
  </si>
  <si>
    <t>cg13763287</t>
  </si>
  <si>
    <t>cg13764850</t>
  </si>
  <si>
    <t>cg13764991</t>
  </si>
  <si>
    <t>cg13766489</t>
  </si>
  <si>
    <t>cg13766589</t>
  </si>
  <si>
    <t>cg13768269</t>
  </si>
  <si>
    <t>cg13769283</t>
  </si>
  <si>
    <t>cg13771517</t>
  </si>
  <si>
    <t>cg13771733</t>
  </si>
  <si>
    <t>cg13773148</t>
  </si>
  <si>
    <t>cg13774095</t>
  </si>
  <si>
    <t>cg13775299</t>
  </si>
  <si>
    <t>cg13775310</t>
  </si>
  <si>
    <t>cg13775996</t>
  </si>
  <si>
    <t>cg13782561</t>
  </si>
  <si>
    <t>cg13783152</t>
  </si>
  <si>
    <t>cg13783657</t>
  </si>
  <si>
    <t>cg13784276</t>
  </si>
  <si>
    <t>cg13784312</t>
  </si>
  <si>
    <t>cg13788625</t>
  </si>
  <si>
    <t>cg13789236</t>
  </si>
  <si>
    <t>cg13791130</t>
  </si>
  <si>
    <t>cg13792579</t>
  </si>
  <si>
    <t>cg13793782</t>
  </si>
  <si>
    <t>cg13796319</t>
  </si>
  <si>
    <t>cg13796381</t>
  </si>
  <si>
    <t>cg13796802</t>
  </si>
  <si>
    <t>cg13798431</t>
  </si>
  <si>
    <t>cg13799149</t>
  </si>
  <si>
    <t>cg13802457</t>
  </si>
  <si>
    <t>cg13802506</t>
  </si>
  <si>
    <t>cg13805730</t>
  </si>
  <si>
    <t>cg13806939</t>
  </si>
  <si>
    <t>cg13808240</t>
  </si>
  <si>
    <t>cg13808936</t>
  </si>
  <si>
    <t>cg13809748</t>
  </si>
  <si>
    <t>cg13810964</t>
  </si>
  <si>
    <t>cg13816321</t>
  </si>
  <si>
    <t>cg13817410</t>
  </si>
  <si>
    <t>cg13817802</t>
  </si>
  <si>
    <t>cg13817952</t>
  </si>
  <si>
    <t>cg13818014</t>
  </si>
  <si>
    <t>cg13819552</t>
  </si>
  <si>
    <t>cg13825574</t>
  </si>
  <si>
    <t>cg13826264</t>
  </si>
  <si>
    <t>cg13827173</t>
  </si>
  <si>
    <t>cg13828227</t>
  </si>
  <si>
    <t>cg13832045</t>
  </si>
  <si>
    <t>cg13832290</t>
  </si>
  <si>
    <t>cg13832679</t>
  </si>
  <si>
    <t>cg13833419</t>
  </si>
  <si>
    <t>cg13834670</t>
  </si>
  <si>
    <t>cg13836270</t>
  </si>
  <si>
    <t>cg13836954</t>
  </si>
  <si>
    <t>cg13838014</t>
  </si>
  <si>
    <t>cg13842639</t>
  </si>
  <si>
    <t>cg13843427</t>
  </si>
  <si>
    <t>cg13845656</t>
  </si>
  <si>
    <t>cg13846473</t>
  </si>
  <si>
    <t>cg13846507</t>
  </si>
  <si>
    <t>cg13847987</t>
  </si>
  <si>
    <t>cg13848566</t>
  </si>
  <si>
    <t>cg13849253</t>
  </si>
  <si>
    <t>cg13849454</t>
  </si>
  <si>
    <t>cg13850063</t>
  </si>
  <si>
    <t>cg13850847</t>
  </si>
  <si>
    <t>cg13851767</t>
  </si>
  <si>
    <t>cg13852536</t>
  </si>
  <si>
    <t>cg13854962</t>
  </si>
  <si>
    <t>cg13855276</t>
  </si>
  <si>
    <t>cg13857210</t>
  </si>
  <si>
    <t>cg13858054</t>
  </si>
  <si>
    <t>cg13860981</t>
  </si>
  <si>
    <t>cg13861122</t>
  </si>
  <si>
    <t>cg13861904</t>
  </si>
  <si>
    <t>cg13863103</t>
  </si>
  <si>
    <t>cg13867237</t>
  </si>
  <si>
    <t>cg13868084</t>
  </si>
  <si>
    <t>cg13872774</t>
  </si>
  <si>
    <t>cg13875536</t>
  </si>
  <si>
    <t>cg13876222</t>
  </si>
  <si>
    <t>cg13876462</t>
  </si>
  <si>
    <t>cg13877502</t>
  </si>
  <si>
    <t>cg13880034</t>
  </si>
  <si>
    <t>cg13884470</t>
  </si>
  <si>
    <t>cg13885343</t>
  </si>
  <si>
    <t>cg13886636</t>
  </si>
  <si>
    <t>cg13888226</t>
  </si>
  <si>
    <t>cg13888983</t>
  </si>
  <si>
    <t>cg13889221</t>
  </si>
  <si>
    <t>cg13892635</t>
  </si>
  <si>
    <t>cg13892750</t>
  </si>
  <si>
    <t>cg13893707</t>
  </si>
  <si>
    <t>cg13896861</t>
  </si>
  <si>
    <t>cg13896891</t>
  </si>
  <si>
    <t>cg13897564</t>
  </si>
  <si>
    <t>cg13898762</t>
  </si>
  <si>
    <t>cg13900763</t>
  </si>
  <si>
    <t>cg13901539</t>
  </si>
  <si>
    <t>cg13905264</t>
  </si>
  <si>
    <t>cg13909320</t>
  </si>
  <si>
    <t>cg13909998</t>
  </si>
  <si>
    <t>cg13910484</t>
  </si>
  <si>
    <t>cg13912011</t>
  </si>
  <si>
    <t>cg13912478</t>
  </si>
  <si>
    <t>cg13912673</t>
  </si>
  <si>
    <t>cg13912887</t>
  </si>
  <si>
    <t>cg13912930</t>
  </si>
  <si>
    <t>cg13916990</t>
  </si>
  <si>
    <t>cg13920768</t>
  </si>
  <si>
    <t>cg13922800</t>
  </si>
  <si>
    <t>cg13925432</t>
  </si>
  <si>
    <t>cg13928649</t>
  </si>
  <si>
    <t>cg13928733</t>
  </si>
  <si>
    <t>cg13931640</t>
  </si>
  <si>
    <t>cg13931725</t>
  </si>
  <si>
    <t>cg13931999</t>
  </si>
  <si>
    <t>cg13932375</t>
  </si>
  <si>
    <t>cg13932603</t>
  </si>
  <si>
    <t>cg13937446</t>
  </si>
  <si>
    <t>cg13938361</t>
  </si>
  <si>
    <t>cg13941436</t>
  </si>
  <si>
    <t>cg13943217</t>
  </si>
  <si>
    <t>cg13944275</t>
  </si>
  <si>
    <t>cg13944389</t>
  </si>
  <si>
    <t>cg13944939</t>
  </si>
  <si>
    <t>cg13947534</t>
  </si>
  <si>
    <t>cg13949487</t>
  </si>
  <si>
    <t>cg13951026</t>
  </si>
  <si>
    <t>cg13957175</t>
  </si>
  <si>
    <t>cg13957837</t>
  </si>
  <si>
    <t>cg13959595</t>
  </si>
  <si>
    <t>cg13959647</t>
  </si>
  <si>
    <t>cg13962186</t>
  </si>
  <si>
    <t>cg13963221</t>
  </si>
  <si>
    <t>cg13964184</t>
  </si>
  <si>
    <t>cg13967864</t>
  </si>
  <si>
    <t>cg13969496</t>
  </si>
  <si>
    <t>cg13969579</t>
  </si>
  <si>
    <t>cg13971025</t>
  </si>
  <si>
    <t>cg13973788</t>
  </si>
  <si>
    <t>cg13975730</t>
  </si>
  <si>
    <t>cg13977355</t>
  </si>
  <si>
    <t>cg13977374</t>
  </si>
  <si>
    <t>cg13977779</t>
  </si>
  <si>
    <t>cg13978100</t>
  </si>
  <si>
    <t>cg13981310</t>
  </si>
  <si>
    <t>cg13982446</t>
  </si>
  <si>
    <t>cg13983319</t>
  </si>
  <si>
    <t>cg13984623</t>
  </si>
  <si>
    <t>cg13985784</t>
  </si>
  <si>
    <t>cg13985868</t>
  </si>
  <si>
    <t>cg13986294</t>
  </si>
  <si>
    <t>cg13986501</t>
  </si>
  <si>
    <t>cg13986661</t>
  </si>
  <si>
    <t>cg13988014</t>
  </si>
  <si>
    <t>cg13990947</t>
  </si>
  <si>
    <t>cg13993183</t>
  </si>
  <si>
    <t>cg13994338</t>
  </si>
  <si>
    <t>cg13995427</t>
  </si>
  <si>
    <t>cg14000104</t>
  </si>
  <si>
    <t>cg14002226</t>
  </si>
  <si>
    <t>cg14002772</t>
  </si>
  <si>
    <t>cg14007221</t>
  </si>
  <si>
    <t>cg14008105</t>
  </si>
  <si>
    <t>cg14009729</t>
  </si>
  <si>
    <t>cg14009912</t>
  </si>
  <si>
    <t>cg14011077</t>
  </si>
  <si>
    <t>cg14014699</t>
  </si>
  <si>
    <t>cg14015002</t>
  </si>
  <si>
    <t>cg14016089</t>
  </si>
  <si>
    <t>cg14016344</t>
  </si>
  <si>
    <t>cg14018471</t>
  </si>
  <si>
    <t>cg14018731</t>
  </si>
  <si>
    <t>cg14021717</t>
  </si>
  <si>
    <t>cg14022022</t>
  </si>
  <si>
    <t>cg14022377</t>
  </si>
  <si>
    <t>cg14024242</t>
  </si>
  <si>
    <t>cg14025632</t>
  </si>
  <si>
    <t>cg14026459</t>
  </si>
  <si>
    <t>cg14027685</t>
  </si>
  <si>
    <t>cg14028015</t>
  </si>
  <si>
    <t>cg14028671</t>
  </si>
  <si>
    <t>cg14029453</t>
  </si>
  <si>
    <t>cg14030586</t>
  </si>
  <si>
    <t>cg14034503</t>
  </si>
  <si>
    <t>cg14035095</t>
  </si>
  <si>
    <t>cg14035202</t>
  </si>
  <si>
    <t>cg14035368</t>
  </si>
  <si>
    <t>cg14038618</t>
  </si>
  <si>
    <t>cg14038675</t>
  </si>
  <si>
    <t>cg14040034</t>
  </si>
  <si>
    <t>cg14040055</t>
  </si>
  <si>
    <t>cg14040532</t>
  </si>
  <si>
    <t>cg14040679</t>
  </si>
  <si>
    <t>cg14041153</t>
  </si>
  <si>
    <t>cg14041194</t>
  </si>
  <si>
    <t>cg14041283</t>
  </si>
  <si>
    <t>cg14044388</t>
  </si>
  <si>
    <t>cg14045486</t>
  </si>
  <si>
    <t>cg14047094</t>
  </si>
  <si>
    <t>cg14047494</t>
  </si>
  <si>
    <t>cg14047548</t>
  </si>
  <si>
    <t>cg14048780</t>
  </si>
  <si>
    <t>cg14050247</t>
  </si>
  <si>
    <t>cg14050824</t>
  </si>
  <si>
    <t>cg14052065</t>
  </si>
  <si>
    <t>cg14052221</t>
  </si>
  <si>
    <t>cg14059921</t>
  </si>
  <si>
    <t>cg14061378</t>
  </si>
  <si>
    <t>cg14064335</t>
  </si>
  <si>
    <t>cg14066075</t>
  </si>
  <si>
    <t>cg14066439</t>
  </si>
  <si>
    <t>cg14066751</t>
  </si>
  <si>
    <t>cg14067419</t>
  </si>
  <si>
    <t>cg14068853</t>
  </si>
  <si>
    <t>cg14069088</t>
  </si>
  <si>
    <t>cg14069192</t>
  </si>
  <si>
    <t>cg14071496</t>
  </si>
  <si>
    <t>cg14078101</t>
  </si>
  <si>
    <t>cg14078157</t>
  </si>
  <si>
    <t>cg14080881</t>
  </si>
  <si>
    <t>cg14080967</t>
  </si>
  <si>
    <t>cg14082398</t>
  </si>
  <si>
    <t>cg14082938</t>
  </si>
  <si>
    <t>cg14082959</t>
  </si>
  <si>
    <t>cg14083558</t>
  </si>
  <si>
    <t>cg14085060</t>
  </si>
  <si>
    <t>cg14085177</t>
  </si>
  <si>
    <t>cg14087051</t>
  </si>
  <si>
    <t>cg14087061</t>
  </si>
  <si>
    <t>cg14088589</t>
  </si>
  <si>
    <t>cg14089362</t>
  </si>
  <si>
    <t>cg14090556</t>
  </si>
  <si>
    <t>cg14090923</t>
  </si>
  <si>
    <t>cg14092045</t>
  </si>
  <si>
    <t>cg14092337</t>
  </si>
  <si>
    <t>cg14092536</t>
  </si>
  <si>
    <t>cg14092626</t>
  </si>
  <si>
    <t>cg14094447</t>
  </si>
  <si>
    <t>cg14095101</t>
  </si>
  <si>
    <t>cg14095983</t>
  </si>
  <si>
    <t>cg14104635</t>
  </si>
  <si>
    <t>cg14105458</t>
  </si>
  <si>
    <t>cg14106584</t>
  </si>
  <si>
    <t>cg14107457</t>
  </si>
  <si>
    <t>cg14108711</t>
  </si>
  <si>
    <t>cg14112570</t>
  </si>
  <si>
    <t>cg14114284</t>
  </si>
  <si>
    <t>cg14114535</t>
  </si>
  <si>
    <t>cg14116561</t>
  </si>
  <si>
    <t>cg14117166</t>
  </si>
  <si>
    <t>cg14117180</t>
  </si>
  <si>
    <t>cg14118473</t>
  </si>
  <si>
    <t>cg14121665</t>
  </si>
  <si>
    <t>cg14123850</t>
  </si>
  <si>
    <t>cg14123942</t>
  </si>
  <si>
    <t>cg14125707</t>
  </si>
  <si>
    <t>cg14126328</t>
  </si>
  <si>
    <t>cg14127859</t>
  </si>
  <si>
    <t>cg14128173</t>
  </si>
  <si>
    <t>cg14129714</t>
  </si>
  <si>
    <t>cg14134054</t>
  </si>
  <si>
    <t>cg14137625</t>
  </si>
  <si>
    <t>cg14138050</t>
  </si>
  <si>
    <t>cg14139008</t>
  </si>
  <si>
    <t>cg14139633</t>
  </si>
  <si>
    <t>cg14139931</t>
  </si>
  <si>
    <t>cg14140717</t>
  </si>
  <si>
    <t>cg14141068</t>
  </si>
  <si>
    <t>cg14143209</t>
  </si>
  <si>
    <t>cg14143574</t>
  </si>
  <si>
    <t>cg14145355</t>
  </si>
  <si>
    <t>cg14147184</t>
  </si>
  <si>
    <t>cg14147498</t>
  </si>
  <si>
    <t>cg14148016</t>
  </si>
  <si>
    <t>cg14148609</t>
  </si>
  <si>
    <t>cg14153126</t>
  </si>
  <si>
    <t>cg14154487</t>
  </si>
  <si>
    <t>cg14155825</t>
  </si>
  <si>
    <t>cg14156314</t>
  </si>
  <si>
    <t>cg14157170</t>
  </si>
  <si>
    <t>cg14160020</t>
  </si>
  <si>
    <t>cg14163827</t>
  </si>
  <si>
    <t>cg14164262</t>
  </si>
  <si>
    <t>cg14165241</t>
  </si>
  <si>
    <t>cg14168996</t>
  </si>
  <si>
    <t>cg14169740</t>
  </si>
  <si>
    <t>cg14170313</t>
  </si>
  <si>
    <t>cg14170392</t>
  </si>
  <si>
    <t>cg14172603</t>
  </si>
  <si>
    <t>cg14173587</t>
  </si>
  <si>
    <t>cg14176347</t>
  </si>
  <si>
    <t>cg14177289</t>
  </si>
  <si>
    <t>cg14177784</t>
  </si>
  <si>
    <t>cg14178533</t>
  </si>
  <si>
    <t>cg14180502</t>
  </si>
  <si>
    <t>cg14180839</t>
  </si>
  <si>
    <t>cg14183907</t>
  </si>
  <si>
    <t>cg14184780</t>
  </si>
  <si>
    <t>cg14184882</t>
  </si>
  <si>
    <t>cg14185918</t>
  </si>
  <si>
    <t>cg14185957</t>
  </si>
  <si>
    <t>cg14185994</t>
  </si>
  <si>
    <t>cg14186799</t>
  </si>
  <si>
    <t>cg14187229</t>
  </si>
  <si>
    <t>cg14188346</t>
  </si>
  <si>
    <t>cg14189141</t>
  </si>
  <si>
    <t>cg14190761</t>
  </si>
  <si>
    <t>cg14190817</t>
  </si>
  <si>
    <t>cg14191369</t>
  </si>
  <si>
    <t>cg14191675</t>
  </si>
  <si>
    <t>cg14192957</t>
  </si>
  <si>
    <t>cg14196208</t>
  </si>
  <si>
    <t>cg14199276</t>
  </si>
  <si>
    <t>cg14199455</t>
  </si>
  <si>
    <t>cg14201224</t>
  </si>
  <si>
    <t>cg14201635</t>
  </si>
  <si>
    <t>cg14201956</t>
  </si>
  <si>
    <t>cg14205519</t>
  </si>
  <si>
    <t>cg14206140</t>
  </si>
  <si>
    <t>cg14206626</t>
  </si>
  <si>
    <t>cg14208721</t>
  </si>
  <si>
    <t>cg14209471</t>
  </si>
  <si>
    <t>cg14209949</t>
  </si>
  <si>
    <t>cg14209957</t>
  </si>
  <si>
    <t>cg14209988</t>
  </si>
  <si>
    <t>cg14213590</t>
  </si>
  <si>
    <t>cg14220722</t>
  </si>
  <si>
    <t>cg14221748</t>
  </si>
  <si>
    <t>cg14224196</t>
  </si>
  <si>
    <t>cg14225031</t>
  </si>
  <si>
    <t>cg14229207</t>
  </si>
  <si>
    <t>cg14229247</t>
  </si>
  <si>
    <t>cg14231674</t>
  </si>
  <si>
    <t>cg14235129</t>
  </si>
  <si>
    <t>cg14236735</t>
  </si>
  <si>
    <t>cg14236855</t>
  </si>
  <si>
    <t>cg14236976</t>
  </si>
  <si>
    <t>cg14237843</t>
  </si>
  <si>
    <t>cg14237930</t>
  </si>
  <si>
    <t>cg14240733</t>
  </si>
  <si>
    <t>cg14241138</t>
  </si>
  <si>
    <t>cg14242024</t>
  </si>
  <si>
    <t>cg14242528</t>
  </si>
  <si>
    <t>cg14243623</t>
  </si>
  <si>
    <t>cg14245947</t>
  </si>
  <si>
    <t>cg14246703</t>
  </si>
  <si>
    <t>cg14248188</t>
  </si>
  <si>
    <t>cg14248367</t>
  </si>
  <si>
    <t>cg14249922</t>
  </si>
  <si>
    <t>cg14250054</t>
  </si>
  <si>
    <t>cg14250881</t>
  </si>
  <si>
    <t>cg14251471</t>
  </si>
  <si>
    <t>cg14252279</t>
  </si>
  <si>
    <t>cg14253848</t>
  </si>
  <si>
    <t>cg14262490</t>
  </si>
  <si>
    <t>cg14262955</t>
  </si>
  <si>
    <t>cg14266251</t>
  </si>
  <si>
    <t>cg14267095</t>
  </si>
  <si>
    <t>cg14267263</t>
  </si>
  <si>
    <t>cg14272822</t>
  </si>
  <si>
    <t>cg14274895</t>
  </si>
  <si>
    <t>cg14275457</t>
  </si>
  <si>
    <t>cg14276488</t>
  </si>
  <si>
    <t>cg14277543</t>
  </si>
  <si>
    <t>cg14279186</t>
  </si>
  <si>
    <t>cg14280283</t>
  </si>
  <si>
    <t>cg14281165</t>
  </si>
  <si>
    <t>cg14281646</t>
  </si>
  <si>
    <t>cg14282215</t>
  </si>
  <si>
    <t>cg14282406</t>
  </si>
  <si>
    <t>cg14282937</t>
  </si>
  <si>
    <t>cg14284797</t>
  </si>
  <si>
    <t>cg14286155</t>
  </si>
  <si>
    <t>cg14286292</t>
  </si>
  <si>
    <t>cg14286514</t>
  </si>
  <si>
    <t>cg14286845</t>
  </si>
  <si>
    <t>cg14287170</t>
  </si>
  <si>
    <t>cg14287565</t>
  </si>
  <si>
    <t>cg14288209</t>
  </si>
  <si>
    <t>cg14288486</t>
  </si>
  <si>
    <t>cg14293864</t>
  </si>
  <si>
    <t>cg14294708</t>
  </si>
  <si>
    <t>cg14294859</t>
  </si>
  <si>
    <t>cg14299539</t>
  </si>
  <si>
    <t>cg14299940</t>
  </si>
  <si>
    <t>cg14301000</t>
  </si>
  <si>
    <t>cg14305313</t>
  </si>
  <si>
    <t>cg14305383</t>
  </si>
  <si>
    <t>cg14306956</t>
  </si>
  <si>
    <t>cg14308466</t>
  </si>
  <si>
    <t>cg14311538</t>
  </si>
  <si>
    <t>cg14319286</t>
  </si>
  <si>
    <t>cg14320054</t>
  </si>
  <si>
    <t>cg14320938</t>
  </si>
  <si>
    <t>cg14321365</t>
  </si>
  <si>
    <t>cg14326196</t>
  </si>
  <si>
    <t>cg14326472</t>
  </si>
  <si>
    <t>cg14327394</t>
  </si>
  <si>
    <t>cg14328415</t>
  </si>
  <si>
    <t>cg14328601</t>
  </si>
  <si>
    <t>cg14328683</t>
  </si>
  <si>
    <t>cg14328907</t>
  </si>
  <si>
    <t>cg14336011</t>
  </si>
  <si>
    <t>cg14336803</t>
  </si>
  <si>
    <t>cg14339556</t>
  </si>
  <si>
    <t>cg14341771</t>
  </si>
  <si>
    <t>cg14341953</t>
  </si>
  <si>
    <t>cg14342850</t>
  </si>
  <si>
    <t>cg14343544</t>
  </si>
  <si>
    <t>cg14344122</t>
  </si>
  <si>
    <t>cg14344261</t>
  </si>
  <si>
    <t>cg14347199</t>
  </si>
  <si>
    <t>cg14348741</t>
  </si>
  <si>
    <t>cg14349763</t>
  </si>
  <si>
    <t>cg14350176</t>
  </si>
  <si>
    <t>cg14350337</t>
  </si>
  <si>
    <t>cg14350382</t>
  </si>
  <si>
    <t>cg14351882</t>
  </si>
  <si>
    <t>cg14352586</t>
  </si>
  <si>
    <t>cg14353079</t>
  </si>
  <si>
    <t>cg14354472</t>
  </si>
  <si>
    <t>cg14355608</t>
  </si>
  <si>
    <t>cg14355899</t>
  </si>
  <si>
    <t>cg14358474</t>
  </si>
  <si>
    <t>cg14360448</t>
  </si>
  <si>
    <t>cg14361672</t>
  </si>
  <si>
    <t>cg14362312</t>
  </si>
  <si>
    <t>cg14362630</t>
  </si>
  <si>
    <t>cg14362758</t>
  </si>
  <si>
    <t>cg14366110</t>
  </si>
  <si>
    <t>cg14367995</t>
  </si>
  <si>
    <t>cg14369648</t>
  </si>
  <si>
    <t>cg14373579</t>
  </si>
  <si>
    <t>cg14374504</t>
  </si>
  <si>
    <t>cg14375531</t>
  </si>
  <si>
    <t>cg14375786</t>
  </si>
  <si>
    <t>cg14375799</t>
  </si>
  <si>
    <t>cg14376968</t>
  </si>
  <si>
    <t>cg14376988</t>
  </si>
  <si>
    <t>cg14377594</t>
  </si>
  <si>
    <t>cg14377739</t>
  </si>
  <si>
    <t>cg14379462</t>
  </si>
  <si>
    <t>cg14381623</t>
  </si>
  <si>
    <t>cg14383545</t>
  </si>
  <si>
    <t>cg14383828</t>
  </si>
  <si>
    <t>cg14384158</t>
  </si>
  <si>
    <t>cg14384803</t>
  </si>
  <si>
    <t>cg14385122</t>
  </si>
  <si>
    <t>cg14385175</t>
  </si>
  <si>
    <t>cg14387545</t>
  </si>
  <si>
    <t>cg14388783</t>
  </si>
  <si>
    <t>cg14392066</t>
  </si>
  <si>
    <t>cg14392677</t>
  </si>
  <si>
    <t>cg14393316</t>
  </si>
  <si>
    <t>cg14397361</t>
  </si>
  <si>
    <t>cg14398946</t>
  </si>
  <si>
    <t>cg14400354</t>
  </si>
  <si>
    <t>cg14402574</t>
  </si>
  <si>
    <t>cg14403594</t>
  </si>
  <si>
    <t>cg14404146</t>
  </si>
  <si>
    <t>cg14404746</t>
  </si>
  <si>
    <t>cg14405893</t>
  </si>
  <si>
    <t>cg14406074</t>
  </si>
  <si>
    <t>cg14406134</t>
  </si>
  <si>
    <t>cg14408173</t>
  </si>
  <si>
    <t>cg14408467</t>
  </si>
  <si>
    <t>cg14410072</t>
  </si>
  <si>
    <t>cg14411823</t>
  </si>
  <si>
    <t>cg14412733</t>
  </si>
  <si>
    <t>cg14416311</t>
  </si>
  <si>
    <t>cg14417917</t>
  </si>
  <si>
    <t>cg14419051</t>
  </si>
  <si>
    <t>cg14421180</t>
  </si>
  <si>
    <t>cg14421548</t>
  </si>
  <si>
    <t>cg14421829</t>
  </si>
  <si>
    <t>cg14425564</t>
  </si>
  <si>
    <t>cg14428530</t>
  </si>
  <si>
    <t>cg14429012</t>
  </si>
  <si>
    <t>cg14430542</t>
  </si>
  <si>
    <t>cg14430974</t>
  </si>
  <si>
    <t>cg14431547</t>
  </si>
  <si>
    <t>cg14432469</t>
  </si>
  <si>
    <t>cg14432665</t>
  </si>
  <si>
    <t>cg14435098</t>
  </si>
  <si>
    <t>cg14435720</t>
  </si>
  <si>
    <t>cg14436569</t>
  </si>
  <si>
    <t>cg14440947</t>
  </si>
  <si>
    <t>cg14446107</t>
  </si>
  <si>
    <t>cg14447710</t>
  </si>
  <si>
    <t>cg14450361</t>
  </si>
  <si>
    <t>cg14452209</t>
  </si>
  <si>
    <t>cg14455366</t>
  </si>
  <si>
    <t>cg14457607</t>
  </si>
  <si>
    <t>cg14459158</t>
  </si>
  <si>
    <t>cg14461547</t>
  </si>
  <si>
    <t>cg14462432</t>
  </si>
  <si>
    <t>cg14464893</t>
  </si>
  <si>
    <t>cg14465900</t>
  </si>
  <si>
    <t>cg14466333</t>
  </si>
  <si>
    <t>cg14468605</t>
  </si>
  <si>
    <t>cg14469191</t>
  </si>
  <si>
    <t>cg14471064</t>
  </si>
  <si>
    <t>cg14473797</t>
  </si>
  <si>
    <t>cg14473974</t>
  </si>
  <si>
    <t>cg14474756</t>
  </si>
  <si>
    <t>cg14476745</t>
  </si>
  <si>
    <t>cg14480723</t>
  </si>
  <si>
    <t>cg14480858</t>
  </si>
  <si>
    <t>cg14482811</t>
  </si>
  <si>
    <t>cg14482968</t>
  </si>
  <si>
    <t>cg14483412</t>
  </si>
  <si>
    <t>cg14483667</t>
  </si>
  <si>
    <t>cg14485633</t>
  </si>
  <si>
    <t>cg14487131</t>
  </si>
  <si>
    <t>cg14487878</t>
  </si>
  <si>
    <t>cg14489366</t>
  </si>
  <si>
    <t>cg14493920</t>
  </si>
  <si>
    <t>cg14496753</t>
  </si>
  <si>
    <t>cg14497348</t>
  </si>
  <si>
    <t>cg14500563</t>
  </si>
  <si>
    <t>cg14500569</t>
  </si>
  <si>
    <t>cg14503395</t>
  </si>
  <si>
    <t>cg14503744</t>
  </si>
  <si>
    <t>cg14503783</t>
  </si>
  <si>
    <t>cg14505733</t>
  </si>
  <si>
    <t>cg14508093</t>
  </si>
  <si>
    <t>cg14508358</t>
  </si>
  <si>
    <t>cg14509802</t>
  </si>
  <si>
    <t>cg14511946</t>
  </si>
  <si>
    <t>cg14512731</t>
  </si>
  <si>
    <t>cg14514174</t>
  </si>
  <si>
    <t>cg14514600</t>
  </si>
  <si>
    <t>cg14517743</t>
  </si>
  <si>
    <t>cg14517771</t>
  </si>
  <si>
    <t>cg14518098</t>
  </si>
  <si>
    <t>cg14519621</t>
  </si>
  <si>
    <t>cg14519682</t>
  </si>
  <si>
    <t>cg14520832</t>
  </si>
  <si>
    <t>cg14522483</t>
  </si>
  <si>
    <t>cg14522718</t>
  </si>
  <si>
    <t>cg14523394</t>
  </si>
  <si>
    <t>cg14528437</t>
  </si>
  <si>
    <t>cg14528441</t>
  </si>
  <si>
    <t>cg14528930</t>
  </si>
  <si>
    <t>cg14530259</t>
  </si>
  <si>
    <t>cg14531310</t>
  </si>
  <si>
    <t>cg14532376</t>
  </si>
  <si>
    <t>cg14536088</t>
  </si>
  <si>
    <t>cg14537183</t>
  </si>
  <si>
    <t>cg14537362</t>
  </si>
  <si>
    <t>cg14539990</t>
  </si>
  <si>
    <t>cg14541616</t>
  </si>
  <si>
    <t>cg14549262</t>
  </si>
  <si>
    <t>cg14551186</t>
  </si>
  <si>
    <t>cg14552260</t>
  </si>
  <si>
    <t>cg14554167</t>
  </si>
  <si>
    <t>cg14554871</t>
  </si>
  <si>
    <t>cg14556450</t>
  </si>
  <si>
    <t>cg14557714</t>
  </si>
  <si>
    <t>cg14558431</t>
  </si>
  <si>
    <t>cg14560006</t>
  </si>
  <si>
    <t>cg14561672</t>
  </si>
  <si>
    <t>cg14563165</t>
  </si>
  <si>
    <t>cg14564793</t>
  </si>
  <si>
    <t>cg14567072</t>
  </si>
  <si>
    <t>cg14568936</t>
  </si>
  <si>
    <t>cg14569576</t>
  </si>
  <si>
    <t>cg14570632</t>
  </si>
  <si>
    <t>cg14570652</t>
  </si>
  <si>
    <t>cg14572091</t>
  </si>
  <si>
    <t>cg14572636</t>
  </si>
  <si>
    <t>cg14572967</t>
  </si>
  <si>
    <t>cg14573676</t>
  </si>
  <si>
    <t>cg14573833</t>
  </si>
  <si>
    <t>cg14574203</t>
  </si>
  <si>
    <t>cg14578525</t>
  </si>
  <si>
    <t>cg14580443</t>
  </si>
  <si>
    <t>cg14582917</t>
  </si>
  <si>
    <t>cg14582970</t>
  </si>
  <si>
    <t>cg14583606</t>
  </si>
  <si>
    <t>cg14583869</t>
  </si>
  <si>
    <t>cg14584407</t>
  </si>
  <si>
    <t>cg14588406</t>
  </si>
  <si>
    <t>cg14594111</t>
  </si>
  <si>
    <t>cg14594187</t>
  </si>
  <si>
    <t>cg14595083</t>
  </si>
  <si>
    <t>cg14598338</t>
  </si>
  <si>
    <t>cg14599233</t>
  </si>
  <si>
    <t>cg14600041</t>
  </si>
  <si>
    <t>cg14600824</t>
  </si>
  <si>
    <t>cg14601621</t>
  </si>
  <si>
    <t>cg14602351</t>
  </si>
  <si>
    <t>cg14603040</t>
  </si>
  <si>
    <t>cg14604065</t>
  </si>
  <si>
    <t>cg14604066</t>
  </si>
  <si>
    <t>cg14604584</t>
  </si>
  <si>
    <t>cg14605520</t>
  </si>
  <si>
    <t>cg14608454</t>
  </si>
  <si>
    <t>cg14611684</t>
  </si>
  <si>
    <t>cg14613607</t>
  </si>
  <si>
    <t>cg14614094</t>
  </si>
  <si>
    <t>cg14614403</t>
  </si>
  <si>
    <t>cg14617448</t>
  </si>
  <si>
    <t>cg14617810</t>
  </si>
  <si>
    <t>cg14620549</t>
  </si>
  <si>
    <t>cg14620572</t>
  </si>
  <si>
    <t>cg14621336</t>
  </si>
  <si>
    <t>cg14623630</t>
  </si>
  <si>
    <t>cg14625731</t>
  </si>
  <si>
    <t>cg14626490</t>
  </si>
  <si>
    <t>cg14626525</t>
  </si>
  <si>
    <t>cg14627348</t>
  </si>
  <si>
    <t>cg14628071</t>
  </si>
  <si>
    <t>cg14631218</t>
  </si>
  <si>
    <t>cg14632002</t>
  </si>
  <si>
    <t>cg14633268</t>
  </si>
  <si>
    <t>cg14633455</t>
  </si>
  <si>
    <t>cg14637253</t>
  </si>
  <si>
    <t>cg14642467</t>
  </si>
  <si>
    <t>cg14645880</t>
  </si>
  <si>
    <t>cg14647944</t>
  </si>
  <si>
    <t>cg14650116</t>
  </si>
  <si>
    <t>cg14650464</t>
  </si>
  <si>
    <t>cg14651705</t>
  </si>
  <si>
    <t>cg14653281</t>
  </si>
  <si>
    <t>cg14654324</t>
  </si>
  <si>
    <t>cg14655101</t>
  </si>
  <si>
    <t>cg14655855</t>
  </si>
  <si>
    <t>cg14707431</t>
  </si>
  <si>
    <t>cg14829378</t>
  </si>
  <si>
    <t>cg14859691</t>
  </si>
  <si>
    <t>cg14965947</t>
  </si>
  <si>
    <t>cg15003434</t>
  </si>
  <si>
    <t>cg15636365</t>
  </si>
  <si>
    <t>cg15720535</t>
  </si>
  <si>
    <t>cg15852879</t>
  </si>
  <si>
    <t>cg15922174</t>
  </si>
  <si>
    <t>cg16645539</t>
  </si>
  <si>
    <t>cg17083853</t>
  </si>
  <si>
    <t>cg17181956</t>
  </si>
  <si>
    <t>cg17641904</t>
  </si>
  <si>
    <t>cg17661443</t>
  </si>
  <si>
    <t>cg18517677</t>
  </si>
  <si>
    <t>cg18771855</t>
  </si>
  <si>
    <t>cg18794577</t>
  </si>
  <si>
    <t>cg19133618</t>
  </si>
  <si>
    <t>cg19324791</t>
  </si>
  <si>
    <t>cg19432894</t>
  </si>
  <si>
    <t>cg20031479</t>
  </si>
  <si>
    <t>cg20401521</t>
  </si>
  <si>
    <t>cg20435370</t>
  </si>
  <si>
    <t>cg20548744</t>
  </si>
  <si>
    <t>cg20616414</t>
  </si>
  <si>
    <t>cg20741293</t>
  </si>
  <si>
    <t>cg20962117</t>
  </si>
  <si>
    <t>cg21060854</t>
  </si>
  <si>
    <t>cg21089453</t>
  </si>
  <si>
    <t>cg21157107</t>
  </si>
  <si>
    <t>cg21157707</t>
  </si>
  <si>
    <t>cg21158411</t>
  </si>
  <si>
    <t>cg21159473</t>
  </si>
  <si>
    <t>cg21159778</t>
  </si>
  <si>
    <t>cg21160290</t>
  </si>
  <si>
    <t>cg21160824</t>
  </si>
  <si>
    <t>cg21163944</t>
  </si>
  <si>
    <t>cg21164727</t>
  </si>
  <si>
    <t>cg21167269</t>
  </si>
  <si>
    <t>cg21168914</t>
  </si>
  <si>
    <t>cg21169617</t>
  </si>
  <si>
    <t>cg21170007</t>
  </si>
  <si>
    <t>cg21170041</t>
  </si>
  <si>
    <t>cg21170085</t>
  </si>
  <si>
    <t>cg21175823</t>
  </si>
  <si>
    <t>cg21175873</t>
  </si>
  <si>
    <t>cg21176263</t>
  </si>
  <si>
    <t>cg21178689</t>
  </si>
  <si>
    <t>cg21179492</t>
  </si>
  <si>
    <t>cg21181594</t>
  </si>
  <si>
    <t>cg21183329</t>
  </si>
  <si>
    <t>cg21187462</t>
  </si>
  <si>
    <t>cg21188454</t>
  </si>
  <si>
    <t>cg21189224</t>
  </si>
  <si>
    <t>cg21189438</t>
  </si>
  <si>
    <t>cg21189611</t>
  </si>
  <si>
    <t>cg21189849</t>
  </si>
  <si>
    <t>cg21193977</t>
  </si>
  <si>
    <t>cg21195307</t>
  </si>
  <si>
    <t>cg21200129</t>
  </si>
  <si>
    <t>cg21200138</t>
  </si>
  <si>
    <t>cg21201435</t>
  </si>
  <si>
    <t>cg21205463</t>
  </si>
  <si>
    <t>cg21205987</t>
  </si>
  <si>
    <t>cg21207741</t>
  </si>
  <si>
    <t>cg21210721</t>
  </si>
  <si>
    <t>cg21210985</t>
  </si>
  <si>
    <t>cg21211038</t>
  </si>
  <si>
    <t>cg21211418</t>
  </si>
  <si>
    <t>cg21214630</t>
  </si>
  <si>
    <t>cg21215550</t>
  </si>
  <si>
    <t>cg21219785</t>
  </si>
  <si>
    <t>cg21220336</t>
  </si>
  <si>
    <t>cg21221785</t>
  </si>
  <si>
    <t>cg21222370</t>
  </si>
  <si>
    <t>cg21223341</t>
  </si>
  <si>
    <t>cg21224977</t>
  </si>
  <si>
    <t>cg21225130</t>
  </si>
  <si>
    <t>cg21226534</t>
  </si>
  <si>
    <t>cg21229253</t>
  </si>
  <si>
    <t>cg21230231</t>
  </si>
  <si>
    <t>cg21232476</t>
  </si>
  <si>
    <t>cg21232956</t>
  </si>
  <si>
    <t>cg21235078</t>
  </si>
  <si>
    <t>cg21235989</t>
  </si>
  <si>
    <t>cg21239572</t>
  </si>
  <si>
    <t>cg21241850</t>
  </si>
  <si>
    <t>cg21242417</t>
  </si>
  <si>
    <t>cg21243944</t>
  </si>
  <si>
    <t>cg21244880</t>
  </si>
  <si>
    <t>cg21249729</t>
  </si>
  <si>
    <t>cg21250721</t>
  </si>
  <si>
    <t>cg21251970</t>
  </si>
  <si>
    <t>cg21252105</t>
  </si>
  <si>
    <t>cg21252276</t>
  </si>
  <si>
    <t>cg21252725</t>
  </si>
  <si>
    <t>cg21252859</t>
  </si>
  <si>
    <t>cg21925493</t>
  </si>
  <si>
    <t>cg22068044</t>
  </si>
  <si>
    <t>cg22336401</t>
  </si>
  <si>
    <t>cg22419075</t>
  </si>
  <si>
    <t>cg22791453</t>
  </si>
  <si>
    <t>cg22906700</t>
  </si>
  <si>
    <t>cg22952469</t>
  </si>
  <si>
    <t>cg22952834</t>
  </si>
  <si>
    <t>cg23043438</t>
  </si>
  <si>
    <t>cg23074747</t>
  </si>
  <si>
    <t>cg23928763</t>
  </si>
  <si>
    <t>cg24088229</t>
  </si>
  <si>
    <t>cg25282780</t>
  </si>
  <si>
    <t>cg25287375</t>
  </si>
  <si>
    <t>cg25329269</t>
  </si>
  <si>
    <t>cg25418831</t>
  </si>
  <si>
    <t>cg25483003</t>
  </si>
  <si>
    <t>cg25499748</t>
  </si>
  <si>
    <t>cg25910443</t>
  </si>
  <si>
    <t>cg26233529</t>
  </si>
  <si>
    <t>cg26277709</t>
  </si>
  <si>
    <t>cg27279942</t>
  </si>
  <si>
    <t>cg27615378</t>
  </si>
  <si>
    <t>cg27627570</t>
  </si>
  <si>
    <t>cg00018024</t>
  </si>
  <si>
    <t>cg00039793</t>
  </si>
  <si>
    <t>cg00056066</t>
  </si>
  <si>
    <t>cg00059240</t>
  </si>
  <si>
    <t>cg00067824</t>
  </si>
  <si>
    <t>cg00070814</t>
  </si>
  <si>
    <t>cg00071751</t>
  </si>
  <si>
    <t>cg00073771</t>
  </si>
  <si>
    <t>cg00087005</t>
  </si>
  <si>
    <t>cg00090737</t>
  </si>
  <si>
    <t>cg00092611</t>
  </si>
  <si>
    <t>cg00095105</t>
  </si>
  <si>
    <t>cg00109451</t>
  </si>
  <si>
    <t>cg00124045</t>
  </si>
  <si>
    <t>cg00127505</t>
  </si>
  <si>
    <t>cg00128195</t>
  </si>
  <si>
    <t>cg00132616</t>
  </si>
  <si>
    <t>cg00134340</t>
  </si>
  <si>
    <t>cg00137828</t>
  </si>
  <si>
    <t>cg00138712</t>
  </si>
  <si>
    <t>cg00139244</t>
  </si>
  <si>
    <t>cg00142642</t>
  </si>
  <si>
    <t>cg00149473</t>
  </si>
  <si>
    <t>cg00152946</t>
  </si>
  <si>
    <t>cg00154333</t>
  </si>
  <si>
    <t>cg00158122</t>
  </si>
  <si>
    <t>cg00161878</t>
  </si>
  <si>
    <t>cg00167275</t>
  </si>
  <si>
    <t>cg00169917</t>
  </si>
  <si>
    <t>cg00171421</t>
  </si>
  <si>
    <t>cg00174230</t>
  </si>
  <si>
    <t>cg00183415</t>
  </si>
  <si>
    <t>cg00188298</t>
  </si>
  <si>
    <t>cg00192275</t>
  </si>
  <si>
    <t>cg00194465</t>
  </si>
  <si>
    <t>cg00195144</t>
  </si>
  <si>
    <t>cg00197495</t>
  </si>
  <si>
    <t>cg00201819</t>
  </si>
  <si>
    <t>cg00205263</t>
  </si>
  <si>
    <t>cg00215017</t>
  </si>
  <si>
    <t>cg00221745</t>
  </si>
  <si>
    <t>cg00228708</t>
  </si>
  <si>
    <t>cg00245789</t>
  </si>
  <si>
    <t>cg00248439</t>
  </si>
  <si>
    <t>cg00250500</t>
  </si>
  <si>
    <t>cg00260655</t>
  </si>
  <si>
    <t>cg00270594</t>
  </si>
  <si>
    <t>cg00277753</t>
  </si>
  <si>
    <t>cg00278692</t>
  </si>
  <si>
    <t>cg00280548</t>
  </si>
  <si>
    <t>cg00281977</t>
  </si>
  <si>
    <t>cg00290758</t>
  </si>
  <si>
    <t>cg00292664</t>
  </si>
  <si>
    <t>cg00294848</t>
  </si>
  <si>
    <t>cg00296279</t>
  </si>
  <si>
    <t>cg00299972</t>
  </si>
  <si>
    <t>cg00305878</t>
  </si>
  <si>
    <t>cg00319449</t>
  </si>
  <si>
    <t>cg00329154</t>
  </si>
  <si>
    <t>cg00332680</t>
  </si>
  <si>
    <t>cg00341843</t>
  </si>
  <si>
    <t>cg00341915</t>
  </si>
  <si>
    <t>cg00351681</t>
  </si>
  <si>
    <t>cg00353773</t>
  </si>
  <si>
    <t>cg00357546</t>
  </si>
  <si>
    <t>cg00366818</t>
  </si>
  <si>
    <t>cg00368059</t>
  </si>
  <si>
    <t>cg00369151</t>
  </si>
  <si>
    <t>cg00371482</t>
  </si>
  <si>
    <t>cg00372669</t>
  </si>
  <si>
    <t>cg00373371</t>
  </si>
  <si>
    <t>cg00375448</t>
  </si>
  <si>
    <t>cg00383384</t>
  </si>
  <si>
    <t>cg00387200</t>
  </si>
  <si>
    <t>cg00393546</t>
  </si>
  <si>
    <t>cg00406211</t>
  </si>
  <si>
    <t>cg00411945</t>
  </si>
  <si>
    <t>cg00434991</t>
  </si>
  <si>
    <t>cg00440043</t>
  </si>
  <si>
    <t>cg00441573</t>
  </si>
  <si>
    <t>cg00444019</t>
  </si>
  <si>
    <t>cg00455439</t>
  </si>
  <si>
    <t>cg00461005</t>
  </si>
  <si>
    <t>cg00470761</t>
  </si>
  <si>
    <t>cg00474465</t>
  </si>
  <si>
    <t>cg00481081</t>
  </si>
  <si>
    <t>cg00487187</t>
  </si>
  <si>
    <t>cg00488787</t>
  </si>
  <si>
    <t>cg00502035</t>
  </si>
  <si>
    <t>cg00502730</t>
  </si>
  <si>
    <t>cg00510604</t>
  </si>
  <si>
    <t>cg00520540</t>
  </si>
  <si>
    <t>cg00529585</t>
  </si>
  <si>
    <t>cg00532492</t>
  </si>
  <si>
    <t>cg00537477</t>
  </si>
  <si>
    <t>cg00540819</t>
  </si>
  <si>
    <t>cg00540891</t>
  </si>
  <si>
    <t>cg00551387</t>
  </si>
  <si>
    <t>cg00557947</t>
  </si>
  <si>
    <t>cg00560482</t>
  </si>
  <si>
    <t>cg00560722</t>
  </si>
  <si>
    <t>cg00561194</t>
  </si>
  <si>
    <t>cg00585474</t>
  </si>
  <si>
    <t>cg00590260</t>
  </si>
  <si>
    <t>cg00600786</t>
  </si>
  <si>
    <t>cg00607264</t>
  </si>
  <si>
    <t>cg00609367</t>
  </si>
  <si>
    <t>cg00626110</t>
  </si>
  <si>
    <t>cg00627798</t>
  </si>
  <si>
    <t>cg00630724</t>
  </si>
  <si>
    <t>cg00632125</t>
  </si>
  <si>
    <t>cg00632657</t>
  </si>
  <si>
    <t>cg00644351</t>
  </si>
  <si>
    <t>cg00645593</t>
  </si>
  <si>
    <t>cg00649199</t>
  </si>
  <si>
    <t>cg00650361</t>
  </si>
  <si>
    <t>cg00650795</t>
  </si>
  <si>
    <t>cg00673251</t>
  </si>
  <si>
    <t>cg00675569</t>
  </si>
  <si>
    <t>cg00677195</t>
  </si>
  <si>
    <t>cg00681566</t>
  </si>
  <si>
    <t>cg00683156</t>
  </si>
  <si>
    <t>cg00683655</t>
  </si>
  <si>
    <t>cg00699945</t>
  </si>
  <si>
    <t>cg00710456</t>
  </si>
  <si>
    <t>cg00712627</t>
  </si>
  <si>
    <t>cg00714725</t>
  </si>
  <si>
    <t>cg00733780</t>
  </si>
  <si>
    <t>cg00753287</t>
  </si>
  <si>
    <t>cg00755980</t>
  </si>
  <si>
    <t>cg00765254</t>
  </si>
  <si>
    <t>cg00773413</t>
  </si>
  <si>
    <t>cg00788183</t>
  </si>
  <si>
    <t>cg00798850</t>
  </si>
  <si>
    <t>cg00803088</t>
  </si>
  <si>
    <t>cg00805619</t>
  </si>
  <si>
    <t>cg00821098</t>
  </si>
  <si>
    <t>cg00822255</t>
  </si>
  <si>
    <t>cg00824018</t>
  </si>
  <si>
    <t>cg00831222</t>
  </si>
  <si>
    <t>cg00835389</t>
  </si>
  <si>
    <t>cg00835526</t>
  </si>
  <si>
    <t>cg00839129</t>
  </si>
  <si>
    <t>cg00844246</t>
  </si>
  <si>
    <t>cg00872628</t>
  </si>
  <si>
    <t>cg00877401</t>
  </si>
  <si>
    <t>cg00879184</t>
  </si>
  <si>
    <t>cg00890632</t>
  </si>
  <si>
    <t>cg00894378</t>
  </si>
  <si>
    <t>cg00897627</t>
  </si>
  <si>
    <t>cg00902516</t>
  </si>
  <si>
    <t>cg00913799</t>
  </si>
  <si>
    <t>cg00924144</t>
  </si>
  <si>
    <t>cg00929798</t>
  </si>
  <si>
    <t>cg00929860</t>
  </si>
  <si>
    <t>cg00929870</t>
  </si>
  <si>
    <t>cg00941050</t>
  </si>
  <si>
    <t>cg00950971</t>
  </si>
  <si>
    <t>cg00954391</t>
  </si>
  <si>
    <t>cg00956199</t>
  </si>
  <si>
    <t>cg00971834</t>
  </si>
  <si>
    <t>cg00972313</t>
  </si>
  <si>
    <t>cg00978912</t>
  </si>
  <si>
    <t>cg00979582</t>
  </si>
  <si>
    <t>cg00990884</t>
  </si>
  <si>
    <t>cg00991297</t>
  </si>
  <si>
    <t>cg00995253</t>
  </si>
  <si>
    <t>cg00995584</t>
  </si>
  <si>
    <t>cg00997990</t>
  </si>
  <si>
    <t>cg01002891</t>
  </si>
  <si>
    <t>cg01009145</t>
  </si>
  <si>
    <t>cg01016800</t>
  </si>
  <si>
    <t>cg01035689</t>
  </si>
  <si>
    <t>cg01042749</t>
  </si>
  <si>
    <t>cg01048972</t>
  </si>
  <si>
    <t>cg01049205</t>
  </si>
  <si>
    <t>cg01055748</t>
  </si>
  <si>
    <t>cg01060861</t>
  </si>
  <si>
    <t>cg01069845</t>
  </si>
  <si>
    <t>cg01079118</t>
  </si>
  <si>
    <t>cg01082242</t>
  </si>
  <si>
    <t>cg01087392</t>
  </si>
  <si>
    <t>cg01088239</t>
  </si>
  <si>
    <t>cg01089095</t>
  </si>
  <si>
    <t>cg01099580</t>
  </si>
  <si>
    <t>cg01109508</t>
  </si>
  <si>
    <t>cg01112249</t>
  </si>
  <si>
    <t>cg01125366</t>
  </si>
  <si>
    <t>cg01128566</t>
  </si>
  <si>
    <t>cg01128800</t>
  </si>
  <si>
    <t>cg01130364</t>
  </si>
  <si>
    <t>cg01136750</t>
  </si>
  <si>
    <t>cg01141269</t>
  </si>
  <si>
    <t>cg01144764</t>
  </si>
  <si>
    <t>cg01154046</t>
  </si>
  <si>
    <t>cg01160085</t>
  </si>
  <si>
    <t>cg01166071</t>
  </si>
  <si>
    <t>cg01166685</t>
  </si>
  <si>
    <t>cg01169559</t>
  </si>
  <si>
    <t>cg01172114</t>
  </si>
  <si>
    <t>cg01175020</t>
  </si>
  <si>
    <t>cg01176720</t>
  </si>
  <si>
    <t>cg01177642</t>
  </si>
  <si>
    <t>cg01179268</t>
  </si>
  <si>
    <t>cg01197091</t>
  </si>
  <si>
    <t>cg01222324</t>
  </si>
  <si>
    <t>cg01222988</t>
  </si>
  <si>
    <t>cg01224891</t>
  </si>
  <si>
    <t>cg01227006</t>
  </si>
  <si>
    <t>cg01227827</t>
  </si>
  <si>
    <t>cg01237870</t>
  </si>
  <si>
    <t>cg01240734</t>
  </si>
  <si>
    <t>cg01244571</t>
  </si>
  <si>
    <t>cg01244953</t>
  </si>
  <si>
    <t>cg01258050</t>
  </si>
  <si>
    <t>cg01295399</t>
  </si>
  <si>
    <t>cg01297808</t>
  </si>
  <si>
    <t>cg01300410</t>
  </si>
  <si>
    <t>cg01301803</t>
  </si>
  <si>
    <t>cg01303723</t>
  </si>
  <si>
    <t>cg01305328</t>
  </si>
  <si>
    <t>cg01307130</t>
  </si>
  <si>
    <t>cg01324724</t>
  </si>
  <si>
    <t>cg01330050</t>
  </si>
  <si>
    <t>cg01330312</t>
  </si>
  <si>
    <t>cg01333603</t>
  </si>
  <si>
    <t>cg01335210</t>
  </si>
  <si>
    <t>cg01361261</t>
  </si>
  <si>
    <t>cg01363383</t>
  </si>
  <si>
    <t>cg01364137</t>
  </si>
  <si>
    <t>cg01368488</t>
  </si>
  <si>
    <t>cg01373721</t>
  </si>
  <si>
    <t>cg01385850</t>
  </si>
  <si>
    <t>cg01387945</t>
  </si>
  <si>
    <t>cg01391063</t>
  </si>
  <si>
    <t>cg01391662</t>
  </si>
  <si>
    <t>cg01392544</t>
  </si>
  <si>
    <t>cg01403379</t>
  </si>
  <si>
    <t>cg01424147</t>
  </si>
  <si>
    <t>cg01431972</t>
  </si>
  <si>
    <t>cg01435344</t>
  </si>
  <si>
    <t>cg01464515</t>
  </si>
  <si>
    <t>cg01494033</t>
  </si>
  <si>
    <t>cg01498231</t>
  </si>
  <si>
    <t>cg01527459</t>
  </si>
  <si>
    <t>cg01859118</t>
  </si>
  <si>
    <t>cg01962937</t>
  </si>
  <si>
    <t>cg01994328</t>
  </si>
  <si>
    <t>cg02009103</t>
  </si>
  <si>
    <t>cg02016328</t>
  </si>
  <si>
    <t>cg02021694</t>
  </si>
  <si>
    <t>cg02035824</t>
  </si>
  <si>
    <t>cg02038273</t>
  </si>
  <si>
    <t>cg02039267</t>
  </si>
  <si>
    <t>cg02058552</t>
  </si>
  <si>
    <t>cg02065141</t>
  </si>
  <si>
    <t>cg02078870</t>
  </si>
  <si>
    <t>cg02079377</t>
  </si>
  <si>
    <t>cg02086858</t>
  </si>
  <si>
    <t>cg02088470</t>
  </si>
  <si>
    <t>cg02089629</t>
  </si>
  <si>
    <t>cg02092590</t>
  </si>
  <si>
    <t>cg02092880</t>
  </si>
  <si>
    <t>cg02094388</t>
  </si>
  <si>
    <t>cg02097843</t>
  </si>
  <si>
    <t>cg02100674</t>
  </si>
  <si>
    <t>cg02102829</t>
  </si>
  <si>
    <t>cg02105002</t>
  </si>
  <si>
    <t>cg02112154</t>
  </si>
  <si>
    <t>cg02119927</t>
  </si>
  <si>
    <t>cg02123936</t>
  </si>
  <si>
    <t>cg02132460</t>
  </si>
  <si>
    <t>cg02133183</t>
  </si>
  <si>
    <t>cg02139338</t>
  </si>
  <si>
    <t>cg02150654</t>
  </si>
  <si>
    <t>cg02156071</t>
  </si>
  <si>
    <t>cg02156314</t>
  </si>
  <si>
    <t>cg02162534</t>
  </si>
  <si>
    <t>cg02162544</t>
  </si>
  <si>
    <t>cg02163937</t>
  </si>
  <si>
    <t>cg02169113</t>
  </si>
  <si>
    <t>cg02173030</t>
  </si>
  <si>
    <t>cg02174092</t>
  </si>
  <si>
    <t>cg02176961</t>
  </si>
  <si>
    <t>cg02180545</t>
  </si>
  <si>
    <t>cg02180915</t>
  </si>
  <si>
    <t>cg02180979</t>
  </si>
  <si>
    <t>cg02190253</t>
  </si>
  <si>
    <t>cg02204096</t>
  </si>
  <si>
    <t>cg02219962</t>
  </si>
  <si>
    <t>cg02222290</t>
  </si>
  <si>
    <t>cg02243437</t>
  </si>
  <si>
    <t>cg02247463</t>
  </si>
  <si>
    <t>cg02250553</t>
  </si>
  <si>
    <t>cg02251172</t>
  </si>
  <si>
    <t>cg02257750</t>
  </si>
  <si>
    <t>cg02261018</t>
  </si>
  <si>
    <t>cg02270183</t>
  </si>
  <si>
    <t>cg02274361</t>
  </si>
  <si>
    <t>cg02276826</t>
  </si>
  <si>
    <t>cg02283485</t>
  </si>
  <si>
    <t>cg02286717</t>
  </si>
  <si>
    <t>cg02291472</t>
  </si>
  <si>
    <t>cg02292671</t>
  </si>
  <si>
    <t>cg02302582</t>
  </si>
  <si>
    <t>cg02303677</t>
  </si>
  <si>
    <t>cg02306630</t>
  </si>
  <si>
    <t>cg02317400</t>
  </si>
  <si>
    <t>cg02325540</t>
  </si>
  <si>
    <t>cg02326534</t>
  </si>
  <si>
    <t>cg02345060</t>
  </si>
  <si>
    <t>cg02353418</t>
  </si>
  <si>
    <t>cg02360101</t>
  </si>
  <si>
    <t>cg02367696</t>
  </si>
  <si>
    <t>cg02370232</t>
  </si>
  <si>
    <t>cg02372082</t>
  </si>
  <si>
    <t>cg02378006</t>
  </si>
  <si>
    <t>cg02393606</t>
  </si>
  <si>
    <t>cg02399189</t>
  </si>
  <si>
    <t>cg02420010</t>
  </si>
  <si>
    <t>cg02430797</t>
  </si>
  <si>
    <t>cg02430935</t>
  </si>
  <si>
    <t>cg02441296</t>
  </si>
  <si>
    <t>cg02441467</t>
  </si>
  <si>
    <t>cg02443967</t>
  </si>
  <si>
    <t>cg02445968</t>
  </si>
  <si>
    <t>cg02447627</t>
  </si>
  <si>
    <t>cg02451730</t>
  </si>
  <si>
    <t>cg02456226</t>
  </si>
  <si>
    <t>cg02458292</t>
  </si>
  <si>
    <t>cg02464979</t>
  </si>
  <si>
    <t>cg02464984</t>
  </si>
  <si>
    <t>cg02466926</t>
  </si>
  <si>
    <t>cg02475834</t>
  </si>
  <si>
    <t>cg02483529</t>
  </si>
  <si>
    <t>cg02503501</t>
  </si>
  <si>
    <t>cg02505293</t>
  </si>
  <si>
    <t>cg02510736</t>
  </si>
  <si>
    <t>cg02522760</t>
  </si>
  <si>
    <t>cg02523640</t>
  </si>
  <si>
    <t>cg02524277</t>
  </si>
  <si>
    <t>cg02528908</t>
  </si>
  <si>
    <t>cg02533235</t>
  </si>
  <si>
    <t>cg02551910</t>
  </si>
  <si>
    <t>cg02567119</t>
  </si>
  <si>
    <t>cg02577487</t>
  </si>
  <si>
    <t>cg02584459</t>
  </si>
  <si>
    <t>cg02590038</t>
  </si>
  <si>
    <t>cg02595832</t>
  </si>
  <si>
    <t>cg02613370</t>
  </si>
  <si>
    <t>cg02613380</t>
  </si>
  <si>
    <t>cg02613435</t>
  </si>
  <si>
    <t>cg02616947</t>
  </si>
  <si>
    <t>cg02620054</t>
  </si>
  <si>
    <t>cg02638348</t>
  </si>
  <si>
    <t>cg02643589</t>
  </si>
  <si>
    <t>cg02644610</t>
  </si>
  <si>
    <t>cg02645852</t>
  </si>
  <si>
    <t>cg02649698</t>
  </si>
  <si>
    <t>cg02660350</t>
  </si>
  <si>
    <t>cg02661437</t>
  </si>
  <si>
    <t>cg02661802</t>
  </si>
  <si>
    <t>cg02662277</t>
  </si>
  <si>
    <t>cg02664664</t>
  </si>
  <si>
    <t>cg02669349</t>
  </si>
  <si>
    <t>cg02671751</t>
  </si>
  <si>
    <t>cg02693002</t>
  </si>
  <si>
    <t>cg02698872</t>
  </si>
  <si>
    <t>cg02707638</t>
  </si>
  <si>
    <t>cg02720207</t>
  </si>
  <si>
    <t>cg02721665</t>
  </si>
  <si>
    <t>cg02722214</t>
  </si>
  <si>
    <t>cg02738256</t>
  </si>
  <si>
    <t>cg02741216</t>
  </si>
  <si>
    <t>cg02744793</t>
  </si>
  <si>
    <t>cg02746771</t>
  </si>
  <si>
    <t>cg02746869</t>
  </si>
  <si>
    <t>cg02754225</t>
  </si>
  <si>
    <t>cg02767177</t>
  </si>
  <si>
    <t>cg02767771</t>
  </si>
  <si>
    <t>cg02769794</t>
  </si>
  <si>
    <t>cg02770534</t>
  </si>
  <si>
    <t>cg02773337</t>
  </si>
  <si>
    <t>cg02775382</t>
  </si>
  <si>
    <t>cg02792168</t>
  </si>
  <si>
    <t>cg02798576</t>
  </si>
  <si>
    <t>cg02800607</t>
  </si>
  <si>
    <t>cg02802904</t>
  </si>
  <si>
    <t>cg02804289</t>
  </si>
  <si>
    <t>cg02809409</t>
  </si>
  <si>
    <t>cg02818775</t>
  </si>
  <si>
    <t>cg02825977</t>
  </si>
  <si>
    <t>cg02828768</t>
  </si>
  <si>
    <t>cg02838143</t>
  </si>
  <si>
    <t>cg02847389</t>
  </si>
  <si>
    <t>cg02848777</t>
  </si>
  <si>
    <t>cg02853731</t>
  </si>
  <si>
    <t>cg02866076</t>
  </si>
  <si>
    <t>cg02866454</t>
  </si>
  <si>
    <t>cg02870950</t>
  </si>
  <si>
    <t>cg02873315</t>
  </si>
  <si>
    <t>cg02879656</t>
  </si>
  <si>
    <t>cg02886408</t>
  </si>
  <si>
    <t>cg02897527</t>
  </si>
  <si>
    <t>cg02899206</t>
  </si>
  <si>
    <t>cg02903852</t>
  </si>
  <si>
    <t>cg02904062</t>
  </si>
  <si>
    <t>cg02914827</t>
  </si>
  <si>
    <t>cg02921623</t>
  </si>
  <si>
    <t>cg02921697</t>
  </si>
  <si>
    <t>cg02922908</t>
  </si>
  <si>
    <t>cg02932840</t>
  </si>
  <si>
    <t>cg02938690</t>
  </si>
  <si>
    <t>cg02939598</t>
  </si>
  <si>
    <t>cg02943604</t>
  </si>
  <si>
    <t>cg02948855</t>
  </si>
  <si>
    <t>cg02951695</t>
  </si>
  <si>
    <t>cg02952711</t>
  </si>
  <si>
    <t>cg02961004</t>
  </si>
  <si>
    <t>cg02971322</t>
  </si>
  <si>
    <t>cg02976719</t>
  </si>
  <si>
    <t>cg02981731</t>
  </si>
  <si>
    <t>cg02989230</t>
  </si>
  <si>
    <t>cg02997409</t>
  </si>
  <si>
    <t>cg03002848</t>
  </si>
  <si>
    <t>cg03020810</t>
  </si>
  <si>
    <t>cg03028685</t>
  </si>
  <si>
    <t>cg03030984</t>
  </si>
  <si>
    <t>cg03031609</t>
  </si>
  <si>
    <t>cg03036592</t>
  </si>
  <si>
    <t>cg03046325</t>
  </si>
  <si>
    <t>cg03048654</t>
  </si>
  <si>
    <t>cg03062944</t>
  </si>
  <si>
    <t>cg03070297</t>
  </si>
  <si>
    <t>cg03076324</t>
  </si>
  <si>
    <t>cg03079937</t>
  </si>
  <si>
    <t>cg03087610</t>
  </si>
  <si>
    <t>cg03092918</t>
  </si>
  <si>
    <t>cg03094377</t>
  </si>
  <si>
    <t>cg03098012</t>
  </si>
  <si>
    <t>cg03109827</t>
  </si>
  <si>
    <t>cg03120475</t>
  </si>
  <si>
    <t>cg03157149</t>
  </si>
  <si>
    <t>cg03158499</t>
  </si>
  <si>
    <t>cg03168249</t>
  </si>
  <si>
    <t>cg03171770</t>
  </si>
  <si>
    <t>cg03180457</t>
  </si>
  <si>
    <t>cg03186972</t>
  </si>
  <si>
    <t>cg03207574</t>
  </si>
  <si>
    <t>cg03211233</t>
  </si>
  <si>
    <t>cg03217173</t>
  </si>
  <si>
    <t>cg03237606</t>
  </si>
  <si>
    <t>cg03242698</t>
  </si>
  <si>
    <t>cg03242819</t>
  </si>
  <si>
    <t>cg03243023</t>
  </si>
  <si>
    <t>cg03244690</t>
  </si>
  <si>
    <t>cg03269218</t>
  </si>
  <si>
    <t>cg03271650</t>
  </si>
  <si>
    <t>cg03277925</t>
  </si>
  <si>
    <t>cg03284310</t>
  </si>
  <si>
    <t>cg03285457</t>
  </si>
  <si>
    <t>cg03289548</t>
  </si>
  <si>
    <t>cg03294704</t>
  </si>
  <si>
    <t>cg03312251</t>
  </si>
  <si>
    <t>cg03316881</t>
  </si>
  <si>
    <t>cg03324884</t>
  </si>
  <si>
    <t>cg03330490</t>
  </si>
  <si>
    <t>cg03333052</t>
  </si>
  <si>
    <t>cg03337393</t>
  </si>
  <si>
    <t>cg03337507</t>
  </si>
  <si>
    <t>cg03339065</t>
  </si>
  <si>
    <t>cg03349922</t>
  </si>
  <si>
    <t>cg03351491</t>
  </si>
  <si>
    <t>cg03354113</t>
  </si>
  <si>
    <t>cg03354992</t>
  </si>
  <si>
    <t>cg03373185</t>
  </si>
  <si>
    <t>cg03398910</t>
  </si>
  <si>
    <t>cg03401477</t>
  </si>
  <si>
    <t>cg03410436</t>
  </si>
  <si>
    <t>cg03425110</t>
  </si>
  <si>
    <t>cg03440556</t>
  </si>
  <si>
    <t>cg03444077</t>
  </si>
  <si>
    <t>cg03454028</t>
  </si>
  <si>
    <t>cg03455408</t>
  </si>
  <si>
    <t>cg03462376</t>
  </si>
  <si>
    <t>cg03466525</t>
  </si>
  <si>
    <t>cg03468945</t>
  </si>
  <si>
    <t>cg03476087</t>
  </si>
  <si>
    <t>cg03479211</t>
  </si>
  <si>
    <t>cg03480666</t>
  </si>
  <si>
    <t>cg03487027</t>
  </si>
  <si>
    <t>cg03493513</t>
  </si>
  <si>
    <t>cg03501777</t>
  </si>
  <si>
    <t>cg03511638</t>
  </si>
  <si>
    <t>cg03516452</t>
  </si>
  <si>
    <t>cg03520966</t>
  </si>
  <si>
    <t>cg03539382</t>
  </si>
  <si>
    <t>cg03552472</t>
  </si>
  <si>
    <t>cg03553964</t>
  </si>
  <si>
    <t>cg03570498</t>
  </si>
  <si>
    <t>cg03574723</t>
  </si>
  <si>
    <t>cg03576467</t>
  </si>
  <si>
    <t>cg03577970</t>
  </si>
  <si>
    <t>cg03586905</t>
  </si>
  <si>
    <t>cg03588299</t>
  </si>
  <si>
    <t>cg03588460</t>
  </si>
  <si>
    <t>cg03599078</t>
  </si>
  <si>
    <t>cg03610228</t>
  </si>
  <si>
    <t>cg03611007</t>
  </si>
  <si>
    <t>cg03611732</t>
  </si>
  <si>
    <t>cg03616995</t>
  </si>
  <si>
    <t>cg03617467</t>
  </si>
  <si>
    <t>cg03618257</t>
  </si>
  <si>
    <t>cg03625662</t>
  </si>
  <si>
    <t>cg03634708</t>
  </si>
  <si>
    <t>cg03647436</t>
  </si>
  <si>
    <t>cg03650342</t>
  </si>
  <si>
    <t>cg03650474</t>
  </si>
  <si>
    <t>cg03653518</t>
  </si>
  <si>
    <t>cg03657837</t>
  </si>
  <si>
    <t>cg03658982</t>
  </si>
  <si>
    <t>cg03661616</t>
  </si>
  <si>
    <t>cg03665457</t>
  </si>
  <si>
    <t>cg03677069</t>
  </si>
  <si>
    <t>cg03679755</t>
  </si>
  <si>
    <t>cg03682117</t>
  </si>
  <si>
    <t>cg03683171</t>
  </si>
  <si>
    <t>cg03691156</t>
  </si>
  <si>
    <t>cg03700461</t>
  </si>
  <si>
    <t>cg03701779</t>
  </si>
  <si>
    <t>cg03711485</t>
  </si>
  <si>
    <t>cg03734035</t>
  </si>
  <si>
    <t>cg03734133</t>
  </si>
  <si>
    <t>cg03734323</t>
  </si>
  <si>
    <t>cg03746482</t>
  </si>
  <si>
    <t>cg03759613</t>
  </si>
  <si>
    <t>cg03760191</t>
  </si>
  <si>
    <t>cg03768916</t>
  </si>
  <si>
    <t>cg03773192</t>
  </si>
  <si>
    <t>cg03786388</t>
  </si>
  <si>
    <t>cg03788230</t>
  </si>
  <si>
    <t>cg03790325</t>
  </si>
  <si>
    <t>cg03795316</t>
  </si>
  <si>
    <t>cg03800065</t>
  </si>
  <si>
    <t>cg03801043</t>
  </si>
  <si>
    <t>cg03801898</t>
  </si>
  <si>
    <t>cg03813164</t>
  </si>
  <si>
    <t>cg03820205</t>
  </si>
  <si>
    <t>cg03823722</t>
  </si>
  <si>
    <t>cg03844838</t>
  </si>
  <si>
    <t>cg03860038</t>
  </si>
  <si>
    <t>cg03867445</t>
  </si>
  <si>
    <t>cg03875091</t>
  </si>
  <si>
    <t>cg03876032</t>
  </si>
  <si>
    <t>cg03897252</t>
  </si>
  <si>
    <t>cg03897456</t>
  </si>
  <si>
    <t>cg03905847</t>
  </si>
  <si>
    <t>cg03908015</t>
  </si>
  <si>
    <t>cg03912661</t>
  </si>
  <si>
    <t>cg03917492</t>
  </si>
  <si>
    <t>cg03929077</t>
  </si>
  <si>
    <t>cg03929743</t>
  </si>
  <si>
    <t>cg03941040</t>
  </si>
  <si>
    <t>cg03943218</t>
  </si>
  <si>
    <t>cg03950121</t>
  </si>
  <si>
    <t>cg03958163</t>
  </si>
  <si>
    <t>cg03963250</t>
  </si>
  <si>
    <t>cg03969079</t>
  </si>
  <si>
    <t>cg03976379</t>
  </si>
  <si>
    <t>cg03983808</t>
  </si>
  <si>
    <t>cg03983811</t>
  </si>
  <si>
    <t>cg03993163</t>
  </si>
  <si>
    <t>cg03999743</t>
  </si>
  <si>
    <t>cg04007726</t>
  </si>
  <si>
    <t>cg04021884</t>
  </si>
  <si>
    <t>cg04036272</t>
  </si>
  <si>
    <t>cg04044188</t>
  </si>
  <si>
    <t>cg04048893</t>
  </si>
  <si>
    <t>cg04063945</t>
  </si>
  <si>
    <t>cg04064828</t>
  </si>
  <si>
    <t>cg04068910</t>
  </si>
  <si>
    <t>cg04080353</t>
  </si>
  <si>
    <t>cg04082461</t>
  </si>
  <si>
    <t>cg04083751</t>
  </si>
  <si>
    <t>cg04086189</t>
  </si>
  <si>
    <t>cg04095790</t>
  </si>
  <si>
    <t>cg04105282</t>
  </si>
  <si>
    <t>cg04119701</t>
  </si>
  <si>
    <t>cg04119774</t>
  </si>
  <si>
    <t>cg04120329</t>
  </si>
  <si>
    <t>cg04123433</t>
  </si>
  <si>
    <t>cg04123496</t>
  </si>
  <si>
    <t>cg04130185</t>
  </si>
  <si>
    <t>cg04132998</t>
  </si>
  <si>
    <t>cg04140045</t>
  </si>
  <si>
    <t>cg04146553</t>
  </si>
  <si>
    <t>cg04153571</t>
  </si>
  <si>
    <t>cg04156606</t>
  </si>
  <si>
    <t>cg04160753</t>
  </si>
  <si>
    <t>cg04165840</t>
  </si>
  <si>
    <t>cg04167018</t>
  </si>
  <si>
    <t>cg04179819</t>
  </si>
  <si>
    <t>cg04180868</t>
  </si>
  <si>
    <t>cg04188920</t>
  </si>
  <si>
    <t>cg04190875</t>
  </si>
  <si>
    <t>cg04194494</t>
  </si>
  <si>
    <t>cg04218099</t>
  </si>
  <si>
    <t>cg04235519</t>
  </si>
  <si>
    <t>cg04246880</t>
  </si>
  <si>
    <t>cg04251571</t>
  </si>
  <si>
    <t>cg04257169</t>
  </si>
  <si>
    <t>cg04270401</t>
  </si>
  <si>
    <t>cg04284320</t>
  </si>
  <si>
    <t>cg04285493</t>
  </si>
  <si>
    <t>cg04293876</t>
  </si>
  <si>
    <t>cg04306172</t>
  </si>
  <si>
    <t>cg04315947</t>
  </si>
  <si>
    <t>cg04318476</t>
  </si>
  <si>
    <t>cg04318534</t>
  </si>
  <si>
    <t>cg04322572</t>
  </si>
  <si>
    <t>cg04330884</t>
  </si>
  <si>
    <t>cg04339613</t>
  </si>
  <si>
    <t>cg04344021</t>
  </si>
  <si>
    <t>cg04349243</t>
  </si>
  <si>
    <t>cg04351665</t>
  </si>
  <si>
    <t>cg04352304</t>
  </si>
  <si>
    <t>cg04359129</t>
  </si>
  <si>
    <t>cg04359418</t>
  </si>
  <si>
    <t>cg04364339</t>
  </si>
  <si>
    <t>cg04368939</t>
  </si>
  <si>
    <t>cg04381006</t>
  </si>
  <si>
    <t>cg04387820</t>
  </si>
  <si>
    <t>cg04388244</t>
  </si>
  <si>
    <t>cg04392284</t>
  </si>
  <si>
    <t>cg04395798</t>
  </si>
  <si>
    <t>cg04396312</t>
  </si>
  <si>
    <t>cg04396765</t>
  </si>
  <si>
    <t>cg04402744</t>
  </si>
  <si>
    <t>cg04428185</t>
  </si>
  <si>
    <t>cg04428701</t>
  </si>
  <si>
    <t>cg04430381</t>
  </si>
  <si>
    <t>cg04446777</t>
  </si>
  <si>
    <t>cg04451433</t>
  </si>
  <si>
    <t>cg04451988</t>
  </si>
  <si>
    <t>cg04474988</t>
  </si>
  <si>
    <t>cg04492858</t>
  </si>
  <si>
    <t>cg04499152</t>
  </si>
  <si>
    <t>cg04527260</t>
  </si>
  <si>
    <t>cg04532613</t>
  </si>
  <si>
    <t>cg04534276</t>
  </si>
  <si>
    <t>cg04534504</t>
  </si>
  <si>
    <t>cg04539072</t>
  </si>
  <si>
    <t>cg04551154</t>
  </si>
  <si>
    <t>cg04553632</t>
  </si>
  <si>
    <t>cg04555116</t>
  </si>
  <si>
    <t>cg04564980</t>
  </si>
  <si>
    <t>cg04586563</t>
  </si>
  <si>
    <t>cg04592505</t>
  </si>
  <si>
    <t>cg04600170</t>
  </si>
  <si>
    <t>cg04604884</t>
  </si>
  <si>
    <t>cg04616222</t>
  </si>
  <si>
    <t>cg04622176</t>
  </si>
  <si>
    <t>cg04625975</t>
  </si>
  <si>
    <t>cg04629194</t>
  </si>
  <si>
    <t>cg04634493</t>
  </si>
  <si>
    <t>cg04635277</t>
  </si>
  <si>
    <t>cg04645545</t>
  </si>
  <si>
    <t>cg04648048</t>
  </si>
  <si>
    <t>cg04652645</t>
  </si>
  <si>
    <t>cg04657605</t>
  </si>
  <si>
    <t>cg04657768</t>
  </si>
  <si>
    <t>cg04667277</t>
  </si>
  <si>
    <t>cg04669815</t>
  </si>
  <si>
    <t>cg04680743</t>
  </si>
  <si>
    <t>cg04681394</t>
  </si>
  <si>
    <t>cg04683551</t>
  </si>
  <si>
    <t>cg04689409</t>
  </si>
  <si>
    <t>cg04691018</t>
  </si>
  <si>
    <t>cg04707519</t>
  </si>
  <si>
    <t>cg04709120</t>
  </si>
  <si>
    <t>cg04711998</t>
  </si>
  <si>
    <t>cg04716021</t>
  </si>
  <si>
    <t>cg04716580</t>
  </si>
  <si>
    <t>cg04721302</t>
  </si>
  <si>
    <t>cg04724275</t>
  </si>
  <si>
    <t>cg04724406</t>
  </si>
  <si>
    <t>cg04729913</t>
  </si>
  <si>
    <t>cg04733624</t>
  </si>
  <si>
    <t>cg04734286</t>
  </si>
  <si>
    <t>cg04736112</t>
  </si>
  <si>
    <t>cg04744514</t>
  </si>
  <si>
    <t>cg04745698</t>
  </si>
  <si>
    <t>cg04749667</t>
  </si>
  <si>
    <t>cg04760117</t>
  </si>
  <si>
    <t>cg04762698</t>
  </si>
  <si>
    <t>cg04774559</t>
  </si>
  <si>
    <t>cg04781820</t>
  </si>
  <si>
    <t>cg04799588</t>
  </si>
  <si>
    <t>cg04804618</t>
  </si>
  <si>
    <t>cg04813697</t>
  </si>
  <si>
    <t>cg04826176</t>
  </si>
  <si>
    <t>cg04832177</t>
  </si>
  <si>
    <t>cg04850366</t>
  </si>
  <si>
    <t>cg04861460</t>
  </si>
  <si>
    <t>cg04864592</t>
  </si>
  <si>
    <t>cg04865466</t>
  </si>
  <si>
    <t>cg04870639</t>
  </si>
  <si>
    <t>cg04880412</t>
  </si>
  <si>
    <t>cg04884011</t>
  </si>
  <si>
    <t>cg04884318</t>
  </si>
  <si>
    <t>cg04892170</t>
  </si>
  <si>
    <t>cg04895321</t>
  </si>
  <si>
    <t>cg04902826</t>
  </si>
  <si>
    <t>cg04923011</t>
  </si>
  <si>
    <t>cg04923496</t>
  </si>
  <si>
    <t>cg04933640</t>
  </si>
  <si>
    <t>cg04936238</t>
  </si>
  <si>
    <t>cg04941831</t>
  </si>
  <si>
    <t>cg04948911</t>
  </si>
  <si>
    <t>cg04959674</t>
  </si>
  <si>
    <t>cg04964416</t>
  </si>
  <si>
    <t>cg04965549</t>
  </si>
  <si>
    <t>cg04967200</t>
  </si>
  <si>
    <t>cg04972745</t>
  </si>
  <si>
    <t>cg04983142</t>
  </si>
  <si>
    <t>cg04990571</t>
  </si>
  <si>
    <t>cg05004228</t>
  </si>
  <si>
    <t>cg05010219</t>
  </si>
  <si>
    <t>cg05018361</t>
  </si>
  <si>
    <t>cg05030735</t>
  </si>
  <si>
    <t>cg05047465</t>
  </si>
  <si>
    <t>cg05053751</t>
  </si>
  <si>
    <t>cg05063087</t>
  </si>
  <si>
    <t>cg05068430</t>
  </si>
  <si>
    <t>cg05071623</t>
  </si>
  <si>
    <t>cg05075692</t>
  </si>
  <si>
    <t>cg05081714</t>
  </si>
  <si>
    <t>cg05085132</t>
  </si>
  <si>
    <t>cg05088677</t>
  </si>
  <si>
    <t>cg05091115</t>
  </si>
  <si>
    <t>cg05098512</t>
  </si>
  <si>
    <t>cg05098590</t>
  </si>
  <si>
    <t>cg05099508</t>
  </si>
  <si>
    <t>cg05103125</t>
  </si>
  <si>
    <t>cg05115182</t>
  </si>
  <si>
    <t>cg05116255</t>
  </si>
  <si>
    <t>cg05122441</t>
  </si>
  <si>
    <t>cg05134775</t>
  </si>
  <si>
    <t>cg05167392</t>
  </si>
  <si>
    <t>cg05183229</t>
  </si>
  <si>
    <t>cg05184377</t>
  </si>
  <si>
    <t>cg05186311</t>
  </si>
  <si>
    <t>cg05186320</t>
  </si>
  <si>
    <t>cg05193369</t>
  </si>
  <si>
    <t>cg05195067</t>
  </si>
  <si>
    <t>cg05204315</t>
  </si>
  <si>
    <t>cg05227655</t>
  </si>
  <si>
    <t>cg05228244</t>
  </si>
  <si>
    <t>cg05229649</t>
  </si>
  <si>
    <t>cg05235143</t>
  </si>
  <si>
    <t>cg05236348</t>
  </si>
  <si>
    <t>cg05237641</t>
  </si>
  <si>
    <t>cg05244720</t>
  </si>
  <si>
    <t>cg05248067</t>
  </si>
  <si>
    <t>cg05248655</t>
  </si>
  <si>
    <t>cg05264189</t>
  </si>
  <si>
    <t>cg05265884</t>
  </si>
  <si>
    <t>cg05270617</t>
  </si>
  <si>
    <t>cg05276408</t>
  </si>
  <si>
    <t>cg05287529</t>
  </si>
  <si>
    <t>cg05291069</t>
  </si>
  <si>
    <t>cg05292404</t>
  </si>
  <si>
    <t>cg05294276</t>
  </si>
  <si>
    <t>cg05295236</t>
  </si>
  <si>
    <t>cg05296940</t>
  </si>
  <si>
    <t>cg05301181</t>
  </si>
  <si>
    <t>cg05303236</t>
  </si>
  <si>
    <t>cg05313070</t>
  </si>
  <si>
    <t>cg05316415</t>
  </si>
  <si>
    <t>cg05319515</t>
  </si>
  <si>
    <t>cg05336550</t>
  </si>
  <si>
    <t>cg05339066</t>
  </si>
  <si>
    <t>cg05351078</t>
  </si>
  <si>
    <t>cg05356308</t>
  </si>
  <si>
    <t>cg05356738</t>
  </si>
  <si>
    <t>cg05357674</t>
  </si>
  <si>
    <t>cg05358397</t>
  </si>
  <si>
    <t>cg05367248</t>
  </si>
  <si>
    <t>cg05369965</t>
  </si>
  <si>
    <t>cg05372730</t>
  </si>
  <si>
    <t>cg05381746</t>
  </si>
  <si>
    <t>cg05385047</t>
  </si>
  <si>
    <t>cg05387399</t>
  </si>
  <si>
    <t>cg05387457</t>
  </si>
  <si>
    <t>cg05388821</t>
  </si>
  <si>
    <t>cg05394294</t>
  </si>
  <si>
    <t>cg05394783</t>
  </si>
  <si>
    <t>cg05412141</t>
  </si>
  <si>
    <t>cg05420251</t>
  </si>
  <si>
    <t>cg05425936</t>
  </si>
  <si>
    <t>cg05428299</t>
  </si>
  <si>
    <t>cg05435315</t>
  </si>
  <si>
    <t>cg05441107</t>
  </si>
  <si>
    <t>cg05445006</t>
  </si>
  <si>
    <t>cg05453337</t>
  </si>
  <si>
    <t>cg05454284</t>
  </si>
  <si>
    <t>cg05456948</t>
  </si>
  <si>
    <t>cg05464589</t>
  </si>
  <si>
    <t>cg05472854</t>
  </si>
  <si>
    <t>cg05479582</t>
  </si>
  <si>
    <t>cg05482942</t>
  </si>
  <si>
    <t>cg05498379</t>
  </si>
  <si>
    <t>cg05507257</t>
  </si>
  <si>
    <t>cg05518471</t>
  </si>
  <si>
    <t>cg05524354</t>
  </si>
  <si>
    <t>cg05528280</t>
  </si>
  <si>
    <t>cg05534213</t>
  </si>
  <si>
    <t>cg05541367</t>
  </si>
  <si>
    <t>cg05558993</t>
  </si>
  <si>
    <t>cg05563385</t>
  </si>
  <si>
    <t>cg05583020</t>
  </si>
  <si>
    <t>cg05583676</t>
  </si>
  <si>
    <t>cg05587400</t>
  </si>
  <si>
    <t>cg05593641</t>
  </si>
  <si>
    <t>cg05593775</t>
  </si>
  <si>
    <t>cg05596517</t>
  </si>
  <si>
    <t>cg05603630</t>
  </si>
  <si>
    <t>cg05608777</t>
  </si>
  <si>
    <t>cg05610379</t>
  </si>
  <si>
    <t>cg05621401</t>
  </si>
  <si>
    <t>cg05626242</t>
  </si>
  <si>
    <t>cg05638174</t>
  </si>
  <si>
    <t>cg05638929</t>
  </si>
  <si>
    <t>cg05640416</t>
  </si>
  <si>
    <t>cg05645360</t>
  </si>
  <si>
    <t>cg05652602</t>
  </si>
  <si>
    <t>cg05653707</t>
  </si>
  <si>
    <t>cg05655935</t>
  </si>
  <si>
    <t>cg05656830</t>
  </si>
  <si>
    <t>cg05664664</t>
  </si>
  <si>
    <t>cg05666526</t>
  </si>
  <si>
    <t>cg05667348</t>
  </si>
  <si>
    <t>cg05687210</t>
  </si>
  <si>
    <t>cg05694245</t>
  </si>
  <si>
    <t>cg05694406</t>
  </si>
  <si>
    <t>cg05697697</t>
  </si>
  <si>
    <t>cg05701548</t>
  </si>
  <si>
    <t>cg05714496</t>
  </si>
  <si>
    <t>cg05716599</t>
  </si>
  <si>
    <t>cg05721751</t>
  </si>
  <si>
    <t>cg05721839</t>
  </si>
  <si>
    <t>cg05733364</t>
  </si>
  <si>
    <t>cg05739190</t>
  </si>
  <si>
    <t>cg05747812</t>
  </si>
  <si>
    <t>cg05752819</t>
  </si>
  <si>
    <t>cg05756109</t>
  </si>
  <si>
    <t>cg05756489</t>
  </si>
  <si>
    <t>cg05757757</t>
  </si>
  <si>
    <t>cg05760937</t>
  </si>
  <si>
    <t>cg05762616</t>
  </si>
  <si>
    <t>cg05768908</t>
  </si>
  <si>
    <t>cg05770030</t>
  </si>
  <si>
    <t>cg05772155</t>
  </si>
  <si>
    <t>cg05775809</t>
  </si>
  <si>
    <t>cg05779081</t>
  </si>
  <si>
    <t>cg05791173</t>
  </si>
  <si>
    <t>cg05796331</t>
  </si>
  <si>
    <t>cg05807485</t>
  </si>
  <si>
    <t>cg05835744</t>
  </si>
  <si>
    <t>cg05837435</t>
  </si>
  <si>
    <t>cg05846707</t>
  </si>
  <si>
    <t>cg05863587</t>
  </si>
  <si>
    <t>cg05869392</t>
  </si>
  <si>
    <t>cg05872570</t>
  </si>
  <si>
    <t>cg05882699</t>
  </si>
  <si>
    <t>cg05886671</t>
  </si>
  <si>
    <t>cg05888872</t>
  </si>
  <si>
    <t>cg05898188</t>
  </si>
  <si>
    <t>cg05904135</t>
  </si>
  <si>
    <t>cg05906350</t>
  </si>
  <si>
    <t>cg05907237</t>
  </si>
  <si>
    <t>cg05908691</t>
  </si>
  <si>
    <t>cg05916255</t>
  </si>
  <si>
    <t>cg05923857</t>
  </si>
  <si>
    <t>cg05931497</t>
  </si>
  <si>
    <t>cg05937453</t>
  </si>
  <si>
    <t>cg05949800</t>
  </si>
  <si>
    <t>cg05950018</t>
  </si>
  <si>
    <t>cg05951425</t>
  </si>
  <si>
    <t>cg05954989</t>
  </si>
  <si>
    <t>cg05964557</t>
  </si>
  <si>
    <t>cg05976695</t>
  </si>
  <si>
    <t>cg05977551</t>
  </si>
  <si>
    <t>cg05985448</t>
  </si>
  <si>
    <t>cg06001881</t>
  </si>
  <si>
    <t>cg06012215</t>
  </si>
  <si>
    <t>cg06013060</t>
  </si>
  <si>
    <t>cg06022942</t>
  </si>
  <si>
    <t>cg06024796</t>
  </si>
  <si>
    <t>cg06028533</t>
  </si>
  <si>
    <t>cg06031740</t>
  </si>
  <si>
    <t>cg06041852</t>
  </si>
  <si>
    <t>cg06043500</t>
  </si>
  <si>
    <t>cg06048524</t>
  </si>
  <si>
    <t>cg06077733</t>
  </si>
  <si>
    <t>cg06078467</t>
  </si>
  <si>
    <t>cg06080311</t>
  </si>
  <si>
    <t>cg06082548</t>
  </si>
  <si>
    <t>cg06082745</t>
  </si>
  <si>
    <t>cg06082804</t>
  </si>
  <si>
    <t>cg06094615</t>
  </si>
  <si>
    <t>cg06103367</t>
  </si>
  <si>
    <t>cg06113354</t>
  </si>
  <si>
    <t>cg06115318</t>
  </si>
  <si>
    <t>cg06124827</t>
  </si>
  <si>
    <t>cg06128055</t>
  </si>
  <si>
    <t>cg06128198</t>
  </si>
  <si>
    <t>cg06130365</t>
  </si>
  <si>
    <t>cg06138683</t>
  </si>
  <si>
    <t>cg06139794</t>
  </si>
  <si>
    <t>cg06152496</t>
  </si>
  <si>
    <t>cg06154313</t>
  </si>
  <si>
    <t>cg06158533</t>
  </si>
  <si>
    <t>cg06159404</t>
  </si>
  <si>
    <t>cg06159486</t>
  </si>
  <si>
    <t>cg06178786</t>
  </si>
  <si>
    <t>cg06185924</t>
  </si>
  <si>
    <t>cg06187344</t>
  </si>
  <si>
    <t>cg06188367</t>
  </si>
  <si>
    <t>cg06190380</t>
  </si>
  <si>
    <t>cg06192313</t>
  </si>
  <si>
    <t>cg06199563</t>
  </si>
  <si>
    <t>cg06207432</t>
  </si>
  <si>
    <t>cg06222851</t>
  </si>
  <si>
    <t>cg06226675</t>
  </si>
  <si>
    <t>cg06259934</t>
  </si>
  <si>
    <t>cg06263395</t>
  </si>
  <si>
    <t>cg06270147</t>
  </si>
  <si>
    <t>cg06270799</t>
  </si>
  <si>
    <t>cg06282029</t>
  </si>
  <si>
    <t>cg06291112</t>
  </si>
  <si>
    <t>cg06296107</t>
  </si>
  <si>
    <t>cg06321808</t>
  </si>
  <si>
    <t>cg06324373</t>
  </si>
  <si>
    <t>cg06328855</t>
  </si>
  <si>
    <t>cg06332111</t>
  </si>
  <si>
    <t>cg06334471</t>
  </si>
  <si>
    <t>cg06335251</t>
  </si>
  <si>
    <t>cg06335343</t>
  </si>
  <si>
    <t>cg06338299</t>
  </si>
  <si>
    <t>cg06373764</t>
  </si>
  <si>
    <t>cg06377473</t>
  </si>
  <si>
    <t>cg06382559</t>
  </si>
  <si>
    <t>cg06400428</t>
  </si>
  <si>
    <t>cg06403921</t>
  </si>
  <si>
    <t>cg06419761</t>
  </si>
  <si>
    <t>cg06424550</t>
  </si>
  <si>
    <t>cg06443542</t>
  </si>
  <si>
    <t>cg06443918</t>
  </si>
  <si>
    <t>cg06453172</t>
  </si>
  <si>
    <t>cg06456154</t>
  </si>
  <si>
    <t>cg06473608</t>
  </si>
  <si>
    <t>cg06486994</t>
  </si>
  <si>
    <t>cg06498313</t>
  </si>
  <si>
    <t>cg06500714</t>
  </si>
  <si>
    <t>cg06506078</t>
  </si>
  <si>
    <t>cg06511917</t>
  </si>
  <si>
    <t>cg06515111</t>
  </si>
  <si>
    <t>cg06517181</t>
  </si>
  <si>
    <t>cg06517429</t>
  </si>
  <si>
    <t>cg06520821</t>
  </si>
  <si>
    <t>cg06525651</t>
  </si>
  <si>
    <t>cg06547490</t>
  </si>
  <si>
    <t>cg06549530</t>
  </si>
  <si>
    <t>cg06550539</t>
  </si>
  <si>
    <t>cg06560760</t>
  </si>
  <si>
    <t>cg06563790</t>
  </si>
  <si>
    <t>cg06567373</t>
  </si>
  <si>
    <t>cg06579345</t>
  </si>
  <si>
    <t>cg06583105</t>
  </si>
  <si>
    <t>cg06585141</t>
  </si>
  <si>
    <t>cg06587797</t>
  </si>
  <si>
    <t>cg06592982</t>
  </si>
  <si>
    <t>cg06611922</t>
  </si>
  <si>
    <t>cg06616710</t>
  </si>
  <si>
    <t>cg06629767</t>
  </si>
  <si>
    <t>cg06631766</t>
  </si>
  <si>
    <t>cg06636244</t>
  </si>
  <si>
    <t>cg06641889</t>
  </si>
  <si>
    <t>cg06644844</t>
  </si>
  <si>
    <t>cg06648277</t>
  </si>
  <si>
    <t>cg06649808</t>
  </si>
  <si>
    <t>cg06652146</t>
  </si>
  <si>
    <t>cg06655560</t>
  </si>
  <si>
    <t>cg06655623</t>
  </si>
  <si>
    <t>cg06657142</t>
  </si>
  <si>
    <t>cg06657462</t>
  </si>
  <si>
    <t>cg06664085</t>
  </si>
  <si>
    <t>cg06669701</t>
  </si>
  <si>
    <t>cg06671069</t>
  </si>
  <si>
    <t>cg06677151</t>
  </si>
  <si>
    <t>cg06679087</t>
  </si>
  <si>
    <t>cg06694283</t>
  </si>
  <si>
    <t>cg06699461</t>
  </si>
  <si>
    <t>cg06700839</t>
  </si>
  <si>
    <t>cg06700877</t>
  </si>
  <si>
    <t>cg06706894</t>
  </si>
  <si>
    <t>cg06715928</t>
  </si>
  <si>
    <t>cg06722282</t>
  </si>
  <si>
    <t>cg06725760</t>
  </si>
  <si>
    <t>cg06726474</t>
  </si>
  <si>
    <t>cg06726860</t>
  </si>
  <si>
    <t>cg06735579</t>
  </si>
  <si>
    <t>cg06744119</t>
  </si>
  <si>
    <t>cg06749514</t>
  </si>
  <si>
    <t>cg06755955</t>
  </si>
  <si>
    <t>cg06756291</t>
  </si>
  <si>
    <t>cg06778587</t>
  </si>
  <si>
    <t>cg06782692</t>
  </si>
  <si>
    <t>cg06782748</t>
  </si>
  <si>
    <t>cg06793798</t>
  </si>
  <si>
    <t>cg06813886</t>
  </si>
  <si>
    <t>cg06839631</t>
  </si>
  <si>
    <t>cg06841052</t>
  </si>
  <si>
    <t>cg06851336</t>
  </si>
  <si>
    <t>cg06874323</t>
  </si>
  <si>
    <t>cg06874847</t>
  </si>
  <si>
    <t>cg06882901</t>
  </si>
  <si>
    <t>cg06886078</t>
  </si>
  <si>
    <t>cg06888406</t>
  </si>
  <si>
    <t>cg06888746</t>
  </si>
  <si>
    <t>cg06897927</t>
  </si>
  <si>
    <t>cg06902558</t>
  </si>
  <si>
    <t>cg06921011</t>
  </si>
  <si>
    <t>cg06922248</t>
  </si>
  <si>
    <t>cg06937395</t>
  </si>
  <si>
    <t>cg06947206</t>
  </si>
  <si>
    <t>cg06952288</t>
  </si>
  <si>
    <t>cg06957677</t>
  </si>
  <si>
    <t>cg06960203</t>
  </si>
  <si>
    <t>cg06962326</t>
  </si>
  <si>
    <t>cg06966660</t>
  </si>
  <si>
    <t>cg06970090</t>
  </si>
  <si>
    <t>cg06978273</t>
  </si>
  <si>
    <t>cg07011445</t>
  </si>
  <si>
    <t>cg07015081</t>
  </si>
  <si>
    <t>cg07028396</t>
  </si>
  <si>
    <t>cg07037374</t>
  </si>
  <si>
    <t>cg07044859</t>
  </si>
  <si>
    <t>cg07048479</t>
  </si>
  <si>
    <t>cg07053114</t>
  </si>
  <si>
    <t>cg07055616</t>
  </si>
  <si>
    <t>cg07068327</t>
  </si>
  <si>
    <t>cg07070043</t>
  </si>
  <si>
    <t>cg07081418</t>
  </si>
  <si>
    <t>cg07081633</t>
  </si>
  <si>
    <t>cg07099331</t>
  </si>
  <si>
    <t>cg07104958</t>
  </si>
  <si>
    <t>cg07108512</t>
  </si>
  <si>
    <t>cg07143043</t>
  </si>
  <si>
    <t>cg07147421</t>
  </si>
  <si>
    <t>cg07162498</t>
  </si>
  <si>
    <t>cg07164791</t>
  </si>
  <si>
    <t>cg07179548</t>
  </si>
  <si>
    <t>cg07198365</t>
  </si>
  <si>
    <t>cg07199534</t>
  </si>
  <si>
    <t>cg07203258</t>
  </si>
  <si>
    <t>cg07206208</t>
  </si>
  <si>
    <t>cg07222309</t>
  </si>
  <si>
    <t>cg07225966</t>
  </si>
  <si>
    <t>cg07229938</t>
  </si>
  <si>
    <t>cg07230380</t>
  </si>
  <si>
    <t>cg07245980</t>
  </si>
  <si>
    <t>cg07251711</t>
  </si>
  <si>
    <t>cg07274998</t>
  </si>
  <si>
    <t>cg07301537</t>
  </si>
  <si>
    <t>cg07303968</t>
  </si>
  <si>
    <t>cg07304526</t>
  </si>
  <si>
    <t>cg07310536</t>
  </si>
  <si>
    <t>cg07312556</t>
  </si>
  <si>
    <t>cg07314067</t>
  </si>
  <si>
    <t>cg07318428</t>
  </si>
  <si>
    <t>cg07321681</t>
  </si>
  <si>
    <t>cg07342618</t>
  </si>
  <si>
    <t>cg07352001</t>
  </si>
  <si>
    <t>cg07356283</t>
  </si>
  <si>
    <t>cg07368796</t>
  </si>
  <si>
    <t>cg07370771</t>
  </si>
  <si>
    <t>cg07373003</t>
  </si>
  <si>
    <t>cg07377985</t>
  </si>
  <si>
    <t>cg07388482</t>
  </si>
  <si>
    <t>cg07405552</t>
  </si>
  <si>
    <t>cg07416656</t>
  </si>
  <si>
    <t>cg07421809</t>
  </si>
  <si>
    <t>cg07437066</t>
  </si>
  <si>
    <t>cg07441565</t>
  </si>
  <si>
    <t>cg07441845</t>
  </si>
  <si>
    <t>cg07450214</t>
  </si>
  <si>
    <t>cg07464025</t>
  </si>
  <si>
    <t>cg07464605</t>
  </si>
  <si>
    <t>cg07476643</t>
  </si>
  <si>
    <t>cg07489488</t>
  </si>
  <si>
    <t>cg07491809</t>
  </si>
  <si>
    <t>cg07496882</t>
  </si>
  <si>
    <t>cg07505334</t>
  </si>
  <si>
    <t>cg07505719</t>
  </si>
  <si>
    <t>cg07508229</t>
  </si>
  <si>
    <t>cg07516470</t>
  </si>
  <si>
    <t>cg07550278</t>
  </si>
  <si>
    <t>cg07560825</t>
  </si>
  <si>
    <t>cg07570573</t>
  </si>
  <si>
    <t>cg07571519</t>
  </si>
  <si>
    <t>cg07571638</t>
  </si>
  <si>
    <t>cg07576664</t>
  </si>
  <si>
    <t>cg07578414</t>
  </si>
  <si>
    <t>cg07578663</t>
  </si>
  <si>
    <t>cg07588964</t>
  </si>
  <si>
    <t>cg07607354</t>
  </si>
  <si>
    <t>cg07617147</t>
  </si>
  <si>
    <t>cg07629149</t>
  </si>
  <si>
    <t>cg07646467</t>
  </si>
  <si>
    <t>cg07647353</t>
  </si>
  <si>
    <t>cg07649988</t>
  </si>
  <si>
    <t>cg07655693</t>
  </si>
  <si>
    <t>cg07658681</t>
  </si>
  <si>
    <t>cg07661167</t>
  </si>
  <si>
    <t>cg07669489</t>
  </si>
  <si>
    <t>cg07671776</t>
  </si>
  <si>
    <t>cg07671858</t>
  </si>
  <si>
    <t>cg07672517</t>
  </si>
  <si>
    <t>cg07677997</t>
  </si>
  <si>
    <t>cg07690734</t>
  </si>
  <si>
    <t>cg07708613</t>
  </si>
  <si>
    <t>cg07711556</t>
  </si>
  <si>
    <t>cg07728084</t>
  </si>
  <si>
    <t>cg07733920</t>
  </si>
  <si>
    <t>cg07734351</t>
  </si>
  <si>
    <t>cg07740914</t>
  </si>
  <si>
    <t>cg07748741</t>
  </si>
  <si>
    <t>cg07754999</t>
  </si>
  <si>
    <t>cg07770370</t>
  </si>
  <si>
    <t>cg07782527</t>
  </si>
  <si>
    <t>cg07785737</t>
  </si>
  <si>
    <t>cg07787666</t>
  </si>
  <si>
    <t>cg07790279</t>
  </si>
  <si>
    <t>cg07793810</t>
  </si>
  <si>
    <t>cg07796597</t>
  </si>
  <si>
    <t>cg07801480</t>
  </si>
  <si>
    <t>cg07810282</t>
  </si>
  <si>
    <t>cg07832903</t>
  </si>
  <si>
    <t>cg07834955</t>
  </si>
  <si>
    <t>cg07839926</t>
  </si>
  <si>
    <t>cg07842594</t>
  </si>
  <si>
    <t>cg07843583</t>
  </si>
  <si>
    <t>cg07856667</t>
  </si>
  <si>
    <t>cg07863439</t>
  </si>
  <si>
    <t>cg07867052</t>
  </si>
  <si>
    <t>cg07870757</t>
  </si>
  <si>
    <t>cg07871153</t>
  </si>
  <si>
    <t>cg07872276</t>
  </si>
  <si>
    <t>cg07877987</t>
  </si>
  <si>
    <t>cg07886691</t>
  </si>
  <si>
    <t>cg07895186</t>
  </si>
  <si>
    <t>cg07900823</t>
  </si>
  <si>
    <t>cg07913806</t>
  </si>
  <si>
    <t>cg07915434</t>
  </si>
  <si>
    <t>cg07923717</t>
  </si>
  <si>
    <t>cg07926858</t>
  </si>
  <si>
    <t>cg07934812</t>
  </si>
  <si>
    <t>cg07940971</t>
  </si>
  <si>
    <t>cg07947549</t>
  </si>
  <si>
    <t>cg07951083</t>
  </si>
  <si>
    <t>cg07957471</t>
  </si>
  <si>
    <t>cg07971636</t>
  </si>
  <si>
    <t>cg07981140</t>
  </si>
  <si>
    <t>cg07981845</t>
  </si>
  <si>
    <t>cg08069263</t>
  </si>
  <si>
    <t>cg08199893</t>
  </si>
  <si>
    <t>cg08203849</t>
  </si>
  <si>
    <t>cg08206657</t>
  </si>
  <si>
    <t>cg08216291</t>
  </si>
  <si>
    <t>cg08217716</t>
  </si>
  <si>
    <t>cg08231870</t>
  </si>
  <si>
    <t>cg08237400</t>
  </si>
  <si>
    <t>cg08252303</t>
  </si>
  <si>
    <t>cg08252499</t>
  </si>
  <si>
    <t>cg08252887</t>
  </si>
  <si>
    <t>cg08275306</t>
  </si>
  <si>
    <t>cg08284213</t>
  </si>
  <si>
    <t>cg08284873</t>
  </si>
  <si>
    <t>cg08286554</t>
  </si>
  <si>
    <t>cg08290108</t>
  </si>
  <si>
    <t>cg08299755</t>
  </si>
  <si>
    <t>cg08330247</t>
  </si>
  <si>
    <t>cg08337623</t>
  </si>
  <si>
    <t>cg08339497</t>
  </si>
  <si>
    <t>cg08339719</t>
  </si>
  <si>
    <t>cg08342691</t>
  </si>
  <si>
    <t>cg08345776</t>
  </si>
  <si>
    <t>cg08347183</t>
  </si>
  <si>
    <t>cg08365301</t>
  </si>
  <si>
    <t>cg08365438</t>
  </si>
  <si>
    <t>cg08368587</t>
  </si>
  <si>
    <t>cg08379212</t>
  </si>
  <si>
    <t>cg08386897</t>
  </si>
  <si>
    <t>cg08388111</t>
  </si>
  <si>
    <t>cg08389497</t>
  </si>
  <si>
    <t>cg08390010</t>
  </si>
  <si>
    <t>cg08402107</t>
  </si>
  <si>
    <t>cg08421900</t>
  </si>
  <si>
    <t>cg08437789</t>
  </si>
  <si>
    <t>cg08438385</t>
  </si>
  <si>
    <t>cg08441806</t>
  </si>
  <si>
    <t>cg08442149</t>
  </si>
  <si>
    <t>cg08444220</t>
  </si>
  <si>
    <t>cg08447739</t>
  </si>
  <si>
    <t>cg08457232</t>
  </si>
  <si>
    <t>cg08461752</t>
  </si>
  <si>
    <t>cg08485649</t>
  </si>
  <si>
    <t>cg08486583</t>
  </si>
  <si>
    <t>cg08486961</t>
  </si>
  <si>
    <t>cg08487063</t>
  </si>
  <si>
    <t>cg08488494</t>
  </si>
  <si>
    <t>cg08495239</t>
  </si>
  <si>
    <t>cg08495456</t>
  </si>
  <si>
    <t>cg08495827</t>
  </si>
  <si>
    <t>cg08496452</t>
  </si>
  <si>
    <t>cg08497649</t>
  </si>
  <si>
    <t>cg08501533</t>
  </si>
  <si>
    <t>cg08504448</t>
  </si>
  <si>
    <t>cg08524474</t>
  </si>
  <si>
    <t>cg08536417</t>
  </si>
  <si>
    <t>cg08552167</t>
  </si>
  <si>
    <t>cg08559361</t>
  </si>
  <si>
    <t>cg08564661</t>
  </si>
  <si>
    <t>cg08577384</t>
  </si>
  <si>
    <t>cg08580014</t>
  </si>
  <si>
    <t>cg08587797</t>
  </si>
  <si>
    <t>cg08602515</t>
  </si>
  <si>
    <t>cg08625590</t>
  </si>
  <si>
    <t>cg08633345</t>
  </si>
  <si>
    <t>cg08638512</t>
  </si>
  <si>
    <t>cg08643646</t>
  </si>
  <si>
    <t>cg08658621</t>
  </si>
  <si>
    <t>cg08668510</t>
  </si>
  <si>
    <t>cg08677202</t>
  </si>
  <si>
    <t>cg08692130</t>
  </si>
  <si>
    <t>cg08696727</t>
  </si>
  <si>
    <t>cg08701937</t>
  </si>
  <si>
    <t>cg08708684</t>
  </si>
  <si>
    <t>cg08710410</t>
  </si>
  <si>
    <t>cg08715142</t>
  </si>
  <si>
    <t>cg08717896</t>
  </si>
  <si>
    <t>cg08732300</t>
  </si>
  <si>
    <t>cg08732623</t>
  </si>
  <si>
    <t>cg08754967</t>
  </si>
  <si>
    <t>cg08757448</t>
  </si>
  <si>
    <t>cg08763584</t>
  </si>
  <si>
    <t>cg08764167</t>
  </si>
  <si>
    <t>cg08768569</t>
  </si>
  <si>
    <t>cg08770590</t>
  </si>
  <si>
    <t>cg08774443</t>
  </si>
  <si>
    <t>cg08787083</t>
  </si>
  <si>
    <t>cg08788576</t>
  </si>
  <si>
    <t>cg08799865</t>
  </si>
  <si>
    <t>cg08812555</t>
  </si>
  <si>
    <t>cg08815670</t>
  </si>
  <si>
    <t>cg08821715</t>
  </si>
  <si>
    <t>cg08823110</t>
  </si>
  <si>
    <t>cg08825223</t>
  </si>
  <si>
    <t>cg08828868</t>
  </si>
  <si>
    <t>cg08833577</t>
  </si>
  <si>
    <t>cg08841425</t>
  </si>
  <si>
    <t>cg08848154</t>
  </si>
  <si>
    <t>cg08860007</t>
  </si>
  <si>
    <t>cg08862394</t>
  </si>
  <si>
    <t>cg08863620</t>
  </si>
  <si>
    <t>cg08867667</t>
  </si>
  <si>
    <t>cg08867893</t>
  </si>
  <si>
    <t>cg08876479</t>
  </si>
  <si>
    <t>cg08878967</t>
  </si>
  <si>
    <t>cg08879241</t>
  </si>
  <si>
    <t>cg08891933</t>
  </si>
  <si>
    <t>cg08894744</t>
  </si>
  <si>
    <t>cg08904630</t>
  </si>
  <si>
    <t>cg08904986</t>
  </si>
  <si>
    <t>cg08905239</t>
  </si>
  <si>
    <t>cg08905758</t>
  </si>
  <si>
    <t>cg08908184</t>
  </si>
  <si>
    <t>cg08916340</t>
  </si>
  <si>
    <t>cg08920628</t>
  </si>
  <si>
    <t>cg08927006</t>
  </si>
  <si>
    <t>cg08927260</t>
  </si>
  <si>
    <t>cg08930881</t>
  </si>
  <si>
    <t>cg08932440</t>
  </si>
  <si>
    <t>cg08941805</t>
  </si>
  <si>
    <t>cg08944318</t>
  </si>
  <si>
    <t>cg08944476</t>
  </si>
  <si>
    <t>cg08944563</t>
  </si>
  <si>
    <t>cg08949011</t>
  </si>
  <si>
    <t>cg08951903</t>
  </si>
  <si>
    <t>cg08960754</t>
  </si>
  <si>
    <t>cg08970761</t>
  </si>
  <si>
    <t>cg08978350</t>
  </si>
  <si>
    <t>cg08978597</t>
  </si>
  <si>
    <t>cg08979194</t>
  </si>
  <si>
    <t>cg08980715</t>
  </si>
  <si>
    <t>cg08984023</t>
  </si>
  <si>
    <t>cg08989932</t>
  </si>
  <si>
    <t>cg08990626</t>
  </si>
  <si>
    <t>cg08992366</t>
  </si>
  <si>
    <t>cg08995871</t>
  </si>
  <si>
    <t>cg08997713</t>
  </si>
  <si>
    <t>cg09009410</t>
  </si>
  <si>
    <t>cg09009466</t>
  </si>
  <si>
    <t>cg09011742</t>
  </si>
  <si>
    <t>cg09015968</t>
  </si>
  <si>
    <t>cg09022607</t>
  </si>
  <si>
    <t>cg09033333</t>
  </si>
  <si>
    <t>cg09039206</t>
  </si>
  <si>
    <t>cg09041916</t>
  </si>
  <si>
    <t>cg09053680</t>
  </si>
  <si>
    <t>cg09056181</t>
  </si>
  <si>
    <t>cg09069150</t>
  </si>
  <si>
    <t>cg09073539</t>
  </si>
  <si>
    <t>cg09115275</t>
  </si>
  <si>
    <t>cg09115646</t>
  </si>
  <si>
    <t>cg09115837</t>
  </si>
  <si>
    <t>cg09126038</t>
  </si>
  <si>
    <t>cg09127448</t>
  </si>
  <si>
    <t>cg09129395</t>
  </si>
  <si>
    <t>cg09134154</t>
  </si>
  <si>
    <t>cg09135551</t>
  </si>
  <si>
    <t>cg09142414</t>
  </si>
  <si>
    <t>cg09152955</t>
  </si>
  <si>
    <t>cg09163779</t>
  </si>
  <si>
    <t>cg09164203</t>
  </si>
  <si>
    <t>cg09166990</t>
  </si>
  <si>
    <t>cg09168604</t>
  </si>
  <si>
    <t>cg09170412</t>
  </si>
  <si>
    <t>cg09175718</t>
  </si>
  <si>
    <t>cg09176256</t>
  </si>
  <si>
    <t>cg09183181</t>
  </si>
  <si>
    <t>cg09186006</t>
  </si>
  <si>
    <t>cg09202979</t>
  </si>
  <si>
    <t>cg09207353</t>
  </si>
  <si>
    <t>cg09216081</t>
  </si>
  <si>
    <t>cg09230996</t>
  </si>
  <si>
    <t>cg09252766</t>
  </si>
  <si>
    <t>cg09256136</t>
  </si>
  <si>
    <t>cg09269103</t>
  </si>
  <si>
    <t>cg09276368</t>
  </si>
  <si>
    <t>cg09287096</t>
  </si>
  <si>
    <t>cg09287328</t>
  </si>
  <si>
    <t>cg09292873</t>
  </si>
  <si>
    <t>cg09321019</t>
  </si>
  <si>
    <t>cg09323395</t>
  </si>
  <si>
    <t>cg09323434</t>
  </si>
  <si>
    <t>cg09326084</t>
  </si>
  <si>
    <t>cg09333812</t>
  </si>
  <si>
    <t>cg09334277</t>
  </si>
  <si>
    <t>cg09341154</t>
  </si>
  <si>
    <t>cg09348985</t>
  </si>
  <si>
    <t>cg09353289</t>
  </si>
  <si>
    <t>cg09360715</t>
  </si>
  <si>
    <t>cg09378339</t>
  </si>
  <si>
    <t>cg09379627</t>
  </si>
  <si>
    <t>cg09388237</t>
  </si>
  <si>
    <t>cg09395855</t>
  </si>
  <si>
    <t>cg09403666</t>
  </si>
  <si>
    <t>cg09410317</t>
  </si>
  <si>
    <t>cg09420637</t>
  </si>
  <si>
    <t>cg09420665</t>
  </si>
  <si>
    <t>cg09432590</t>
  </si>
  <si>
    <t>cg09435798</t>
  </si>
  <si>
    <t>cg09439511</t>
  </si>
  <si>
    <t>cg09445939</t>
  </si>
  <si>
    <t>cg09454438</t>
  </si>
  <si>
    <t>cg09465786</t>
  </si>
  <si>
    <t>cg09470230</t>
  </si>
  <si>
    <t>cg09472211</t>
  </si>
  <si>
    <t>cg09487134</t>
  </si>
  <si>
    <t>cg09509952</t>
  </si>
  <si>
    <t>cg09540629</t>
  </si>
  <si>
    <t>cg09540803</t>
  </si>
  <si>
    <t>cg09541379</t>
  </si>
  <si>
    <t>cg09542499</t>
  </si>
  <si>
    <t>cg09558961</t>
  </si>
  <si>
    <t>cg09560599</t>
  </si>
  <si>
    <t>cg09598552</t>
  </si>
  <si>
    <t>cg09599130</t>
  </si>
  <si>
    <t>cg09605494</t>
  </si>
  <si>
    <t>cg09614415</t>
  </si>
  <si>
    <t>cg09624261</t>
  </si>
  <si>
    <t>cg09632185</t>
  </si>
  <si>
    <t>cg09634707</t>
  </si>
  <si>
    <t>cg09636079</t>
  </si>
  <si>
    <t>cg09639725</t>
  </si>
  <si>
    <t>cg09639837</t>
  </si>
  <si>
    <t>cg09644451</t>
  </si>
  <si>
    <t>cg09660632</t>
  </si>
  <si>
    <t>cg09664815</t>
  </si>
  <si>
    <t>cg09667493</t>
  </si>
  <si>
    <t>cg09667551</t>
  </si>
  <si>
    <t>cg09684079</t>
  </si>
  <si>
    <t>cg09684112</t>
  </si>
  <si>
    <t>cg09688285</t>
  </si>
  <si>
    <t>cg09688494</t>
  </si>
  <si>
    <t>cg09690597</t>
  </si>
  <si>
    <t>cg09695592</t>
  </si>
  <si>
    <t>cg09696939</t>
  </si>
  <si>
    <t>cg09729500</t>
  </si>
  <si>
    <t>cg09731288</t>
  </si>
  <si>
    <t>cg09733103</t>
  </si>
  <si>
    <t>cg09737584</t>
  </si>
  <si>
    <t>cg09741851</t>
  </si>
  <si>
    <t>cg09747456</t>
  </si>
  <si>
    <t>cg09759523</t>
  </si>
  <si>
    <t>cg09760697</t>
  </si>
  <si>
    <t>cg09768859</t>
  </si>
  <si>
    <t>cg09773756</t>
  </si>
  <si>
    <t>cg09778229</t>
  </si>
  <si>
    <t>cg09786985</t>
  </si>
  <si>
    <t>cg09795588</t>
  </si>
  <si>
    <t>cg09797645</t>
  </si>
  <si>
    <t>cg09804961</t>
  </si>
  <si>
    <t>cg09808690</t>
  </si>
  <si>
    <t>cg09820865</t>
  </si>
  <si>
    <t>cg09827122</t>
  </si>
  <si>
    <t>cg09828580</t>
  </si>
  <si>
    <t>cg09835225</t>
  </si>
  <si>
    <t>cg09838169</t>
  </si>
  <si>
    <t>cg09848096</t>
  </si>
  <si>
    <t>cg09848445</t>
  </si>
  <si>
    <t>cg09855000</t>
  </si>
  <si>
    <t>cg09863094</t>
  </si>
  <si>
    <t>cg09873584</t>
  </si>
  <si>
    <t>cg09881021</t>
  </si>
  <si>
    <t>cg09886360</t>
  </si>
  <si>
    <t>cg09892104</t>
  </si>
  <si>
    <t>cg09893465</t>
  </si>
  <si>
    <t>cg09901556</t>
  </si>
  <si>
    <t>cg09933375</t>
  </si>
  <si>
    <t>cg09935282</t>
  </si>
  <si>
    <t>cg09937316</t>
  </si>
  <si>
    <t>cg09964326</t>
  </si>
  <si>
    <t>cg09994017</t>
  </si>
  <si>
    <t>cg10022510</t>
  </si>
  <si>
    <t>cg10024446</t>
  </si>
  <si>
    <t>cg10030921</t>
  </si>
  <si>
    <t>cg10032671</t>
  </si>
  <si>
    <t>cg10041390</t>
  </si>
  <si>
    <t>cg10047480</t>
  </si>
  <si>
    <t>cg10056132</t>
  </si>
  <si>
    <t>cg10059942</t>
  </si>
  <si>
    <t>cg10066305</t>
  </si>
  <si>
    <t>cg10069277</t>
  </si>
  <si>
    <t>cg10069493</t>
  </si>
  <si>
    <t>cg10078639</t>
  </si>
  <si>
    <t>cg10081626</t>
  </si>
  <si>
    <t>cg10086080</t>
  </si>
  <si>
    <t>cg10091662</t>
  </si>
  <si>
    <t>cg10095938</t>
  </si>
  <si>
    <t>cg10109876</t>
  </si>
  <si>
    <t>cg10145436</t>
  </si>
  <si>
    <t>cg10150592</t>
  </si>
  <si>
    <t>cg10161675</t>
  </si>
  <si>
    <t>cg10170214</t>
  </si>
  <si>
    <t>cg10190329</t>
  </si>
  <si>
    <t>cg10191772</t>
  </si>
  <si>
    <t>cg10205334</t>
  </si>
  <si>
    <t>cg10207362</t>
  </si>
  <si>
    <t>cg10208594</t>
  </si>
  <si>
    <t>cg10219840</t>
  </si>
  <si>
    <t>cg10235275</t>
  </si>
  <si>
    <t>cg10241347</t>
  </si>
  <si>
    <t>cg10251048</t>
  </si>
  <si>
    <t>cg10256686</t>
  </si>
  <si>
    <t>cg10261325</t>
  </si>
  <si>
    <t>cg10271315</t>
  </si>
  <si>
    <t>cg10283338</t>
  </si>
  <si>
    <t>cg10288214</t>
  </si>
  <si>
    <t>cg10292510</t>
  </si>
  <si>
    <t>cg10295800</t>
  </si>
  <si>
    <t>cg10298052</t>
  </si>
  <si>
    <t>cg10301660</t>
  </si>
  <si>
    <t>cg10309340</t>
  </si>
  <si>
    <t>cg10310846</t>
  </si>
  <si>
    <t>cg10337322</t>
  </si>
  <si>
    <t>cg10346121</t>
  </si>
  <si>
    <t>cg10346475</t>
  </si>
  <si>
    <t>cg10355814</t>
  </si>
  <si>
    <t>cg10361585</t>
  </si>
  <si>
    <t>cg10375078</t>
  </si>
  <si>
    <t>cg10377903</t>
  </si>
  <si>
    <t>cg10396484</t>
  </si>
  <si>
    <t>cg10401879</t>
  </si>
  <si>
    <t>cg10420161</t>
  </si>
  <si>
    <t>cg10423113</t>
  </si>
  <si>
    <t>cg10434482</t>
  </si>
  <si>
    <t>cg10436918</t>
  </si>
  <si>
    <t>cg10445453</t>
  </si>
  <si>
    <t>cg10462416</t>
  </si>
  <si>
    <t>cg10471876</t>
  </si>
  <si>
    <t>cg10480513</t>
  </si>
  <si>
    <t>cg10488141</t>
  </si>
  <si>
    <t>cg10502904</t>
  </si>
  <si>
    <t>cg10515953</t>
  </si>
  <si>
    <t>cg10520405</t>
  </si>
  <si>
    <t>cg10524152</t>
  </si>
  <si>
    <t>cg10526556</t>
  </si>
  <si>
    <t>cg10530889</t>
  </si>
  <si>
    <t>cg10537220</t>
  </si>
  <si>
    <t>cg10541930</t>
  </si>
  <si>
    <t>cg10554839</t>
  </si>
  <si>
    <t>cg10556221</t>
  </si>
  <si>
    <t>cg10567078</t>
  </si>
  <si>
    <t>cg10574074</t>
  </si>
  <si>
    <t>cg10577284</t>
  </si>
  <si>
    <t>cg10580473</t>
  </si>
  <si>
    <t>cg10582690</t>
  </si>
  <si>
    <t>cg10590909</t>
  </si>
  <si>
    <t>cg10595547</t>
  </si>
  <si>
    <t>cg10607485</t>
  </si>
  <si>
    <t>cg10607899</t>
  </si>
  <si>
    <t>cg10613925</t>
  </si>
  <si>
    <t>cg10614768</t>
  </si>
  <si>
    <t>cg10652956</t>
  </si>
  <si>
    <t>cg10654496</t>
  </si>
  <si>
    <t>cg10665438</t>
  </si>
  <si>
    <t>cg10668041</t>
  </si>
  <si>
    <t>cg10669285</t>
  </si>
  <si>
    <t>cg10677688</t>
  </si>
  <si>
    <t>cg10680376</t>
  </si>
  <si>
    <t>cg10686225</t>
  </si>
  <si>
    <t>cg10688514</t>
  </si>
  <si>
    <t>cg10692363</t>
  </si>
  <si>
    <t>cg10703496</t>
  </si>
  <si>
    <t>cg10705386</t>
  </si>
  <si>
    <t>cg10706069</t>
  </si>
  <si>
    <t>cg10711996</t>
  </si>
  <si>
    <t>cg10716835</t>
  </si>
  <si>
    <t>cg10717722</t>
  </si>
  <si>
    <t>cg10721116</t>
  </si>
  <si>
    <t>cg10726660</t>
  </si>
  <si>
    <t>cg10732215</t>
  </si>
  <si>
    <t>cg10747758</t>
  </si>
  <si>
    <t>cg10750945</t>
  </si>
  <si>
    <t>cg10753764</t>
  </si>
  <si>
    <t>cg10771518</t>
  </si>
  <si>
    <t>cg10778841</t>
  </si>
  <si>
    <t>cg10790887</t>
  </si>
  <si>
    <t>cg10796899</t>
  </si>
  <si>
    <t>cg10799668</t>
  </si>
  <si>
    <t>cg10800082</t>
  </si>
  <si>
    <t>cg10803098</t>
  </si>
  <si>
    <t>cg10804656</t>
  </si>
  <si>
    <t>cg10809560</t>
  </si>
  <si>
    <t>cg10820675</t>
  </si>
  <si>
    <t>cg10830758</t>
  </si>
  <si>
    <t>cg10831391</t>
  </si>
  <si>
    <t>cg10833037</t>
  </si>
  <si>
    <t>cg10840389</t>
  </si>
  <si>
    <t>cg10847915</t>
  </si>
  <si>
    <t>cg10849393</t>
  </si>
  <si>
    <t>cg10854092</t>
  </si>
  <si>
    <t>cg10865087</t>
  </si>
  <si>
    <t>cg10880203</t>
  </si>
  <si>
    <t>cg10882304</t>
  </si>
  <si>
    <t>cg10883542</t>
  </si>
  <si>
    <t>cg10887366</t>
  </si>
  <si>
    <t>cg10888523</t>
  </si>
  <si>
    <t>cg10888790</t>
  </si>
  <si>
    <t>cg10905376</t>
  </si>
  <si>
    <t>cg10905593</t>
  </si>
  <si>
    <t>cg10909801</t>
  </si>
  <si>
    <t>cg10911619</t>
  </si>
  <si>
    <t>cg10914555</t>
  </si>
  <si>
    <t>cg10923346</t>
  </si>
  <si>
    <t>cg10930218</t>
  </si>
  <si>
    <t>cg10937807</t>
  </si>
  <si>
    <t>cg10947408</t>
  </si>
  <si>
    <t>cg10949322</t>
  </si>
  <si>
    <t>cg10957200</t>
  </si>
  <si>
    <t>cg10961055</t>
  </si>
  <si>
    <t>cg10961733</t>
  </si>
  <si>
    <t>cg10967866</t>
  </si>
  <si>
    <t>cg10975049</t>
  </si>
  <si>
    <t>cg10979117</t>
  </si>
  <si>
    <t>cg10989871</t>
  </si>
  <si>
    <t>cg10994858</t>
  </si>
  <si>
    <t>cg10996596</t>
  </si>
  <si>
    <t>cg11002404</t>
  </si>
  <si>
    <t>cg11018337</t>
  </si>
  <si>
    <t>cg11019008</t>
  </si>
  <si>
    <t>cg11036831</t>
  </si>
  <si>
    <t>cg11048311</t>
  </si>
  <si>
    <t>cg11061177</t>
  </si>
  <si>
    <t>cg11065467</t>
  </si>
  <si>
    <t>cg11094040</t>
  </si>
  <si>
    <t>cg11097433</t>
  </si>
  <si>
    <t>cg11103390</t>
  </si>
  <si>
    <t>cg11113066</t>
  </si>
  <si>
    <t>cg11113644</t>
  </si>
  <si>
    <t>cg11115267</t>
  </si>
  <si>
    <t>cg11116013</t>
  </si>
  <si>
    <t>cg11119419</t>
  </si>
  <si>
    <t>cg11130097</t>
  </si>
  <si>
    <t>cg11150664</t>
  </si>
  <si>
    <t>cg11151524</t>
  </si>
  <si>
    <t>cg11153529</t>
  </si>
  <si>
    <t>cg11163433</t>
  </si>
  <si>
    <t>cg11164162</t>
  </si>
  <si>
    <t>cg11165626</t>
  </si>
  <si>
    <t>cg11174855</t>
  </si>
  <si>
    <t>cg11194118</t>
  </si>
  <si>
    <t>cg11203153</t>
  </si>
  <si>
    <t>cg11206312</t>
  </si>
  <si>
    <t>cg11208259</t>
  </si>
  <si>
    <t>cg11210004</t>
  </si>
  <si>
    <t>cg11217004</t>
  </si>
  <si>
    <t>cg11223711</t>
  </si>
  <si>
    <t>cg11227075</t>
  </si>
  <si>
    <t>cg11229185</t>
  </si>
  <si>
    <t>cg11233444</t>
  </si>
  <si>
    <t>cg11241133</t>
  </si>
  <si>
    <t>cg11248957</t>
  </si>
  <si>
    <t>cg11252118</t>
  </si>
  <si>
    <t>cg11254426</t>
  </si>
  <si>
    <t>cg11271505</t>
  </si>
  <si>
    <t>cg11276456</t>
  </si>
  <si>
    <t>cg11279933</t>
  </si>
  <si>
    <t>cg11283427</t>
  </si>
  <si>
    <t>cg11286076</t>
  </si>
  <si>
    <t>cg11302943</t>
  </si>
  <si>
    <t>cg11303331</t>
  </si>
  <si>
    <t>cg11309842</t>
  </si>
  <si>
    <t>cg11311579</t>
  </si>
  <si>
    <t>cg11322509</t>
  </si>
  <si>
    <t>cg11325942</t>
  </si>
  <si>
    <t>cg11326968</t>
  </si>
  <si>
    <t>cg11328303</t>
  </si>
  <si>
    <t>cg11334499</t>
  </si>
  <si>
    <t>cg11342130</t>
  </si>
  <si>
    <t>cg11342415</t>
  </si>
  <si>
    <t>cg11342452</t>
  </si>
  <si>
    <t>cg11351475</t>
  </si>
  <si>
    <t>cg11363467</t>
  </si>
  <si>
    <t>cg11372818</t>
  </si>
  <si>
    <t>cg11378840</t>
  </si>
  <si>
    <t>cg11380051</t>
  </si>
  <si>
    <t>cg11386792</t>
  </si>
  <si>
    <t>cg11401929</t>
  </si>
  <si>
    <t>cg11407741</t>
  </si>
  <si>
    <t>cg11416243</t>
  </si>
  <si>
    <t>cg11416811</t>
  </si>
  <si>
    <t>cg11419506</t>
  </si>
  <si>
    <t>cg11420031</t>
  </si>
  <si>
    <t>cg11443683</t>
  </si>
  <si>
    <t>cg11445109</t>
  </si>
  <si>
    <t>cg11459006</t>
  </si>
  <si>
    <t>cg11460820</t>
  </si>
  <si>
    <t>cg11466935</t>
  </si>
  <si>
    <t>cg11467732</t>
  </si>
  <si>
    <t>cg11468148</t>
  </si>
  <si>
    <t>cg11472279</t>
  </si>
  <si>
    <t>cg11476737</t>
  </si>
  <si>
    <t>cg11489602</t>
  </si>
  <si>
    <t>cg11490944</t>
  </si>
  <si>
    <t>cg11493139</t>
  </si>
  <si>
    <t>cg11499984</t>
  </si>
  <si>
    <t>cg11501931</t>
  </si>
  <si>
    <t>cg11504511</t>
  </si>
  <si>
    <t>cg11509491</t>
  </si>
  <si>
    <t>cg11534938</t>
  </si>
  <si>
    <t>cg11535486</t>
  </si>
  <si>
    <t>cg11542402</t>
  </si>
  <si>
    <t>cg11545863</t>
  </si>
  <si>
    <t>cg11546537</t>
  </si>
  <si>
    <t>cg11558850</t>
  </si>
  <si>
    <t>cg11559952</t>
  </si>
  <si>
    <t>cg11563399</t>
  </si>
  <si>
    <t>cg11567041</t>
  </si>
  <si>
    <t>cg11568364</t>
  </si>
  <si>
    <t>cg11576834</t>
  </si>
  <si>
    <t>cg11591516</t>
  </si>
  <si>
    <t>cg11604142</t>
  </si>
  <si>
    <t>cg11612727</t>
  </si>
  <si>
    <t>cg11613559</t>
  </si>
  <si>
    <t>cg11618704</t>
  </si>
  <si>
    <t>cg11619922</t>
  </si>
  <si>
    <t>cg11632906</t>
  </si>
  <si>
    <t>cg11638200</t>
  </si>
  <si>
    <t>cg11639984</t>
  </si>
  <si>
    <t>cg11645198</t>
  </si>
  <si>
    <t>cg11652982</t>
  </si>
  <si>
    <t>cg11660684</t>
  </si>
  <si>
    <t>cg11662609</t>
  </si>
  <si>
    <t>cg11669400</t>
  </si>
  <si>
    <t>cg11674373</t>
  </si>
  <si>
    <t>cg11674432</t>
  </si>
  <si>
    <t>cg11676636</t>
  </si>
  <si>
    <t>cg11705975</t>
  </si>
  <si>
    <t>cg11713515</t>
  </si>
  <si>
    <t>cg11727383</t>
  </si>
  <si>
    <t>cg11729970</t>
  </si>
  <si>
    <t>cg11736657</t>
  </si>
  <si>
    <t>cg11748319</t>
  </si>
  <si>
    <t>cg11750133</t>
  </si>
  <si>
    <t>cg11753158</t>
  </si>
  <si>
    <t>cg11756666</t>
  </si>
  <si>
    <t>cg11757357</t>
  </si>
  <si>
    <t>cg11769939</t>
  </si>
  <si>
    <t>cg11771383</t>
  </si>
  <si>
    <t>cg11772661</t>
  </si>
  <si>
    <t>cg11784742</t>
  </si>
  <si>
    <t>cg11787785</t>
  </si>
  <si>
    <t>cg11790551</t>
  </si>
  <si>
    <t>cg11795975</t>
  </si>
  <si>
    <t>cg11806813</t>
  </si>
  <si>
    <t>cg11808746</t>
  </si>
  <si>
    <t>cg11809208</t>
  </si>
  <si>
    <t>cg11811216</t>
  </si>
  <si>
    <t>cg11814667</t>
  </si>
  <si>
    <t>cg11821440</t>
  </si>
  <si>
    <t>cg11829033</t>
  </si>
  <si>
    <t>cg11832210</t>
  </si>
  <si>
    <t>cg11842610</t>
  </si>
  <si>
    <t>cg11854806</t>
  </si>
  <si>
    <t>cg11895240</t>
  </si>
  <si>
    <t>cg11900509</t>
  </si>
  <si>
    <t>cg11906176</t>
  </si>
  <si>
    <t>cg11943330</t>
  </si>
  <si>
    <t>cg11944462</t>
  </si>
  <si>
    <t>cg11953974</t>
  </si>
  <si>
    <t>cg11960629</t>
  </si>
  <si>
    <t>cg11963436</t>
  </si>
  <si>
    <t>cg11963883</t>
  </si>
  <si>
    <t>cg11965880</t>
  </si>
  <si>
    <t>cg11967480</t>
  </si>
  <si>
    <t>cg11967563</t>
  </si>
  <si>
    <t>cg11977348</t>
  </si>
  <si>
    <t>cg11979294</t>
  </si>
  <si>
    <t>cg11986813</t>
  </si>
  <si>
    <t>cg11990770</t>
  </si>
  <si>
    <t>cg11993300</t>
  </si>
  <si>
    <t>cg11996395</t>
  </si>
  <si>
    <t>cg12005098</t>
  </si>
  <si>
    <t>cg12005122</t>
  </si>
  <si>
    <t>cg12006425</t>
  </si>
  <si>
    <t>cg12010544</t>
  </si>
  <si>
    <t>cg12026546</t>
  </si>
  <si>
    <t>cg12032663</t>
  </si>
  <si>
    <t>cg12033288</t>
  </si>
  <si>
    <t>cg12036559</t>
  </si>
  <si>
    <t>cg12042678</t>
  </si>
  <si>
    <t>cg12043818</t>
  </si>
  <si>
    <t>cg12046168</t>
  </si>
  <si>
    <t>cg12052250</t>
  </si>
  <si>
    <t>cg12054852</t>
  </si>
  <si>
    <t>cg12060422</t>
  </si>
  <si>
    <t>cg12066118</t>
  </si>
  <si>
    <t>cg12066583</t>
  </si>
  <si>
    <t>cg12069423</t>
  </si>
  <si>
    <t>cg12080254</t>
  </si>
  <si>
    <t>cg12091732</t>
  </si>
  <si>
    <t>cg12101927</t>
  </si>
  <si>
    <t>cg12112529</t>
  </si>
  <si>
    <t>cg12115557</t>
  </si>
  <si>
    <t>cg12119218</t>
  </si>
  <si>
    <t>cg12126796</t>
  </si>
  <si>
    <t>cg12141457</t>
  </si>
  <si>
    <t>cg12143431</t>
  </si>
  <si>
    <t>cg12164321</t>
  </si>
  <si>
    <t>cg12170647</t>
  </si>
  <si>
    <t>cg12176249</t>
  </si>
  <si>
    <t>cg12191938</t>
  </si>
  <si>
    <t>cg12195984</t>
  </si>
  <si>
    <t>cg12198729</t>
  </si>
  <si>
    <t>cg12199165</t>
  </si>
  <si>
    <t>cg12204732</t>
  </si>
  <si>
    <t>cg12211962</t>
  </si>
  <si>
    <t>cg12233833</t>
  </si>
  <si>
    <t>cg12235073</t>
  </si>
  <si>
    <t>cg12239750</t>
  </si>
  <si>
    <t>cg12241367</t>
  </si>
  <si>
    <t>cg12241532</t>
  </si>
  <si>
    <t>cg12250896</t>
  </si>
  <si>
    <t>cg12273284</t>
  </si>
  <si>
    <t>cg12275661</t>
  </si>
  <si>
    <t>cg12276298</t>
  </si>
  <si>
    <t>cg12294817</t>
  </si>
  <si>
    <t>cg12317414</t>
  </si>
  <si>
    <t>cg12323980</t>
  </si>
  <si>
    <t>cg12329405</t>
  </si>
  <si>
    <t>cg12331389</t>
  </si>
  <si>
    <t>cg12331743</t>
  </si>
  <si>
    <t>cg12334793</t>
  </si>
  <si>
    <t>cg12335414</t>
  </si>
  <si>
    <t>cg12338214</t>
  </si>
  <si>
    <t>cg12342334</t>
  </si>
  <si>
    <t>cg12352960</t>
  </si>
  <si>
    <t>cg12356890</t>
  </si>
  <si>
    <t>cg12367621</t>
  </si>
  <si>
    <t>cg12368066</t>
  </si>
  <si>
    <t>cg12377139</t>
  </si>
  <si>
    <t>cg12380339</t>
  </si>
  <si>
    <t>cg12382864</t>
  </si>
  <si>
    <t>cg12383964</t>
  </si>
  <si>
    <t>cg12385672</t>
  </si>
  <si>
    <t>cg12390516</t>
  </si>
  <si>
    <t>cg12390907</t>
  </si>
  <si>
    <t>cg12395689</t>
  </si>
  <si>
    <t>cg12401003</t>
  </si>
  <si>
    <t>cg12401679</t>
  </si>
  <si>
    <t>cg12408189</t>
  </si>
  <si>
    <t>cg12416067</t>
  </si>
  <si>
    <t>cg12419678</t>
  </si>
  <si>
    <t>cg12428514</t>
  </si>
  <si>
    <t>cg12434587</t>
  </si>
  <si>
    <t>cg12443462</t>
  </si>
  <si>
    <t>cg12443753</t>
  </si>
  <si>
    <t>cg12449716</t>
  </si>
  <si>
    <t>cg12453183</t>
  </si>
  <si>
    <t>cg12456799</t>
  </si>
  <si>
    <t>cg12461364</t>
  </si>
  <si>
    <t>cg12463100</t>
  </si>
  <si>
    <t>cg12465710</t>
  </si>
  <si>
    <t>cg12470014</t>
  </si>
  <si>
    <t>cg12471811</t>
  </si>
  <si>
    <t>cg12474798</t>
  </si>
  <si>
    <t>cg12489773</t>
  </si>
  <si>
    <t>cg12500973</t>
  </si>
  <si>
    <t>cg12503575</t>
  </si>
  <si>
    <t>cg12504030</t>
  </si>
  <si>
    <t>cg12518898</t>
  </si>
  <si>
    <t>cg12523878</t>
  </si>
  <si>
    <t>cg12528144</t>
  </si>
  <si>
    <t>cg12529006</t>
  </si>
  <si>
    <t>cg12531838</t>
  </si>
  <si>
    <t>cg12539671</t>
  </si>
  <si>
    <t>cg12547474</t>
  </si>
  <si>
    <t>cg12554483</t>
  </si>
  <si>
    <t>cg12563239</t>
  </si>
  <si>
    <t>cg12566152</t>
  </si>
  <si>
    <t>cg12568633</t>
  </si>
  <si>
    <t>cg12576523</t>
  </si>
  <si>
    <t>cg12580870</t>
  </si>
  <si>
    <t>cg12590721</t>
  </si>
  <si>
    <t>cg12603476</t>
  </si>
  <si>
    <t>cg12610471</t>
  </si>
  <si>
    <t>cg12610479</t>
  </si>
  <si>
    <t>cg12610564</t>
  </si>
  <si>
    <t>cg12624829</t>
  </si>
  <si>
    <t>cg12626698</t>
  </si>
  <si>
    <t>cg12629698</t>
  </si>
  <si>
    <t>cg12645616</t>
  </si>
  <si>
    <t>cg12646649</t>
  </si>
  <si>
    <t>cg12661145</t>
  </si>
  <si>
    <t>cg12666165</t>
  </si>
  <si>
    <t>cg12673559</t>
  </si>
  <si>
    <t>cg12673726</t>
  </si>
  <si>
    <t>cg12675942</t>
  </si>
  <si>
    <t>cg12685995</t>
  </si>
  <si>
    <t>cg12708799</t>
  </si>
  <si>
    <t>cg12712771</t>
  </si>
  <si>
    <t>cg12724942</t>
  </si>
  <si>
    <t>cg12737938</t>
  </si>
  <si>
    <t>cg12743976</t>
  </si>
  <si>
    <t>cg12746356</t>
  </si>
  <si>
    <t>cg12748703</t>
  </si>
  <si>
    <t>cg12751948</t>
  </si>
  <si>
    <t>cg12753366</t>
  </si>
  <si>
    <t>cg12754824</t>
  </si>
  <si>
    <t>cg12758636</t>
  </si>
  <si>
    <t>cg12765123</t>
  </si>
  <si>
    <t>cg12767885</t>
  </si>
  <si>
    <t>cg12777293</t>
  </si>
  <si>
    <t>cg12783297</t>
  </si>
  <si>
    <t>cg12786570</t>
  </si>
  <si>
    <t>cg12787323</t>
  </si>
  <si>
    <t>cg12798492</t>
  </si>
  <si>
    <t>cg12799885</t>
  </si>
  <si>
    <t>cg12807537</t>
  </si>
  <si>
    <t>cg12812502</t>
  </si>
  <si>
    <t>cg12816961</t>
  </si>
  <si>
    <t>cg12823012</t>
  </si>
  <si>
    <t>cg12824796</t>
  </si>
  <si>
    <t>cg12829687</t>
  </si>
  <si>
    <t>cg12835845</t>
  </si>
  <si>
    <t>cg12835924</t>
  </si>
  <si>
    <t>cg12841513</t>
  </si>
  <si>
    <t>cg12846190</t>
  </si>
  <si>
    <t>cg12847800</t>
  </si>
  <si>
    <t>cg12858900</t>
  </si>
  <si>
    <t>cg12864721</t>
  </si>
  <si>
    <t>cg12870705</t>
  </si>
  <si>
    <t>cg12874092</t>
  </si>
  <si>
    <t>cg12876012</t>
  </si>
  <si>
    <t>cg12881037</t>
  </si>
  <si>
    <t>cg12887581</t>
  </si>
  <si>
    <t>cg12891178</t>
  </si>
  <si>
    <t>cg12955583</t>
  </si>
  <si>
    <t>cg13060520</t>
  </si>
  <si>
    <t>cg13157596</t>
  </si>
  <si>
    <t>cg13169484</t>
  </si>
  <si>
    <t>cg13196826</t>
  </si>
  <si>
    <t>cg13208899</t>
  </si>
  <si>
    <t>cg13220109</t>
  </si>
  <si>
    <t>cg13224723</t>
  </si>
  <si>
    <t>cg13227646</t>
  </si>
  <si>
    <t>cg13238680</t>
  </si>
  <si>
    <t>cg13238876</t>
  </si>
  <si>
    <t>cg13244241</t>
  </si>
  <si>
    <t>cg13253980</t>
  </si>
  <si>
    <t>cg13264059</t>
  </si>
  <si>
    <t>cg13291704</t>
  </si>
  <si>
    <t>cg13307451</t>
  </si>
  <si>
    <t>cg13319501</t>
  </si>
  <si>
    <t>cg13320291</t>
  </si>
  <si>
    <t>cg13320518</t>
  </si>
  <si>
    <t>cg13324547</t>
  </si>
  <si>
    <t>cg13325154</t>
  </si>
  <si>
    <t>cg13327545</t>
  </si>
  <si>
    <t>cg13329723</t>
  </si>
  <si>
    <t>cg13331196</t>
  </si>
  <si>
    <t>cg13332774</t>
  </si>
  <si>
    <t>cg13334135</t>
  </si>
  <si>
    <t>cg13334352</t>
  </si>
  <si>
    <t>cg13343639</t>
  </si>
  <si>
    <t>cg13346013</t>
  </si>
  <si>
    <t>cg13348293</t>
  </si>
  <si>
    <t>cg13350140</t>
  </si>
  <si>
    <t>cg13355574</t>
  </si>
  <si>
    <t>cg13371583</t>
  </si>
  <si>
    <t>cg13381360</t>
  </si>
  <si>
    <t>cg13403232</t>
  </si>
  <si>
    <t>cg13405485</t>
  </si>
  <si>
    <t>cg13409449</t>
  </si>
  <si>
    <t>cg13410117</t>
  </si>
  <si>
    <t>cg13419809</t>
  </si>
  <si>
    <t>cg13424029</t>
  </si>
  <si>
    <t>cg13432205</t>
  </si>
  <si>
    <t>cg13436711</t>
  </si>
  <si>
    <t>cg13447927</t>
  </si>
  <si>
    <t>cg13448753</t>
  </si>
  <si>
    <t>cg13453904</t>
  </si>
  <si>
    <t>cg13457172</t>
  </si>
  <si>
    <t>cg13458005</t>
  </si>
  <si>
    <t>cg13458561</t>
  </si>
  <si>
    <t>cg13467950</t>
  </si>
  <si>
    <t>cg13469286</t>
  </si>
  <si>
    <t>cg13475995</t>
  </si>
  <si>
    <t>cg13485979</t>
  </si>
  <si>
    <t>cg13495038</t>
  </si>
  <si>
    <t>cg13500206</t>
  </si>
  <si>
    <t>cg13504411</t>
  </si>
  <si>
    <t>cg13504993</t>
  </si>
  <si>
    <t>cg13509954</t>
  </si>
  <si>
    <t>cg13519194</t>
  </si>
  <si>
    <t>cg13520532</t>
  </si>
  <si>
    <t>cg13524873</t>
  </si>
  <si>
    <t>cg13525448</t>
  </si>
  <si>
    <t>cg13527016</t>
  </si>
  <si>
    <t>cg13528847</t>
  </si>
  <si>
    <t>cg13542817</t>
  </si>
  <si>
    <t>cg13544966</t>
  </si>
  <si>
    <t>cg13565382</t>
  </si>
  <si>
    <t>cg13574488</t>
  </si>
  <si>
    <t>cg13582782</t>
  </si>
  <si>
    <t>cg13587533</t>
  </si>
  <si>
    <t>cg13591848</t>
  </si>
  <si>
    <t>cg13617047</t>
  </si>
  <si>
    <t>cg13626863</t>
  </si>
  <si>
    <t>cg13637321</t>
  </si>
  <si>
    <t>cg13637654</t>
  </si>
  <si>
    <t>cg13648088</t>
  </si>
  <si>
    <t>cg13648328</t>
  </si>
  <si>
    <t>cg13660664</t>
  </si>
  <si>
    <t>cg13661793</t>
  </si>
  <si>
    <t>cg13665852</t>
  </si>
  <si>
    <t>cg13669036</t>
  </si>
  <si>
    <t>cg13670448</t>
  </si>
  <si>
    <t>cg13677279</t>
  </si>
  <si>
    <t>cg13680864</t>
  </si>
  <si>
    <t>cg13690864</t>
  </si>
  <si>
    <t>cg13708259</t>
  </si>
  <si>
    <t>cg13710279</t>
  </si>
  <si>
    <t>cg13720705</t>
  </si>
  <si>
    <t>cg13726491</t>
  </si>
  <si>
    <t>cg13740185</t>
  </si>
  <si>
    <t>cg13742952</t>
  </si>
  <si>
    <t>cg13750264</t>
  </si>
  <si>
    <t>cg13763181</t>
  </si>
  <si>
    <t>cg13763308</t>
  </si>
  <si>
    <t>cg13773948</t>
  </si>
  <si>
    <t>cg13781829</t>
  </si>
  <si>
    <t>cg13782814</t>
  </si>
  <si>
    <t>cg13795838</t>
  </si>
  <si>
    <t>cg13799287</t>
  </si>
  <si>
    <t>cg13799970</t>
  </si>
  <si>
    <t>cg13806031</t>
  </si>
  <si>
    <t>cg13809095</t>
  </si>
  <si>
    <t>cg13814485</t>
  </si>
  <si>
    <t>cg13814708</t>
  </si>
  <si>
    <t>cg13831459</t>
  </si>
  <si>
    <t>cg13834844</t>
  </si>
  <si>
    <t>cg13851956</t>
  </si>
  <si>
    <t>cg13864455</t>
  </si>
  <si>
    <t>cg13885325</t>
  </si>
  <si>
    <t>cg13890451</t>
  </si>
  <si>
    <t>cg13891985</t>
  </si>
  <si>
    <t>cg13896113</t>
  </si>
  <si>
    <t>cg13903378</t>
  </si>
  <si>
    <t>cg13908507</t>
  </si>
  <si>
    <t>cg13921204</t>
  </si>
  <si>
    <t>cg13939664</t>
  </si>
  <si>
    <t>cg13950829</t>
  </si>
  <si>
    <t>cg13951697</t>
  </si>
  <si>
    <t>cg13953753</t>
  </si>
  <si>
    <t>cg13954297</t>
  </si>
  <si>
    <t>cg13957721</t>
  </si>
  <si>
    <t>cg13967414</t>
  </si>
  <si>
    <t>cg13971260</t>
  </si>
  <si>
    <t>cg13975098</t>
  </si>
  <si>
    <t>cg13987078</t>
  </si>
  <si>
    <t>cg13994504</t>
  </si>
  <si>
    <t>cg13997668</t>
  </si>
  <si>
    <t>cg13997975</t>
  </si>
  <si>
    <t>cg14000147</t>
  </si>
  <si>
    <t>cg14001558</t>
  </si>
  <si>
    <t>cg14018140</t>
  </si>
  <si>
    <t>cg14021564</t>
  </si>
  <si>
    <t>cg14022434</t>
  </si>
  <si>
    <t>cg14022711</t>
  </si>
  <si>
    <t>cg14029968</t>
  </si>
  <si>
    <t>cg14030268</t>
  </si>
  <si>
    <t>cg14032529</t>
  </si>
  <si>
    <t>cg14043803</t>
  </si>
  <si>
    <t>cg14050262</t>
  </si>
  <si>
    <t>cg14052593</t>
  </si>
  <si>
    <t>cg14054842</t>
  </si>
  <si>
    <t>cg14084091</t>
  </si>
  <si>
    <t>cg14087083</t>
  </si>
  <si>
    <t>cg14098681</t>
  </si>
  <si>
    <t>cg14106234</t>
  </si>
  <si>
    <t>cg14116756</t>
  </si>
  <si>
    <t>cg14150280</t>
  </si>
  <si>
    <t>cg14156751</t>
  </si>
  <si>
    <t>cg14159304</t>
  </si>
  <si>
    <t>cg14170117</t>
  </si>
  <si>
    <t>cg14193339</t>
  </si>
  <si>
    <t>cg14193565</t>
  </si>
  <si>
    <t>cg14194367</t>
  </si>
  <si>
    <t>cg14196028</t>
  </si>
  <si>
    <t>cg14209793</t>
  </si>
  <si>
    <t>cg14213021</t>
  </si>
  <si>
    <t>cg14218861</t>
  </si>
  <si>
    <t>cg14219291</t>
  </si>
  <si>
    <t>cg14220394</t>
  </si>
  <si>
    <t>cg14233800</t>
  </si>
  <si>
    <t>cg14250130</t>
  </si>
  <si>
    <t>cg14253896</t>
  </si>
  <si>
    <t>cg14256136</t>
  </si>
  <si>
    <t>cg14259466</t>
  </si>
  <si>
    <t>cg14270857</t>
  </si>
  <si>
    <t>cg14274609</t>
  </si>
  <si>
    <t>cg14276323</t>
  </si>
  <si>
    <t>cg14307892</t>
  </si>
  <si>
    <t>cg14317457</t>
  </si>
  <si>
    <t>cg14320530</t>
  </si>
  <si>
    <t>cg14325029</t>
  </si>
  <si>
    <t>cg14325851</t>
  </si>
  <si>
    <t>cg14334161</t>
  </si>
  <si>
    <t>cg14348658</t>
  </si>
  <si>
    <t>cg14354327</t>
  </si>
  <si>
    <t>cg14365271</t>
  </si>
  <si>
    <t>cg14375937</t>
  </si>
  <si>
    <t>cg14380065</t>
  </si>
  <si>
    <t>cg14385985</t>
  </si>
  <si>
    <t>cg14390489</t>
  </si>
  <si>
    <t>cg14405996</t>
  </si>
  <si>
    <t>cg14408590</t>
  </si>
  <si>
    <t>cg14418756</t>
  </si>
  <si>
    <t>cg14428166</t>
  </si>
  <si>
    <t>cg14429457</t>
  </si>
  <si>
    <t>cg14435498</t>
  </si>
  <si>
    <t>cg14441964</t>
  </si>
  <si>
    <t>cg14453012</t>
  </si>
  <si>
    <t>cg14461522</t>
  </si>
  <si>
    <t>cg14461582</t>
  </si>
  <si>
    <t>cg14461586</t>
  </si>
  <si>
    <t>cg14462779</t>
  </si>
  <si>
    <t>cg14481481</t>
  </si>
  <si>
    <t>cg14491482</t>
  </si>
  <si>
    <t>cg14491820</t>
  </si>
  <si>
    <t>cg14506196</t>
  </si>
  <si>
    <t>cg14519036</t>
  </si>
  <si>
    <t>cg14538374</t>
  </si>
  <si>
    <t>cg14538439</t>
  </si>
  <si>
    <t>cg14539394</t>
  </si>
  <si>
    <t>cg14539900</t>
  </si>
  <si>
    <t>cg14548882</t>
  </si>
  <si>
    <t>cg14556256</t>
  </si>
  <si>
    <t>cg14559356</t>
  </si>
  <si>
    <t>cg14559409</t>
  </si>
  <si>
    <t>cg14567917</t>
  </si>
  <si>
    <t>cg14584159</t>
  </si>
  <si>
    <t>cg14588178</t>
  </si>
  <si>
    <t>cg14606586</t>
  </si>
  <si>
    <t>cg14607011</t>
  </si>
  <si>
    <t>cg14612544</t>
  </si>
  <si>
    <t>cg14614314</t>
  </si>
  <si>
    <t>cg14621053</t>
  </si>
  <si>
    <t>cg14631462</t>
  </si>
  <si>
    <t>cg14646974</t>
  </si>
  <si>
    <t>cg14649650</t>
  </si>
  <si>
    <t>cg14653418</t>
  </si>
  <si>
    <t>cg14663510</t>
  </si>
  <si>
    <t>cg14674124</t>
  </si>
  <si>
    <t>cg14676407</t>
  </si>
  <si>
    <t>cg14677014</t>
  </si>
  <si>
    <t>cg14694901</t>
  </si>
  <si>
    <t>cg14698917</t>
  </si>
  <si>
    <t>cg14700647</t>
  </si>
  <si>
    <t>cg14706950</t>
  </si>
  <si>
    <t>cg14714692</t>
  </si>
  <si>
    <t>cg14722226</t>
  </si>
  <si>
    <t>cg14725719</t>
  </si>
  <si>
    <t>cg14731413</t>
  </si>
  <si>
    <t>cg14733161</t>
  </si>
  <si>
    <t>cg14753599</t>
  </si>
  <si>
    <t>cg14754439</t>
  </si>
  <si>
    <t>cg14763972</t>
  </si>
  <si>
    <t>cg14764876</t>
  </si>
  <si>
    <t>cg14775751</t>
  </si>
  <si>
    <t>cg14789214</t>
  </si>
  <si>
    <t>cg14791866</t>
  </si>
  <si>
    <t>cg14794936</t>
  </si>
  <si>
    <t>cg14801290</t>
  </si>
  <si>
    <t>cg14816482</t>
  </si>
  <si>
    <t>cg14822490</t>
  </si>
  <si>
    <t>cg14823666</t>
  </si>
  <si>
    <t>cg14825384</t>
  </si>
  <si>
    <t>cg14830402</t>
  </si>
  <si>
    <t>cg14845216</t>
  </si>
  <si>
    <t>cg14845689</t>
  </si>
  <si>
    <t>cg14846060</t>
  </si>
  <si>
    <t>cg14851108</t>
  </si>
  <si>
    <t>cg14861089</t>
  </si>
  <si>
    <t>cg14862378</t>
  </si>
  <si>
    <t>cg14880527</t>
  </si>
  <si>
    <t>cg14885145</t>
  </si>
  <si>
    <t>cg14896134</t>
  </si>
  <si>
    <t>cg14896926</t>
  </si>
  <si>
    <t>cg14897419</t>
  </si>
  <si>
    <t>cg14899522</t>
  </si>
  <si>
    <t>cg14900295</t>
  </si>
  <si>
    <t>cg14902864</t>
  </si>
  <si>
    <t>cg14903612</t>
  </si>
  <si>
    <t>cg14904586</t>
  </si>
  <si>
    <t>cg14929913</t>
  </si>
  <si>
    <t>cg14954740</t>
  </si>
  <si>
    <t>cg14963884</t>
  </si>
  <si>
    <t>cg14965220</t>
  </si>
  <si>
    <t>cg14968482</t>
  </si>
  <si>
    <t>cg14970695</t>
  </si>
  <si>
    <t>cg14971320</t>
  </si>
  <si>
    <t>cg14978741</t>
  </si>
  <si>
    <t>cg14983763</t>
  </si>
  <si>
    <t>cg14986314</t>
  </si>
  <si>
    <t>cg14986671</t>
  </si>
  <si>
    <t>cg14987431</t>
  </si>
  <si>
    <t>cg15016513</t>
  </si>
  <si>
    <t>cg15022308</t>
  </si>
  <si>
    <t>cg15047669</t>
  </si>
  <si>
    <t>cg15068520</t>
  </si>
  <si>
    <t>cg15077012</t>
  </si>
  <si>
    <t>cg15078013</t>
  </si>
  <si>
    <t>cg15087907</t>
  </si>
  <si>
    <t>cg15093003</t>
  </si>
  <si>
    <t>cg15096465</t>
  </si>
  <si>
    <t>cg15109571</t>
  </si>
  <si>
    <t>cg15122358</t>
  </si>
  <si>
    <t>cg15122498</t>
  </si>
  <si>
    <t>cg15138986</t>
  </si>
  <si>
    <t>cg15164702</t>
  </si>
  <si>
    <t>cg15167008</t>
  </si>
  <si>
    <t>cg15169471</t>
  </si>
  <si>
    <t>cg15182326</t>
  </si>
  <si>
    <t>cg15182635</t>
  </si>
  <si>
    <t>cg15187550</t>
  </si>
  <si>
    <t>cg15193782</t>
  </si>
  <si>
    <t>cg15205127</t>
  </si>
  <si>
    <t>cg15212354</t>
  </si>
  <si>
    <t>cg15213732</t>
  </si>
  <si>
    <t>cg15233114</t>
  </si>
  <si>
    <t>cg15241501</t>
  </si>
  <si>
    <t>cg15247093</t>
  </si>
  <si>
    <t>cg15248304</t>
  </si>
  <si>
    <t>cg15248828</t>
  </si>
  <si>
    <t>cg15252215</t>
  </si>
  <si>
    <t>cg15253204</t>
  </si>
  <si>
    <t>cg15258447</t>
  </si>
  <si>
    <t>cg15259864</t>
  </si>
  <si>
    <t>cg15261605</t>
  </si>
  <si>
    <t>cg15267232</t>
  </si>
  <si>
    <t>cg15268691</t>
  </si>
  <si>
    <t>cg15268727</t>
  </si>
  <si>
    <t>cg15273368</t>
  </si>
  <si>
    <t>cg15278109</t>
  </si>
  <si>
    <t>cg15279476</t>
  </si>
  <si>
    <t>cg15281032</t>
  </si>
  <si>
    <t>cg15293582</t>
  </si>
  <si>
    <t>cg15297724</t>
  </si>
  <si>
    <t>cg15302128</t>
  </si>
  <si>
    <t>cg15304699</t>
  </si>
  <si>
    <t>cg15317837</t>
  </si>
  <si>
    <t>cg15322963</t>
  </si>
  <si>
    <t>cg15330117</t>
  </si>
  <si>
    <t>cg15330255</t>
  </si>
  <si>
    <t>cg15338327</t>
  </si>
  <si>
    <t>cg15339994</t>
  </si>
  <si>
    <t>cg15342404</t>
  </si>
  <si>
    <t>cg15344419</t>
  </si>
  <si>
    <t>cg15347156</t>
  </si>
  <si>
    <t>cg15358372</t>
  </si>
  <si>
    <t>cg15363270</t>
  </si>
  <si>
    <t>cg15363487</t>
  </si>
  <si>
    <t>cg15364548</t>
  </si>
  <si>
    <t>cg15364725</t>
  </si>
  <si>
    <t>cg15367698</t>
  </si>
  <si>
    <t>cg15372479</t>
  </si>
  <si>
    <t>cg15384383</t>
  </si>
  <si>
    <t>cg15394763</t>
  </si>
  <si>
    <t>cg15396686</t>
  </si>
  <si>
    <t>cg15397740</t>
  </si>
  <si>
    <t>cg15404570</t>
  </si>
  <si>
    <t>cg15409004</t>
  </si>
  <si>
    <t>cg15428140</t>
  </si>
  <si>
    <t>cg15433798</t>
  </si>
  <si>
    <t>cg15434569</t>
  </si>
  <si>
    <t>cg15435907</t>
  </si>
  <si>
    <t>cg15437133</t>
  </si>
  <si>
    <t>cg15446945</t>
  </si>
  <si>
    <t>cg15454820</t>
  </si>
  <si>
    <t>cg15460093</t>
  </si>
  <si>
    <t>cg15462174</t>
  </si>
  <si>
    <t>cg15462502</t>
  </si>
  <si>
    <t>cg15465223</t>
  </si>
  <si>
    <t>cg15468521</t>
  </si>
  <si>
    <t>cg15469871</t>
  </si>
  <si>
    <t>cg15475055</t>
  </si>
  <si>
    <t>cg15475851</t>
  </si>
  <si>
    <t>cg15490694</t>
  </si>
  <si>
    <t>cg15501526</t>
  </si>
  <si>
    <t>cg15504408</t>
  </si>
  <si>
    <t>cg15507321</t>
  </si>
  <si>
    <t>cg15518542</t>
  </si>
  <si>
    <t>cg15537487</t>
  </si>
  <si>
    <t>cg15541890</t>
  </si>
  <si>
    <t>cg15557486</t>
  </si>
  <si>
    <t>cg15583029</t>
  </si>
  <si>
    <t>cg15590007</t>
  </si>
  <si>
    <t>cg15602633</t>
  </si>
  <si>
    <t>cg15608943</t>
  </si>
  <si>
    <t>cg15610777</t>
  </si>
  <si>
    <t>cg15613567</t>
  </si>
  <si>
    <t>cg15617297</t>
  </si>
  <si>
    <t>cg15624813</t>
  </si>
  <si>
    <t>cg15630743</t>
  </si>
  <si>
    <t>cg15631964</t>
  </si>
  <si>
    <t>cg15635851</t>
  </si>
  <si>
    <t>cg15640993</t>
  </si>
  <si>
    <t>cg15642854</t>
  </si>
  <si>
    <t>cg15657704</t>
  </si>
  <si>
    <t>cg15667622</t>
  </si>
  <si>
    <t>cg15676226</t>
  </si>
  <si>
    <t>cg15701794</t>
  </si>
  <si>
    <t>cg15720089</t>
  </si>
  <si>
    <t>cg15724773</t>
  </si>
  <si>
    <t>cg15732502</t>
  </si>
  <si>
    <t>cg15744869</t>
  </si>
  <si>
    <t>cg15764593</t>
  </si>
  <si>
    <t>cg15777335</t>
  </si>
  <si>
    <t>cg15784580</t>
  </si>
  <si>
    <t>cg15803506</t>
  </si>
  <si>
    <t>cg15807973</t>
  </si>
  <si>
    <t>cg15812177</t>
  </si>
  <si>
    <t>cg15823956</t>
  </si>
  <si>
    <t>cg15825287</t>
  </si>
  <si>
    <t>cg15825786</t>
  </si>
  <si>
    <t>cg15829081</t>
  </si>
  <si>
    <t>cg15831820</t>
  </si>
  <si>
    <t>cg15833704</t>
  </si>
  <si>
    <t>cg15834928</t>
  </si>
  <si>
    <t>cg15838054</t>
  </si>
  <si>
    <t>cg15838173</t>
  </si>
  <si>
    <t>cg15847996</t>
  </si>
  <si>
    <t>cg15850954</t>
  </si>
  <si>
    <t>cg15852223</t>
  </si>
  <si>
    <t>cg15860595</t>
  </si>
  <si>
    <t>cg15872329</t>
  </si>
  <si>
    <t>cg15872683</t>
  </si>
  <si>
    <t>cg15876513</t>
  </si>
  <si>
    <t>cg15881906</t>
  </si>
  <si>
    <t>cg15888741</t>
  </si>
  <si>
    <t>cg15889913</t>
  </si>
  <si>
    <t>cg15900657</t>
  </si>
  <si>
    <t>cg15909933</t>
  </si>
  <si>
    <t>cg15925325</t>
  </si>
  <si>
    <t>cg15925718</t>
  </si>
  <si>
    <t>cg15927455</t>
  </si>
  <si>
    <t>cg15929693</t>
  </si>
  <si>
    <t>cg15933195</t>
  </si>
  <si>
    <t>cg15941413</t>
  </si>
  <si>
    <t>cg15942382</t>
  </si>
  <si>
    <t>cg15947099</t>
  </si>
  <si>
    <t>cg15959715</t>
  </si>
  <si>
    <t>cg15979344</t>
  </si>
  <si>
    <t>cg15986238</t>
  </si>
  <si>
    <t>cg15991708</t>
  </si>
  <si>
    <t>cg15993841</t>
  </si>
  <si>
    <t>cg16003829</t>
  </si>
  <si>
    <t>cg16006015</t>
  </si>
  <si>
    <t>cg16006296</t>
  </si>
  <si>
    <t>cg16011480</t>
  </si>
  <si>
    <t>cg16018152</t>
  </si>
  <si>
    <t>cg16019809</t>
  </si>
  <si>
    <t>cg16023943</t>
  </si>
  <si>
    <t>cg16033053</t>
  </si>
  <si>
    <t>cg16043357</t>
  </si>
  <si>
    <t>cg16060369</t>
  </si>
  <si>
    <t>cg16063747</t>
  </si>
  <si>
    <t>cg16071118</t>
  </si>
  <si>
    <t>cg16079364</t>
  </si>
  <si>
    <t>cg16087940</t>
  </si>
  <si>
    <t>cg16088277</t>
  </si>
  <si>
    <t>cg16098780</t>
  </si>
  <si>
    <t>cg16119628</t>
  </si>
  <si>
    <t>cg16124546</t>
  </si>
  <si>
    <t>cg16132219</t>
  </si>
  <si>
    <t>cg16135695</t>
  </si>
  <si>
    <t>cg16156434</t>
  </si>
  <si>
    <t>cg16171213</t>
  </si>
  <si>
    <t>cg16172814</t>
  </si>
  <si>
    <t>cg16175006</t>
  </si>
  <si>
    <t>cg16181903</t>
  </si>
  <si>
    <t>cg16196077</t>
  </si>
  <si>
    <t>cg16201095</t>
  </si>
  <si>
    <t>cg16215402</t>
  </si>
  <si>
    <t>cg16221555</t>
  </si>
  <si>
    <t>cg16223436</t>
  </si>
  <si>
    <t>cg16230625</t>
  </si>
  <si>
    <t>cg16234557</t>
  </si>
  <si>
    <t>cg16244248</t>
  </si>
  <si>
    <t>cg16248277</t>
  </si>
  <si>
    <t>cg16260355</t>
  </si>
  <si>
    <t>cg16282361</t>
  </si>
  <si>
    <t>cg16284674</t>
  </si>
  <si>
    <t>cg16289611</t>
  </si>
  <si>
    <t>cg16300033</t>
  </si>
  <si>
    <t>cg16307587</t>
  </si>
  <si>
    <t>cg16314733</t>
  </si>
  <si>
    <t>cg16319310</t>
  </si>
  <si>
    <t>cg16321228</t>
  </si>
  <si>
    <t>cg16323491</t>
  </si>
  <si>
    <t>cg16325777</t>
  </si>
  <si>
    <t>cg16329784</t>
  </si>
  <si>
    <t>cg16331358</t>
  </si>
  <si>
    <t>cg16334004</t>
  </si>
  <si>
    <t>cg16345366</t>
  </si>
  <si>
    <t>cg16348242</t>
  </si>
  <si>
    <t>cg16348254</t>
  </si>
  <si>
    <t>cg16349964</t>
  </si>
  <si>
    <t>cg16352527</t>
  </si>
  <si>
    <t>cg16365187</t>
  </si>
  <si>
    <t>cg16370869</t>
  </si>
  <si>
    <t>cg16381596</t>
  </si>
  <si>
    <t>cg16395486</t>
  </si>
  <si>
    <t>cg16395614</t>
  </si>
  <si>
    <t>cg16397794</t>
  </si>
  <si>
    <t>cg16402270</t>
  </si>
  <si>
    <t>cg16402873</t>
  </si>
  <si>
    <t>cg16419019</t>
  </si>
  <si>
    <t>cg16422098</t>
  </si>
  <si>
    <t>cg16423650</t>
  </si>
  <si>
    <t>cg16427033</t>
  </si>
  <si>
    <t>cg16430909</t>
  </si>
  <si>
    <t>cg16443455</t>
  </si>
  <si>
    <t>cg16443970</t>
  </si>
  <si>
    <t>cg16444701</t>
  </si>
  <si>
    <t>cg16446486</t>
  </si>
  <si>
    <t>cg16447865</t>
  </si>
  <si>
    <t>cg16475951</t>
  </si>
  <si>
    <t>cg16482344</t>
  </si>
  <si>
    <t>cg16490176</t>
  </si>
  <si>
    <t>cg16492341</t>
  </si>
  <si>
    <t>cg16494192</t>
  </si>
  <si>
    <t>cg16497424</t>
  </si>
  <si>
    <t>cg16500769</t>
  </si>
  <si>
    <t>cg16501237</t>
  </si>
  <si>
    <t>cg16519433</t>
  </si>
  <si>
    <t>cg16528305</t>
  </si>
  <si>
    <t>cg16532016</t>
  </si>
  <si>
    <t>cg16532893</t>
  </si>
  <si>
    <t>cg16571694</t>
  </si>
  <si>
    <t>cg16574134</t>
  </si>
  <si>
    <t>cg16584573</t>
  </si>
  <si>
    <t>cg16589299</t>
  </si>
  <si>
    <t>cg16612471</t>
  </si>
  <si>
    <t>cg16620392</t>
  </si>
  <si>
    <t>cg16627646</t>
  </si>
  <si>
    <t>cg16631025</t>
  </si>
  <si>
    <t>cg16634193</t>
  </si>
  <si>
    <t>cg16639311</t>
  </si>
  <si>
    <t>cg16641818</t>
  </si>
  <si>
    <t>cg16642284</t>
  </si>
  <si>
    <t>cg16655837</t>
  </si>
  <si>
    <t>cg16657924</t>
  </si>
  <si>
    <t>cg16664405</t>
  </si>
  <si>
    <t>cg16676551</t>
  </si>
  <si>
    <t>cg16678602</t>
  </si>
  <si>
    <t>cg16679084</t>
  </si>
  <si>
    <t>cg16690757</t>
  </si>
  <si>
    <t>cg16692735</t>
  </si>
  <si>
    <t>cg16697024</t>
  </si>
  <si>
    <t>cg16697438</t>
  </si>
  <si>
    <t>cg16720687</t>
  </si>
  <si>
    <t>cg16734433</t>
  </si>
  <si>
    <t>cg16740166</t>
  </si>
  <si>
    <t>cg16742925</t>
  </si>
  <si>
    <t>cg16747247</t>
  </si>
  <si>
    <t>cg16750440</t>
  </si>
  <si>
    <t>cg16750801</t>
  </si>
  <si>
    <t>cg16752962</t>
  </si>
  <si>
    <t>cg16759416</t>
  </si>
  <si>
    <t>cg16770697</t>
  </si>
  <si>
    <t>cg16780032</t>
  </si>
  <si>
    <t>cg16780568</t>
  </si>
  <si>
    <t>cg16783279</t>
  </si>
  <si>
    <t>cg16783349</t>
  </si>
  <si>
    <t>cg16786144</t>
  </si>
  <si>
    <t>cg16786721</t>
  </si>
  <si>
    <t>cg16804020</t>
  </si>
  <si>
    <t>cg16809293</t>
  </si>
  <si>
    <t>cg16823466</t>
  </si>
  <si>
    <t>cg16825290</t>
  </si>
  <si>
    <t>cg16827475</t>
  </si>
  <si>
    <t>cg16831085</t>
  </si>
  <si>
    <t>cg16832975</t>
  </si>
  <si>
    <t>cg16834496</t>
  </si>
  <si>
    <t>cg16834787</t>
  </si>
  <si>
    <t>cg16845293</t>
  </si>
  <si>
    <t>cg16850511</t>
  </si>
  <si>
    <t>cg16850623</t>
  </si>
  <si>
    <t>cg16852588</t>
  </si>
  <si>
    <t>cg16854826</t>
  </si>
  <si>
    <t>cg16873652</t>
  </si>
  <si>
    <t>cg16894214</t>
  </si>
  <si>
    <t>cg16903885</t>
  </si>
  <si>
    <t>cg16904399</t>
  </si>
  <si>
    <t>cg16906375</t>
  </si>
  <si>
    <t>cg16942135</t>
  </si>
  <si>
    <t>cg16943126</t>
  </si>
  <si>
    <t>cg16946033</t>
  </si>
  <si>
    <t>cg16949120</t>
  </si>
  <si>
    <t>cg16960797</t>
  </si>
  <si>
    <t>cg16963373</t>
  </si>
  <si>
    <t>cg16964389</t>
  </si>
  <si>
    <t>cg16966201</t>
  </si>
  <si>
    <t>cg16988166</t>
  </si>
  <si>
    <t>cg16990532</t>
  </si>
  <si>
    <t>cg16993936</t>
  </si>
  <si>
    <t>cg17012863</t>
  </si>
  <si>
    <t>cg17016094</t>
  </si>
  <si>
    <t>cg17039011</t>
  </si>
  <si>
    <t>cg17071648</t>
  </si>
  <si>
    <t>cg17073432</t>
  </si>
  <si>
    <t>cg17093401</t>
  </si>
  <si>
    <t>cg17096262</t>
  </si>
  <si>
    <t>cg17098147</t>
  </si>
  <si>
    <t>cg17108971</t>
  </si>
  <si>
    <t>cg17108996</t>
  </si>
  <si>
    <t>cg17122475</t>
  </si>
  <si>
    <t>cg17124583</t>
  </si>
  <si>
    <t>cg17127309</t>
  </si>
  <si>
    <t>cg17132517</t>
  </si>
  <si>
    <t>cg17133967</t>
  </si>
  <si>
    <t>cg17138769</t>
  </si>
  <si>
    <t>cg17141577</t>
  </si>
  <si>
    <t>cg17147776</t>
  </si>
  <si>
    <t>cg17159890</t>
  </si>
  <si>
    <t>cg17160984</t>
  </si>
  <si>
    <t>cg17167425</t>
  </si>
  <si>
    <t>cg17174375</t>
  </si>
  <si>
    <t>cg17193369</t>
  </si>
  <si>
    <t>cg17201651</t>
  </si>
  <si>
    <t>cg17213342</t>
  </si>
  <si>
    <t>cg17214737</t>
  </si>
  <si>
    <t>cg17215172</t>
  </si>
  <si>
    <t>cg17221993</t>
  </si>
  <si>
    <t>cg17227926</t>
  </si>
  <si>
    <t>cg17233127</t>
  </si>
  <si>
    <t>cg17241283</t>
  </si>
  <si>
    <t>cg17247026</t>
  </si>
  <si>
    <t>cg17247873</t>
  </si>
  <si>
    <t>cg17251097</t>
  </si>
  <si>
    <t>cg17255062</t>
  </si>
  <si>
    <t>cg17256532</t>
  </si>
  <si>
    <t>cg17259183</t>
  </si>
  <si>
    <t>cg17261303</t>
  </si>
  <si>
    <t>cg17267805</t>
  </si>
  <si>
    <t>cg17270370</t>
  </si>
  <si>
    <t>cg17270843</t>
  </si>
  <si>
    <t>cg17276590</t>
  </si>
  <si>
    <t>cg17282060</t>
  </si>
  <si>
    <t>cg17283857</t>
  </si>
  <si>
    <t>cg17288102</t>
  </si>
  <si>
    <t>cg17290701</t>
  </si>
  <si>
    <t>cg17301379</t>
  </si>
  <si>
    <t>cg17307442</t>
  </si>
  <si>
    <t>cg17320707</t>
  </si>
  <si>
    <t>cg17334937</t>
  </si>
  <si>
    <t>cg17339484</t>
  </si>
  <si>
    <t>cg17339505</t>
  </si>
  <si>
    <t>cg17352027</t>
  </si>
  <si>
    <t>cg17352386</t>
  </si>
  <si>
    <t>cg17377467</t>
  </si>
  <si>
    <t>cg17380475</t>
  </si>
  <si>
    <t>cg17384380</t>
  </si>
  <si>
    <t>cg17384647</t>
  </si>
  <si>
    <t>cg17392909</t>
  </si>
  <si>
    <t>cg17410974</t>
  </si>
  <si>
    <t>cg17422774</t>
  </si>
  <si>
    <t>cg17426063</t>
  </si>
  <si>
    <t>cg17426273</t>
  </si>
  <si>
    <t>cg17437770</t>
  </si>
  <si>
    <t>cg17456994</t>
  </si>
  <si>
    <t>cg17458101</t>
  </si>
  <si>
    <t>cg17459949</t>
  </si>
  <si>
    <t>cg17465063</t>
  </si>
  <si>
    <t>cg17477052</t>
  </si>
  <si>
    <t>cg17484771</t>
  </si>
  <si>
    <t>cg17485681</t>
  </si>
  <si>
    <t>cg17486946</t>
  </si>
  <si>
    <t>cg17498296</t>
  </si>
  <si>
    <t>cg17504591</t>
  </si>
  <si>
    <t>cg17508300</t>
  </si>
  <si>
    <t>cg17513943</t>
  </si>
  <si>
    <t>cg17516577</t>
  </si>
  <si>
    <t>cg17522332</t>
  </si>
  <si>
    <t>cg17522984</t>
  </si>
  <si>
    <t>cg17527393</t>
  </si>
  <si>
    <t>cg17530841</t>
  </si>
  <si>
    <t>cg17538572</t>
  </si>
  <si>
    <t>cg17544639</t>
  </si>
  <si>
    <t>cg17552368</t>
  </si>
  <si>
    <t>cg17553853</t>
  </si>
  <si>
    <t>cg17559213</t>
  </si>
  <si>
    <t>cg17566118</t>
  </si>
  <si>
    <t>cg17567560</t>
  </si>
  <si>
    <t>cg17575314</t>
  </si>
  <si>
    <t>cg17582466</t>
  </si>
  <si>
    <t>cg17583413</t>
  </si>
  <si>
    <t>cg17584296</t>
  </si>
  <si>
    <t>cg17608345</t>
  </si>
  <si>
    <t>cg17608440</t>
  </si>
  <si>
    <t>cg17608529</t>
  </si>
  <si>
    <t>cg17629447</t>
  </si>
  <si>
    <t>cg17641346</t>
  </si>
  <si>
    <t>cg17641566</t>
  </si>
  <si>
    <t>cg17658885</t>
  </si>
  <si>
    <t>cg17676129</t>
  </si>
  <si>
    <t>cg17683908</t>
  </si>
  <si>
    <t>cg17689721</t>
  </si>
  <si>
    <t>cg17693826</t>
  </si>
  <si>
    <t>cg17694495</t>
  </si>
  <si>
    <t>cg17695462</t>
  </si>
  <si>
    <t>cg17720259</t>
  </si>
  <si>
    <t>cg17723653</t>
  </si>
  <si>
    <t>cg17729859</t>
  </si>
  <si>
    <t>cg17741865</t>
  </si>
  <si>
    <t>cg17743250</t>
  </si>
  <si>
    <t>cg17759322</t>
  </si>
  <si>
    <t>cg17763354</t>
  </si>
  <si>
    <t>cg17766026</t>
  </si>
  <si>
    <t>cg17773020</t>
  </si>
  <si>
    <t>cg17776353</t>
  </si>
  <si>
    <t>cg17799334</t>
  </si>
  <si>
    <t>cg17805624</t>
  </si>
  <si>
    <t>cg17811778</t>
  </si>
  <si>
    <t>cg17819963</t>
  </si>
  <si>
    <t>cg17820890</t>
  </si>
  <si>
    <t>cg17823321</t>
  </si>
  <si>
    <t>cg17824240</t>
  </si>
  <si>
    <t>cg17829816</t>
  </si>
  <si>
    <t>cg17830980</t>
  </si>
  <si>
    <t>cg17836247</t>
  </si>
  <si>
    <t>cg17838816</t>
  </si>
  <si>
    <t>cg17840343</t>
  </si>
  <si>
    <t>cg17841267</t>
  </si>
  <si>
    <t>cg17850838</t>
  </si>
  <si>
    <t>cg17853779</t>
  </si>
  <si>
    <t>cg17854497</t>
  </si>
  <si>
    <t>cg17859552</t>
  </si>
  <si>
    <t>cg17861618</t>
  </si>
  <si>
    <t>cg17862332</t>
  </si>
  <si>
    <t>cg17863743</t>
  </si>
  <si>
    <t>cg17868340</t>
  </si>
  <si>
    <t>cg17872895</t>
  </si>
  <si>
    <t>cg17876735</t>
  </si>
  <si>
    <t>cg17879101</t>
  </si>
  <si>
    <t>cg17881958</t>
  </si>
  <si>
    <t>cg17888390</t>
  </si>
  <si>
    <t>cg17893426</t>
  </si>
  <si>
    <t>cg17893934</t>
  </si>
  <si>
    <t>cg17900199</t>
  </si>
  <si>
    <t>cg17917922</t>
  </si>
  <si>
    <t>cg17927096</t>
  </si>
  <si>
    <t>cg17945419</t>
  </si>
  <si>
    <t>cg17946375</t>
  </si>
  <si>
    <t>cg17972361</t>
  </si>
  <si>
    <t>cg17974053</t>
  </si>
  <si>
    <t>cg17982459</t>
  </si>
  <si>
    <t>cg17983265</t>
  </si>
  <si>
    <t>cg17984375</t>
  </si>
  <si>
    <t>cg17994840</t>
  </si>
  <si>
    <t>cg17996619</t>
  </si>
  <si>
    <t>cg18002909</t>
  </si>
  <si>
    <t>cg18003189</t>
  </si>
  <si>
    <t>cg18006379</t>
  </si>
  <si>
    <t>cg18010762</t>
  </si>
  <si>
    <t>cg18012082</t>
  </si>
  <si>
    <t>cg18012811</t>
  </si>
  <si>
    <t>cg18022662</t>
  </si>
  <si>
    <t>cg18026026</t>
  </si>
  <si>
    <t>cg18044663</t>
  </si>
  <si>
    <t>cg18060846</t>
  </si>
  <si>
    <t>cg18070057</t>
  </si>
  <si>
    <t>cg18076559</t>
  </si>
  <si>
    <t>cg18098806</t>
  </si>
  <si>
    <t>cg18103236</t>
  </si>
  <si>
    <t>cg18107355</t>
  </si>
  <si>
    <t>cg18110578</t>
  </si>
  <si>
    <t>cg18121761</t>
  </si>
  <si>
    <t>cg18123048</t>
  </si>
  <si>
    <t>cg18132058</t>
  </si>
  <si>
    <t>cg18133357</t>
  </si>
  <si>
    <t>cg18139178</t>
  </si>
  <si>
    <t>cg18141918</t>
  </si>
  <si>
    <t>cg18145853</t>
  </si>
  <si>
    <t>cg18148452</t>
  </si>
  <si>
    <t>cg18192294</t>
  </si>
  <si>
    <t>cg18193259</t>
  </si>
  <si>
    <t>cg18199666</t>
  </si>
  <si>
    <t>cg18221121</t>
  </si>
  <si>
    <t>cg18241048</t>
  </si>
  <si>
    <t>cg18246640</t>
  </si>
  <si>
    <t>cg18247055</t>
  </si>
  <si>
    <t>cg18247876</t>
  </si>
  <si>
    <t>cg18259520</t>
  </si>
  <si>
    <t>cg18267049</t>
  </si>
  <si>
    <t>cg18268492</t>
  </si>
  <si>
    <t>cg18279326</t>
  </si>
  <si>
    <t>cg18300285</t>
  </si>
  <si>
    <t>cg18301538</t>
  </si>
  <si>
    <t>cg18316445</t>
  </si>
  <si>
    <t>cg18326021</t>
  </si>
  <si>
    <t>cg18358869</t>
  </si>
  <si>
    <t>cg18359952</t>
  </si>
  <si>
    <t>cg18360825</t>
  </si>
  <si>
    <t>cg18367027</t>
  </si>
  <si>
    <t>cg18375586</t>
  </si>
  <si>
    <t>cg18378494</t>
  </si>
  <si>
    <t>cg18382422</t>
  </si>
  <si>
    <t>cg18384214</t>
  </si>
  <si>
    <t>cg18390181</t>
  </si>
  <si>
    <t>cg18395988</t>
  </si>
  <si>
    <t>cg18401645</t>
  </si>
  <si>
    <t>cg18425434</t>
  </si>
  <si>
    <t>cg18426487</t>
  </si>
  <si>
    <t>cg18450168</t>
  </si>
  <si>
    <t>cg18465286</t>
  </si>
  <si>
    <t>cg18477674</t>
  </si>
  <si>
    <t>cg18505495</t>
  </si>
  <si>
    <t>cg18511011</t>
  </si>
  <si>
    <t>cg18514344</t>
  </si>
  <si>
    <t>cg18514820</t>
  </si>
  <si>
    <t>cg18518896</t>
  </si>
  <si>
    <t>cg18518964</t>
  </si>
  <si>
    <t>cg18520121</t>
  </si>
  <si>
    <t>cg18530282</t>
  </si>
  <si>
    <t>cg18534345</t>
  </si>
  <si>
    <t>cg18535642</t>
  </si>
  <si>
    <t>cg18591136</t>
  </si>
  <si>
    <t>cg18591441</t>
  </si>
  <si>
    <t>cg18597643</t>
  </si>
  <si>
    <t>cg18599843</t>
  </si>
  <si>
    <t>cg18602114</t>
  </si>
  <si>
    <t>cg18607580</t>
  </si>
  <si>
    <t>cg18620298</t>
  </si>
  <si>
    <t>cg18629132</t>
  </si>
  <si>
    <t>cg18634296</t>
  </si>
  <si>
    <t>cg18634342</t>
  </si>
  <si>
    <t>cg18635896</t>
  </si>
  <si>
    <t>cg18646207</t>
  </si>
  <si>
    <t>cg18672939</t>
  </si>
  <si>
    <t>cg18673954</t>
  </si>
  <si>
    <t>cg18675043</t>
  </si>
  <si>
    <t>cg18685408</t>
  </si>
  <si>
    <t>cg18691055</t>
  </si>
  <si>
    <t>cg18692070</t>
  </si>
  <si>
    <t>cg18693568</t>
  </si>
  <si>
    <t>cg18697160</t>
  </si>
  <si>
    <t>cg18722557</t>
  </si>
  <si>
    <t>cg18727303</t>
  </si>
  <si>
    <t>cg18732587</t>
  </si>
  <si>
    <t>cg18737081</t>
  </si>
  <si>
    <t>cg18740429</t>
  </si>
  <si>
    <t>cg18743068</t>
  </si>
  <si>
    <t>cg18759960</t>
  </si>
  <si>
    <t>cg18762849</t>
  </si>
  <si>
    <t>cg18766077</t>
  </si>
  <si>
    <t>cg18768238</t>
  </si>
  <si>
    <t>cg18776286</t>
  </si>
  <si>
    <t>cg18794404</t>
  </si>
  <si>
    <t>cg18795127</t>
  </si>
  <si>
    <t>cg18795469</t>
  </si>
  <si>
    <t>cg18798264</t>
  </si>
  <si>
    <t>cg18800771</t>
  </si>
  <si>
    <t>cg18802021</t>
  </si>
  <si>
    <t>cg18802414</t>
  </si>
  <si>
    <t>cg18803045</t>
  </si>
  <si>
    <t>cg18817750</t>
  </si>
  <si>
    <t>cg18819818</t>
  </si>
  <si>
    <t>cg18856501</t>
  </si>
  <si>
    <t>cg18861311</t>
  </si>
  <si>
    <t>cg18862610</t>
  </si>
  <si>
    <t>cg18890561</t>
  </si>
  <si>
    <t>cg18899730</t>
  </si>
  <si>
    <t>cg18899802</t>
  </si>
  <si>
    <t>cg18920423</t>
  </si>
  <si>
    <t>cg18929335</t>
  </si>
  <si>
    <t>cg18929903</t>
  </si>
  <si>
    <t>cg18932726</t>
  </si>
  <si>
    <t>cg18932798</t>
  </si>
  <si>
    <t>cg18944135</t>
  </si>
  <si>
    <t>cg18944640</t>
  </si>
  <si>
    <t>cg18953873</t>
  </si>
  <si>
    <t>cg18954700</t>
  </si>
  <si>
    <t>cg18968090</t>
  </si>
  <si>
    <t>cg18977061</t>
  </si>
  <si>
    <t>cg18980469</t>
  </si>
  <si>
    <t>cg18987491</t>
  </si>
  <si>
    <t>cg18994254</t>
  </si>
  <si>
    <t>cg19001199</t>
  </si>
  <si>
    <t>cg19017906</t>
  </si>
  <si>
    <t>cg19021328</t>
  </si>
  <si>
    <t>cg19029325</t>
  </si>
  <si>
    <t>cg19038917</t>
  </si>
  <si>
    <t>cg19049077</t>
  </si>
  <si>
    <t>cg19049754</t>
  </si>
  <si>
    <t>cg19052042</t>
  </si>
  <si>
    <t>cg19054360</t>
  </si>
  <si>
    <t>cg19056515</t>
  </si>
  <si>
    <t>cg19059423</t>
  </si>
  <si>
    <t>cg19074709</t>
  </si>
  <si>
    <t>cg19084628</t>
  </si>
  <si>
    <t>cg19087643</t>
  </si>
  <si>
    <t>cg19090784</t>
  </si>
  <si>
    <t>cg19111245</t>
  </si>
  <si>
    <t>cg19120251</t>
  </si>
  <si>
    <t>cg19127909</t>
  </si>
  <si>
    <t>cg19128723</t>
  </si>
  <si>
    <t>cg19131541</t>
  </si>
  <si>
    <t>cg19137806</t>
  </si>
  <si>
    <t>cg19149132</t>
  </si>
  <si>
    <t>cg19163058</t>
  </si>
  <si>
    <t>cg19165274</t>
  </si>
  <si>
    <t>cg19176816</t>
  </si>
  <si>
    <t>cg19188595</t>
  </si>
  <si>
    <t>cg19201009</t>
  </si>
  <si>
    <t>cg19204631</t>
  </si>
  <si>
    <t>cg19219661</t>
  </si>
  <si>
    <t>cg19225923</t>
  </si>
  <si>
    <t>cg19227947</t>
  </si>
  <si>
    <t>cg19229182</t>
  </si>
  <si>
    <t>cg19229344</t>
  </si>
  <si>
    <t>cg19235339</t>
  </si>
  <si>
    <t>cg19236679</t>
  </si>
  <si>
    <t>cg19254282</t>
  </si>
  <si>
    <t>cg19265913</t>
  </si>
  <si>
    <t>cg19267742</t>
  </si>
  <si>
    <t>cg19269511</t>
  </si>
  <si>
    <t>cg19306063</t>
  </si>
  <si>
    <t>cg19315863</t>
  </si>
  <si>
    <t>cg19317226</t>
  </si>
  <si>
    <t>cg19340278</t>
  </si>
  <si>
    <t>cg19343449</t>
  </si>
  <si>
    <t>cg19347293</t>
  </si>
  <si>
    <t>cg19354287</t>
  </si>
  <si>
    <t>cg19355087</t>
  </si>
  <si>
    <t>cg19378330</t>
  </si>
  <si>
    <t>cg19379175</t>
  </si>
  <si>
    <t>cg19380250</t>
  </si>
  <si>
    <t>cg19401408</t>
  </si>
  <si>
    <t>cg19402405</t>
  </si>
  <si>
    <t>cg19416623</t>
  </si>
  <si>
    <t>cg19440955</t>
  </si>
  <si>
    <t>cg19442545</t>
  </si>
  <si>
    <t>cg19451261</t>
  </si>
  <si>
    <t>cg19452953</t>
  </si>
  <si>
    <t>cg19477001</t>
  </si>
  <si>
    <t>cg19487745</t>
  </si>
  <si>
    <t>cg19491415</t>
  </si>
  <si>
    <t>cg19500393</t>
  </si>
  <si>
    <t>cg19504308</t>
  </si>
  <si>
    <t>cg19533322</t>
  </si>
  <si>
    <t>cg19547319</t>
  </si>
  <si>
    <t>cg19552690</t>
  </si>
  <si>
    <t>cg19559774</t>
  </si>
  <si>
    <t>cg19564098</t>
  </si>
  <si>
    <t>cg19569081</t>
  </si>
  <si>
    <t>cg19573567</t>
  </si>
  <si>
    <t>cg19577016</t>
  </si>
  <si>
    <t>cg19580752</t>
  </si>
  <si>
    <t>cg19582069</t>
  </si>
  <si>
    <t>cg19583722</t>
  </si>
  <si>
    <t>cg19603966</t>
  </si>
  <si>
    <t>cg19610267</t>
  </si>
  <si>
    <t>cg19623624</t>
  </si>
  <si>
    <t>cg19626078</t>
  </si>
  <si>
    <t>cg19630665</t>
  </si>
  <si>
    <t>cg19631443</t>
  </si>
  <si>
    <t>cg19633231</t>
  </si>
  <si>
    <t>cg19634213</t>
  </si>
  <si>
    <t>cg19638556</t>
  </si>
  <si>
    <t>cg19640130</t>
  </si>
  <si>
    <t>cg19640166</t>
  </si>
  <si>
    <t>cg19649259</t>
  </si>
  <si>
    <t>cg19652433</t>
  </si>
  <si>
    <t>cg19677522</t>
  </si>
  <si>
    <t>cg19679989</t>
  </si>
  <si>
    <t>cg19681528</t>
  </si>
  <si>
    <t>cg19684392</t>
  </si>
  <si>
    <t>cg19696333</t>
  </si>
  <si>
    <t>cg19701540</t>
  </si>
  <si>
    <t>cg19701771</t>
  </si>
  <si>
    <t>cg19706602</t>
  </si>
  <si>
    <t>cg19716967</t>
  </si>
  <si>
    <t>cg19721867</t>
  </si>
  <si>
    <t>cg19726408</t>
  </si>
  <si>
    <t>cg19731367</t>
  </si>
  <si>
    <t>cg19732605</t>
  </si>
  <si>
    <t>cg19736712</t>
  </si>
  <si>
    <t>cg19754622</t>
  </si>
  <si>
    <t>cg19761682</t>
  </si>
  <si>
    <t>cg19765175</t>
  </si>
  <si>
    <t>cg19770550</t>
  </si>
  <si>
    <t>cg19795482</t>
  </si>
  <si>
    <t>cg19817820</t>
  </si>
  <si>
    <t>cg19826211</t>
  </si>
  <si>
    <t>cg19830950</t>
  </si>
  <si>
    <t>cg19837790</t>
  </si>
  <si>
    <t>cg19838697</t>
  </si>
  <si>
    <t>cg19839763</t>
  </si>
  <si>
    <t>cg19845649</t>
  </si>
  <si>
    <t>cg19853077</t>
  </si>
  <si>
    <t>cg19856749</t>
  </si>
  <si>
    <t>cg19871361</t>
  </si>
  <si>
    <t>cg19871722</t>
  </si>
  <si>
    <t>cg19874323</t>
  </si>
  <si>
    <t>cg19875532</t>
  </si>
  <si>
    <t>cg19879075</t>
  </si>
  <si>
    <t>cg19895324</t>
  </si>
  <si>
    <t>cg19900451</t>
  </si>
  <si>
    <t>cg19902394</t>
  </si>
  <si>
    <t>cg19904058</t>
  </si>
  <si>
    <t>cg19909787</t>
  </si>
  <si>
    <t>cg19910568</t>
  </si>
  <si>
    <t>cg19910780</t>
  </si>
  <si>
    <t>cg19919881</t>
  </si>
  <si>
    <t>cg19924829</t>
  </si>
  <si>
    <t>cg19925035</t>
  </si>
  <si>
    <t>cg19925204</t>
  </si>
  <si>
    <t>cg19940537</t>
  </si>
  <si>
    <t>cg19944763</t>
  </si>
  <si>
    <t>cg19945092</t>
  </si>
  <si>
    <t>cg19945897</t>
  </si>
  <si>
    <t>cg19950139</t>
  </si>
  <si>
    <t>cg19974131</t>
  </si>
  <si>
    <t>cg19990454</t>
  </si>
  <si>
    <t>cg19998150</t>
  </si>
  <si>
    <t>cg20003603</t>
  </si>
  <si>
    <t>cg20017132</t>
  </si>
  <si>
    <t>cg20033808</t>
  </si>
  <si>
    <t>cg20036869</t>
  </si>
  <si>
    <t>cg20044918</t>
  </si>
  <si>
    <t>cg20064928</t>
  </si>
  <si>
    <t>cg20075270</t>
  </si>
  <si>
    <t>cg20077139</t>
  </si>
  <si>
    <t>cg20088969</t>
  </si>
  <si>
    <t>cg20094085</t>
  </si>
  <si>
    <t>cg20095124</t>
  </si>
  <si>
    <t>cg20095920</t>
  </si>
  <si>
    <t>cg20099104</t>
  </si>
  <si>
    <t>cg20100910</t>
  </si>
  <si>
    <t>cg20112079</t>
  </si>
  <si>
    <t>cg20120208</t>
  </si>
  <si>
    <t>cg20120430</t>
  </si>
  <si>
    <t>cg20133200</t>
  </si>
  <si>
    <t>cg20152309</t>
  </si>
  <si>
    <t>cg20154489</t>
  </si>
  <si>
    <t>cg20156450</t>
  </si>
  <si>
    <t>cg20161774</t>
  </si>
  <si>
    <t>cg20162240</t>
  </si>
  <si>
    <t>cg20163429</t>
  </si>
  <si>
    <t>cg20174277</t>
  </si>
  <si>
    <t>cg20185017</t>
  </si>
  <si>
    <t>cg20193453</t>
  </si>
  <si>
    <t>cg20196129</t>
  </si>
  <si>
    <t>cg20200385</t>
  </si>
  <si>
    <t>cg20203089</t>
  </si>
  <si>
    <t>cg20203327</t>
  </si>
  <si>
    <t>cg20214692</t>
  </si>
  <si>
    <t>cg20214734</t>
  </si>
  <si>
    <t>cg20214853</t>
  </si>
  <si>
    <t>cg20216928</t>
  </si>
  <si>
    <t>cg20225546</t>
  </si>
  <si>
    <t>cg20227259</t>
  </si>
  <si>
    <t>cg20239333</t>
  </si>
  <si>
    <t>cg20250570</t>
  </si>
  <si>
    <t>cg20251943</t>
  </si>
  <si>
    <t>cg20253807</t>
  </si>
  <si>
    <t>cg20254282</t>
  </si>
  <si>
    <t>cg20254483</t>
  </si>
  <si>
    <t>cg20255042</t>
  </si>
  <si>
    <t>cg20255874</t>
  </si>
  <si>
    <t>cg20264529</t>
  </si>
  <si>
    <t>cg20276630</t>
  </si>
  <si>
    <t>cg20281962</t>
  </si>
  <si>
    <t>cg20282550</t>
  </si>
  <si>
    <t>cg20296461</t>
  </si>
  <si>
    <t>cg20303995</t>
  </si>
  <si>
    <t>cg20306821</t>
  </si>
  <si>
    <t>cg20311251</t>
  </si>
  <si>
    <t>cg20312581</t>
  </si>
  <si>
    <t>cg20318353</t>
  </si>
  <si>
    <t>cg20319091</t>
  </si>
  <si>
    <t>cg20327845</t>
  </si>
  <si>
    <t>cg20345589</t>
  </si>
  <si>
    <t>cg20345915</t>
  </si>
  <si>
    <t>cg20349793</t>
  </si>
  <si>
    <t>cg20355062</t>
  </si>
  <si>
    <t>cg20365330</t>
  </si>
  <si>
    <t>cg20384683</t>
  </si>
  <si>
    <t>cg20386580</t>
  </si>
  <si>
    <t>cg20400171</t>
  </si>
  <si>
    <t>cg20403498</t>
  </si>
  <si>
    <t>cg20406528</t>
  </si>
  <si>
    <t>cg20426866</t>
  </si>
  <si>
    <t>cg20428342</t>
  </si>
  <si>
    <t>cg20431488</t>
  </si>
  <si>
    <t>cg20434666</t>
  </si>
  <si>
    <t>cg20447508</t>
  </si>
  <si>
    <t>cg20455197</t>
  </si>
  <si>
    <t>cg20461188</t>
  </si>
  <si>
    <t>cg20464151</t>
  </si>
  <si>
    <t>cg20469795</t>
  </si>
  <si>
    <t>cg20471927</t>
  </si>
  <si>
    <t>cg20475000</t>
  </si>
  <si>
    <t>cg20475550</t>
  </si>
  <si>
    <t>cg20475917</t>
  </si>
  <si>
    <t>cg20489345</t>
  </si>
  <si>
    <t>cg20506550</t>
  </si>
  <si>
    <t>cg20515846</t>
  </si>
  <si>
    <t>cg20517784</t>
  </si>
  <si>
    <t>cg20518942</t>
  </si>
  <si>
    <t>cg20521125</t>
  </si>
  <si>
    <t>cg20521527</t>
  </si>
  <si>
    <t>cg20530855</t>
  </si>
  <si>
    <t>cg20532418</t>
  </si>
  <si>
    <t>cg20534287</t>
  </si>
  <si>
    <t>cg20534596</t>
  </si>
  <si>
    <t>cg20549080</t>
  </si>
  <si>
    <t>cg20559403</t>
  </si>
  <si>
    <t>cg20573729</t>
  </si>
  <si>
    <t>cg20595580</t>
  </si>
  <si>
    <t>cg20596841</t>
  </si>
  <si>
    <t>cg20605045</t>
  </si>
  <si>
    <t>cg20615879</t>
  </si>
  <si>
    <t>cg20616645</t>
  </si>
  <si>
    <t>cg20628663</t>
  </si>
  <si>
    <t>cg20629468</t>
  </si>
  <si>
    <t>cg20649951</t>
  </si>
  <si>
    <t>cg20659435</t>
  </si>
  <si>
    <t>cg20668662</t>
  </si>
  <si>
    <t>cg20671781</t>
  </si>
  <si>
    <t>cg20676401</t>
  </si>
  <si>
    <t>cg20683565</t>
  </si>
  <si>
    <t>cg20684110</t>
  </si>
  <si>
    <t>cg20688967</t>
  </si>
  <si>
    <t>cg20691436</t>
  </si>
  <si>
    <t>cg20712860</t>
  </si>
  <si>
    <t>cg20714462</t>
  </si>
  <si>
    <t>cg20716571</t>
  </si>
  <si>
    <t>cg20718214</t>
  </si>
  <si>
    <t>cg20718524</t>
  </si>
  <si>
    <t>cg20721121</t>
  </si>
  <si>
    <t>cg20742906</t>
  </si>
  <si>
    <t>cg20744625</t>
  </si>
  <si>
    <t>cg20747449</t>
  </si>
  <si>
    <t>cg20778294</t>
  </si>
  <si>
    <t>cg21235838</t>
  </si>
  <si>
    <t>cg21347377</t>
  </si>
  <si>
    <t>cg21350697</t>
  </si>
  <si>
    <t>cg21364615</t>
  </si>
  <si>
    <t>cg21365564</t>
  </si>
  <si>
    <t>cg21373996</t>
  </si>
  <si>
    <t>cg21377489</t>
  </si>
  <si>
    <t>cg21377950</t>
  </si>
  <si>
    <t>cg21383151</t>
  </si>
  <si>
    <t>cg21383487</t>
  </si>
  <si>
    <t>cg21384402</t>
  </si>
  <si>
    <t>cg21390852</t>
  </si>
  <si>
    <t>cg21399320</t>
  </si>
  <si>
    <t>cg21430030</t>
  </si>
  <si>
    <t>cg22368262</t>
  </si>
  <si>
    <t>cg22466043</t>
  </si>
  <si>
    <t>cg22536554</t>
  </si>
  <si>
    <t>cg22545027</t>
  </si>
  <si>
    <t>cg22554796</t>
  </si>
  <si>
    <t>cg22557350</t>
  </si>
  <si>
    <t>cg22557641</t>
  </si>
  <si>
    <t>cg22558825</t>
  </si>
  <si>
    <t>cg22569359</t>
  </si>
  <si>
    <t>cg22579265</t>
  </si>
  <si>
    <t>cg22591964</t>
  </si>
  <si>
    <t>cg22603247</t>
  </si>
  <si>
    <t>cg22626196</t>
  </si>
  <si>
    <t>cg22630918</t>
  </si>
  <si>
    <t>cg22633280</t>
  </si>
  <si>
    <t>cg22633292</t>
  </si>
  <si>
    <t>cg22635008</t>
  </si>
  <si>
    <t>cg22635723</t>
  </si>
  <si>
    <t>cg22646733</t>
  </si>
  <si>
    <t>cg22647713</t>
  </si>
  <si>
    <t>cg22665089</t>
  </si>
  <si>
    <t>cg22665099</t>
  </si>
  <si>
    <t>cg22665692</t>
  </si>
  <si>
    <t>cg22688012</t>
  </si>
  <si>
    <t>cg22689833</t>
  </si>
  <si>
    <t>cg22700691</t>
  </si>
  <si>
    <t>cg22707130</t>
  </si>
  <si>
    <t>cg22711274</t>
  </si>
  <si>
    <t>cg22735222</t>
  </si>
  <si>
    <t>cg22738219</t>
  </si>
  <si>
    <t>cg22746256</t>
  </si>
  <si>
    <t>cg22754489</t>
  </si>
  <si>
    <t>cg22765853</t>
  </si>
  <si>
    <t>cg22768615</t>
  </si>
  <si>
    <t>cg22779477</t>
  </si>
  <si>
    <t>cg22783180</t>
  </si>
  <si>
    <t>cg22788080</t>
  </si>
  <si>
    <t>cg22792014</t>
  </si>
  <si>
    <t>cg22792176</t>
  </si>
  <si>
    <t>cg22797164</t>
  </si>
  <si>
    <t>cg22806341</t>
  </si>
  <si>
    <t>cg22825631</t>
  </si>
  <si>
    <t>cg22831607</t>
  </si>
  <si>
    <t>cg22846498</t>
  </si>
  <si>
    <t>cg22853371</t>
  </si>
  <si>
    <t>cg22860891</t>
  </si>
  <si>
    <t>cg22862480</t>
  </si>
  <si>
    <t>cg22864416</t>
  </si>
  <si>
    <t>cg22864549</t>
  </si>
  <si>
    <t>cg22866835</t>
  </si>
  <si>
    <t>cg22869706</t>
  </si>
  <si>
    <t>cg22871947</t>
  </si>
  <si>
    <t>cg22876092</t>
  </si>
  <si>
    <t>cg22877524</t>
  </si>
  <si>
    <t>cg22887949</t>
  </si>
  <si>
    <t>cg22888269</t>
  </si>
  <si>
    <t>cg22889755</t>
  </si>
  <si>
    <t>cg22897130</t>
  </si>
  <si>
    <t>cg22947959</t>
  </si>
  <si>
    <t>cg22952849</t>
  </si>
  <si>
    <t>cg22976212</t>
  </si>
  <si>
    <t>cg22991379</t>
  </si>
  <si>
    <t>cg22993667</t>
  </si>
  <si>
    <t>cg22995042</t>
  </si>
  <si>
    <t>cg23003534</t>
  </si>
  <si>
    <t>cg23016129</t>
  </si>
  <si>
    <t>cg23026419</t>
  </si>
  <si>
    <t>cg23026554</t>
  </si>
  <si>
    <t>cg23028840</t>
  </si>
  <si>
    <t>cg23035058</t>
  </si>
  <si>
    <t>cg23036308</t>
  </si>
  <si>
    <t>cg23044053</t>
  </si>
  <si>
    <t>cg23050442</t>
  </si>
  <si>
    <t>cg23057009</t>
  </si>
  <si>
    <t>cg23065415</t>
  </si>
  <si>
    <t>cg23068913</t>
  </si>
  <si>
    <t>cg23071864</t>
  </si>
  <si>
    <t>cg23074011</t>
  </si>
  <si>
    <t>cg23074495</t>
  </si>
  <si>
    <t>cg23076299</t>
  </si>
  <si>
    <t>cg23081670</t>
  </si>
  <si>
    <t>cg23095743</t>
  </si>
  <si>
    <t>cg23097415</t>
  </si>
  <si>
    <t>cg23105839</t>
  </si>
  <si>
    <t>cg23107754</t>
  </si>
  <si>
    <t>cg23127694</t>
  </si>
  <si>
    <t>cg23136139</t>
  </si>
  <si>
    <t>cg23144681</t>
  </si>
  <si>
    <t>cg23149470</t>
  </si>
  <si>
    <t>cg23156439</t>
  </si>
  <si>
    <t>cg23163471</t>
  </si>
  <si>
    <t>cg23167528</t>
  </si>
  <si>
    <t>cg23172086</t>
  </si>
  <si>
    <t>cg23172884</t>
  </si>
  <si>
    <t>cg23175074</t>
  </si>
  <si>
    <t>cg23193446</t>
  </si>
  <si>
    <t>cg23198529</t>
  </si>
  <si>
    <t>cg23206103</t>
  </si>
  <si>
    <t>cg23223933</t>
  </si>
  <si>
    <t>cg23227945</t>
  </si>
  <si>
    <t>cg23232615</t>
  </si>
  <si>
    <t>cg23241863</t>
  </si>
  <si>
    <t>cg23248615</t>
  </si>
  <si>
    <t>cg23249922</t>
  </si>
  <si>
    <t>cg23260190</t>
  </si>
  <si>
    <t>cg23274680</t>
  </si>
  <si>
    <t>cg23276047</t>
  </si>
  <si>
    <t>cg23296392</t>
  </si>
  <si>
    <t>cg23310314</t>
  </si>
  <si>
    <t>cg23311929</t>
  </si>
  <si>
    <t>cg23316253</t>
  </si>
  <si>
    <t>cg23318713</t>
  </si>
  <si>
    <t>cg23319285</t>
  </si>
  <si>
    <t>cg23319797</t>
  </si>
  <si>
    <t>cg23326675</t>
  </si>
  <si>
    <t>cg23331932</t>
  </si>
  <si>
    <t>cg23331981</t>
  </si>
  <si>
    <t>cg23333820</t>
  </si>
  <si>
    <t>cg23335269</t>
  </si>
  <si>
    <t>cg23344688</t>
  </si>
  <si>
    <t>cg23346408</t>
  </si>
  <si>
    <t>cg23351954</t>
  </si>
  <si>
    <t>cg23360149</t>
  </si>
  <si>
    <t>cg23380558</t>
  </si>
  <si>
    <t>cg23384737</t>
  </si>
  <si>
    <t>cg23395902</t>
  </si>
  <si>
    <t>cg23407265</t>
  </si>
  <si>
    <t>cg23418671</t>
  </si>
  <si>
    <t>cg23422268</t>
  </si>
  <si>
    <t>cg23426945</t>
  </si>
  <si>
    <t>cg23427963</t>
  </si>
  <si>
    <t>cg23456689</t>
  </si>
  <si>
    <t>cg23471067</t>
  </si>
  <si>
    <t>cg23474501</t>
  </si>
  <si>
    <t>cg23492413</t>
  </si>
  <si>
    <t>cg23493016</t>
  </si>
  <si>
    <t>cg23494338</t>
  </si>
  <si>
    <t>cg23516463</t>
  </si>
  <si>
    <t>cg23524195</t>
  </si>
  <si>
    <t>cg23531154</t>
  </si>
  <si>
    <t>cg23534216</t>
  </si>
  <si>
    <t>cg23543396</t>
  </si>
  <si>
    <t>cg23563014</t>
  </si>
  <si>
    <t>cg23563927</t>
  </si>
  <si>
    <t>cg23565942</t>
  </si>
  <si>
    <t>cg23574897</t>
  </si>
  <si>
    <t>cg23586121</t>
  </si>
  <si>
    <t>cg23586589</t>
  </si>
  <si>
    <t>cg23606922</t>
  </si>
  <si>
    <t>cg23610453</t>
  </si>
  <si>
    <t>cg23631669</t>
  </si>
  <si>
    <t>cg23632875</t>
  </si>
  <si>
    <t>cg23639399</t>
  </si>
  <si>
    <t>cg23643466</t>
  </si>
  <si>
    <t>cg23645931</t>
  </si>
  <si>
    <t>cg23654971</t>
  </si>
  <si>
    <t>cg23661466</t>
  </si>
  <si>
    <t>cg23665778</t>
  </si>
  <si>
    <t>cg23668805</t>
  </si>
  <si>
    <t>cg23685149</t>
  </si>
  <si>
    <t>cg23685759</t>
  </si>
  <si>
    <t>cg23690369</t>
  </si>
  <si>
    <t>cg23691246</t>
  </si>
  <si>
    <t>cg23705032</t>
  </si>
  <si>
    <t>cg23707912</t>
  </si>
  <si>
    <t>cg23712342</t>
  </si>
  <si>
    <t>cg23714705</t>
  </si>
  <si>
    <t>cg23717290</t>
  </si>
  <si>
    <t>cg23721088</t>
  </si>
  <si>
    <t>cg23725321</t>
  </si>
  <si>
    <t>cg23731992</t>
  </si>
  <si>
    <t>cg23732198</t>
  </si>
  <si>
    <t>cg23751407</t>
  </si>
  <si>
    <t>cg23763836</t>
  </si>
  <si>
    <t>cg23768829</t>
  </si>
  <si>
    <t>cg23771603</t>
  </si>
  <si>
    <t>cg23771956</t>
  </si>
  <si>
    <t>cg23774717</t>
  </si>
  <si>
    <t>cg23779377</t>
  </si>
  <si>
    <t>cg23782734</t>
  </si>
  <si>
    <t>cg23783768</t>
  </si>
  <si>
    <t>cg23788592</t>
  </si>
  <si>
    <t>cg23791690</t>
  </si>
  <si>
    <t>cg23797252</t>
  </si>
  <si>
    <t>cg23797411</t>
  </si>
  <si>
    <t>cg23797839</t>
  </si>
  <si>
    <t>cg23805357</t>
  </si>
  <si>
    <t>cg23812778</t>
  </si>
  <si>
    <t>cg23813514</t>
  </si>
  <si>
    <t>cg23817042</t>
  </si>
  <si>
    <t>cg23844018</t>
  </si>
  <si>
    <t>cg23849965</t>
  </si>
  <si>
    <t>cg23864180</t>
  </si>
  <si>
    <t>cg23864376</t>
  </si>
  <si>
    <t>cg23868720</t>
  </si>
  <si>
    <t>cg23873338</t>
  </si>
  <si>
    <t>cg23880703</t>
  </si>
  <si>
    <t>cg23892626</t>
  </si>
  <si>
    <t>cg23893379</t>
  </si>
  <si>
    <t>cg23896253</t>
  </si>
  <si>
    <t>cg23899168</t>
  </si>
  <si>
    <t>cg23901063</t>
  </si>
  <si>
    <t>cg23901444</t>
  </si>
  <si>
    <t>cg23901918</t>
  </si>
  <si>
    <t>cg23903679</t>
  </si>
  <si>
    <t>cg23904955</t>
  </si>
  <si>
    <t>cg23906261</t>
  </si>
  <si>
    <t>cg23919916</t>
  </si>
  <si>
    <t>cg23932491</t>
  </si>
  <si>
    <t>cg23936098</t>
  </si>
  <si>
    <t>cg23944251</t>
  </si>
  <si>
    <t>cg23954465</t>
  </si>
  <si>
    <t>cg23956260</t>
  </si>
  <si>
    <t>cg23962250</t>
  </si>
  <si>
    <t>cg23963802</t>
  </si>
  <si>
    <t>cg23968456</t>
  </si>
  <si>
    <t>cg23985995</t>
  </si>
  <si>
    <t>cg23987444</t>
  </si>
  <si>
    <t>cg23991622</t>
  </si>
  <si>
    <t>cg23994051</t>
  </si>
  <si>
    <t>cg24002541</t>
  </si>
  <si>
    <t>cg24005309</t>
  </si>
  <si>
    <t>cg24016995</t>
  </si>
  <si>
    <t>cg24022375</t>
  </si>
  <si>
    <t>cg24025893</t>
  </si>
  <si>
    <t>cg24031355</t>
  </si>
  <si>
    <t>cg24037166</t>
  </si>
  <si>
    <t>cg24039697</t>
  </si>
  <si>
    <t>cg24051456</t>
  </si>
  <si>
    <t>cg24055178</t>
  </si>
  <si>
    <t>cg24060874</t>
  </si>
  <si>
    <t>cg24077454</t>
  </si>
  <si>
    <t>cg24079455</t>
  </si>
  <si>
    <t>cg24085039</t>
  </si>
  <si>
    <t>cg24087403</t>
  </si>
  <si>
    <t>cg24098326</t>
  </si>
  <si>
    <t>cg24102761</t>
  </si>
  <si>
    <t>cg24109477</t>
  </si>
  <si>
    <t>cg24109980</t>
  </si>
  <si>
    <t>cg24134845</t>
  </si>
  <si>
    <t>cg24136740</t>
  </si>
  <si>
    <t>cg24144419</t>
  </si>
  <si>
    <t>cg24146331</t>
  </si>
  <si>
    <t>cg24149151</t>
  </si>
  <si>
    <t>cg24171294</t>
  </si>
  <si>
    <t>cg24176744</t>
  </si>
  <si>
    <t>cg24188415</t>
  </si>
  <si>
    <t>cg24198554</t>
  </si>
  <si>
    <t>cg24201716</t>
  </si>
  <si>
    <t>cg24205914</t>
  </si>
  <si>
    <t>cg24220279</t>
  </si>
  <si>
    <t>cg24224884</t>
  </si>
  <si>
    <t>cg24225147</t>
  </si>
  <si>
    <t>cg24226115</t>
  </si>
  <si>
    <t>cg24232171</t>
  </si>
  <si>
    <t>cg24234899</t>
  </si>
  <si>
    <t>cg24252925</t>
  </si>
  <si>
    <t>cg24255928</t>
  </si>
  <si>
    <t>cg24280832</t>
  </si>
  <si>
    <t>cg24283186</t>
  </si>
  <si>
    <t>cg24283621</t>
  </si>
  <si>
    <t>cg24305584</t>
  </si>
  <si>
    <t>cg24307114</t>
  </si>
  <si>
    <t>cg24312039</t>
  </si>
  <si>
    <t>cg24315770</t>
  </si>
  <si>
    <t>cg24317988</t>
  </si>
  <si>
    <t>cg24324584</t>
  </si>
  <si>
    <t>cg24331301</t>
  </si>
  <si>
    <t>cg24343515</t>
  </si>
  <si>
    <t>cg24353338</t>
  </si>
  <si>
    <t>cg24362923</t>
  </si>
  <si>
    <t>cg24363811</t>
  </si>
  <si>
    <t>cg24374159</t>
  </si>
  <si>
    <t>cg24376776</t>
  </si>
  <si>
    <t>cg24381933</t>
  </si>
  <si>
    <t>cg24382527</t>
  </si>
  <si>
    <t>cg24383507</t>
  </si>
  <si>
    <t>cg24385334</t>
  </si>
  <si>
    <t>cg24390913</t>
  </si>
  <si>
    <t>cg24391773</t>
  </si>
  <si>
    <t>cg24391991</t>
  </si>
  <si>
    <t>cg24399972</t>
  </si>
  <si>
    <t>cg24403845</t>
  </si>
  <si>
    <t>cg24418792</t>
  </si>
  <si>
    <t>cg24418853</t>
  </si>
  <si>
    <t>cg24427089</t>
  </si>
  <si>
    <t>cg24428042</t>
  </si>
  <si>
    <t>cg24429708</t>
  </si>
  <si>
    <t>cg24436466</t>
  </si>
  <si>
    <t>cg24437408</t>
  </si>
  <si>
    <t>cg24440658</t>
  </si>
  <si>
    <t>cg24450494</t>
  </si>
  <si>
    <t>cg24456130</t>
  </si>
  <si>
    <t>cg24457649</t>
  </si>
  <si>
    <t>cg24458474</t>
  </si>
  <si>
    <t>cg24487027</t>
  </si>
  <si>
    <t>cg24487076</t>
  </si>
  <si>
    <t>cg24487372</t>
  </si>
  <si>
    <t>cg24488059</t>
  </si>
  <si>
    <t>cg24488891</t>
  </si>
  <si>
    <t>cg24500959</t>
  </si>
  <si>
    <t>cg24505892</t>
  </si>
  <si>
    <t>cg24507921</t>
  </si>
  <si>
    <t>cg24508426</t>
  </si>
  <si>
    <t>cg24520806</t>
  </si>
  <si>
    <t>cg24563570</t>
  </si>
  <si>
    <t>cg24566400</t>
  </si>
  <si>
    <t>cg24568647</t>
  </si>
  <si>
    <t>cg24571086</t>
  </si>
  <si>
    <t>cg24573310</t>
  </si>
  <si>
    <t>cg24613050</t>
  </si>
  <si>
    <t>cg24616138</t>
  </si>
  <si>
    <t>cg24621437</t>
  </si>
  <si>
    <t>cg24643922</t>
  </si>
  <si>
    <t>cg24646027</t>
  </si>
  <si>
    <t>cg24646359</t>
  </si>
  <si>
    <t>cg24651265</t>
  </si>
  <si>
    <t>cg24659054</t>
  </si>
  <si>
    <t>cg24668570</t>
  </si>
  <si>
    <t>cg24676609</t>
  </si>
  <si>
    <t>cg24677093</t>
  </si>
  <si>
    <t>cg24680586</t>
  </si>
  <si>
    <t>cg24681845</t>
  </si>
  <si>
    <t>cg24686074</t>
  </si>
  <si>
    <t>cg24696735</t>
  </si>
  <si>
    <t>cg24714511</t>
  </si>
  <si>
    <t>cg24725789</t>
  </si>
  <si>
    <t>cg24726783</t>
  </si>
  <si>
    <t>cg24740195</t>
  </si>
  <si>
    <t>cg24743200</t>
  </si>
  <si>
    <t>cg24747866</t>
  </si>
  <si>
    <t>cg24748548</t>
  </si>
  <si>
    <t>cg24749860</t>
  </si>
  <si>
    <t>cg24757747</t>
  </si>
  <si>
    <t>cg24758173</t>
  </si>
  <si>
    <t>cg24770596</t>
  </si>
  <si>
    <t>cg24779222</t>
  </si>
  <si>
    <t>cg24788483</t>
  </si>
  <si>
    <t>cg24789348</t>
  </si>
  <si>
    <t>cg24791601</t>
  </si>
  <si>
    <t>cg24807448</t>
  </si>
  <si>
    <t>cg24808891</t>
  </si>
  <si>
    <t>cg24811125</t>
  </si>
  <si>
    <t>cg24812837</t>
  </si>
  <si>
    <t>cg24823751</t>
  </si>
  <si>
    <t>cg24824725</t>
  </si>
  <si>
    <t>cg24826355</t>
  </si>
  <si>
    <t>cg24831879</t>
  </si>
  <si>
    <t>cg24842260</t>
  </si>
  <si>
    <t>cg24866702</t>
  </si>
  <si>
    <t>cg24873562</t>
  </si>
  <si>
    <t>cg24875250</t>
  </si>
  <si>
    <t>cg24877675</t>
  </si>
  <si>
    <t>cg24885650</t>
  </si>
  <si>
    <t>cg24888352</t>
  </si>
  <si>
    <t>cg24895834</t>
  </si>
  <si>
    <t>cg24913868</t>
  </si>
  <si>
    <t>cg24922399</t>
  </si>
  <si>
    <t>cg24948792</t>
  </si>
  <si>
    <t>cg24969520</t>
  </si>
  <si>
    <t>cg24969672</t>
  </si>
  <si>
    <t>cg24969942</t>
  </si>
  <si>
    <t>cg24976385</t>
  </si>
  <si>
    <t>cg24980609</t>
  </si>
  <si>
    <t>cg24997896</t>
  </si>
  <si>
    <t>cg25005279</t>
  </si>
  <si>
    <t>cg25010929</t>
  </si>
  <si>
    <t>cg25015290</t>
  </si>
  <si>
    <t>cg25020678</t>
  </si>
  <si>
    <t>cg25023298</t>
  </si>
  <si>
    <t>cg25041901</t>
  </si>
  <si>
    <t>cg25047056</t>
  </si>
  <si>
    <t>cg25065658</t>
  </si>
  <si>
    <t>cg25065723</t>
  </si>
  <si>
    <t>cg25078150</t>
  </si>
  <si>
    <t>cg25083618</t>
  </si>
  <si>
    <t>cg25084101</t>
  </si>
  <si>
    <t>cg25095351</t>
  </si>
  <si>
    <t>cg25097892</t>
  </si>
  <si>
    <t>cg25104555</t>
  </si>
  <si>
    <t>cg25108740</t>
  </si>
  <si>
    <t>cg25124276</t>
  </si>
  <si>
    <t>cg25135259</t>
  </si>
  <si>
    <t>cg25156463</t>
  </si>
  <si>
    <t>cg25166006</t>
  </si>
  <si>
    <t>cg25170319</t>
  </si>
  <si>
    <t>cg25170591</t>
  </si>
  <si>
    <t>cg25175986</t>
  </si>
  <si>
    <t>cg25203092</t>
  </si>
  <si>
    <t>cg25206096</t>
  </si>
  <si>
    <t>cg25209842</t>
  </si>
  <si>
    <t>cg25222014</t>
  </si>
  <si>
    <t>cg25226572</t>
  </si>
  <si>
    <t>cg25228510</t>
  </si>
  <si>
    <t>cg25231972</t>
  </si>
  <si>
    <t>cg25233302</t>
  </si>
  <si>
    <t>cg25233569</t>
  </si>
  <si>
    <t>cg25238189</t>
  </si>
  <si>
    <t>cg25243854</t>
  </si>
  <si>
    <t>cg25246745</t>
  </si>
  <si>
    <t>cg25257644</t>
  </si>
  <si>
    <t>cg25260426</t>
  </si>
  <si>
    <t>cg25260564</t>
  </si>
  <si>
    <t>cg25266629</t>
  </si>
  <si>
    <t>cg25268100</t>
  </si>
  <si>
    <t>cg25294646</t>
  </si>
  <si>
    <t>cg25297146</t>
  </si>
  <si>
    <t>cg25303150</t>
  </si>
  <si>
    <t>cg25305887</t>
  </si>
  <si>
    <t>cg25306357</t>
  </si>
  <si>
    <t>cg25306480</t>
  </si>
  <si>
    <t>cg25314840</t>
  </si>
  <si>
    <t>cg25322645</t>
  </si>
  <si>
    <t>cg25324047</t>
  </si>
  <si>
    <t>cg25324601</t>
  </si>
  <si>
    <t>cg25327888</t>
  </si>
  <si>
    <t>cg25330361</t>
  </si>
  <si>
    <t>cg25334928</t>
  </si>
  <si>
    <t>cg25337150</t>
  </si>
  <si>
    <t>cg25337631</t>
  </si>
  <si>
    <t>cg25347033</t>
  </si>
  <si>
    <t>cg25355065</t>
  </si>
  <si>
    <t>cg25356719</t>
  </si>
  <si>
    <t>cg25363622</t>
  </si>
  <si>
    <t>cg25365214</t>
  </si>
  <si>
    <t>cg25365404</t>
  </si>
  <si>
    <t>cg25365934</t>
  </si>
  <si>
    <t>cg25368482</t>
  </si>
  <si>
    <t>cg25371538</t>
  </si>
  <si>
    <t>cg25386707</t>
  </si>
  <si>
    <t>cg25390656</t>
  </si>
  <si>
    <t>cg25394505</t>
  </si>
  <si>
    <t>cg25428146</t>
  </si>
  <si>
    <t>cg25430878</t>
  </si>
  <si>
    <t>cg25433188</t>
  </si>
  <si>
    <t>cg25451306</t>
  </si>
  <si>
    <t>cg25456221</t>
  </si>
  <si>
    <t>cg25467549</t>
  </si>
  <si>
    <t>cg25478132</t>
  </si>
  <si>
    <t>cg25481680</t>
  </si>
  <si>
    <t>cg25485956</t>
  </si>
  <si>
    <t>cg25492383</t>
  </si>
  <si>
    <t>cg25497250</t>
  </si>
  <si>
    <t>cg25506797</t>
  </si>
  <si>
    <t>cg25511363</t>
  </si>
  <si>
    <t>cg25512738</t>
  </si>
  <si>
    <t>cg25513531</t>
  </si>
  <si>
    <t>cg25523509</t>
  </si>
  <si>
    <t>cg25526061</t>
  </si>
  <si>
    <t>cg25527090</t>
  </si>
  <si>
    <t>cg25527915</t>
  </si>
  <si>
    <t>cg25530601</t>
  </si>
  <si>
    <t>cg25531497</t>
  </si>
  <si>
    <t>cg25535587</t>
  </si>
  <si>
    <t>cg25540004</t>
  </si>
  <si>
    <t>cg25552843</t>
  </si>
  <si>
    <t>cg25553466</t>
  </si>
  <si>
    <t>cg25556474</t>
  </si>
  <si>
    <t>cg25559849</t>
  </si>
  <si>
    <t>cg25561913</t>
  </si>
  <si>
    <t>cg25572309</t>
  </si>
  <si>
    <t>cg25577463</t>
  </si>
  <si>
    <t>cg25577648</t>
  </si>
  <si>
    <t>cg25594319</t>
  </si>
  <si>
    <t>cg25602759</t>
  </si>
  <si>
    <t>cg25604594</t>
  </si>
  <si>
    <t>cg25614935</t>
  </si>
  <si>
    <t>cg25634545</t>
  </si>
  <si>
    <t>cg25640389</t>
  </si>
  <si>
    <t>cg25648639</t>
  </si>
  <si>
    <t>cg25650076</t>
  </si>
  <si>
    <t>cg25651562</t>
  </si>
  <si>
    <t>cg25653886</t>
  </si>
  <si>
    <t>cg25655799</t>
  </si>
  <si>
    <t>cg25662463</t>
  </si>
  <si>
    <t>cg25679864</t>
  </si>
  <si>
    <t>cg25683397</t>
  </si>
  <si>
    <t>cg25684999</t>
  </si>
  <si>
    <t>cg25699052</t>
  </si>
  <si>
    <t>cg25699174</t>
  </si>
  <si>
    <t>cg25701781</t>
  </si>
  <si>
    <t>cg25705717</t>
  </si>
  <si>
    <t>cg25711997</t>
  </si>
  <si>
    <t>cg25712088</t>
  </si>
  <si>
    <t>cg25718735</t>
  </si>
  <si>
    <t>cg25721039</t>
  </si>
  <si>
    <t>cg25726414</t>
  </si>
  <si>
    <t>cg25737283</t>
  </si>
  <si>
    <t>cg25744214</t>
  </si>
  <si>
    <t>cg25746778</t>
  </si>
  <si>
    <t>cg25771649</t>
  </si>
  <si>
    <t>cg25776440</t>
  </si>
  <si>
    <t>cg25778027</t>
  </si>
  <si>
    <t>cg25783153</t>
  </si>
  <si>
    <t>cg25793377</t>
  </si>
  <si>
    <t>cg25793692</t>
  </si>
  <si>
    <t>cg25794402</t>
  </si>
  <si>
    <t>cg25798771</t>
  </si>
  <si>
    <t>cg25798987</t>
  </si>
  <si>
    <t>cg25825488</t>
  </si>
  <si>
    <t>cg25835226</t>
  </si>
  <si>
    <t>cg25835306</t>
  </si>
  <si>
    <t>cg25840545</t>
  </si>
  <si>
    <t>cg25862644</t>
  </si>
  <si>
    <t>cg25866173</t>
  </si>
  <si>
    <t>cg25872855</t>
  </si>
  <si>
    <t>cg25887076</t>
  </si>
  <si>
    <t>cg25888561</t>
  </si>
  <si>
    <t>cg25889711</t>
  </si>
  <si>
    <t>cg25894019</t>
  </si>
  <si>
    <t>cg25898550</t>
  </si>
  <si>
    <t>cg25907132</t>
  </si>
  <si>
    <t>cg25914663</t>
  </si>
  <si>
    <t>cg25920406</t>
  </si>
  <si>
    <t>cg25920792</t>
  </si>
  <si>
    <t>cg25924032</t>
  </si>
  <si>
    <t>cg25926515</t>
  </si>
  <si>
    <t>cg25934629</t>
  </si>
  <si>
    <t>cg25946326</t>
  </si>
  <si>
    <t>cg25949033</t>
  </si>
  <si>
    <t>cg25954627</t>
  </si>
  <si>
    <t>cg25969878</t>
  </si>
  <si>
    <t>cg25972714</t>
  </si>
  <si>
    <t>cg25984344</t>
  </si>
  <si>
    <t>cg25987208</t>
  </si>
  <si>
    <t>cg25987923</t>
  </si>
  <si>
    <t>cg25988034</t>
  </si>
  <si>
    <t>cg25993216</t>
  </si>
  <si>
    <t>cg26003475</t>
  </si>
  <si>
    <t>cg26009363</t>
  </si>
  <si>
    <t>cg26011548</t>
  </si>
  <si>
    <t>cg26014391</t>
  </si>
  <si>
    <t>cg26014827</t>
  </si>
  <si>
    <t>cg26015973</t>
  </si>
  <si>
    <t>cg26022877</t>
  </si>
  <si>
    <t>cg26024530</t>
  </si>
  <si>
    <t>cg26029538</t>
  </si>
  <si>
    <t>cg26029786</t>
  </si>
  <si>
    <t>cg26037945</t>
  </si>
  <si>
    <t>cg26040809</t>
  </si>
  <si>
    <t>cg26041882</t>
  </si>
  <si>
    <t>cg26046072</t>
  </si>
  <si>
    <t>cg26048388</t>
  </si>
  <si>
    <t>cg26059836</t>
  </si>
  <si>
    <t>cg26069837</t>
  </si>
  <si>
    <t>cg26071526</t>
  </si>
  <si>
    <t>cg26075202</t>
  </si>
  <si>
    <t>cg26085607</t>
  </si>
  <si>
    <t>cg26097210</t>
  </si>
  <si>
    <t>cg26099164</t>
  </si>
  <si>
    <t>cg26111900</t>
  </si>
  <si>
    <t>cg26115633</t>
  </si>
  <si>
    <t>cg26117265</t>
  </si>
  <si>
    <t>cg26134646</t>
  </si>
  <si>
    <t>cg26155979</t>
  </si>
  <si>
    <t>cg26156687</t>
  </si>
  <si>
    <t>cg26169020</t>
  </si>
  <si>
    <t>cg26169081</t>
  </si>
  <si>
    <t>cg26176158</t>
  </si>
  <si>
    <t>cg26176206</t>
  </si>
  <si>
    <t>cg26191724</t>
  </si>
  <si>
    <t>cg26195366</t>
  </si>
  <si>
    <t>cg26199445</t>
  </si>
  <si>
    <t>cg26201011</t>
  </si>
  <si>
    <t>cg26212957</t>
  </si>
  <si>
    <t>cg26213561</t>
  </si>
  <si>
    <t>cg26215887</t>
  </si>
  <si>
    <t>cg26225882</t>
  </si>
  <si>
    <t>cg26230759</t>
  </si>
  <si>
    <t>cg26235537</t>
  </si>
  <si>
    <t>cg26249873</t>
  </si>
  <si>
    <t>cg26252135</t>
  </si>
  <si>
    <t>cg26258226</t>
  </si>
  <si>
    <t>cg26268044</t>
  </si>
  <si>
    <t>cg26273962</t>
  </si>
  <si>
    <t>cg26274946</t>
  </si>
  <si>
    <t>cg26276294</t>
  </si>
  <si>
    <t>cg26276352</t>
  </si>
  <si>
    <t>cg26285605</t>
  </si>
  <si>
    <t>cg26292521</t>
  </si>
  <si>
    <t>cg26292895</t>
  </si>
  <si>
    <t>cg26300802</t>
  </si>
  <si>
    <t>cg26306372</t>
  </si>
  <si>
    <t>cg26320148</t>
  </si>
  <si>
    <t>cg26328510</t>
  </si>
  <si>
    <t>cg26333837</t>
  </si>
  <si>
    <t>cg26338757</t>
  </si>
  <si>
    <t>cg26358059</t>
  </si>
  <si>
    <t>cg26367439</t>
  </si>
  <si>
    <t>cg26378680</t>
  </si>
  <si>
    <t>cg26381313</t>
  </si>
  <si>
    <t>cg26392708</t>
  </si>
  <si>
    <t>cg26395382</t>
  </si>
  <si>
    <t>cg26406407</t>
  </si>
  <si>
    <t>cg26418881</t>
  </si>
  <si>
    <t>cg26422151</t>
  </si>
  <si>
    <t>cg26425933</t>
  </si>
  <si>
    <t>cg26426564</t>
  </si>
  <si>
    <t>cg26435178</t>
  </si>
  <si>
    <t>cg26439963</t>
  </si>
  <si>
    <t>cg26448016</t>
  </si>
  <si>
    <t>cg26450254</t>
  </si>
  <si>
    <t>cg26450586</t>
  </si>
  <si>
    <t>cg26450740</t>
  </si>
  <si>
    <t>cg26458072</t>
  </si>
  <si>
    <t>cg26459700</t>
  </si>
  <si>
    <t>cg26463500</t>
  </si>
  <si>
    <t>cg26464006</t>
  </si>
  <si>
    <t>cg26464252</t>
  </si>
  <si>
    <t>cg26465120</t>
  </si>
  <si>
    <t>cg26472690</t>
  </si>
  <si>
    <t>cg26473651</t>
  </si>
  <si>
    <t>cg26474717</t>
  </si>
  <si>
    <t>cg26492368</t>
  </si>
  <si>
    <t>cg26494390</t>
  </si>
  <si>
    <t>cg26520012</t>
  </si>
  <si>
    <t>cg26523670</t>
  </si>
  <si>
    <t>cg26537410</t>
  </si>
  <si>
    <t>cg26538214</t>
  </si>
  <si>
    <t>cg26540559</t>
  </si>
  <si>
    <t>cg26540630</t>
  </si>
  <si>
    <t>cg26543273</t>
  </si>
  <si>
    <t>cg26547359</t>
  </si>
  <si>
    <t>cg26551913</t>
  </si>
  <si>
    <t>cg26561082</t>
  </si>
  <si>
    <t>cg26581982</t>
  </si>
  <si>
    <t>cg26583481</t>
  </si>
  <si>
    <t>cg26589930</t>
  </si>
  <si>
    <t>cg26595643</t>
  </si>
  <si>
    <t>cg26619296</t>
  </si>
  <si>
    <t>cg26637795</t>
  </si>
  <si>
    <t>cg26649005</t>
  </si>
  <si>
    <t>cg26651290</t>
  </si>
  <si>
    <t>cg26652906</t>
  </si>
  <si>
    <t>cg26654766</t>
  </si>
  <si>
    <t>cg26673784</t>
  </si>
  <si>
    <t>cg26674752</t>
  </si>
  <si>
    <t>cg26679004</t>
  </si>
  <si>
    <t>cg26681603</t>
  </si>
  <si>
    <t>cg26685590</t>
  </si>
  <si>
    <t>cg26688241</t>
  </si>
  <si>
    <t>cg26701408</t>
  </si>
  <si>
    <t>cg26702958</t>
  </si>
  <si>
    <t>cg26706625</t>
  </si>
  <si>
    <t>cg26709251</t>
  </si>
  <si>
    <t>cg26717995</t>
  </si>
  <si>
    <t>cg26718433</t>
  </si>
  <si>
    <t>cg26722446</t>
  </si>
  <si>
    <t>cg26722684</t>
  </si>
  <si>
    <t>cg26732754</t>
  </si>
  <si>
    <t>cg26732804</t>
  </si>
  <si>
    <t>cg26735846</t>
  </si>
  <si>
    <t>cg26744079</t>
  </si>
  <si>
    <t>cg26748425</t>
  </si>
  <si>
    <t>cg26769118</t>
  </si>
  <si>
    <t>cg26770870</t>
  </si>
  <si>
    <t>cg26782013</t>
  </si>
  <si>
    <t>cg26782539</t>
  </si>
  <si>
    <t>cg26784106</t>
  </si>
  <si>
    <t>cg26785954</t>
  </si>
  <si>
    <t>cg26801646</t>
  </si>
  <si>
    <t>cg26803184</t>
  </si>
  <si>
    <t>cg26811352</t>
  </si>
  <si>
    <t>cg26813646</t>
  </si>
  <si>
    <t>cg26820037</t>
  </si>
  <si>
    <t>cg26824247</t>
  </si>
  <si>
    <t>cg26834887</t>
  </si>
  <si>
    <t>cg26838212</t>
  </si>
  <si>
    <t>cg26838449</t>
  </si>
  <si>
    <t>cg26839863</t>
  </si>
  <si>
    <t>cg26843035</t>
  </si>
  <si>
    <t>cg26850559</t>
  </si>
  <si>
    <t>cg26856965</t>
  </si>
  <si>
    <t>cg26858268</t>
  </si>
  <si>
    <t>cg26859586</t>
  </si>
  <si>
    <t>cg26862731</t>
  </si>
  <si>
    <t>cg26865494</t>
  </si>
  <si>
    <t>cg26866949</t>
  </si>
  <si>
    <t>cg26868306</t>
  </si>
  <si>
    <t>cg26869412</t>
  </si>
  <si>
    <t>cg26869506</t>
  </si>
  <si>
    <t>cg26878209</t>
  </si>
  <si>
    <t>cg26879696</t>
  </si>
  <si>
    <t>cg26879815</t>
  </si>
  <si>
    <t>cg26884261</t>
  </si>
  <si>
    <t>cg26891924</t>
  </si>
  <si>
    <t>cg26892368</t>
  </si>
  <si>
    <t>cg26894311</t>
  </si>
  <si>
    <t>cg26896668</t>
  </si>
  <si>
    <t>cg26899113</t>
  </si>
  <si>
    <t>cg26913927</t>
  </si>
  <si>
    <t>cg26929272</t>
  </si>
  <si>
    <t>cg26930253</t>
  </si>
  <si>
    <t>cg26931308</t>
  </si>
  <si>
    <t>cg26945813</t>
  </si>
  <si>
    <t>cg26951440</t>
  </si>
  <si>
    <t>cg26956371</t>
  </si>
  <si>
    <t>cg26956444</t>
  </si>
  <si>
    <t>cg26957173</t>
  </si>
  <si>
    <t>cg26971585</t>
  </si>
  <si>
    <t>cg26978691</t>
  </si>
  <si>
    <t>cg26979504</t>
  </si>
  <si>
    <t>cg26994253</t>
  </si>
  <si>
    <t>cg26996236</t>
  </si>
  <si>
    <t>cg27003782</t>
  </si>
  <si>
    <t>cg27008222</t>
  </si>
  <si>
    <t>cg27008230</t>
  </si>
  <si>
    <t>cg27010833</t>
  </si>
  <si>
    <t>cg27016988</t>
  </si>
  <si>
    <t>cg27018185</t>
  </si>
  <si>
    <t>cg27023235</t>
  </si>
  <si>
    <t>cg27046659</t>
  </si>
  <si>
    <t>cg27048436</t>
  </si>
  <si>
    <t>cg27059598</t>
  </si>
  <si>
    <t>cg27063170</t>
  </si>
  <si>
    <t>cg27067269</t>
  </si>
  <si>
    <t>cg27070385</t>
  </si>
  <si>
    <t>cg27081107</t>
  </si>
  <si>
    <t>cg27090985</t>
  </si>
  <si>
    <t>cg27102141</t>
  </si>
  <si>
    <t>cg27104869</t>
  </si>
  <si>
    <t>cg27108167</t>
  </si>
  <si>
    <t>cg27113374</t>
  </si>
  <si>
    <t>cg27119456</t>
  </si>
  <si>
    <t>cg27123106</t>
  </si>
  <si>
    <t>cg27135788</t>
  </si>
  <si>
    <t>cg27144485</t>
  </si>
  <si>
    <t>cg27159792</t>
  </si>
  <si>
    <t>cg27173819</t>
  </si>
  <si>
    <t>cg27174837</t>
  </si>
  <si>
    <t>cg27175024</t>
  </si>
  <si>
    <t>cg27177554</t>
  </si>
  <si>
    <t>cg27190138</t>
  </si>
  <si>
    <t>cg27196695</t>
  </si>
  <si>
    <t>cg27199039</t>
  </si>
  <si>
    <t>cg27199172</t>
  </si>
  <si>
    <t>cg27201625</t>
  </si>
  <si>
    <t>cg27214047</t>
  </si>
  <si>
    <t>cg27216076</t>
  </si>
  <si>
    <t>cg27216969</t>
  </si>
  <si>
    <t>cg27230711</t>
  </si>
  <si>
    <t>cg27244585</t>
  </si>
  <si>
    <t>cg27247731</t>
  </si>
  <si>
    <t>cg27249304</t>
  </si>
  <si>
    <t>cg27255667</t>
  </si>
  <si>
    <t>cg27262137</t>
  </si>
  <si>
    <t>cg27268107</t>
  </si>
  <si>
    <t>cg27292389</t>
  </si>
  <si>
    <t>cg27297123</t>
  </si>
  <si>
    <t>cg27299538</t>
  </si>
  <si>
    <t>cg27312979</t>
  </si>
  <si>
    <t>cg27313572</t>
  </si>
  <si>
    <t>cg27313690</t>
  </si>
  <si>
    <t>cg27315773</t>
  </si>
  <si>
    <t>cg27317439</t>
  </si>
  <si>
    <t>cg27317447</t>
  </si>
  <si>
    <t>cg27339291</t>
  </si>
  <si>
    <t>cg27339437</t>
  </si>
  <si>
    <t>cg27341926</t>
  </si>
  <si>
    <t>cg27346088</t>
  </si>
  <si>
    <t>cg27352063</t>
  </si>
  <si>
    <t>cg27353308</t>
  </si>
  <si>
    <t>cg27355623</t>
  </si>
  <si>
    <t>cg27357238</t>
  </si>
  <si>
    <t>cg27373220</t>
  </si>
  <si>
    <t>cg27376136</t>
  </si>
  <si>
    <t>cg27380429</t>
  </si>
  <si>
    <t>cg27382247</t>
  </si>
  <si>
    <t>cg27383537</t>
  </si>
  <si>
    <t>cg27408345</t>
  </si>
  <si>
    <t>cg27413539</t>
  </si>
  <si>
    <t>cg27422348</t>
  </si>
  <si>
    <t>cg27422496</t>
  </si>
  <si>
    <t>cg27423692</t>
  </si>
  <si>
    <t>cg27423920</t>
  </si>
  <si>
    <t>cg27427581</t>
  </si>
  <si>
    <t>cg27430682</t>
  </si>
  <si>
    <t>cg27437721</t>
  </si>
  <si>
    <t>cg27438889</t>
  </si>
  <si>
    <t>cg27443867</t>
  </si>
  <si>
    <t>cg27469738</t>
  </si>
  <si>
    <t>cg27470303</t>
  </si>
  <si>
    <t>cg27473895</t>
  </si>
  <si>
    <t>cg27495903</t>
  </si>
  <si>
    <t>cg27503573</t>
  </si>
  <si>
    <t>cg27505880</t>
  </si>
  <si>
    <t>cg27513573</t>
  </si>
  <si>
    <t>cg27521563</t>
  </si>
  <si>
    <t>cg27523141</t>
  </si>
  <si>
    <t>cg27533288</t>
  </si>
  <si>
    <t>cg27537611</t>
  </si>
  <si>
    <t>cg27539746</t>
  </si>
  <si>
    <t>cg27540823</t>
  </si>
  <si>
    <t>cg27542609</t>
  </si>
  <si>
    <t>cg27554514</t>
  </si>
  <si>
    <t>cg27568550</t>
  </si>
  <si>
    <t>cg27572529</t>
  </si>
  <si>
    <t>cg27593537</t>
  </si>
  <si>
    <t>cg27596297</t>
  </si>
  <si>
    <t>cg27610486</t>
  </si>
  <si>
    <t>cg27617132</t>
  </si>
  <si>
    <t>cg27625562</t>
  </si>
  <si>
    <t>cg27628784</t>
  </si>
  <si>
    <t>cg27636011</t>
  </si>
  <si>
    <t>cg27636376</t>
  </si>
  <si>
    <t>cg27641141</t>
  </si>
  <si>
    <t>cg27645750</t>
  </si>
  <si>
    <t>cg27652681</t>
  </si>
  <si>
    <t>cg27653394</t>
  </si>
  <si>
    <t>cg27657429</t>
  </si>
  <si>
    <t>cg00012397</t>
  </si>
  <si>
    <t>cg00041759</t>
  </si>
  <si>
    <t>cg00078194</t>
  </si>
  <si>
    <t>cg00146096</t>
  </si>
  <si>
    <t>cg00182294</t>
  </si>
  <si>
    <t>cg00213905</t>
  </si>
  <si>
    <t>cg00221654</t>
  </si>
  <si>
    <t>cg00221747</t>
  </si>
  <si>
    <t>cg00222982</t>
  </si>
  <si>
    <t>cg00232735</t>
  </si>
  <si>
    <t>cg00233028</t>
  </si>
  <si>
    <t>cg00238848</t>
  </si>
  <si>
    <t>cg00243187</t>
  </si>
  <si>
    <t>cg00243281</t>
  </si>
  <si>
    <t>cg00249511</t>
  </si>
  <si>
    <t>cg00258081</t>
  </si>
  <si>
    <t>cg00259742</t>
  </si>
  <si>
    <t>cg00259882</t>
  </si>
  <si>
    <t>cg00261942</t>
  </si>
  <si>
    <t>cg00268518</t>
  </si>
  <si>
    <t>cg00268840</t>
  </si>
  <si>
    <t>cg00273464</t>
  </si>
  <si>
    <t>cg00286984</t>
  </si>
  <si>
    <t>cg00290607</t>
  </si>
  <si>
    <t>cg00310855</t>
  </si>
  <si>
    <t>cg00317879</t>
  </si>
  <si>
    <t>cg00322261</t>
  </si>
  <si>
    <t>cg00325528</t>
  </si>
  <si>
    <t>cg00333364</t>
  </si>
  <si>
    <t>cg00334798</t>
  </si>
  <si>
    <t>cg00343414</t>
  </si>
  <si>
    <t>cg00344443</t>
  </si>
  <si>
    <t>cg00344445</t>
  </si>
  <si>
    <t>cg00347938</t>
  </si>
  <si>
    <t>cg00350835</t>
  </si>
  <si>
    <t>cg00355019</t>
  </si>
  <si>
    <t>cg00356723</t>
  </si>
  <si>
    <t>cg00358927</t>
  </si>
  <si>
    <t>cg00370047</t>
  </si>
  <si>
    <t>cg00374596</t>
  </si>
  <si>
    <t>cg00375146</t>
  </si>
  <si>
    <t>cg00378999</t>
  </si>
  <si>
    <t>cg00386581</t>
  </si>
  <si>
    <t>cg00393798</t>
  </si>
  <si>
    <t>cg00394153</t>
  </si>
  <si>
    <t>cg00400096</t>
  </si>
  <si>
    <t>cg00406023</t>
  </si>
  <si>
    <t>cg00408597</t>
  </si>
  <si>
    <t>cg00409521</t>
  </si>
  <si>
    <t>cg00411300</t>
  </si>
  <si>
    <t>cg00414166</t>
  </si>
  <si>
    <t>cg00414384</t>
  </si>
  <si>
    <t>cg00439267</t>
  </si>
  <si>
    <t>cg00444282</t>
  </si>
  <si>
    <t>cg00447817</t>
  </si>
  <si>
    <t>cg00450824</t>
  </si>
  <si>
    <t>cg00455178</t>
  </si>
  <si>
    <t>cg00456593</t>
  </si>
  <si>
    <t>cg00456892</t>
  </si>
  <si>
    <t>cg00462763</t>
  </si>
  <si>
    <t>cg00469635</t>
  </si>
  <si>
    <t>cg00470934</t>
  </si>
  <si>
    <t>cg00472277</t>
  </si>
  <si>
    <t>cg00473112</t>
  </si>
  <si>
    <t>cg00473624</t>
  </si>
  <si>
    <t>cg00474723</t>
  </si>
  <si>
    <t>cg00479459</t>
  </si>
  <si>
    <t>cg00491963</t>
  </si>
  <si>
    <t>cg00496961</t>
  </si>
  <si>
    <t>cg00501779</t>
  </si>
  <si>
    <t>cg00508498</t>
  </si>
  <si>
    <t>cg00509451</t>
  </si>
  <si>
    <t>cg00514609</t>
  </si>
  <si>
    <t>cg00528549</t>
  </si>
  <si>
    <t>cg00533393</t>
  </si>
  <si>
    <t>cg00542402</t>
  </si>
  <si>
    <t>cg00543972</t>
  </si>
  <si>
    <t>cg00559845</t>
  </si>
  <si>
    <t>cg00563793</t>
  </si>
  <si>
    <t>cg00566431</t>
  </si>
  <si>
    <t>cg00566635</t>
  </si>
  <si>
    <t>cg00577182</t>
  </si>
  <si>
    <t>cg00582417</t>
  </si>
  <si>
    <t>cg00593699</t>
  </si>
  <si>
    <t>cg00599252</t>
  </si>
  <si>
    <t>cg00626438</t>
  </si>
  <si>
    <t>cg00706396</t>
  </si>
  <si>
    <t>cg00716245</t>
  </si>
  <si>
    <t>cg00769843</t>
  </si>
  <si>
    <t>cg01047028</t>
  </si>
  <si>
    <t>cg01057893</t>
  </si>
  <si>
    <t>cg01063965</t>
  </si>
  <si>
    <t>cg01068102</t>
  </si>
  <si>
    <t>cg01086404</t>
  </si>
  <si>
    <t>cg01095193</t>
  </si>
  <si>
    <t>cg01095389</t>
  </si>
  <si>
    <t>cg01097196</t>
  </si>
  <si>
    <t>cg01102007</t>
  </si>
  <si>
    <t>cg01108316</t>
  </si>
  <si>
    <t>cg01129637</t>
  </si>
  <si>
    <t>cg01137760</t>
  </si>
  <si>
    <t>cg01142676</t>
  </si>
  <si>
    <t>cg01147192</t>
  </si>
  <si>
    <t>cg01156550</t>
  </si>
  <si>
    <t>cg01162104</t>
  </si>
  <si>
    <t>cg01169746</t>
  </si>
  <si>
    <t>cg01173611</t>
  </si>
  <si>
    <t>cg01176141</t>
  </si>
  <si>
    <t>cg01176782</t>
  </si>
  <si>
    <t>cg01178624</t>
  </si>
  <si>
    <t>cg01180479</t>
  </si>
  <si>
    <t>cg01182863</t>
  </si>
  <si>
    <t>cg01183579</t>
  </si>
  <si>
    <t>cg01187505</t>
  </si>
  <si>
    <t>cg01192061</t>
  </si>
  <si>
    <t>cg01195276</t>
  </si>
  <si>
    <t>cg01199327</t>
  </si>
  <si>
    <t>cg01202519</t>
  </si>
  <si>
    <t>cg01222603</t>
  </si>
  <si>
    <t>cg01240599</t>
  </si>
  <si>
    <t>cg01243246</t>
  </si>
  <si>
    <t>cg01252023</t>
  </si>
  <si>
    <t>cg01258634</t>
  </si>
  <si>
    <t>cg01259360</t>
  </si>
  <si>
    <t>cg01260103</t>
  </si>
  <si>
    <t>cg01262836</t>
  </si>
  <si>
    <t>cg01263716</t>
  </si>
  <si>
    <t>cg01274643</t>
  </si>
  <si>
    <t>cg01277369</t>
  </si>
  <si>
    <t>cg01280128</t>
  </si>
  <si>
    <t>cg01282204</t>
  </si>
  <si>
    <t>cg01286631</t>
  </si>
  <si>
    <t>cg01294198</t>
  </si>
  <si>
    <t>cg01320969</t>
  </si>
  <si>
    <t>cg01368868</t>
  </si>
  <si>
    <t>cg01370129</t>
  </si>
  <si>
    <t>cg01374565</t>
  </si>
  <si>
    <t>cg01376079</t>
  </si>
  <si>
    <t>cg01378512</t>
  </si>
  <si>
    <t>cg01379207</t>
  </si>
  <si>
    <t>cg01415344</t>
  </si>
  <si>
    <t>cg01419757</t>
  </si>
  <si>
    <t>cg01427458</t>
  </si>
  <si>
    <t>cg01430270</t>
  </si>
  <si>
    <t>cg01434121</t>
  </si>
  <si>
    <t>cg01434559</t>
  </si>
  <si>
    <t>cg01435574</t>
  </si>
  <si>
    <t>cg01440016</t>
  </si>
  <si>
    <t>cg01440514</t>
  </si>
  <si>
    <t>cg01450204</t>
  </si>
  <si>
    <t>cg01459777</t>
  </si>
  <si>
    <t>cg01471232</t>
  </si>
  <si>
    <t>cg01475008</t>
  </si>
  <si>
    <t>cg01483505</t>
  </si>
  <si>
    <t>cg01483681</t>
  </si>
  <si>
    <t>cg01486814</t>
  </si>
  <si>
    <t>cg01487187</t>
  </si>
  <si>
    <t>cg01504690</t>
  </si>
  <si>
    <t>cg01504836</t>
  </si>
  <si>
    <t>cg01505590</t>
  </si>
  <si>
    <t>cg01513909</t>
  </si>
  <si>
    <t>cg01521060</t>
  </si>
  <si>
    <t>cg01530101</t>
  </si>
  <si>
    <t>cg01539849</t>
  </si>
  <si>
    <t>cg01547141</t>
  </si>
  <si>
    <t>cg01551511</t>
  </si>
  <si>
    <t>cg01553063</t>
  </si>
  <si>
    <t>cg01553986</t>
  </si>
  <si>
    <t>cg01560972</t>
  </si>
  <si>
    <t>cg01563031</t>
  </si>
  <si>
    <t>cg01565343</t>
  </si>
  <si>
    <t>cg01565965</t>
  </si>
  <si>
    <t>cg01566127</t>
  </si>
  <si>
    <t>cg01570480</t>
  </si>
  <si>
    <t>cg01577760</t>
  </si>
  <si>
    <t>cg01582182</t>
  </si>
  <si>
    <t>cg01583131</t>
  </si>
  <si>
    <t>cg01589860</t>
  </si>
  <si>
    <t>cg01591431</t>
  </si>
  <si>
    <t>cg01594514</t>
  </si>
  <si>
    <t>cg01599099</t>
  </si>
  <si>
    <t>cg01602068</t>
  </si>
  <si>
    <t>cg01616682</t>
  </si>
  <si>
    <t>cg01618083</t>
  </si>
  <si>
    <t>cg01634289</t>
  </si>
  <si>
    <t>cg01637289</t>
  </si>
  <si>
    <t>cg01642521</t>
  </si>
  <si>
    <t>cg01646147</t>
  </si>
  <si>
    <t>cg01655721</t>
  </si>
  <si>
    <t>cg01657758</t>
  </si>
  <si>
    <t>cg01663225</t>
  </si>
  <si>
    <t>cg01663745</t>
  </si>
  <si>
    <t>cg01665555</t>
  </si>
  <si>
    <t>cg01666550</t>
  </si>
  <si>
    <t>cg01670677</t>
  </si>
  <si>
    <t>cg01671895</t>
  </si>
  <si>
    <t>cg01677148</t>
  </si>
  <si>
    <t>cg01677628</t>
  </si>
  <si>
    <t>cg01685242</t>
  </si>
  <si>
    <t>cg01689892</t>
  </si>
  <si>
    <t>cg01691090</t>
  </si>
  <si>
    <t>cg01693350</t>
  </si>
  <si>
    <t>cg01694554</t>
  </si>
  <si>
    <t>cg01698298</t>
  </si>
  <si>
    <t>cg01699740</t>
  </si>
  <si>
    <t>cg01704474</t>
  </si>
  <si>
    <t>cg01705230</t>
  </si>
  <si>
    <t>cg01706556</t>
  </si>
  <si>
    <t>cg01714160</t>
  </si>
  <si>
    <t>cg01722932</t>
  </si>
  <si>
    <t>cg01730258</t>
  </si>
  <si>
    <t>cg01730944</t>
  </si>
  <si>
    <t>cg01740020</t>
  </si>
  <si>
    <t>cg01744331</t>
  </si>
  <si>
    <t>cg01756564</t>
  </si>
  <si>
    <t>cg01766065</t>
  </si>
  <si>
    <t>cg01766191</t>
  </si>
  <si>
    <t>cg01773858</t>
  </si>
  <si>
    <t>cg01776877</t>
  </si>
  <si>
    <t>cg01778153</t>
  </si>
  <si>
    <t>cg01794156</t>
  </si>
  <si>
    <t>cg01804278</t>
  </si>
  <si>
    <t>cg01806508</t>
  </si>
  <si>
    <t>cg01806972</t>
  </si>
  <si>
    <t>cg01811064</t>
  </si>
  <si>
    <t>cg01816411</t>
  </si>
  <si>
    <t>cg01825921</t>
  </si>
  <si>
    <t>cg01828427</t>
  </si>
  <si>
    <t>cg01832487</t>
  </si>
  <si>
    <t>cg01846046</t>
  </si>
  <si>
    <t>cg01847719</t>
  </si>
  <si>
    <t>cg01856007</t>
  </si>
  <si>
    <t>cg01856634</t>
  </si>
  <si>
    <t>cg01858337</t>
  </si>
  <si>
    <t>cg01858879</t>
  </si>
  <si>
    <t>cg01864807</t>
  </si>
  <si>
    <t>cg01867395</t>
  </si>
  <si>
    <t>cg01873334</t>
  </si>
  <si>
    <t>cg01885963</t>
  </si>
  <si>
    <t>cg01889574</t>
  </si>
  <si>
    <t>cg01890726</t>
  </si>
  <si>
    <t>cg01891497</t>
  </si>
  <si>
    <t>cg01905313</t>
  </si>
  <si>
    <t>cg01909845</t>
  </si>
  <si>
    <t>cg01909953</t>
  </si>
  <si>
    <t>cg01910617</t>
  </si>
  <si>
    <t>cg01923218</t>
  </si>
  <si>
    <t>cg01924993</t>
  </si>
  <si>
    <t>cg01925891</t>
  </si>
  <si>
    <t>cg01930417</t>
  </si>
  <si>
    <t>cg01931797</t>
  </si>
  <si>
    <t>cg01939477</t>
  </si>
  <si>
    <t>cg01948062</t>
  </si>
  <si>
    <t>cg01952234</t>
  </si>
  <si>
    <t>cg01954337</t>
  </si>
  <si>
    <t>cg01969433</t>
  </si>
  <si>
    <t>cg01969662</t>
  </si>
  <si>
    <t>cg01969701</t>
  </si>
  <si>
    <t>cg01971132</t>
  </si>
  <si>
    <t>cg01974921</t>
  </si>
  <si>
    <t>cg01988340</t>
  </si>
  <si>
    <t>cg01991582</t>
  </si>
  <si>
    <t>cg01999479</t>
  </si>
  <si>
    <t>cg02010478</t>
  </si>
  <si>
    <t>cg02011054</t>
  </si>
  <si>
    <t>cg02021485</t>
  </si>
  <si>
    <t>cg02022519</t>
  </si>
  <si>
    <t>cg02027945</t>
  </si>
  <si>
    <t>cg02030672</t>
  </si>
  <si>
    <t>cg02037518</t>
  </si>
  <si>
    <t>cg02044172</t>
  </si>
  <si>
    <t>cg02045845</t>
  </si>
  <si>
    <t>cg02046143</t>
  </si>
  <si>
    <t>cg02052905</t>
  </si>
  <si>
    <t>cg02064831</t>
  </si>
  <si>
    <t>cg02065003</t>
  </si>
  <si>
    <t>cg02078690</t>
  </si>
  <si>
    <t>cg02085160</t>
  </si>
  <si>
    <t>cg02104130</t>
  </si>
  <si>
    <t>cg02107879</t>
  </si>
  <si>
    <t>cg02115904</t>
  </si>
  <si>
    <t>cg02117565</t>
  </si>
  <si>
    <t>cg02118458</t>
  </si>
  <si>
    <t>cg02121704</t>
  </si>
  <si>
    <t>cg02153089</t>
  </si>
  <si>
    <t>cg02171500</t>
  </si>
  <si>
    <t>cg02174225</t>
  </si>
  <si>
    <t>cg02177646</t>
  </si>
  <si>
    <t>cg02179652</t>
  </si>
  <si>
    <t>cg02182185</t>
  </si>
  <si>
    <t>cg02184673</t>
  </si>
  <si>
    <t>cg02190786</t>
  </si>
  <si>
    <t>cg02200456</t>
  </si>
  <si>
    <t>cg02202022</t>
  </si>
  <si>
    <t>cg02207312</t>
  </si>
  <si>
    <t>cg02213487</t>
  </si>
  <si>
    <t>cg02231295</t>
  </si>
  <si>
    <t>cg02235894</t>
  </si>
  <si>
    <t>cg02236949</t>
  </si>
  <si>
    <t>cg02246725</t>
  </si>
  <si>
    <t>cg02248763</t>
  </si>
  <si>
    <t>cg02250680</t>
  </si>
  <si>
    <t>cg02254774</t>
  </si>
  <si>
    <t>cg02256049</t>
  </si>
  <si>
    <t>cg02257029</t>
  </si>
  <si>
    <t>cg02266452</t>
  </si>
  <si>
    <t>cg02269161</t>
  </si>
  <si>
    <t>cg02271621</t>
  </si>
  <si>
    <t>cg02272447</t>
  </si>
  <si>
    <t>cg02273041</t>
  </si>
  <si>
    <t>cg02274108</t>
  </si>
  <si>
    <t>cg02283811</t>
  </si>
  <si>
    <t>cg02286547</t>
  </si>
  <si>
    <t>cg02299971</t>
  </si>
  <si>
    <t>cg02305850</t>
  </si>
  <si>
    <t>cg02313829</t>
  </si>
  <si>
    <t>cg02322435</t>
  </si>
  <si>
    <t>cg02341038</t>
  </si>
  <si>
    <t>cg02341556</t>
  </si>
  <si>
    <t>cg02346860</t>
  </si>
  <si>
    <t>cg02354916</t>
  </si>
  <si>
    <t>cg02358841</t>
  </si>
  <si>
    <t>cg02367949</t>
  </si>
  <si>
    <t>cg02370395</t>
  </si>
  <si>
    <t>cg02376282</t>
  </si>
  <si>
    <t>cg02382426</t>
  </si>
  <si>
    <t>cg02384565</t>
  </si>
  <si>
    <t>cg02384811</t>
  </si>
  <si>
    <t>cg02396009</t>
  </si>
  <si>
    <t>cg02397782</t>
  </si>
  <si>
    <t>cg02398191</t>
  </si>
  <si>
    <t>cg02399233</t>
  </si>
  <si>
    <t>cg02399524</t>
  </si>
  <si>
    <t>cg02400092</t>
  </si>
  <si>
    <t>cg02403180</t>
  </si>
  <si>
    <t>cg02407032</t>
  </si>
  <si>
    <t>cg02408252</t>
  </si>
  <si>
    <t>cg02409108</t>
  </si>
  <si>
    <t>cg02411974</t>
  </si>
  <si>
    <t>cg02423574</t>
  </si>
  <si>
    <t>cg02423817</t>
  </si>
  <si>
    <t>cg02426999</t>
  </si>
  <si>
    <t>cg02434443</t>
  </si>
  <si>
    <t>cg02453348</t>
  </si>
  <si>
    <t>cg02453779</t>
  </si>
  <si>
    <t>cg02454501</t>
  </si>
  <si>
    <t>cg02459529</t>
  </si>
  <si>
    <t>cg02459971</t>
  </si>
  <si>
    <t>cg02474542</t>
  </si>
  <si>
    <t>cg02479904</t>
  </si>
  <si>
    <t>cg02484111</t>
  </si>
  <si>
    <t>cg02493211</t>
  </si>
  <si>
    <t>cg02493602</t>
  </si>
  <si>
    <t>cg02504416</t>
  </si>
  <si>
    <t>cg02504716</t>
  </si>
  <si>
    <t>cg02506324</t>
  </si>
  <si>
    <t>cg02510267</t>
  </si>
  <si>
    <t>cg02513924</t>
  </si>
  <si>
    <t>cg02514519</t>
  </si>
  <si>
    <t>cg02515468</t>
  </si>
  <si>
    <t>cg02518691</t>
  </si>
  <si>
    <t>cg02518775</t>
  </si>
  <si>
    <t>cg02520559</t>
  </si>
  <si>
    <t>cg02522041</t>
  </si>
  <si>
    <t>cg02531275</t>
  </si>
  <si>
    <t>cg02532096</t>
  </si>
  <si>
    <t>cg02536026</t>
  </si>
  <si>
    <t>cg02542872</t>
  </si>
  <si>
    <t>cg02545393</t>
  </si>
  <si>
    <t>cg02547138</t>
  </si>
  <si>
    <t>cg02556649</t>
  </si>
  <si>
    <t>cg02561205</t>
  </si>
  <si>
    <t>cg02577122</t>
  </si>
  <si>
    <t>cg02579136</t>
  </si>
  <si>
    <t>cg02582183</t>
  </si>
  <si>
    <t>cg02588659</t>
  </si>
  <si>
    <t>cg02589685</t>
  </si>
  <si>
    <t>cg02600331</t>
  </si>
  <si>
    <t>cg02601626</t>
  </si>
  <si>
    <t>cg02606728</t>
  </si>
  <si>
    <t>cg02608029</t>
  </si>
  <si>
    <t>cg02614683</t>
  </si>
  <si>
    <t>cg02615000</t>
  </si>
  <si>
    <t>cg02616975</t>
  </si>
  <si>
    <t>cg02618319</t>
  </si>
  <si>
    <t>cg02619315</t>
  </si>
  <si>
    <t>cg02622885</t>
  </si>
  <si>
    <t>cg02624129</t>
  </si>
  <si>
    <t>cg02629138</t>
  </si>
  <si>
    <t>cg02629281</t>
  </si>
  <si>
    <t>cg02635948</t>
  </si>
  <si>
    <t>cg02642914</t>
  </si>
  <si>
    <t>cg02643834</t>
  </si>
  <si>
    <t>cg02646854</t>
  </si>
  <si>
    <t>cg02649987</t>
  </si>
  <si>
    <t>cg02654360</t>
  </si>
  <si>
    <t>cg02659532</t>
  </si>
  <si>
    <t>cg02660089</t>
  </si>
  <si>
    <t>cg02675260</t>
  </si>
  <si>
    <t>cg02692785</t>
  </si>
  <si>
    <t>cg02694676</t>
  </si>
  <si>
    <t>cg02694715</t>
  </si>
  <si>
    <t>cg02700626</t>
  </si>
  <si>
    <t>cg02703695</t>
  </si>
  <si>
    <t>cg02713851</t>
  </si>
  <si>
    <t>cg02715140</t>
  </si>
  <si>
    <t>cg02719427</t>
  </si>
  <si>
    <t>cg02723533</t>
  </si>
  <si>
    <t>cg02731980</t>
  </si>
  <si>
    <t>cg02734782</t>
  </si>
  <si>
    <t>cg02737625</t>
  </si>
  <si>
    <t>cg02740606</t>
  </si>
  <si>
    <t>cg02753511</t>
  </si>
  <si>
    <t>cg02756152</t>
  </si>
  <si>
    <t>cg02760300</t>
  </si>
  <si>
    <t>cg02761940</t>
  </si>
  <si>
    <t>cg02763611</t>
  </si>
  <si>
    <t>cg02769172</t>
  </si>
  <si>
    <t>cg02773433</t>
  </si>
  <si>
    <t>cg02783889</t>
  </si>
  <si>
    <t>cg02787737</t>
  </si>
  <si>
    <t>cg02798749</t>
  </si>
  <si>
    <t>cg02800396</t>
  </si>
  <si>
    <t>cg02802775</t>
  </si>
  <si>
    <t>cg02807964</t>
  </si>
  <si>
    <t>cg02828306</t>
  </si>
  <si>
    <t>cg02837703</t>
  </si>
  <si>
    <t>cg02838784</t>
  </si>
  <si>
    <t>cg02839130</t>
  </si>
  <si>
    <t>cg02839195</t>
  </si>
  <si>
    <t>cg02841651</t>
  </si>
  <si>
    <t>cg02843237</t>
  </si>
  <si>
    <t>cg02851825</t>
  </si>
  <si>
    <t>cg02874908</t>
  </si>
  <si>
    <t>cg02877538</t>
  </si>
  <si>
    <t>cg02877873</t>
  </si>
  <si>
    <t>cg02878486</t>
  </si>
  <si>
    <t>cg02882264</t>
  </si>
  <si>
    <t>cg02882381</t>
  </si>
  <si>
    <t>cg02886208</t>
  </si>
  <si>
    <t>cg02886509</t>
  </si>
  <si>
    <t>cg02907374</t>
  </si>
  <si>
    <t>cg02920148</t>
  </si>
  <si>
    <t>cg02920502</t>
  </si>
  <si>
    <t>cg02923888</t>
  </si>
  <si>
    <t>cg02928699</t>
  </si>
  <si>
    <t>cg02933228</t>
  </si>
  <si>
    <t>cg02937674</t>
  </si>
  <si>
    <t>cg02940147</t>
  </si>
  <si>
    <t>cg02943285</t>
  </si>
  <si>
    <t>cg02950886</t>
  </si>
  <si>
    <t>cg02951344</t>
  </si>
  <si>
    <t>cg02952972</t>
  </si>
  <si>
    <t>cg02955631</t>
  </si>
  <si>
    <t>cg02958718</t>
  </si>
  <si>
    <t>cg02965699</t>
  </si>
  <si>
    <t>cg02967152</t>
  </si>
  <si>
    <t>cg02972788</t>
  </si>
  <si>
    <t>cg02973171</t>
  </si>
  <si>
    <t>cg02973469</t>
  </si>
  <si>
    <t>cg02974499</t>
  </si>
  <si>
    <t>cg02984023</t>
  </si>
  <si>
    <t>cg02989521</t>
  </si>
  <si>
    <t>cg02994582</t>
  </si>
  <si>
    <t>cg02996291</t>
  </si>
  <si>
    <t>cg03024517</t>
  </si>
  <si>
    <t>cg03035661</t>
  </si>
  <si>
    <t>cg03036422</t>
  </si>
  <si>
    <t>cg03042113</t>
  </si>
  <si>
    <t>cg03042396</t>
  </si>
  <si>
    <t>cg03056341</t>
  </si>
  <si>
    <t>cg03057543</t>
  </si>
  <si>
    <t>cg03067462</t>
  </si>
  <si>
    <t>cg03074839</t>
  </si>
  <si>
    <t>cg03074984</t>
  </si>
  <si>
    <t>cg03078043</t>
  </si>
  <si>
    <t>cg03081205</t>
  </si>
  <si>
    <t>cg03083542</t>
  </si>
  <si>
    <t>cg03098782</t>
  </si>
  <si>
    <t>cg03101580</t>
  </si>
  <si>
    <t>cg03102386</t>
  </si>
  <si>
    <t>cg03103952</t>
  </si>
  <si>
    <t>cg03105770</t>
  </si>
  <si>
    <t>cg03109306</t>
  </si>
  <si>
    <t>cg03114244</t>
  </si>
  <si>
    <t>cg03115072</t>
  </si>
  <si>
    <t>cg03122735</t>
  </si>
  <si>
    <t>cg03124680</t>
  </si>
  <si>
    <t>cg03128167</t>
  </si>
  <si>
    <t>cg03128921</t>
  </si>
  <si>
    <t>cg03129853</t>
  </si>
  <si>
    <t>cg03135023</t>
  </si>
  <si>
    <t>cg03153608</t>
  </si>
  <si>
    <t>cg03162779</t>
  </si>
  <si>
    <t>cg03166566</t>
  </si>
  <si>
    <t>cg03168029</t>
  </si>
  <si>
    <t>cg03169257</t>
  </si>
  <si>
    <t>cg03178691</t>
  </si>
  <si>
    <t>cg03181582</t>
  </si>
  <si>
    <t>cg03195230</t>
  </si>
  <si>
    <t>cg03200166</t>
  </si>
  <si>
    <t>cg03213794</t>
  </si>
  <si>
    <t>cg03216853</t>
  </si>
  <si>
    <t>cg03225817</t>
  </si>
  <si>
    <t>cg03226737</t>
  </si>
  <si>
    <t>cg03231447</t>
  </si>
  <si>
    <t>cg03243226</t>
  </si>
  <si>
    <t>cg03246824</t>
  </si>
  <si>
    <t>cg03257547</t>
  </si>
  <si>
    <t>cg03260792</t>
  </si>
  <si>
    <t>cg03263549</t>
  </si>
  <si>
    <t>cg03267026</t>
  </si>
  <si>
    <t>cg03304528</t>
  </si>
  <si>
    <t>cg03306615</t>
  </si>
  <si>
    <t>cg03323292</t>
  </si>
  <si>
    <t>cg03323636</t>
  </si>
  <si>
    <t>cg03329408</t>
  </si>
  <si>
    <t>cg03333727</t>
  </si>
  <si>
    <t>cg03342084</t>
  </si>
  <si>
    <t>cg03342113</t>
  </si>
  <si>
    <t>cg03345116</t>
  </si>
  <si>
    <t>cg03347559</t>
  </si>
  <si>
    <t>cg03356778</t>
  </si>
  <si>
    <t>cg03357006</t>
  </si>
  <si>
    <t>cg03370490</t>
  </si>
  <si>
    <t>cg03371662</t>
  </si>
  <si>
    <t>cg03372099</t>
  </si>
  <si>
    <t>cg03375366</t>
  </si>
  <si>
    <t>cg03389662</t>
  </si>
  <si>
    <t>cg03392386</t>
  </si>
  <si>
    <t>cg03401096</t>
  </si>
  <si>
    <t>cg03401726</t>
  </si>
  <si>
    <t>cg03404452</t>
  </si>
  <si>
    <t>cg03405315</t>
  </si>
  <si>
    <t>cg03405909</t>
  </si>
  <si>
    <t>cg03410903</t>
  </si>
  <si>
    <t>cg03411376</t>
  </si>
  <si>
    <t>cg03411507</t>
  </si>
  <si>
    <t>cg03412097</t>
  </si>
  <si>
    <t>cg03416422</t>
  </si>
  <si>
    <t>cg03419885</t>
  </si>
  <si>
    <t>cg03423112</t>
  </si>
  <si>
    <t>cg03423149</t>
  </si>
  <si>
    <t>cg03426840</t>
  </si>
  <si>
    <t>cg03427636</t>
  </si>
  <si>
    <t>cg03432275</t>
  </si>
  <si>
    <t>cg03436149</t>
  </si>
  <si>
    <t>cg03442378</t>
  </si>
  <si>
    <t>cg03442545</t>
  </si>
  <si>
    <t>cg03444184</t>
  </si>
  <si>
    <t>cg03444245</t>
  </si>
  <si>
    <t>cg03444715</t>
  </si>
  <si>
    <t>cg03460534</t>
  </si>
  <si>
    <t>cg03469862</t>
  </si>
  <si>
    <t>cg03470671</t>
  </si>
  <si>
    <t>cg03474219</t>
  </si>
  <si>
    <t>cg03483654</t>
  </si>
  <si>
    <t>cg03486485</t>
  </si>
  <si>
    <t>cg03487637</t>
  </si>
  <si>
    <t>cg03493547</t>
  </si>
  <si>
    <t>cg03493639</t>
  </si>
  <si>
    <t>cg03499808</t>
  </si>
  <si>
    <t>cg03500117</t>
  </si>
  <si>
    <t>cg03503634</t>
  </si>
  <si>
    <t>cg03506033</t>
  </si>
  <si>
    <t>cg03513109</t>
  </si>
  <si>
    <t>cg03520624</t>
  </si>
  <si>
    <t>cg03522668</t>
  </si>
  <si>
    <t>cg03522766</t>
  </si>
  <si>
    <t>cg03523550</t>
  </si>
  <si>
    <t>cg03527353</t>
  </si>
  <si>
    <t>cg03528538</t>
  </si>
  <si>
    <t>cg03533091</t>
  </si>
  <si>
    <t>cg03543495</t>
  </si>
  <si>
    <t>cg03547062</t>
  </si>
  <si>
    <t>cg03548386</t>
  </si>
  <si>
    <t>cg03553689</t>
  </si>
  <si>
    <t>cg03553914</t>
  </si>
  <si>
    <t>cg03554573</t>
  </si>
  <si>
    <t>cg03555909</t>
  </si>
  <si>
    <t>cg03556313</t>
  </si>
  <si>
    <t>cg03559815</t>
  </si>
  <si>
    <t>cg03564748</t>
  </si>
  <si>
    <t>cg03565189</t>
  </si>
  <si>
    <t>cg03575969</t>
  </si>
  <si>
    <t>cg03576787</t>
  </si>
  <si>
    <t>cg03586390</t>
  </si>
  <si>
    <t>cg03590420</t>
  </si>
  <si>
    <t>cg03595792</t>
  </si>
  <si>
    <t>cg03610000</t>
  </si>
  <si>
    <t>cg03610629</t>
  </si>
  <si>
    <t>cg03622002</t>
  </si>
  <si>
    <t>cg03631331</t>
  </si>
  <si>
    <t>cg03631743</t>
  </si>
  <si>
    <t>cg03631755</t>
  </si>
  <si>
    <t>cg03637878</t>
  </si>
  <si>
    <t>cg03641748</t>
  </si>
  <si>
    <t>cg03647233</t>
  </si>
  <si>
    <t>cg03648711</t>
  </si>
  <si>
    <t>cg03652715</t>
  </si>
  <si>
    <t>cg03686392</t>
  </si>
  <si>
    <t>cg03686395</t>
  </si>
  <si>
    <t>cg03687707</t>
  </si>
  <si>
    <t>cg03688699</t>
  </si>
  <si>
    <t>cg03693064</t>
  </si>
  <si>
    <t>cg03697509</t>
  </si>
  <si>
    <t>cg03703840</t>
  </si>
  <si>
    <t>cg03707169</t>
  </si>
  <si>
    <t>cg03707776</t>
  </si>
  <si>
    <t>cg03713609</t>
  </si>
  <si>
    <t>cg03717588</t>
  </si>
  <si>
    <t>cg03721657</t>
  </si>
  <si>
    <t>cg03722525</t>
  </si>
  <si>
    <t>cg03727373</t>
  </si>
  <si>
    <t>cg03727836</t>
  </si>
  <si>
    <t>cg03730428</t>
  </si>
  <si>
    <t>cg03732020</t>
  </si>
  <si>
    <t>cg03733433</t>
  </si>
  <si>
    <t>cg03735013</t>
  </si>
  <si>
    <t>cg03741657</t>
  </si>
  <si>
    <t>cg03742338</t>
  </si>
  <si>
    <t>cg03742763</t>
  </si>
  <si>
    <t>cg03750407</t>
  </si>
  <si>
    <t>cg03754400</t>
  </si>
  <si>
    <t>cg03760951</t>
  </si>
  <si>
    <t>cg03771900</t>
  </si>
  <si>
    <t>cg03776857</t>
  </si>
  <si>
    <t>cg03780905</t>
  </si>
  <si>
    <t>cg03780927</t>
  </si>
  <si>
    <t>cg03784994</t>
  </si>
  <si>
    <t>cg03790745</t>
  </si>
  <si>
    <t>cg03790908</t>
  </si>
  <si>
    <t>cg03813168</t>
  </si>
  <si>
    <t>cg03824268</t>
  </si>
  <si>
    <t>cg03825332</t>
  </si>
  <si>
    <t>cg03826618</t>
  </si>
  <si>
    <t>cg03829241</t>
  </si>
  <si>
    <t>cg03831465</t>
  </si>
  <si>
    <t>cg03837292</t>
  </si>
  <si>
    <t>cg03850334</t>
  </si>
  <si>
    <t>cg03851192</t>
  </si>
  <si>
    <t>cg03851309</t>
  </si>
  <si>
    <t>cg03855388</t>
  </si>
  <si>
    <t>cg03856109</t>
  </si>
  <si>
    <t>cg03856748</t>
  </si>
  <si>
    <t>cg03859929</t>
  </si>
  <si>
    <t>cg03860020</t>
  </si>
  <si>
    <t>cg03864000</t>
  </si>
  <si>
    <t>cg03886085</t>
  </si>
  <si>
    <t>cg03900355</t>
  </si>
  <si>
    <t>cg03901462</t>
  </si>
  <si>
    <t>cg03906014</t>
  </si>
  <si>
    <t>cg03909863</t>
  </si>
  <si>
    <t>cg03915167</t>
  </si>
  <si>
    <t>cg03916783</t>
  </si>
  <si>
    <t>cg03917623</t>
  </si>
  <si>
    <t>cg03919694</t>
  </si>
  <si>
    <t>cg03932723</t>
  </si>
  <si>
    <t>cg03933026</t>
  </si>
  <si>
    <t>cg03934392</t>
  </si>
  <si>
    <t>cg03934433</t>
  </si>
  <si>
    <t>cg03935432</t>
  </si>
  <si>
    <t>cg03940620</t>
  </si>
  <si>
    <t>cg03947203</t>
  </si>
  <si>
    <t>cg03947814</t>
  </si>
  <si>
    <t>cg03953500</t>
  </si>
  <si>
    <t>cg03961189</t>
  </si>
  <si>
    <t>cg03963011</t>
  </si>
  <si>
    <t>cg03965764</t>
  </si>
  <si>
    <t>cg03970849</t>
  </si>
  <si>
    <t>cg03972852</t>
  </si>
  <si>
    <t>cg03982544</t>
  </si>
  <si>
    <t>cg03983726</t>
  </si>
  <si>
    <t>cg03988778</t>
  </si>
  <si>
    <t>cg03990565</t>
  </si>
  <si>
    <t>cg03993926</t>
  </si>
  <si>
    <t>cg03994942</t>
  </si>
  <si>
    <t>cg03996398</t>
  </si>
  <si>
    <t>cg03996735</t>
  </si>
  <si>
    <t>cg04008888</t>
  </si>
  <si>
    <t>cg04011253</t>
  </si>
  <si>
    <t>cg04012924</t>
  </si>
  <si>
    <t>cg04023915</t>
  </si>
  <si>
    <t>cg04024572</t>
  </si>
  <si>
    <t>cg04043957</t>
  </si>
  <si>
    <t>cg04050578</t>
  </si>
  <si>
    <t>cg04056144</t>
  </si>
  <si>
    <t>cg04058752</t>
  </si>
  <si>
    <t>cg04069518</t>
  </si>
  <si>
    <t>cg04069951</t>
  </si>
  <si>
    <t>cg04074454</t>
  </si>
  <si>
    <t>cg04088212</t>
  </si>
  <si>
    <t>cg04089426</t>
  </si>
  <si>
    <t>cg04094148</t>
  </si>
  <si>
    <t>cg04100696</t>
  </si>
  <si>
    <t>cg04110224</t>
  </si>
  <si>
    <t>cg04111478</t>
  </si>
  <si>
    <t>cg04117688</t>
  </si>
  <si>
    <t>cg04131734</t>
  </si>
  <si>
    <t>cg04140971</t>
  </si>
  <si>
    <t>cg04151384</t>
  </si>
  <si>
    <t>cg04159488</t>
  </si>
  <si>
    <t>cg04162999</t>
  </si>
  <si>
    <t>cg04165910</t>
  </si>
  <si>
    <t>cg04169881</t>
  </si>
  <si>
    <t>cg04174309</t>
  </si>
  <si>
    <t>cg04175569</t>
  </si>
  <si>
    <t>cg04175895</t>
  </si>
  <si>
    <t>cg04185729</t>
  </si>
  <si>
    <t>cg04188562</t>
  </si>
  <si>
    <t>cg04190618</t>
  </si>
  <si>
    <t>cg04191300</t>
  </si>
  <si>
    <t>cg04197155</t>
  </si>
  <si>
    <t>cg04197535</t>
  </si>
  <si>
    <t>cg04203298</t>
  </si>
  <si>
    <t>cg04206351</t>
  </si>
  <si>
    <t>cg04237662</t>
  </si>
  <si>
    <t>cg04250489</t>
  </si>
  <si>
    <t>cg04250867</t>
  </si>
  <si>
    <t>cg04251368</t>
  </si>
  <si>
    <t>cg04255276</t>
  </si>
  <si>
    <t>cg04258133</t>
  </si>
  <si>
    <t>cg04260258</t>
  </si>
  <si>
    <t>cg04262428</t>
  </si>
  <si>
    <t>cg04264417</t>
  </si>
  <si>
    <t>cg04265051</t>
  </si>
  <si>
    <t>cg04268950</t>
  </si>
  <si>
    <t>cg04272969</t>
  </si>
  <si>
    <t>cg04279164</t>
  </si>
  <si>
    <t>cg04279449</t>
  </si>
  <si>
    <t>cg04279695</t>
  </si>
  <si>
    <t>cg04285064</t>
  </si>
  <si>
    <t>cg04289078</t>
  </si>
  <si>
    <t>cg04290346</t>
  </si>
  <si>
    <t>cg04299135</t>
  </si>
  <si>
    <t>cg04310460</t>
  </si>
  <si>
    <t>cg04313601</t>
  </si>
  <si>
    <t>cg04321378</t>
  </si>
  <si>
    <t>cg04327181</t>
  </si>
  <si>
    <t>cg04334417</t>
  </si>
  <si>
    <t>cg04346415</t>
  </si>
  <si>
    <t>cg04355871</t>
  </si>
  <si>
    <t>cg04358923</t>
  </si>
  <si>
    <t>cg04360491</t>
  </si>
  <si>
    <t>cg04361852</t>
  </si>
  <si>
    <t>cg04367252</t>
  </si>
  <si>
    <t>cg04367345</t>
  </si>
  <si>
    <t>cg04370142</t>
  </si>
  <si>
    <t>cg04371288</t>
  </si>
  <si>
    <t>cg04396314</t>
  </si>
  <si>
    <t>cg04396791</t>
  </si>
  <si>
    <t>cg04399091</t>
  </si>
  <si>
    <t>cg04402633</t>
  </si>
  <si>
    <t>cg04410073</t>
  </si>
  <si>
    <t>cg04415045</t>
  </si>
  <si>
    <t>cg04420309</t>
  </si>
  <si>
    <t>cg04424721</t>
  </si>
  <si>
    <t>cg04433129</t>
  </si>
  <si>
    <t>cg04433151</t>
  </si>
  <si>
    <t>cg04446112</t>
  </si>
  <si>
    <t>cg04446762</t>
  </si>
  <si>
    <t>cg04449523</t>
  </si>
  <si>
    <t>cg04451748</t>
  </si>
  <si>
    <t>cg04453364</t>
  </si>
  <si>
    <t>cg04453624</t>
  </si>
  <si>
    <t>cg04457979</t>
  </si>
  <si>
    <t>cg04475687</t>
  </si>
  <si>
    <t>cg04475877</t>
  </si>
  <si>
    <t>cg04495670</t>
  </si>
  <si>
    <t>cg04521279</t>
  </si>
  <si>
    <t>cg04523868</t>
  </si>
  <si>
    <t>cg04525775</t>
  </si>
  <si>
    <t>cg04526020</t>
  </si>
  <si>
    <t>cg04527071</t>
  </si>
  <si>
    <t>cg04539057</t>
  </si>
  <si>
    <t>cg04543008</t>
  </si>
  <si>
    <t>cg04547675</t>
  </si>
  <si>
    <t>cg04548378</t>
  </si>
  <si>
    <t>cg04549333</t>
  </si>
  <si>
    <t>cg04557452</t>
  </si>
  <si>
    <t>cg04557774</t>
  </si>
  <si>
    <t>cg04557953</t>
  </si>
  <si>
    <t>cg04568116</t>
  </si>
  <si>
    <t>cg04573276</t>
  </si>
  <si>
    <t>cg04578774</t>
  </si>
  <si>
    <t>cg04583011</t>
  </si>
  <si>
    <t>cg04585209</t>
  </si>
  <si>
    <t>cg04587886</t>
  </si>
  <si>
    <t>cg04590843</t>
  </si>
  <si>
    <t>cg04592747</t>
  </si>
  <si>
    <t>cg04594090</t>
  </si>
  <si>
    <t>cg04599265</t>
  </si>
  <si>
    <t>cg04602060</t>
  </si>
  <si>
    <t>cg04608933</t>
  </si>
  <si>
    <t>cg04612198</t>
  </si>
  <si>
    <t>cg04617251</t>
  </si>
  <si>
    <t>cg04618331</t>
  </si>
  <si>
    <t>cg04625914</t>
  </si>
  <si>
    <t>cg04630321</t>
  </si>
  <si>
    <t>cg04640796</t>
  </si>
  <si>
    <t>cg04642923</t>
  </si>
  <si>
    <t>cg04643969</t>
  </si>
  <si>
    <t>cg04650653</t>
  </si>
  <si>
    <t>cg04658945</t>
  </si>
  <si>
    <t>cg04663285</t>
  </si>
  <si>
    <t>cg04667969</t>
  </si>
  <si>
    <t>cg04674590</t>
  </si>
  <si>
    <t>cg04677061</t>
  </si>
  <si>
    <t>cg04683210</t>
  </si>
  <si>
    <t>cg04683476</t>
  </si>
  <si>
    <t>cg04686763</t>
  </si>
  <si>
    <t>cg04691634</t>
  </si>
  <si>
    <t>cg04695077</t>
  </si>
  <si>
    <t>cg04701106</t>
  </si>
  <si>
    <t>cg04704198</t>
  </si>
  <si>
    <t>cg04704963</t>
  </si>
  <si>
    <t>cg04705435</t>
  </si>
  <si>
    <t>cg04709886</t>
  </si>
  <si>
    <t>cg04719537</t>
  </si>
  <si>
    <t>cg04721602</t>
  </si>
  <si>
    <t>cg04725041</t>
  </si>
  <si>
    <t>cg04726730</t>
  </si>
  <si>
    <t>cg04735594</t>
  </si>
  <si>
    <t>cg04738656</t>
  </si>
  <si>
    <t>cg04739953</t>
  </si>
  <si>
    <t>cg04745079</t>
  </si>
  <si>
    <t>cg04747226</t>
  </si>
  <si>
    <t>cg04750265</t>
  </si>
  <si>
    <t>cg04751358</t>
  </si>
  <si>
    <t>cg04755604</t>
  </si>
  <si>
    <t>cg04757806</t>
  </si>
  <si>
    <t>cg04767932</t>
  </si>
  <si>
    <t>cg04771029</t>
  </si>
  <si>
    <t>cg04772025</t>
  </si>
  <si>
    <t>cg04784101</t>
  </si>
  <si>
    <t>cg04789231</t>
  </si>
  <si>
    <t>cg04790169</t>
  </si>
  <si>
    <t>cg04795779</t>
  </si>
  <si>
    <t>cg04798016</t>
  </si>
  <si>
    <t>cg04800816</t>
  </si>
  <si>
    <t>cg04807856</t>
  </si>
  <si>
    <t>cg04808027</t>
  </si>
  <si>
    <t>cg04813719</t>
  </si>
  <si>
    <t>cg04815835</t>
  </si>
  <si>
    <t>cg04822177</t>
  </si>
  <si>
    <t>cg04824914</t>
  </si>
  <si>
    <t>cg04829746</t>
  </si>
  <si>
    <t>cg04836154</t>
  </si>
  <si>
    <t>cg04841983</t>
  </si>
  <si>
    <t>cg04844534</t>
  </si>
  <si>
    <t>cg04846715</t>
  </si>
  <si>
    <t>cg04866833</t>
  </si>
  <si>
    <t>cg04867406</t>
  </si>
  <si>
    <t>cg04868132</t>
  </si>
  <si>
    <t>cg04883026</t>
  </si>
  <si>
    <t>cg04883609</t>
  </si>
  <si>
    <t>cg04890495</t>
  </si>
  <si>
    <t>cg04890870</t>
  </si>
  <si>
    <t>cg04891917</t>
  </si>
  <si>
    <t>cg04896048</t>
  </si>
  <si>
    <t>cg04903912</t>
  </si>
  <si>
    <t>cg04910677</t>
  </si>
  <si>
    <t>cg04920951</t>
  </si>
  <si>
    <t>cg04932205</t>
  </si>
  <si>
    <t>cg04935121</t>
  </si>
  <si>
    <t>cg04936030</t>
  </si>
  <si>
    <t>cg04938549</t>
  </si>
  <si>
    <t>cg04940570</t>
  </si>
  <si>
    <t>cg04941127</t>
  </si>
  <si>
    <t>cg04942251</t>
  </si>
  <si>
    <t>cg04946948</t>
  </si>
  <si>
    <t>cg04948649</t>
  </si>
  <si>
    <t>cg04954559</t>
  </si>
  <si>
    <t>cg04959815</t>
  </si>
  <si>
    <t>cg04962756</t>
  </si>
  <si>
    <t>cg04968127</t>
  </si>
  <si>
    <t>cg04968532</t>
  </si>
  <si>
    <t>cg04968806</t>
  </si>
  <si>
    <t>cg04968900</t>
  </si>
  <si>
    <t>cg04983516</t>
  </si>
  <si>
    <t>cg04988729</t>
  </si>
  <si>
    <t>cg04995826</t>
  </si>
  <si>
    <t>cg04997812</t>
  </si>
  <si>
    <t>cg04999148</t>
  </si>
  <si>
    <t>cg05003455</t>
  </si>
  <si>
    <t>cg05003666</t>
  </si>
  <si>
    <t>cg05005609</t>
  </si>
  <si>
    <t>cg05009394</t>
  </si>
  <si>
    <t>cg05029822</t>
  </si>
  <si>
    <t>cg05032913</t>
  </si>
  <si>
    <t>cg05032994</t>
  </si>
  <si>
    <t>cg05038268</t>
  </si>
  <si>
    <t>cg05042743</t>
  </si>
  <si>
    <t>cg05045933</t>
  </si>
  <si>
    <t>cg05046026</t>
  </si>
  <si>
    <t>cg05048927</t>
  </si>
  <si>
    <t>cg05057976</t>
  </si>
  <si>
    <t>cg05058508</t>
  </si>
  <si>
    <t>cg05059605</t>
  </si>
  <si>
    <t>cg05063138</t>
  </si>
  <si>
    <t>cg05068461</t>
  </si>
  <si>
    <t>cg05073818</t>
  </si>
  <si>
    <t>cg05075833</t>
  </si>
  <si>
    <t>cg05082085</t>
  </si>
  <si>
    <t>cg05085973</t>
  </si>
  <si>
    <t>cg05090695</t>
  </si>
  <si>
    <t>cg05095158</t>
  </si>
  <si>
    <t>cg05106294</t>
  </si>
  <si>
    <t>cg05116382</t>
  </si>
  <si>
    <t>cg05122969</t>
  </si>
  <si>
    <t>cg05127380</t>
  </si>
  <si>
    <t>cg05133090</t>
  </si>
  <si>
    <t>cg05133179</t>
  </si>
  <si>
    <t>cg05136452</t>
  </si>
  <si>
    <t>cg05139649</t>
  </si>
  <si>
    <t>cg05141787</t>
  </si>
  <si>
    <t>cg05149234</t>
  </si>
  <si>
    <t>cg05155781</t>
  </si>
  <si>
    <t>cg05160915</t>
  </si>
  <si>
    <t>cg05166248</t>
  </si>
  <si>
    <t>cg05168842</t>
  </si>
  <si>
    <t>cg05180512</t>
  </si>
  <si>
    <t>cg05190577</t>
  </si>
  <si>
    <t>cg05195750</t>
  </si>
  <si>
    <t>cg05198900</t>
  </si>
  <si>
    <t>cg05204798</t>
  </si>
  <si>
    <t>cg05213387</t>
  </si>
  <si>
    <t>cg05214125</t>
  </si>
  <si>
    <t>cg05214235</t>
  </si>
  <si>
    <t>cg05214390</t>
  </si>
  <si>
    <t>cg05216730</t>
  </si>
  <si>
    <t>cg05218311</t>
  </si>
  <si>
    <t>cg05221385</t>
  </si>
  <si>
    <t>cg05223675</t>
  </si>
  <si>
    <t>cg05230647</t>
  </si>
  <si>
    <t>cg05240381</t>
  </si>
  <si>
    <t>cg05241423</t>
  </si>
  <si>
    <t>cg05252626</t>
  </si>
  <si>
    <t>cg05258139</t>
  </si>
  <si>
    <t>cg05267623</t>
  </si>
  <si>
    <t>cg05272960</t>
  </si>
  <si>
    <t>cg05279137</t>
  </si>
  <si>
    <t>cg05281221</t>
  </si>
  <si>
    <t>cg05282559</t>
  </si>
  <si>
    <t>cg05289253</t>
  </si>
  <si>
    <t>cg05289892</t>
  </si>
  <si>
    <t>cg05290058</t>
  </si>
  <si>
    <t>cg05300717</t>
  </si>
  <si>
    <t>cg05300939</t>
  </si>
  <si>
    <t>cg05302416</t>
  </si>
  <si>
    <t>cg05309505</t>
  </si>
  <si>
    <t>cg05309948</t>
  </si>
  <si>
    <t>cg05315670</t>
  </si>
  <si>
    <t>cg05318102</t>
  </si>
  <si>
    <t>cg05327447</t>
  </si>
  <si>
    <t>cg05330472</t>
  </si>
  <si>
    <t>cg05331626</t>
  </si>
  <si>
    <t>cg05342320</t>
  </si>
  <si>
    <t>cg05351257</t>
  </si>
  <si>
    <t>cg05353868</t>
  </si>
  <si>
    <t>cg05353869</t>
  </si>
  <si>
    <t>cg05375277</t>
  </si>
  <si>
    <t>cg05376374</t>
  </si>
  <si>
    <t>cg05383670</t>
  </si>
  <si>
    <t>cg05397629</t>
  </si>
  <si>
    <t>cg05401670</t>
  </si>
  <si>
    <t>cg05404161</t>
  </si>
  <si>
    <t>cg05407637</t>
  </si>
  <si>
    <t>cg05412031</t>
  </si>
  <si>
    <t>cg05415131</t>
  </si>
  <si>
    <t>cg05418106</t>
  </si>
  <si>
    <t>cg05422174</t>
  </si>
  <si>
    <t>cg05424510</t>
  </si>
  <si>
    <t>cg05436155</t>
  </si>
  <si>
    <t>cg05445632</t>
  </si>
  <si>
    <t>cg05446629</t>
  </si>
  <si>
    <t>cg05447673</t>
  </si>
  <si>
    <t>cg05474055</t>
  </si>
  <si>
    <t>cg05474107</t>
  </si>
  <si>
    <t>cg05474707</t>
  </si>
  <si>
    <t>cg05475524</t>
  </si>
  <si>
    <t>cg05477331</t>
  </si>
  <si>
    <t>cg05490712</t>
  </si>
  <si>
    <t>cg05492845</t>
  </si>
  <si>
    <t>cg05506209</t>
  </si>
  <si>
    <t>cg05506446</t>
  </si>
  <si>
    <t>cg05508592</t>
  </si>
  <si>
    <t>cg05509659</t>
  </si>
  <si>
    <t>cg05509777</t>
  </si>
  <si>
    <t>cg05514418</t>
  </si>
  <si>
    <t>cg05516012</t>
  </si>
  <si>
    <t>cg05516272</t>
  </si>
  <si>
    <t>cg05519310</t>
  </si>
  <si>
    <t>cg05529236</t>
  </si>
  <si>
    <t>cg05553000</t>
  </si>
  <si>
    <t>cg05553268</t>
  </si>
  <si>
    <t>cg05569124</t>
  </si>
  <si>
    <t>cg05572763</t>
  </si>
  <si>
    <t>cg05577548</t>
  </si>
  <si>
    <t>cg05584361</t>
  </si>
  <si>
    <t>cg05590616</t>
  </si>
  <si>
    <t>cg05592911</t>
  </si>
  <si>
    <t>cg05621343</t>
  </si>
  <si>
    <t>cg05628549</t>
  </si>
  <si>
    <t>cg05630745</t>
  </si>
  <si>
    <t>cg05638689</t>
  </si>
  <si>
    <t>cg05642283</t>
  </si>
  <si>
    <t>cg05662582</t>
  </si>
  <si>
    <t>cg05676622</t>
  </si>
  <si>
    <t>cg05677402</t>
  </si>
  <si>
    <t>cg05697539</t>
  </si>
  <si>
    <t>cg05698098</t>
  </si>
  <si>
    <t>cg05701403</t>
  </si>
  <si>
    <t>cg05705018</t>
  </si>
  <si>
    <t>cg05713782</t>
  </si>
  <si>
    <t>cg05714094</t>
  </si>
  <si>
    <t>cg05719877</t>
  </si>
  <si>
    <t>cg05721705</t>
  </si>
  <si>
    <t>cg05722148</t>
  </si>
  <si>
    <t>cg05724965</t>
  </si>
  <si>
    <t>cg05725263</t>
  </si>
  <si>
    <t>cg05733135</t>
  </si>
  <si>
    <t>cg05744487</t>
  </si>
  <si>
    <t>cg05745100</t>
  </si>
  <si>
    <t>cg05752685</t>
  </si>
  <si>
    <t>cg05753046</t>
  </si>
  <si>
    <t>cg05754939</t>
  </si>
  <si>
    <t>cg05755092</t>
  </si>
  <si>
    <t>cg05758094</t>
  </si>
  <si>
    <t>cg05760393</t>
  </si>
  <si>
    <t>cg05763664</t>
  </si>
  <si>
    <t>cg05768922</t>
  </si>
  <si>
    <t>cg05770971</t>
  </si>
  <si>
    <t>cg05773442</t>
  </si>
  <si>
    <t>cg05774787</t>
  </si>
  <si>
    <t>cg05785768</t>
  </si>
  <si>
    <t>cg05792856</t>
  </si>
  <si>
    <t>cg05793444</t>
  </si>
  <si>
    <t>cg05808319</t>
  </si>
  <si>
    <t>cg05809890</t>
  </si>
  <si>
    <t>cg05815958</t>
  </si>
  <si>
    <t>cg05817661</t>
  </si>
  <si>
    <t>cg05819745</t>
  </si>
  <si>
    <t>cg05821789</t>
  </si>
  <si>
    <t>cg05825928</t>
  </si>
  <si>
    <t>cg05838956</t>
  </si>
  <si>
    <t>cg05847772</t>
  </si>
  <si>
    <t>cg05852477</t>
  </si>
  <si>
    <t>cg05856122</t>
  </si>
  <si>
    <t>cg05858115</t>
  </si>
  <si>
    <t>cg05881566</t>
  </si>
  <si>
    <t>cg05882782</t>
  </si>
  <si>
    <t>cg05883874</t>
  </si>
  <si>
    <t>cg05894122</t>
  </si>
  <si>
    <t>cg05898618</t>
  </si>
  <si>
    <t>cg05899726</t>
  </si>
  <si>
    <t>cg05903298</t>
  </si>
  <si>
    <t>cg05904366</t>
  </si>
  <si>
    <t>cg05925507</t>
  </si>
  <si>
    <t>cg05936604</t>
  </si>
  <si>
    <t>cg05940452</t>
  </si>
  <si>
    <t>cg05942152</t>
  </si>
  <si>
    <t>cg05942306</t>
  </si>
  <si>
    <t>cg05949352</t>
  </si>
  <si>
    <t>cg05952572</t>
  </si>
  <si>
    <t>cg05955251</t>
  </si>
  <si>
    <t>cg05955334</t>
  </si>
  <si>
    <t>cg05962404</t>
  </si>
  <si>
    <t>cg05964721</t>
  </si>
  <si>
    <t>cg05969296</t>
  </si>
  <si>
    <t>cg05973813</t>
  </si>
  <si>
    <t>cg05974695</t>
  </si>
  <si>
    <t>cg05977230</t>
  </si>
  <si>
    <t>cg05984508</t>
  </si>
  <si>
    <t>cg05987172</t>
  </si>
  <si>
    <t>cg05989775</t>
  </si>
  <si>
    <t>cg05993363</t>
  </si>
  <si>
    <t>cg05995172</t>
  </si>
  <si>
    <t>cg05996326</t>
  </si>
  <si>
    <t>cg05998672</t>
  </si>
  <si>
    <t>cg06001652</t>
  </si>
  <si>
    <t>cg06006071</t>
  </si>
  <si>
    <t>cg06008480</t>
  </si>
  <si>
    <t>cg06014332</t>
  </si>
  <si>
    <t>cg06018447</t>
  </si>
  <si>
    <t>cg06025631</t>
  </si>
  <si>
    <t>cg06026468</t>
  </si>
  <si>
    <t>cg06027906</t>
  </si>
  <si>
    <t>cg06038239</t>
  </si>
  <si>
    <t>cg06042565</t>
  </si>
  <si>
    <t>cg06044117</t>
  </si>
  <si>
    <t>cg06045408</t>
  </si>
  <si>
    <t>cg06046431</t>
  </si>
  <si>
    <t>cg06046434</t>
  </si>
  <si>
    <t>cg06048910</t>
  </si>
  <si>
    <t>cg06053805</t>
  </si>
  <si>
    <t>cg06055392</t>
  </si>
  <si>
    <t>cg06065225</t>
  </si>
  <si>
    <t>cg06065508</t>
  </si>
  <si>
    <t>cg06070508</t>
  </si>
  <si>
    <t>cg06072021</t>
  </si>
  <si>
    <t>cg06074774</t>
  </si>
  <si>
    <t>cg06088782</t>
  </si>
  <si>
    <t>cg06096695</t>
  </si>
  <si>
    <t>cg06098950</t>
  </si>
  <si>
    <t>cg06129498</t>
  </si>
  <si>
    <t>cg06133061</t>
  </si>
  <si>
    <t>cg06137032</t>
  </si>
  <si>
    <t>cg06141346</t>
  </si>
  <si>
    <t>cg06145708</t>
  </si>
  <si>
    <t>cg06146607</t>
  </si>
  <si>
    <t>cg06154903</t>
  </si>
  <si>
    <t>cg06155606</t>
  </si>
  <si>
    <t>cg06159435</t>
  </si>
  <si>
    <t>cg06164059</t>
  </si>
  <si>
    <t>cg06168166</t>
  </si>
  <si>
    <t>cg06169276</t>
  </si>
  <si>
    <t>cg06169760</t>
  </si>
  <si>
    <t>cg06172475</t>
  </si>
  <si>
    <t>cg06188670</t>
  </si>
  <si>
    <t>cg06190547</t>
  </si>
  <si>
    <t>cg06191454</t>
  </si>
  <si>
    <t>cg06191719</t>
  </si>
  <si>
    <t>cg06193412</t>
  </si>
  <si>
    <t>cg06210783</t>
  </si>
  <si>
    <t>cg06213635</t>
  </si>
  <si>
    <t>cg06219103</t>
  </si>
  <si>
    <t>cg06221215</t>
  </si>
  <si>
    <t>cg06224551</t>
  </si>
  <si>
    <t>cg06224751</t>
  </si>
  <si>
    <t>cg06226335</t>
  </si>
  <si>
    <t>cg06242063</t>
  </si>
  <si>
    <t>cg06243084</t>
  </si>
  <si>
    <t>cg06245037</t>
  </si>
  <si>
    <t>cg06245997</t>
  </si>
  <si>
    <t>cg06252276</t>
  </si>
  <si>
    <t>cg06260077</t>
  </si>
  <si>
    <t>cg06264922</t>
  </si>
  <si>
    <t>cg06265811</t>
  </si>
  <si>
    <t>cg06269115</t>
  </si>
  <si>
    <t>cg06273010</t>
  </si>
  <si>
    <t>cg06279471</t>
  </si>
  <si>
    <t>cg06282270</t>
  </si>
  <si>
    <t>cg06285590</t>
  </si>
  <si>
    <t>cg06292898</t>
  </si>
  <si>
    <t>cg06300268</t>
  </si>
  <si>
    <t>cg06311596</t>
  </si>
  <si>
    <t>cg06320126</t>
  </si>
  <si>
    <t>cg06326648</t>
  </si>
  <si>
    <t>cg06329574</t>
  </si>
  <si>
    <t>cg06330055</t>
  </si>
  <si>
    <t>cg06331271</t>
  </si>
  <si>
    <t>cg06334737</t>
  </si>
  <si>
    <t>cg06335918</t>
  </si>
  <si>
    <t>cg06339712</t>
  </si>
  <si>
    <t>cg06347739</t>
  </si>
  <si>
    <t>cg06348619</t>
  </si>
  <si>
    <t>cg06350176</t>
  </si>
  <si>
    <t>cg06351643</t>
  </si>
  <si>
    <t>cg06354629</t>
  </si>
  <si>
    <t>cg06367925</t>
  </si>
  <si>
    <t>cg06386278</t>
  </si>
  <si>
    <t>cg06404012</t>
  </si>
  <si>
    <t>cg06407663</t>
  </si>
  <si>
    <t>cg06409432</t>
  </si>
  <si>
    <t>cg06417365</t>
  </si>
  <si>
    <t>cg06419846</t>
  </si>
  <si>
    <t>cg06420324</t>
  </si>
  <si>
    <t>cg06424097</t>
  </si>
  <si>
    <t>cg06425919</t>
  </si>
  <si>
    <t>cg06426961</t>
  </si>
  <si>
    <t>cg06431702</t>
  </si>
  <si>
    <t>cg06447552</t>
  </si>
  <si>
    <t>cg06448961</t>
  </si>
  <si>
    <t>cg06460568</t>
  </si>
  <si>
    <t>cg06463913</t>
  </si>
  <si>
    <t>cg06473927</t>
  </si>
  <si>
    <t>cg06482904</t>
  </si>
  <si>
    <t>cg06483452</t>
  </si>
  <si>
    <t>cg06490744</t>
  </si>
  <si>
    <t>cg06499652</t>
  </si>
  <si>
    <t>cg06507434</t>
  </si>
  <si>
    <t>cg06516445</t>
  </si>
  <si>
    <t>cg06521987</t>
  </si>
  <si>
    <t>cg06529459</t>
  </si>
  <si>
    <t>cg06532856</t>
  </si>
  <si>
    <t>cg06533200</t>
  </si>
  <si>
    <t>cg06534208</t>
  </si>
  <si>
    <t>cg06536200</t>
  </si>
  <si>
    <t>cg06541888</t>
  </si>
  <si>
    <t>cg06547771</t>
  </si>
  <si>
    <t>cg06555020</t>
  </si>
  <si>
    <t>cg06558938</t>
  </si>
  <si>
    <t>cg06560887</t>
  </si>
  <si>
    <t>cg06564473</t>
  </si>
  <si>
    <t>cg06569229</t>
  </si>
  <si>
    <t>cg06581840</t>
  </si>
  <si>
    <t>cg06594662</t>
  </si>
  <si>
    <t>cg06604058</t>
  </si>
  <si>
    <t>cg06604670</t>
  </si>
  <si>
    <t>cg06609250</t>
  </si>
  <si>
    <t>cg06613012</t>
  </si>
  <si>
    <t>cg06615378</t>
  </si>
  <si>
    <t>cg06615912</t>
  </si>
  <si>
    <t>cg06635625</t>
  </si>
  <si>
    <t>cg06636354</t>
  </si>
  <si>
    <t>cg06637774</t>
  </si>
  <si>
    <t>cg06645674</t>
  </si>
  <si>
    <t>cg06646346</t>
  </si>
  <si>
    <t>cg06666008</t>
  </si>
  <si>
    <t>cg06666853</t>
  </si>
  <si>
    <t>cg06675455</t>
  </si>
  <si>
    <t>cg06679296</t>
  </si>
  <si>
    <t>cg06699275</t>
  </si>
  <si>
    <t>cg06699519</t>
  </si>
  <si>
    <t>cg06699669</t>
  </si>
  <si>
    <t>cg06701529</t>
  </si>
  <si>
    <t>cg06702721</t>
  </si>
  <si>
    <t>cg06714320</t>
  </si>
  <si>
    <t>cg06738560</t>
  </si>
  <si>
    <t>cg06745004</t>
  </si>
  <si>
    <t>cg06745695</t>
  </si>
  <si>
    <t>cg06745957</t>
  </si>
  <si>
    <t>cg06747745</t>
  </si>
  <si>
    <t>cg06750635</t>
  </si>
  <si>
    <t>cg06759328</t>
  </si>
  <si>
    <t>cg06767142</t>
  </si>
  <si>
    <t>cg06778429</t>
  </si>
  <si>
    <t>cg06796806</t>
  </si>
  <si>
    <t>cg06798491</t>
  </si>
  <si>
    <t>cg06800321</t>
  </si>
  <si>
    <t>cg06804921</t>
  </si>
  <si>
    <t>cg06809342</t>
  </si>
  <si>
    <t>cg06820296</t>
  </si>
  <si>
    <t>cg06828282</t>
  </si>
  <si>
    <t>cg06829681</t>
  </si>
  <si>
    <t>cg06838877</t>
  </si>
  <si>
    <t>cg06839970</t>
  </si>
  <si>
    <t>cg06842946</t>
  </si>
  <si>
    <t>cg06844209</t>
  </si>
  <si>
    <t>cg06846819</t>
  </si>
  <si>
    <t>cg06853599</t>
  </si>
  <si>
    <t>cg06871262</t>
  </si>
  <si>
    <t>cg06872163</t>
  </si>
  <si>
    <t>cg06873192</t>
  </si>
  <si>
    <t>cg06873316</t>
  </si>
  <si>
    <t>cg06883551</t>
  </si>
  <si>
    <t>cg06885583</t>
  </si>
  <si>
    <t>cg06887159</t>
  </si>
  <si>
    <t>cg06888460</t>
  </si>
  <si>
    <t>cg06890484</t>
  </si>
  <si>
    <t>cg06891565</t>
  </si>
  <si>
    <t>cg06892009</t>
  </si>
  <si>
    <t>cg06898823</t>
  </si>
  <si>
    <t>cg06903151</t>
  </si>
  <si>
    <t>cg06904287</t>
  </si>
  <si>
    <t>cg06907047</t>
  </si>
  <si>
    <t>cg06911753</t>
  </si>
  <si>
    <t>cg06928838</t>
  </si>
  <si>
    <t>cg06933752</t>
  </si>
  <si>
    <t>cg06936647</t>
  </si>
  <si>
    <t>cg06938699</t>
  </si>
  <si>
    <t>cg06942262</t>
  </si>
  <si>
    <t>cg06950634</t>
  </si>
  <si>
    <t>cg06951450</t>
  </si>
  <si>
    <t>cg06954540</t>
  </si>
  <si>
    <t>cg06960356</t>
  </si>
  <si>
    <t>cg06970668</t>
  </si>
  <si>
    <t>cg06972381</t>
  </si>
  <si>
    <t>cg06974871</t>
  </si>
  <si>
    <t>cg06976634</t>
  </si>
  <si>
    <t>cg06978117</t>
  </si>
  <si>
    <t>cg06979118</t>
  </si>
  <si>
    <t>cg06982473</t>
  </si>
  <si>
    <t>cg06982805</t>
  </si>
  <si>
    <t>cg06985934</t>
  </si>
  <si>
    <t>cg06989074</t>
  </si>
  <si>
    <t>cg06991510</t>
  </si>
  <si>
    <t>cg06993329</t>
  </si>
  <si>
    <t>cg06996029</t>
  </si>
  <si>
    <t>cg06996129</t>
  </si>
  <si>
    <t>cg06997305</t>
  </si>
  <si>
    <t>cg07003668</t>
  </si>
  <si>
    <t>cg07007213</t>
  </si>
  <si>
    <t>cg07018452</t>
  </si>
  <si>
    <t>cg07019638</t>
  </si>
  <si>
    <t>cg07031665</t>
  </si>
  <si>
    <t>cg07031897</t>
  </si>
  <si>
    <t>cg07036918</t>
  </si>
  <si>
    <t>cg07052390</t>
  </si>
  <si>
    <t>cg07052627</t>
  </si>
  <si>
    <t>cg07053873</t>
  </si>
  <si>
    <t>cg07065803</t>
  </si>
  <si>
    <t>cg07067744</t>
  </si>
  <si>
    <t>cg07070138</t>
  </si>
  <si>
    <t>cg07071157</t>
  </si>
  <si>
    <t>cg07072722</t>
  </si>
  <si>
    <t>cg07080244</t>
  </si>
  <si>
    <t>cg07090401</t>
  </si>
  <si>
    <t>cg07096953</t>
  </si>
  <si>
    <t>cg07105285</t>
  </si>
  <si>
    <t>cg07117038</t>
  </si>
  <si>
    <t>cg07120479</t>
  </si>
  <si>
    <t>cg07121722</t>
  </si>
  <si>
    <t>cg07127259</t>
  </si>
  <si>
    <t>cg07132125</t>
  </si>
  <si>
    <t>cg07132517</t>
  </si>
  <si>
    <t>cg07134033</t>
  </si>
  <si>
    <t>cg07136108</t>
  </si>
  <si>
    <t>cg07138878</t>
  </si>
  <si>
    <t>cg07141824</t>
  </si>
  <si>
    <t>cg07143296</t>
  </si>
  <si>
    <t>cg07148197</t>
  </si>
  <si>
    <t>cg07152487</t>
  </si>
  <si>
    <t>cg07156219</t>
  </si>
  <si>
    <t>cg07159484</t>
  </si>
  <si>
    <t>cg07167632</t>
  </si>
  <si>
    <t>cg07174979</t>
  </si>
  <si>
    <t>cg07175290</t>
  </si>
  <si>
    <t>cg07177430</t>
  </si>
  <si>
    <t>cg07179693</t>
  </si>
  <si>
    <t>cg07179924</t>
  </si>
  <si>
    <t>cg07180307</t>
  </si>
  <si>
    <t>cg07187103</t>
  </si>
  <si>
    <t>cg07193766</t>
  </si>
  <si>
    <t>cg07209141</t>
  </si>
  <si>
    <t>cg07211140</t>
  </si>
  <si>
    <t>cg07212292</t>
  </si>
  <si>
    <t>cg07226193</t>
  </si>
  <si>
    <t>cg07227769</t>
  </si>
  <si>
    <t>cg07231005</t>
  </si>
  <si>
    <t>cg07241660</t>
  </si>
  <si>
    <t>cg07242422</t>
  </si>
  <si>
    <t>cg07246206</t>
  </si>
  <si>
    <t>cg07250758</t>
  </si>
  <si>
    <t>cg07256668</t>
  </si>
  <si>
    <t>cg07263475</t>
  </si>
  <si>
    <t>cg07264777</t>
  </si>
  <si>
    <t>cg07270851</t>
  </si>
  <si>
    <t>cg07275436</t>
  </si>
  <si>
    <t>cg07276415</t>
  </si>
  <si>
    <t>cg07279085</t>
  </si>
  <si>
    <t>cg07281879</t>
  </si>
  <si>
    <t>cg07282201</t>
  </si>
  <si>
    <t>cg07283152</t>
  </si>
  <si>
    <t>cg07288869</t>
  </si>
  <si>
    <t>cg07293584</t>
  </si>
  <si>
    <t>cg07298473</t>
  </si>
  <si>
    <t>cg07301180</t>
  </si>
  <si>
    <t>cg07311694</t>
  </si>
  <si>
    <t>cg07315745</t>
  </si>
  <si>
    <t>cg07330718</t>
  </si>
  <si>
    <t>cg07332880</t>
  </si>
  <si>
    <t>cg07335189</t>
  </si>
  <si>
    <t>cg07340447</t>
  </si>
  <si>
    <t>cg07343429</t>
  </si>
  <si>
    <t>cg07343527</t>
  </si>
  <si>
    <t>cg07346676</t>
  </si>
  <si>
    <t>cg07356655</t>
  </si>
  <si>
    <t>cg07359803</t>
  </si>
  <si>
    <t>cg07400246</t>
  </si>
  <si>
    <t>cg07402729</t>
  </si>
  <si>
    <t>cg07407723</t>
  </si>
  <si>
    <t>cg07415423</t>
  </si>
  <si>
    <t>cg07416580</t>
  </si>
  <si>
    <t>cg07419975</t>
  </si>
  <si>
    <t>cg07420137</t>
  </si>
  <si>
    <t>cg07420702</t>
  </si>
  <si>
    <t>cg07421737</t>
  </si>
  <si>
    <t>cg07428323</t>
  </si>
  <si>
    <t>cg07428648</t>
  </si>
  <si>
    <t>cg07428804</t>
  </si>
  <si>
    <t>cg07434271</t>
  </si>
  <si>
    <t>cg07434944</t>
  </si>
  <si>
    <t>cg07435294</t>
  </si>
  <si>
    <t>cg07437286</t>
  </si>
  <si>
    <t>cg07441518</t>
  </si>
  <si>
    <t>cg07441654</t>
  </si>
  <si>
    <t>cg07442639</t>
  </si>
  <si>
    <t>cg07448771</t>
  </si>
  <si>
    <t>cg07451141</t>
  </si>
  <si>
    <t>cg07458170</t>
  </si>
  <si>
    <t>cg07464206</t>
  </si>
  <si>
    <t>cg07466271</t>
  </si>
  <si>
    <t>cg07476508</t>
  </si>
  <si>
    <t>cg07478335</t>
  </si>
  <si>
    <t>cg07482372</t>
  </si>
  <si>
    <t>cg07486017</t>
  </si>
  <si>
    <t>cg07491796</t>
  </si>
  <si>
    <t>cg07497941</t>
  </si>
  <si>
    <t>cg07505482</t>
  </si>
  <si>
    <t>cg07521668</t>
  </si>
  <si>
    <t>cg07524873</t>
  </si>
  <si>
    <t>cg07525299</t>
  </si>
  <si>
    <t>cg07530960</t>
  </si>
  <si>
    <t>cg07531121</t>
  </si>
  <si>
    <t>cg07549735</t>
  </si>
  <si>
    <t>cg07550809</t>
  </si>
  <si>
    <t>cg07554011</t>
  </si>
  <si>
    <t>cg07556730</t>
  </si>
  <si>
    <t>cg07564927</t>
  </si>
  <si>
    <t>cg07572949</t>
  </si>
  <si>
    <t>cg07579831</t>
  </si>
  <si>
    <t>cg07582047</t>
  </si>
  <si>
    <t>cg07583091</t>
  </si>
  <si>
    <t>cg07583651</t>
  </si>
  <si>
    <t>cg07584320</t>
  </si>
  <si>
    <t>cg07586272</t>
  </si>
  <si>
    <t>cg07590621</t>
  </si>
  <si>
    <t>cg07592963</t>
  </si>
  <si>
    <t>cg07595203</t>
  </si>
  <si>
    <t>cg07601672</t>
  </si>
  <si>
    <t>cg07602954</t>
  </si>
  <si>
    <t>cg07603330</t>
  </si>
  <si>
    <t>cg07609862</t>
  </si>
  <si>
    <t>cg07611257</t>
  </si>
  <si>
    <t>cg07619960</t>
  </si>
  <si>
    <t>cg07624483</t>
  </si>
  <si>
    <t>cg07624539</t>
  </si>
  <si>
    <t>cg07625131</t>
  </si>
  <si>
    <t>cg07641943</t>
  </si>
  <si>
    <t>cg07652350</t>
  </si>
  <si>
    <t>cg07661923</t>
  </si>
  <si>
    <t>cg07663571</t>
  </si>
  <si>
    <t>cg07667522</t>
  </si>
  <si>
    <t>cg07669555</t>
  </si>
  <si>
    <t>cg07675031</t>
  </si>
  <si>
    <t>cg07687951</t>
  </si>
  <si>
    <t>cg07688490</t>
  </si>
  <si>
    <t>cg07691180</t>
  </si>
  <si>
    <t>cg07696033</t>
  </si>
  <si>
    <t>cg07697569</t>
  </si>
  <si>
    <t>cg07701241</t>
  </si>
  <si>
    <t>cg07702255</t>
  </si>
  <si>
    <t>cg07704934</t>
  </si>
  <si>
    <t>cg07710883</t>
  </si>
  <si>
    <t>cg07723217</t>
  </si>
  <si>
    <t>cg07724977</t>
  </si>
  <si>
    <t>cg07729916</t>
  </si>
  <si>
    <t>cg07734975</t>
  </si>
  <si>
    <t>cg07737063</t>
  </si>
  <si>
    <t>cg07739727</t>
  </si>
  <si>
    <t>cg07742235</t>
  </si>
  <si>
    <t>cg07744270</t>
  </si>
  <si>
    <t>cg07747661</t>
  </si>
  <si>
    <t>cg07758428</t>
  </si>
  <si>
    <t>cg07759394</t>
  </si>
  <si>
    <t>cg07762054</t>
  </si>
  <si>
    <t>cg07777008</t>
  </si>
  <si>
    <t>cg07790826</t>
  </si>
  <si>
    <t>cg07791997</t>
  </si>
  <si>
    <t>cg07792560</t>
  </si>
  <si>
    <t>cg07798143</t>
  </si>
  <si>
    <t>cg07805777</t>
  </si>
  <si>
    <t>cg07808590</t>
  </si>
  <si>
    <t>cg07810072</t>
  </si>
  <si>
    <t>cg07818869</t>
  </si>
  <si>
    <t>cg07837729</t>
  </si>
  <si>
    <t>cg07872652</t>
  </si>
  <si>
    <t>cg07873178</t>
  </si>
  <si>
    <t>cg07920148</t>
  </si>
  <si>
    <t>cg07972135</t>
  </si>
  <si>
    <t>cg07972805</t>
  </si>
  <si>
    <t>cg07977178</t>
  </si>
  <si>
    <t>cg07977202</t>
  </si>
  <si>
    <t>cg07979757</t>
  </si>
  <si>
    <t>cg07981364</t>
  </si>
  <si>
    <t>cg07985890</t>
  </si>
  <si>
    <t>cg07992044</t>
  </si>
  <si>
    <t>cg07992377</t>
  </si>
  <si>
    <t>cg07996345</t>
  </si>
  <si>
    <t>cg07997387</t>
  </si>
  <si>
    <t>cg07999415</t>
  </si>
  <si>
    <t>cg08012275</t>
  </si>
  <si>
    <t>cg08015652</t>
  </si>
  <si>
    <t>cg08017880</t>
  </si>
  <si>
    <t>cg08023374</t>
  </si>
  <si>
    <t>cg08029189</t>
  </si>
  <si>
    <t>cg08047886</t>
  </si>
  <si>
    <t>cg08056990</t>
  </si>
  <si>
    <t>cg08057038</t>
  </si>
  <si>
    <t>cg08072204</t>
  </si>
  <si>
    <t>cg08072480</t>
  </si>
  <si>
    <t>cg08079806</t>
  </si>
  <si>
    <t>cg08083757</t>
  </si>
  <si>
    <t>cg08086799</t>
  </si>
  <si>
    <t>cg08088566</t>
  </si>
  <si>
    <t>cg08092930</t>
  </si>
  <si>
    <t>cg08098176</t>
  </si>
  <si>
    <t>cg08098619</t>
  </si>
  <si>
    <t>cg08106165</t>
  </si>
  <si>
    <t>cg08111895</t>
  </si>
  <si>
    <t>cg08129093</t>
  </si>
  <si>
    <t>cg08134592</t>
  </si>
  <si>
    <t>cg08134631</t>
  </si>
  <si>
    <t>cg08136110</t>
  </si>
  <si>
    <t>cg08139102</t>
  </si>
  <si>
    <t>cg08148209</t>
  </si>
  <si>
    <t>cg08149193</t>
  </si>
  <si>
    <t>cg08151498</t>
  </si>
  <si>
    <t>cg08158115</t>
  </si>
  <si>
    <t>cg08160224</t>
  </si>
  <si>
    <t>cg08167047</t>
  </si>
  <si>
    <t>cg08169026</t>
  </si>
  <si>
    <t>cg08176386</t>
  </si>
  <si>
    <t>cg08181646</t>
  </si>
  <si>
    <t>cg08202769</t>
  </si>
  <si>
    <t>cg08206623</t>
  </si>
  <si>
    <t>cg08210681</t>
  </si>
  <si>
    <t>cg08213233</t>
  </si>
  <si>
    <t>cg08214808</t>
  </si>
  <si>
    <t>cg08220519</t>
  </si>
  <si>
    <t>cg08227583</t>
  </si>
  <si>
    <t>cg08244222</t>
  </si>
  <si>
    <t>cg08257257</t>
  </si>
  <si>
    <t>cg08257923</t>
  </si>
  <si>
    <t>cg08265418</t>
  </si>
  <si>
    <t>cg08266839</t>
  </si>
  <si>
    <t>cg08268160</t>
  </si>
  <si>
    <t>cg08272783</t>
  </si>
  <si>
    <t>cg08278732</t>
  </si>
  <si>
    <t>cg08290212</t>
  </si>
  <si>
    <t>cg08294946</t>
  </si>
  <si>
    <t>cg08296831</t>
  </si>
  <si>
    <t>cg08300419</t>
  </si>
  <si>
    <t>cg08303146</t>
  </si>
  <si>
    <t>cg08311403</t>
  </si>
  <si>
    <t>cg08315050</t>
  </si>
  <si>
    <t>cg08315145</t>
  </si>
  <si>
    <t>cg08325383</t>
  </si>
  <si>
    <t>cg08327690</t>
  </si>
  <si>
    <t>cg08331513</t>
  </si>
  <si>
    <t>cg08334022</t>
  </si>
  <si>
    <t>cg08351017</t>
  </si>
  <si>
    <t>cg08354388</t>
  </si>
  <si>
    <t>cg08354889</t>
  </si>
  <si>
    <t>cg08355456</t>
  </si>
  <si>
    <t>cg08356637</t>
  </si>
  <si>
    <t>cg08356705</t>
  </si>
  <si>
    <t>cg08359347</t>
  </si>
  <si>
    <t>cg08364561</t>
  </si>
  <si>
    <t>cg08368973</t>
  </si>
  <si>
    <t>cg08373904</t>
  </si>
  <si>
    <t>cg08378782</t>
  </si>
  <si>
    <t>cg08387285</t>
  </si>
  <si>
    <t>cg08388041</t>
  </si>
  <si>
    <t>cg08391415</t>
  </si>
  <si>
    <t>cg08396096</t>
  </si>
  <si>
    <t>cg08408994</t>
  </si>
  <si>
    <t>cg08409983</t>
  </si>
  <si>
    <t>cg08420085</t>
  </si>
  <si>
    <t>cg08425402</t>
  </si>
  <si>
    <t>cg08431447</t>
  </si>
  <si>
    <t>cg08432383</t>
  </si>
  <si>
    <t>cg08436798</t>
  </si>
  <si>
    <t>cg08437403</t>
  </si>
  <si>
    <t>cg08441314</t>
  </si>
  <si>
    <t>cg08442798</t>
  </si>
  <si>
    <t>cg08446215</t>
  </si>
  <si>
    <t>cg08446989</t>
  </si>
  <si>
    <t>cg08453263</t>
  </si>
  <si>
    <t>cg08482682</t>
  </si>
  <si>
    <t>cg08482978</t>
  </si>
  <si>
    <t>cg08486160</t>
  </si>
  <si>
    <t>cg08486397</t>
  </si>
  <si>
    <t>cg08490115</t>
  </si>
  <si>
    <t>cg08496523</t>
  </si>
  <si>
    <t>cg08499046</t>
  </si>
  <si>
    <t>cg08502759</t>
  </si>
  <si>
    <t>cg08515713</t>
  </si>
  <si>
    <t>cg08523325</t>
  </si>
  <si>
    <t>cg08524015</t>
  </si>
  <si>
    <t>cg08530317</t>
  </si>
  <si>
    <t>cg08532152</t>
  </si>
  <si>
    <t>cg08540851</t>
  </si>
  <si>
    <t>cg08560888</t>
  </si>
  <si>
    <t>cg08561825</t>
  </si>
  <si>
    <t>cg08561895</t>
  </si>
  <si>
    <t>cg08568550</t>
  </si>
  <si>
    <t>cg08572513</t>
  </si>
  <si>
    <t>cg08572966</t>
  </si>
  <si>
    <t>cg08581512</t>
  </si>
  <si>
    <t>cg08586426</t>
  </si>
  <si>
    <t>cg08590601</t>
  </si>
  <si>
    <t>cg08594651</t>
  </si>
  <si>
    <t>cg08605442</t>
  </si>
  <si>
    <t>cg08615818</t>
  </si>
  <si>
    <t>cg08616516</t>
  </si>
  <si>
    <t>cg08616951</t>
  </si>
  <si>
    <t>cg08632680</t>
  </si>
  <si>
    <t>cg08642081</t>
  </si>
  <si>
    <t>cg08646467</t>
  </si>
  <si>
    <t>cg08650016</t>
  </si>
  <si>
    <t>cg08656064</t>
  </si>
  <si>
    <t>cg08662757</t>
  </si>
  <si>
    <t>cg08668551</t>
  </si>
  <si>
    <t>cg08683012</t>
  </si>
  <si>
    <t>cg08683938</t>
  </si>
  <si>
    <t>cg08684959</t>
  </si>
  <si>
    <t>cg08686425</t>
  </si>
  <si>
    <t>cg08687137</t>
  </si>
  <si>
    <t>cg08687540</t>
  </si>
  <si>
    <t>cg08690812</t>
  </si>
  <si>
    <t>cg08691479</t>
  </si>
  <si>
    <t>cg08707110</t>
  </si>
  <si>
    <t>cg08714586</t>
  </si>
  <si>
    <t>cg08715791</t>
  </si>
  <si>
    <t>cg08716456</t>
  </si>
  <si>
    <t>cg08724919</t>
  </si>
  <si>
    <t>cg08726248</t>
  </si>
  <si>
    <t>cg08728297</t>
  </si>
  <si>
    <t>cg08733005</t>
  </si>
  <si>
    <t>cg08740862</t>
  </si>
  <si>
    <t>cg08747591</t>
  </si>
  <si>
    <t>cg08749455</t>
  </si>
  <si>
    <t>cg08753222</t>
  </si>
  <si>
    <t>cg08777812</t>
  </si>
  <si>
    <t>cg08780020</t>
  </si>
  <si>
    <t>cg08787968</t>
  </si>
  <si>
    <t>cg08788717</t>
  </si>
  <si>
    <t>cg08792703</t>
  </si>
  <si>
    <t>cg08795962</t>
  </si>
  <si>
    <t>cg08801671</t>
  </si>
  <si>
    <t>cg08801887</t>
  </si>
  <si>
    <t>cg08802149</t>
  </si>
  <si>
    <t>cg08804537</t>
  </si>
  <si>
    <t>cg08805160</t>
  </si>
  <si>
    <t>cg08822897</t>
  </si>
  <si>
    <t>cg08825225</t>
  </si>
  <si>
    <t>cg08829299</t>
  </si>
  <si>
    <t>cg08830300</t>
  </si>
  <si>
    <t>cg08851723</t>
  </si>
  <si>
    <t>cg08861541</t>
  </si>
  <si>
    <t>cg08861826</t>
  </si>
  <si>
    <t>cg08863777</t>
  </si>
  <si>
    <t>cg08867254</t>
  </si>
  <si>
    <t>cg08875431</t>
  </si>
  <si>
    <t>cg08876434</t>
  </si>
  <si>
    <t>cg08876932</t>
  </si>
  <si>
    <t>cg08877293</t>
  </si>
  <si>
    <t>cg08879373</t>
  </si>
  <si>
    <t>cg08881680</t>
  </si>
  <si>
    <t>cg08922808</t>
  </si>
  <si>
    <t>cg08924469</t>
  </si>
  <si>
    <t>cg08925720</t>
  </si>
  <si>
    <t>cg08926035</t>
  </si>
  <si>
    <t>cg08931196</t>
  </si>
  <si>
    <t>cg08937562</t>
  </si>
  <si>
    <t>cg08941173</t>
  </si>
  <si>
    <t>cg08956116</t>
  </si>
  <si>
    <t>cg08966208</t>
  </si>
  <si>
    <t>cg08967200</t>
  </si>
  <si>
    <t>cg08970330</t>
  </si>
  <si>
    <t>cg08974966</t>
  </si>
  <si>
    <t>cg08975529</t>
  </si>
  <si>
    <t>cg08980396</t>
  </si>
  <si>
    <t>cg08988282</t>
  </si>
  <si>
    <t>cg08994045</t>
  </si>
  <si>
    <t>cg08999477</t>
  </si>
  <si>
    <t>cg09004691</t>
  </si>
  <si>
    <t>cg09010323</t>
  </si>
  <si>
    <t>cg09012406</t>
  </si>
  <si>
    <t>cg09014478</t>
  </si>
  <si>
    <t>cg09029541</t>
  </si>
  <si>
    <t>cg09034795</t>
  </si>
  <si>
    <t>cg09039436</t>
  </si>
  <si>
    <t>cg09042577</t>
  </si>
  <si>
    <t>cg09044186</t>
  </si>
  <si>
    <t>cg09047553</t>
  </si>
  <si>
    <t>cg09054362</t>
  </si>
  <si>
    <t>cg09072859</t>
  </si>
  <si>
    <t>cg09073106</t>
  </si>
  <si>
    <t>cg09090048</t>
  </si>
  <si>
    <t>cg09100988</t>
  </si>
  <si>
    <t>cg09109553</t>
  </si>
  <si>
    <t>cg09110655</t>
  </si>
  <si>
    <t>cg09127853</t>
  </si>
  <si>
    <t>cg09130535</t>
  </si>
  <si>
    <t>cg09135584</t>
  </si>
  <si>
    <t>cg09138437</t>
  </si>
  <si>
    <t>cg09144302</t>
  </si>
  <si>
    <t>cg09147985</t>
  </si>
  <si>
    <t>cg09159290</t>
  </si>
  <si>
    <t>cg09163686</t>
  </si>
  <si>
    <t>cg09172423</t>
  </si>
  <si>
    <t>cg09174502</t>
  </si>
  <si>
    <t>cg09176539</t>
  </si>
  <si>
    <t>cg09182533</t>
  </si>
  <si>
    <t>cg09188845</t>
  </si>
  <si>
    <t>cg09193479</t>
  </si>
  <si>
    <t>cg09194364</t>
  </si>
  <si>
    <t>cg09202050</t>
  </si>
  <si>
    <t>cg09202263</t>
  </si>
  <si>
    <t>cg09205801</t>
  </si>
  <si>
    <t>cg09213347</t>
  </si>
  <si>
    <t>cg09215152</t>
  </si>
  <si>
    <t>cg09221960</t>
  </si>
  <si>
    <t>cg09222269</t>
  </si>
  <si>
    <t>cg09230774</t>
  </si>
  <si>
    <t>cg09230905</t>
  </si>
  <si>
    <t>cg09234616</t>
  </si>
  <si>
    <t>cg09239144</t>
  </si>
  <si>
    <t>cg09251429</t>
  </si>
  <si>
    <t>cg09251477</t>
  </si>
  <si>
    <t>cg09256617</t>
  </si>
  <si>
    <t>cg09261816</t>
  </si>
  <si>
    <t>cg09264890</t>
  </si>
  <si>
    <t>cg09280946</t>
  </si>
  <si>
    <t>cg09284707</t>
  </si>
  <si>
    <t>cg09290497</t>
  </si>
  <si>
    <t>cg09302355</t>
  </si>
  <si>
    <t>cg09308502</t>
  </si>
  <si>
    <t>cg09313122</t>
  </si>
  <si>
    <t>cg09324735</t>
  </si>
  <si>
    <t>cg09328083</t>
  </si>
  <si>
    <t>cg09331704</t>
  </si>
  <si>
    <t>cg09336947</t>
  </si>
  <si>
    <t>cg09350798</t>
  </si>
  <si>
    <t>cg09355652</t>
  </si>
  <si>
    <t>cg09357935</t>
  </si>
  <si>
    <t>cg09371047</t>
  </si>
  <si>
    <t>cg09376352</t>
  </si>
  <si>
    <t>cg09381635</t>
  </si>
  <si>
    <t>cg09382096</t>
  </si>
  <si>
    <t>cg09395318</t>
  </si>
  <si>
    <t>cg09396196</t>
  </si>
  <si>
    <t>cg09400531</t>
  </si>
  <si>
    <t>cg09406795</t>
  </si>
  <si>
    <t>cg09411730</t>
  </si>
  <si>
    <t>cg09412584</t>
  </si>
  <si>
    <t>cg09413313</t>
  </si>
  <si>
    <t>cg09413950</t>
  </si>
  <si>
    <t>cg09417937</t>
  </si>
  <si>
    <t>cg09418673</t>
  </si>
  <si>
    <t>cg09430223</t>
  </si>
  <si>
    <t>cg09439534</t>
  </si>
  <si>
    <t>cg09440782</t>
  </si>
  <si>
    <t>cg09440812</t>
  </si>
  <si>
    <t>cg09441501</t>
  </si>
  <si>
    <t>cg09447621</t>
  </si>
  <si>
    <t>cg09491948</t>
  </si>
  <si>
    <t>cg09492354</t>
  </si>
  <si>
    <t>cg09503234</t>
  </si>
  <si>
    <t>cg09504080</t>
  </si>
  <si>
    <t>cg09510077</t>
  </si>
  <si>
    <t>cg09518742</t>
  </si>
  <si>
    <t>cg09519504</t>
  </si>
  <si>
    <t>cg09527615</t>
  </si>
  <si>
    <t>cg09530179</t>
  </si>
  <si>
    <t>cg09537620</t>
  </si>
  <si>
    <t>cg09542991</t>
  </si>
  <si>
    <t>cg09545730</t>
  </si>
  <si>
    <t>cg09548275</t>
  </si>
  <si>
    <t>cg09554951</t>
  </si>
  <si>
    <t>cg09555414</t>
  </si>
  <si>
    <t>cg09563228</t>
  </si>
  <si>
    <t>cg09563846</t>
  </si>
  <si>
    <t>cg09574088</t>
  </si>
  <si>
    <t>cg09575189</t>
  </si>
  <si>
    <t>cg09578291</t>
  </si>
  <si>
    <t>cg09588815</t>
  </si>
  <si>
    <t>cg09593860</t>
  </si>
  <si>
    <t>cg09597119</t>
  </si>
  <si>
    <t>cg09597616</t>
  </si>
  <si>
    <t>cg09599777</t>
  </si>
  <si>
    <t>cg09600088</t>
  </si>
  <si>
    <t>cg09602562</t>
  </si>
  <si>
    <t>cg09602577</t>
  </si>
  <si>
    <t>cg09606495</t>
  </si>
  <si>
    <t>cg09606766</t>
  </si>
  <si>
    <t>cg09617579</t>
  </si>
  <si>
    <t>cg09618778</t>
  </si>
  <si>
    <t>cg09636293</t>
  </si>
  <si>
    <t>cg09637470</t>
  </si>
  <si>
    <t>cg09639735</t>
  </si>
  <si>
    <t>cg09643340</t>
  </si>
  <si>
    <t>cg09648697</t>
  </si>
  <si>
    <t>cg09656389</t>
  </si>
  <si>
    <t>cg09656511</t>
  </si>
  <si>
    <t>cg09657348</t>
  </si>
  <si>
    <t>cg09667721</t>
  </si>
  <si>
    <t>cg09671481</t>
  </si>
  <si>
    <t>cg09682051</t>
  </si>
  <si>
    <t>cg09685527</t>
  </si>
  <si>
    <t>cg09691862</t>
  </si>
  <si>
    <t>cg09700630</t>
  </si>
  <si>
    <t>cg09701145</t>
  </si>
  <si>
    <t>cg09703963</t>
  </si>
  <si>
    <t>cg09705456</t>
  </si>
  <si>
    <t>cg09719477</t>
  </si>
  <si>
    <t>cg09727084</t>
  </si>
  <si>
    <t>cg09729924</t>
  </si>
  <si>
    <t>cg09738410</t>
  </si>
  <si>
    <t>cg09738592</t>
  </si>
  <si>
    <t>cg09739036</t>
  </si>
  <si>
    <t>cg09739398</t>
  </si>
  <si>
    <t>cg09742952</t>
  </si>
  <si>
    <t>cg09745958</t>
  </si>
  <si>
    <t>cg09753043</t>
  </si>
  <si>
    <t>cg09756089</t>
  </si>
  <si>
    <t>cg09757109</t>
  </si>
  <si>
    <t>cg09762242</t>
  </si>
  <si>
    <t>cg09763120</t>
  </si>
  <si>
    <t>cg09781437</t>
  </si>
  <si>
    <t>cg09781932</t>
  </si>
  <si>
    <t>cg09796871</t>
  </si>
  <si>
    <t>cg09797913</t>
  </si>
  <si>
    <t>cg09802835</t>
  </si>
  <si>
    <t>cg09808176</t>
  </si>
  <si>
    <t>cg09821905</t>
  </si>
  <si>
    <t>cg09822824</t>
  </si>
  <si>
    <t>cg09845015</t>
  </si>
  <si>
    <t>cg09845187</t>
  </si>
  <si>
    <t>cg09847284</t>
  </si>
  <si>
    <t>cg09849215</t>
  </si>
  <si>
    <t>cg09852107</t>
  </si>
  <si>
    <t>cg09854615</t>
  </si>
  <si>
    <t>cg09877105</t>
  </si>
  <si>
    <t>cg09884480</t>
  </si>
  <si>
    <t>cg09890653</t>
  </si>
  <si>
    <t>cg09891129</t>
  </si>
  <si>
    <t>cg09894698</t>
  </si>
  <si>
    <t>cg09898060</t>
  </si>
  <si>
    <t>cg09902254</t>
  </si>
  <si>
    <t>cg09906991</t>
  </si>
  <si>
    <t>cg09907840</t>
  </si>
  <si>
    <t>cg09909671</t>
  </si>
  <si>
    <t>cg09919787</t>
  </si>
  <si>
    <t>cg09920051</t>
  </si>
  <si>
    <t>cg09920855</t>
  </si>
  <si>
    <t>cg09925428</t>
  </si>
  <si>
    <t>cg09929831</t>
  </si>
  <si>
    <t>cg09933726</t>
  </si>
  <si>
    <t>cg09938079</t>
  </si>
  <si>
    <t>cg09939303</t>
  </si>
  <si>
    <t>cg09946346</t>
  </si>
  <si>
    <t>cg09947186</t>
  </si>
  <si>
    <t>cg09951320</t>
  </si>
  <si>
    <t>cg09951485</t>
  </si>
  <si>
    <t>cg09952395</t>
  </si>
  <si>
    <t>cg09960724</t>
  </si>
  <si>
    <t>cg09967877</t>
  </si>
  <si>
    <t>cg09968630</t>
  </si>
  <si>
    <t>cg09970552</t>
  </si>
  <si>
    <t>cg09974136</t>
  </si>
  <si>
    <t>cg09977361</t>
  </si>
  <si>
    <t>cg09986736</t>
  </si>
  <si>
    <t>cg09989681</t>
  </si>
  <si>
    <t>cg09997546</t>
  </si>
  <si>
    <t>cg10002860</t>
  </si>
  <si>
    <t>cg10003909</t>
  </si>
  <si>
    <t>cg10010533</t>
  </si>
  <si>
    <t>cg10016610</t>
  </si>
  <si>
    <t>cg10028227</t>
  </si>
  <si>
    <t>cg10035825</t>
  </si>
  <si>
    <t>cg10037494</t>
  </si>
  <si>
    <t>cg10054980</t>
  </si>
  <si>
    <t>cg10064339</t>
  </si>
  <si>
    <t>cg10070578</t>
  </si>
  <si>
    <t>cg10071595</t>
  </si>
  <si>
    <t>cg10072309</t>
  </si>
  <si>
    <t>cg10083046</t>
  </si>
  <si>
    <t>cg10093679</t>
  </si>
  <si>
    <t>cg10099917</t>
  </si>
  <si>
    <t>cg10102256</t>
  </si>
  <si>
    <t>cg10105999</t>
  </si>
  <si>
    <t>cg10106407</t>
  </si>
  <si>
    <t>cg10111524</t>
  </si>
  <si>
    <t>cg10122252</t>
  </si>
  <si>
    <t>cg10130564</t>
  </si>
  <si>
    <t>cg10141457</t>
  </si>
  <si>
    <t>cg10142189</t>
  </si>
  <si>
    <t>cg10142520</t>
  </si>
  <si>
    <t>cg10151248</t>
  </si>
  <si>
    <t>cg10151367</t>
  </si>
  <si>
    <t>cg10154633</t>
  </si>
  <si>
    <t>cg10157203</t>
  </si>
  <si>
    <t>cg10158843</t>
  </si>
  <si>
    <t>cg10165842</t>
  </si>
  <si>
    <t>cg10177238</t>
  </si>
  <si>
    <t>cg10242372</t>
  </si>
  <si>
    <t>cg10248584</t>
  </si>
  <si>
    <t>cg10249705</t>
  </si>
  <si>
    <t>cg10258582</t>
  </si>
  <si>
    <t>cg10261205</t>
  </si>
  <si>
    <t>cg10267855</t>
  </si>
  <si>
    <t>cg10267925</t>
  </si>
  <si>
    <t>cg10268230</t>
  </si>
  <si>
    <t>cg10280383</t>
  </si>
  <si>
    <t>cg10284592</t>
  </si>
  <si>
    <t>cg10287137</t>
  </si>
  <si>
    <t>cg10287485</t>
  </si>
  <si>
    <t>cg10290504</t>
  </si>
  <si>
    <t>cg10291648</t>
  </si>
  <si>
    <t>cg10300188</t>
  </si>
  <si>
    <t>cg10303107</t>
  </si>
  <si>
    <t>cg10307590</t>
  </si>
  <si>
    <t>cg10308673</t>
  </si>
  <si>
    <t>cg10313947</t>
  </si>
  <si>
    <t>cg10315249</t>
  </si>
  <si>
    <t>cg10321156</t>
  </si>
  <si>
    <t>cg10321236</t>
  </si>
  <si>
    <t>cg10332972</t>
  </si>
  <si>
    <t>cg10334741</t>
  </si>
  <si>
    <t>cg10336131</t>
  </si>
  <si>
    <t>cg10336707</t>
  </si>
  <si>
    <t>cg10343901</t>
  </si>
  <si>
    <t>cg10353539</t>
  </si>
  <si>
    <t>cg10353785</t>
  </si>
  <si>
    <t>cg10354134</t>
  </si>
  <si>
    <t>cg10356767</t>
  </si>
  <si>
    <t>cg10357841</t>
  </si>
  <si>
    <t>cg10363578</t>
  </si>
  <si>
    <t>cg10365670</t>
  </si>
  <si>
    <t>cg10366093</t>
  </si>
  <si>
    <t>cg10370850</t>
  </si>
  <si>
    <t>cg10371306</t>
  </si>
  <si>
    <t>cg10373958</t>
  </si>
  <si>
    <t>cg10376408</t>
  </si>
  <si>
    <t>cg10383019</t>
  </si>
  <si>
    <t>cg10387551</t>
  </si>
  <si>
    <t>cg10390228</t>
  </si>
  <si>
    <t>cg10395806</t>
  </si>
  <si>
    <t>cg10411146</t>
  </si>
  <si>
    <t>cg10415524</t>
  </si>
  <si>
    <t>cg10419178</t>
  </si>
  <si>
    <t>cg10424454</t>
  </si>
  <si>
    <t>cg10424462</t>
  </si>
  <si>
    <t>cg10430189</t>
  </si>
  <si>
    <t>cg10432265</t>
  </si>
  <si>
    <t>cg10433104</t>
  </si>
  <si>
    <t>cg10433812</t>
  </si>
  <si>
    <t>cg10447035</t>
  </si>
  <si>
    <t>cg10449839</t>
  </si>
  <si>
    <t>cg10453390</t>
  </si>
  <si>
    <t>cg10461088</t>
  </si>
  <si>
    <t>cg10477989</t>
  </si>
  <si>
    <t>cg10487699</t>
  </si>
  <si>
    <t>cg10490271</t>
  </si>
  <si>
    <t>cg10503202</t>
  </si>
  <si>
    <t>cg10516766</t>
  </si>
  <si>
    <t>cg10517193</t>
  </si>
  <si>
    <t>cg10521851</t>
  </si>
  <si>
    <t>cg10534923</t>
  </si>
  <si>
    <t>cg10536081</t>
  </si>
  <si>
    <t>cg10542562</t>
  </si>
  <si>
    <t>cg10542975</t>
  </si>
  <si>
    <t>cg10553894</t>
  </si>
  <si>
    <t>cg10559585</t>
  </si>
  <si>
    <t>cg10566121</t>
  </si>
  <si>
    <t>cg10573476</t>
  </si>
  <si>
    <t>cg10574843</t>
  </si>
  <si>
    <t>cg10577346</t>
  </si>
  <si>
    <t>cg10578112</t>
  </si>
  <si>
    <t>cg10580341</t>
  </si>
  <si>
    <t>cg10580941</t>
  </si>
  <si>
    <t>cg10581754</t>
  </si>
  <si>
    <t>cg10582639</t>
  </si>
  <si>
    <t>cg10589249</t>
  </si>
  <si>
    <t>cg10598066</t>
  </si>
  <si>
    <t>cg10599456</t>
  </si>
  <si>
    <t>cg10601287</t>
  </si>
  <si>
    <t>cg10606490</t>
  </si>
  <si>
    <t>cg10607599</t>
  </si>
  <si>
    <t>cg10610482</t>
  </si>
  <si>
    <t>cg10612274</t>
  </si>
  <si>
    <t>cg10624860</t>
  </si>
  <si>
    <t>cg10631284</t>
  </si>
  <si>
    <t>cg10632969</t>
  </si>
  <si>
    <t>cg10634598</t>
  </si>
  <si>
    <t>cg10649734</t>
  </si>
  <si>
    <t>cg10677909</t>
  </si>
  <si>
    <t>cg10680051</t>
  </si>
  <si>
    <t>cg10682957</t>
  </si>
  <si>
    <t>cg10684815</t>
  </si>
  <si>
    <t>cg10693065</t>
  </si>
  <si>
    <t>cg10700424</t>
  </si>
  <si>
    <t>cg10703481</t>
  </si>
  <si>
    <t>cg10706724</t>
  </si>
  <si>
    <t>cg10712687</t>
  </si>
  <si>
    <t>cg10716494</t>
  </si>
  <si>
    <t>cg10717148</t>
  </si>
  <si>
    <t>cg10725932</t>
  </si>
  <si>
    <t>cg10732560</t>
  </si>
  <si>
    <t>cg10733145</t>
  </si>
  <si>
    <t>cg10739684</t>
  </si>
  <si>
    <t>cg10743685</t>
  </si>
  <si>
    <t>cg10746615</t>
  </si>
  <si>
    <t>cg10752545</t>
  </si>
  <si>
    <t>cg10764405</t>
  </si>
  <si>
    <t>cg10765857</t>
  </si>
  <si>
    <t>cg10771851</t>
  </si>
  <si>
    <t>cg10773249</t>
  </si>
  <si>
    <t>cg10774480</t>
  </si>
  <si>
    <t>cg10775050</t>
  </si>
  <si>
    <t>cg10776287</t>
  </si>
  <si>
    <t>cg10782380</t>
  </si>
  <si>
    <t>cg10782575</t>
  </si>
  <si>
    <t>cg10797910</t>
  </si>
  <si>
    <t>cg10805667</t>
  </si>
  <si>
    <t>cg10806318</t>
  </si>
  <si>
    <t>cg10817615</t>
  </si>
  <si>
    <t>cg10819260</t>
  </si>
  <si>
    <t>cg10819617</t>
  </si>
  <si>
    <t>cg10837858</t>
  </si>
  <si>
    <t>cg10838270</t>
  </si>
  <si>
    <t>cg10843715</t>
  </si>
  <si>
    <t>cg10844818</t>
  </si>
  <si>
    <t>cg10853556</t>
  </si>
  <si>
    <t>cg10853830</t>
  </si>
  <si>
    <t>cg10856549</t>
  </si>
  <si>
    <t>cg10858196</t>
  </si>
  <si>
    <t>cg10860647</t>
  </si>
  <si>
    <t>cg10860860</t>
  </si>
  <si>
    <t>cg10868875</t>
  </si>
  <si>
    <t>cg10870892</t>
  </si>
  <si>
    <t>cg10885956</t>
  </si>
  <si>
    <t>cg10892403</t>
  </si>
  <si>
    <t>cg10900641</t>
  </si>
  <si>
    <t>cg10904699</t>
  </si>
  <si>
    <t>cg10905310</t>
  </si>
  <si>
    <t>cg10911054</t>
  </si>
  <si>
    <t>cg10925417</t>
  </si>
  <si>
    <t>cg10927968</t>
  </si>
  <si>
    <t>cg10929213</t>
  </si>
  <si>
    <t>cg10930027</t>
  </si>
  <si>
    <t>cg10933002</t>
  </si>
  <si>
    <t>cg10940462</t>
  </si>
  <si>
    <t>cg10948652</t>
  </si>
  <si>
    <t>cg10952477</t>
  </si>
  <si>
    <t>cg10953498</t>
  </si>
  <si>
    <t>cg10955576</t>
  </si>
  <si>
    <t>cg10955973</t>
  </si>
  <si>
    <t>cg10964472</t>
  </si>
  <si>
    <t>cg10966661</t>
  </si>
  <si>
    <t>cg10969245</t>
  </si>
  <si>
    <t>cg10974104</t>
  </si>
  <si>
    <t>cg10978983</t>
  </si>
  <si>
    <t>cg10980495</t>
  </si>
  <si>
    <t>cg10980774</t>
  </si>
  <si>
    <t>cg10982886</t>
  </si>
  <si>
    <t>cg10983586</t>
  </si>
  <si>
    <t>cg10998122</t>
  </si>
  <si>
    <t>cg11012046</t>
  </si>
  <si>
    <t>cg11034708</t>
  </si>
  <si>
    <t>cg11038285</t>
  </si>
  <si>
    <t>cg11048082</t>
  </si>
  <si>
    <t>cg11056748</t>
  </si>
  <si>
    <t>cg11060910</t>
  </si>
  <si>
    <t>cg11062778</t>
  </si>
  <si>
    <t>cg11069338</t>
  </si>
  <si>
    <t>cg11074814</t>
  </si>
  <si>
    <t>cg11081185</t>
  </si>
  <si>
    <t>cg11084035</t>
  </si>
  <si>
    <t>cg11094953</t>
  </si>
  <si>
    <t>cg11096108</t>
  </si>
  <si>
    <t>cg11110643</t>
  </si>
  <si>
    <t>cg11117364</t>
  </si>
  <si>
    <t>cg11123972</t>
  </si>
  <si>
    <t>cg11130223</t>
  </si>
  <si>
    <t>cg11138769</t>
  </si>
  <si>
    <t>cg11141497</t>
  </si>
  <si>
    <t>cg11147888</t>
  </si>
  <si>
    <t>cg11154608</t>
  </si>
  <si>
    <t>cg11154838</t>
  </si>
  <si>
    <t>cg11161828</t>
  </si>
  <si>
    <t>cg11162118</t>
  </si>
  <si>
    <t>cg11162942</t>
  </si>
  <si>
    <t>cg11166466</t>
  </si>
  <si>
    <t>cg11172286</t>
  </si>
  <si>
    <t>cg11174851</t>
  </si>
  <si>
    <t>cg11178574</t>
  </si>
  <si>
    <t>cg11180921</t>
  </si>
  <si>
    <t>cg11197202</t>
  </si>
  <si>
    <t>cg11197563</t>
  </si>
  <si>
    <t>cg11198128</t>
  </si>
  <si>
    <t>cg11198895</t>
  </si>
  <si>
    <t>cg11200963</t>
  </si>
  <si>
    <t>cg11200965</t>
  </si>
  <si>
    <t>cg11202620</t>
  </si>
  <si>
    <t>cg11203512</t>
  </si>
  <si>
    <t>cg11207372</t>
  </si>
  <si>
    <t>cg11228197</t>
  </si>
  <si>
    <t>cg11237734</t>
  </si>
  <si>
    <t>cg11245990</t>
  </si>
  <si>
    <t>cg11249934</t>
  </si>
  <si>
    <t>cg11253136</t>
  </si>
  <si>
    <t>cg11259409</t>
  </si>
  <si>
    <t>cg11271329</t>
  </si>
  <si>
    <t>cg11284797</t>
  </si>
  <si>
    <t>cg11285507</t>
  </si>
  <si>
    <t>cg11287039</t>
  </si>
  <si>
    <t>cg11287851</t>
  </si>
  <si>
    <t>cg11297256</t>
  </si>
  <si>
    <t>cg11323020</t>
  </si>
  <si>
    <t>cg11324116</t>
  </si>
  <si>
    <t>cg11327054</t>
  </si>
  <si>
    <t>cg11332441</t>
  </si>
  <si>
    <t>cg11334214</t>
  </si>
  <si>
    <t>cg11334771</t>
  </si>
  <si>
    <t>cg11338389</t>
  </si>
  <si>
    <t>cg11347316</t>
  </si>
  <si>
    <t>cg11356794</t>
  </si>
  <si>
    <t>cg11361260</t>
  </si>
  <si>
    <t>cg11361442</t>
  </si>
  <si>
    <t>cg11362935</t>
  </si>
  <si>
    <t>cg11364273</t>
  </si>
  <si>
    <t>cg11372696</t>
  </si>
  <si>
    <t>cg11373604</t>
  </si>
  <si>
    <t>cg11386098</t>
  </si>
  <si>
    <t>cg11399776</t>
  </si>
  <si>
    <t>cg11410726</t>
  </si>
  <si>
    <t>cg11413039</t>
  </si>
  <si>
    <t>cg11414415</t>
  </si>
  <si>
    <t>cg11415512</t>
  </si>
  <si>
    <t>cg11431820</t>
  </si>
  <si>
    <t>cg11436362</t>
  </si>
  <si>
    <t>cg11445760</t>
  </si>
  <si>
    <t>cg11454606</t>
  </si>
  <si>
    <t>cg11464285</t>
  </si>
  <si>
    <t>cg11469061</t>
  </si>
  <si>
    <t>cg11473001</t>
  </si>
  <si>
    <t>cg11480627</t>
  </si>
  <si>
    <t>cg11491207</t>
  </si>
  <si>
    <t>cg11494123</t>
  </si>
  <si>
    <t>cg11500391</t>
  </si>
  <si>
    <t>cg11502745</t>
  </si>
  <si>
    <t>cg11503359</t>
  </si>
  <si>
    <t>cg11506907</t>
  </si>
  <si>
    <t>cg11512800</t>
  </si>
  <si>
    <t>cg11520366</t>
  </si>
  <si>
    <t>cg11523381</t>
  </si>
  <si>
    <t>cg11537406</t>
  </si>
  <si>
    <t>cg11542469</t>
  </si>
  <si>
    <t>cg11544692</t>
  </si>
  <si>
    <t>cg11558328</t>
  </si>
  <si>
    <t>cg11586605</t>
  </si>
  <si>
    <t>cg11598964</t>
  </si>
  <si>
    <t>cg11600807</t>
  </si>
  <si>
    <t>cg11602546</t>
  </si>
  <si>
    <t>cg11606444</t>
  </si>
  <si>
    <t>cg11606466</t>
  </si>
  <si>
    <t>cg11614198</t>
  </si>
  <si>
    <t>cg11614622</t>
  </si>
  <si>
    <t>cg11622362</t>
  </si>
  <si>
    <t>cg11624233</t>
  </si>
  <si>
    <t>cg11626785</t>
  </si>
  <si>
    <t>cg11631775</t>
  </si>
  <si>
    <t>cg11633126</t>
  </si>
  <si>
    <t>cg11633494</t>
  </si>
  <si>
    <t>cg11635197</t>
  </si>
  <si>
    <t>cg11638181</t>
  </si>
  <si>
    <t>cg11647421</t>
  </si>
  <si>
    <t>cg11650874</t>
  </si>
  <si>
    <t>cg11659663</t>
  </si>
  <si>
    <t>cg11660146</t>
  </si>
  <si>
    <t>cg11662851</t>
  </si>
  <si>
    <t>cg11666921</t>
  </si>
  <si>
    <t>cg11667086</t>
  </si>
  <si>
    <t>cg11678461</t>
  </si>
  <si>
    <t>cg11679142</t>
  </si>
  <si>
    <t>cg11684656</t>
  </si>
  <si>
    <t>cg11691170</t>
  </si>
  <si>
    <t>cg11694519</t>
  </si>
  <si>
    <t>cg11694752</t>
  </si>
  <si>
    <t>cg11701250</t>
  </si>
  <si>
    <t>cg11708136</t>
  </si>
  <si>
    <t>cg11719952</t>
  </si>
  <si>
    <t>cg11733294</t>
  </si>
  <si>
    <t>cg11735853</t>
  </si>
  <si>
    <t>cg11742103</t>
  </si>
  <si>
    <t>cg11744767</t>
  </si>
  <si>
    <t>cg11751645</t>
  </si>
  <si>
    <t>cg11755933</t>
  </si>
  <si>
    <t>cg11762839</t>
  </si>
  <si>
    <t>cg11766552</t>
  </si>
  <si>
    <t>cg11767392</t>
  </si>
  <si>
    <t>cg11775521</t>
  </si>
  <si>
    <t>cg11786302</t>
  </si>
  <si>
    <t>cg11791770</t>
  </si>
  <si>
    <t>cg11792649</t>
  </si>
  <si>
    <t>cg11793581</t>
  </si>
  <si>
    <t>cg11794151</t>
  </si>
  <si>
    <t>cg11802864</t>
  </si>
  <si>
    <t>cg11804334</t>
  </si>
  <si>
    <t>cg11815388</t>
  </si>
  <si>
    <t>cg11820818</t>
  </si>
  <si>
    <t>cg11826327</t>
  </si>
  <si>
    <t>cg11827910</t>
  </si>
  <si>
    <t>cg11832717</t>
  </si>
  <si>
    <t>cg11835342</t>
  </si>
  <si>
    <t>cg11836587</t>
  </si>
  <si>
    <t>cg11838688</t>
  </si>
  <si>
    <t>cg11838997</t>
  </si>
  <si>
    <t>cg11839729</t>
  </si>
  <si>
    <t>cg11839944</t>
  </si>
  <si>
    <t>cg11843188</t>
  </si>
  <si>
    <t>cg11846816</t>
  </si>
  <si>
    <t>cg11854154</t>
  </si>
  <si>
    <t>cg11855526</t>
  </si>
  <si>
    <t>cg11861562</t>
  </si>
  <si>
    <t>cg11865882</t>
  </si>
  <si>
    <t>cg11867686</t>
  </si>
  <si>
    <t>cg11870100</t>
  </si>
  <si>
    <t>cg11878872</t>
  </si>
  <si>
    <t>cg11880646</t>
  </si>
  <si>
    <t>cg11886777</t>
  </si>
  <si>
    <t>cg11890603</t>
  </si>
  <si>
    <t>cg11902093</t>
  </si>
  <si>
    <t>cg11905814</t>
  </si>
  <si>
    <t>cg11908751</t>
  </si>
  <si>
    <t>cg11909574</t>
  </si>
  <si>
    <t>cg11913491</t>
  </si>
  <si>
    <t>cg11914650</t>
  </si>
  <si>
    <t>cg11915650</t>
  </si>
  <si>
    <t>cg11925488</t>
  </si>
  <si>
    <t>cg11926764</t>
  </si>
  <si>
    <t>cg11926928</t>
  </si>
  <si>
    <t>cg11928684</t>
  </si>
  <si>
    <t>cg11940136</t>
  </si>
  <si>
    <t>cg11940773</t>
  </si>
  <si>
    <t>cg11944428</t>
  </si>
  <si>
    <t>cg11945096</t>
  </si>
  <si>
    <t>cg11945839</t>
  </si>
  <si>
    <t>cg11951433</t>
  </si>
  <si>
    <t>cg11953383</t>
  </si>
  <si>
    <t>cg11954110</t>
  </si>
  <si>
    <t>cg11958933</t>
  </si>
  <si>
    <t>cg11980147</t>
  </si>
  <si>
    <t>cg11985341</t>
  </si>
  <si>
    <t>cg11990562</t>
  </si>
  <si>
    <t>cg11994052</t>
  </si>
  <si>
    <t>cg11995069</t>
  </si>
  <si>
    <t>cg12002710</t>
  </si>
  <si>
    <t>cg12007048</t>
  </si>
  <si>
    <t>cg12008643</t>
  </si>
  <si>
    <t>cg12013041</t>
  </si>
  <si>
    <t>cg12014547</t>
  </si>
  <si>
    <t>cg12017745</t>
  </si>
  <si>
    <t>cg12020590</t>
  </si>
  <si>
    <t>cg12027059</t>
  </si>
  <si>
    <t>cg12027636</t>
  </si>
  <si>
    <t>cg12030842</t>
  </si>
  <si>
    <t>cg12036817</t>
  </si>
  <si>
    <t>cg12044599</t>
  </si>
  <si>
    <t>cg12047941</t>
  </si>
  <si>
    <t>cg12052203</t>
  </si>
  <si>
    <t>cg12057946</t>
  </si>
  <si>
    <t>cg12059507</t>
  </si>
  <si>
    <t>cg12064373</t>
  </si>
  <si>
    <t>cg12066398</t>
  </si>
  <si>
    <t>cg12070304</t>
  </si>
  <si>
    <t>cg12070987</t>
  </si>
  <si>
    <t>cg12071328</t>
  </si>
  <si>
    <t>cg12073177</t>
  </si>
  <si>
    <t>cg12077660</t>
  </si>
  <si>
    <t>cg12079699</t>
  </si>
  <si>
    <t>cg12081932</t>
  </si>
  <si>
    <t>cg12086936</t>
  </si>
  <si>
    <t>cg12095324</t>
  </si>
  <si>
    <t>cg12097945</t>
  </si>
  <si>
    <t>cg12102838</t>
  </si>
  <si>
    <t>cg12104945</t>
  </si>
  <si>
    <t>cg12109482</t>
  </si>
  <si>
    <t>cg12114392</t>
  </si>
  <si>
    <t>cg12120300</t>
  </si>
  <si>
    <t>cg12122997</t>
  </si>
  <si>
    <t>cg12123211</t>
  </si>
  <si>
    <t>cg12136126</t>
  </si>
  <si>
    <t>cg12139190</t>
  </si>
  <si>
    <t>cg12145289</t>
  </si>
  <si>
    <t>cg12149692</t>
  </si>
  <si>
    <t>cg12150646</t>
  </si>
  <si>
    <t>cg12159215</t>
  </si>
  <si>
    <t>cg12161971</t>
  </si>
  <si>
    <t>cg12162138</t>
  </si>
  <si>
    <t>cg12164612</t>
  </si>
  <si>
    <t>cg12170314</t>
  </si>
  <si>
    <t>cg12171159</t>
  </si>
  <si>
    <t>cg12177743</t>
  </si>
  <si>
    <t>cg12188986</t>
  </si>
  <si>
    <t>cg12198813</t>
  </si>
  <si>
    <t>cg12198913</t>
  </si>
  <si>
    <t>cg12199343</t>
  </si>
  <si>
    <t>cg12200142</t>
  </si>
  <si>
    <t>cg12206093</t>
  </si>
  <si>
    <t>cg12214534</t>
  </si>
  <si>
    <t>cg12220703</t>
  </si>
  <si>
    <t>cg12225377</t>
  </si>
  <si>
    <t>cg12229151</t>
  </si>
  <si>
    <t>cg12234896</t>
  </si>
  <si>
    <t>cg12238441</t>
  </si>
  <si>
    <t>cg12242204</t>
  </si>
  <si>
    <t>cg12243078</t>
  </si>
  <si>
    <t>cg12243133</t>
  </si>
  <si>
    <t>cg12243375</t>
  </si>
  <si>
    <t>cg12246510</t>
  </si>
  <si>
    <t>cg12247500</t>
  </si>
  <si>
    <t>cg12263469</t>
  </si>
  <si>
    <t>cg12263990</t>
  </si>
  <si>
    <t>cg12266841</t>
  </si>
  <si>
    <t>cg12269002</t>
  </si>
  <si>
    <t>cg12273770</t>
  </si>
  <si>
    <t>cg12287025</t>
  </si>
  <si>
    <t>cg12294403</t>
  </si>
  <si>
    <t>cg12299026</t>
  </si>
  <si>
    <t>cg12314729</t>
  </si>
  <si>
    <t>cg12318400</t>
  </si>
  <si>
    <t>cg12320322</t>
  </si>
  <si>
    <t>cg12328890</t>
  </si>
  <si>
    <t>cg12332083</t>
  </si>
  <si>
    <t>cg12339905</t>
  </si>
  <si>
    <t>cg12341202</t>
  </si>
  <si>
    <t>cg12352359</t>
  </si>
  <si>
    <t>cg12353589</t>
  </si>
  <si>
    <t>cg12361290</t>
  </si>
  <si>
    <t>cg12385482</t>
  </si>
  <si>
    <t>cg12389545</t>
  </si>
  <si>
    <t>cg12394426</t>
  </si>
  <si>
    <t>cg12395843</t>
  </si>
  <si>
    <t>cg12403137</t>
  </si>
  <si>
    <t>cg12403546</t>
  </si>
  <si>
    <t>cg12427128</t>
  </si>
  <si>
    <t>cg12428906</t>
  </si>
  <si>
    <t>cg12433386</t>
  </si>
  <si>
    <t>cg12437873</t>
  </si>
  <si>
    <t>cg12449325</t>
  </si>
  <si>
    <t>cg12461287</t>
  </si>
  <si>
    <t>cg12464395</t>
  </si>
  <si>
    <t>cg12467123</t>
  </si>
  <si>
    <t>cg12467960</t>
  </si>
  <si>
    <t>cg12469954</t>
  </si>
  <si>
    <t>cg12471171</t>
  </si>
  <si>
    <t>cg12471950</t>
  </si>
  <si>
    <t>cg12474080</t>
  </si>
  <si>
    <t>cg12484325</t>
  </si>
  <si>
    <t>cg12486121</t>
  </si>
  <si>
    <t>cg12498916</t>
  </si>
  <si>
    <t>cg12499235</t>
  </si>
  <si>
    <t>cg12500951</t>
  </si>
  <si>
    <t>cg12506005</t>
  </si>
  <si>
    <t>cg12513249</t>
  </si>
  <si>
    <t>cg12516359</t>
  </si>
  <si>
    <t>cg12516504</t>
  </si>
  <si>
    <t>cg12517394</t>
  </si>
  <si>
    <t>cg12520727</t>
  </si>
  <si>
    <t>cg12526471</t>
  </si>
  <si>
    <t>cg12527384</t>
  </si>
  <si>
    <t>cg12528056</t>
  </si>
  <si>
    <t>cg12528597</t>
  </si>
  <si>
    <t>cg12535280</t>
  </si>
  <si>
    <t>cg12536891</t>
  </si>
  <si>
    <t>cg12538950</t>
  </si>
  <si>
    <t>cg12539081</t>
  </si>
  <si>
    <t>cg12560877</t>
  </si>
  <si>
    <t>cg12561217</t>
  </si>
  <si>
    <t>cg12564567</t>
  </si>
  <si>
    <t>cg12569118</t>
  </si>
  <si>
    <t>cg12570756</t>
  </si>
  <si>
    <t>cg12572987</t>
  </si>
  <si>
    <t>cg12576557</t>
  </si>
  <si>
    <t>cg12577321</t>
  </si>
  <si>
    <t>cg12586386</t>
  </si>
  <si>
    <t>cg12587386</t>
  </si>
  <si>
    <t>cg12587618</t>
  </si>
  <si>
    <t>cg12600858</t>
  </si>
  <si>
    <t>cg12603173</t>
  </si>
  <si>
    <t>cg12603338</t>
  </si>
  <si>
    <t>cg12607413</t>
  </si>
  <si>
    <t>cg12612340</t>
  </si>
  <si>
    <t>cg12614029</t>
  </si>
  <si>
    <t>cg12625990</t>
  </si>
  <si>
    <t>cg12636538</t>
  </si>
  <si>
    <t>cg12641569</t>
  </si>
  <si>
    <t>cg12643458</t>
  </si>
  <si>
    <t>cg12645247</t>
  </si>
  <si>
    <t>cg12648988</t>
  </si>
  <si>
    <t>cg12658897</t>
  </si>
  <si>
    <t>cg12659626</t>
  </si>
  <si>
    <t>cg12662576</t>
  </si>
  <si>
    <t>cg12667049</t>
  </si>
  <si>
    <t>cg12668155</t>
  </si>
  <si>
    <t>cg12669354</t>
  </si>
  <si>
    <t>cg12691382</t>
  </si>
  <si>
    <t>cg12697442</t>
  </si>
  <si>
    <t>cg12699151</t>
  </si>
  <si>
    <t>cg12715458</t>
  </si>
  <si>
    <t>cg12716639</t>
  </si>
  <si>
    <t>cg12728517</t>
  </si>
  <si>
    <t>cg12731868</t>
  </si>
  <si>
    <t>cg12740527</t>
  </si>
  <si>
    <t>cg12750446</t>
  </si>
  <si>
    <t>cg12763457</t>
  </si>
  <si>
    <t>cg12764221</t>
  </si>
  <si>
    <t>cg12773325</t>
  </si>
  <si>
    <t>cg12774559</t>
  </si>
  <si>
    <t>cg12777178</t>
  </si>
  <si>
    <t>cg12778215</t>
  </si>
  <si>
    <t>cg12788061</t>
  </si>
  <si>
    <t>cg12792363</t>
  </si>
  <si>
    <t>cg12802822</t>
  </si>
  <si>
    <t>cg12804791</t>
  </si>
  <si>
    <t>cg12811157</t>
  </si>
  <si>
    <t>cg12813709</t>
  </si>
  <si>
    <t>cg12818067</t>
  </si>
  <si>
    <t>cg12818656</t>
  </si>
  <si>
    <t>cg12821632</t>
  </si>
  <si>
    <t>cg12822074</t>
  </si>
  <si>
    <t>cg12825880</t>
  </si>
  <si>
    <t>cg12828075</t>
  </si>
  <si>
    <t>cg12830327</t>
  </si>
  <si>
    <t>cg12831102</t>
  </si>
  <si>
    <t>cg12832726</t>
  </si>
  <si>
    <t>cg12835949</t>
  </si>
  <si>
    <t>cg12838605</t>
  </si>
  <si>
    <t>cg12841273</t>
  </si>
  <si>
    <t>cg12843022</t>
  </si>
  <si>
    <t>cg12848864</t>
  </si>
  <si>
    <t>cg12849795</t>
  </si>
  <si>
    <t>cg12859211</t>
  </si>
  <si>
    <t>cg12865939</t>
  </si>
  <si>
    <t>cg12867237</t>
  </si>
  <si>
    <t>cg12868887</t>
  </si>
  <si>
    <t>cg12869958</t>
  </si>
  <si>
    <t>cg12873305</t>
  </si>
  <si>
    <t>cg12880967</t>
  </si>
  <si>
    <t>cg12884141</t>
  </si>
  <si>
    <t>cg12887701</t>
  </si>
  <si>
    <t>cg12894917</t>
  </si>
  <si>
    <t>cg12904531</t>
  </si>
  <si>
    <t>cg12906748</t>
  </si>
  <si>
    <t>cg12908916</t>
  </si>
  <si>
    <t>cg12911972</t>
  </si>
  <si>
    <t>cg12912663</t>
  </si>
  <si>
    <t>cg12918457</t>
  </si>
  <si>
    <t>cg12921914</t>
  </si>
  <si>
    <t>cg12926404</t>
  </si>
  <si>
    <t>cg12927726</t>
  </si>
  <si>
    <t>cg12929567</t>
  </si>
  <si>
    <t>cg12933507</t>
  </si>
  <si>
    <t>cg12937034</t>
  </si>
  <si>
    <t>cg12945194</t>
  </si>
  <si>
    <t>cg12946371</t>
  </si>
  <si>
    <t>cg12965338</t>
  </si>
  <si>
    <t>cg12985204</t>
  </si>
  <si>
    <t>cg12986485</t>
  </si>
  <si>
    <t>cg12993477</t>
  </si>
  <si>
    <t>cg13012691</t>
  </si>
  <si>
    <t>cg13026072</t>
  </si>
  <si>
    <t>cg13028700</t>
  </si>
  <si>
    <t>cg13037081</t>
  </si>
  <si>
    <t>cg13044675</t>
  </si>
  <si>
    <t>cg13052101</t>
  </si>
  <si>
    <t>cg13058214</t>
  </si>
  <si>
    <t>cg13080721</t>
  </si>
  <si>
    <t>cg13088598</t>
  </si>
  <si>
    <t>cg13089599</t>
  </si>
  <si>
    <t>cg13091717</t>
  </si>
  <si>
    <t>cg13096405</t>
  </si>
  <si>
    <t>cg13112361</t>
  </si>
  <si>
    <t>cg13117369</t>
  </si>
  <si>
    <t>cg13129285</t>
  </si>
  <si>
    <t>cg13133304</t>
  </si>
  <si>
    <t>cg13137577</t>
  </si>
  <si>
    <t>cg13146517</t>
  </si>
  <si>
    <t>cg13146674</t>
  </si>
  <si>
    <t>cg13147522</t>
  </si>
  <si>
    <t>cg13150344</t>
  </si>
  <si>
    <t>cg13156010</t>
  </si>
  <si>
    <t>cg13161658</t>
  </si>
  <si>
    <t>cg13163269</t>
  </si>
  <si>
    <t>cg13167664</t>
  </si>
  <si>
    <t>cg13168638</t>
  </si>
  <si>
    <t>cg13169525</t>
  </si>
  <si>
    <t>cg13174342</t>
  </si>
  <si>
    <t>cg13179056</t>
  </si>
  <si>
    <t>cg13181079</t>
  </si>
  <si>
    <t>cg13186466</t>
  </si>
  <si>
    <t>cg13187188</t>
  </si>
  <si>
    <t>cg13188508</t>
  </si>
  <si>
    <t>cg13195923</t>
  </si>
  <si>
    <t>cg13200125</t>
  </si>
  <si>
    <t>cg13200188</t>
  </si>
  <si>
    <t>cg13200739</t>
  </si>
  <si>
    <t>cg13201808</t>
  </si>
  <si>
    <t>cg13205384</t>
  </si>
  <si>
    <t>cg13210239</t>
  </si>
  <si>
    <t>cg13213604</t>
  </si>
  <si>
    <t>cg13215078</t>
  </si>
  <si>
    <t>cg13222691</t>
  </si>
  <si>
    <t>cg13228701</t>
  </si>
  <si>
    <t>cg13229245</t>
  </si>
  <si>
    <t>cg13230172</t>
  </si>
  <si>
    <t>cg13234275</t>
  </si>
  <si>
    <t>cg13242999</t>
  </si>
  <si>
    <t>cg13245912</t>
  </si>
  <si>
    <t>cg13247398</t>
  </si>
  <si>
    <t>cg13247673</t>
  </si>
  <si>
    <t>cg13249789</t>
  </si>
  <si>
    <t>cg13251256</t>
  </si>
  <si>
    <t>cg13253694</t>
  </si>
  <si>
    <t>cg13261989</t>
  </si>
  <si>
    <t>cg13269439</t>
  </si>
  <si>
    <t>cg13273340</t>
  </si>
  <si>
    <t>cg13280108</t>
  </si>
  <si>
    <t>cg13280803</t>
  </si>
  <si>
    <t>cg13296579</t>
  </si>
  <si>
    <t>cg13298116</t>
  </si>
  <si>
    <t>cg13301069</t>
  </si>
  <si>
    <t>cg13303461</t>
  </si>
  <si>
    <t>cg13309027</t>
  </si>
  <si>
    <t>cg13313036</t>
  </si>
  <si>
    <t>cg13319197</t>
  </si>
  <si>
    <t>cg13324357</t>
  </si>
  <si>
    <t>cg13324568</t>
  </si>
  <si>
    <t>cg13330341</t>
  </si>
  <si>
    <t>cg13334650</t>
  </si>
  <si>
    <t>cg13351143</t>
  </si>
  <si>
    <t>cg13356117</t>
  </si>
  <si>
    <t>cg13361558</t>
  </si>
  <si>
    <t>cg13372927</t>
  </si>
  <si>
    <t>cg13380511</t>
  </si>
  <si>
    <t>cg13386084</t>
  </si>
  <si>
    <t>cg13388111</t>
  </si>
  <si>
    <t>cg13388983</t>
  </si>
  <si>
    <t>cg13392687</t>
  </si>
  <si>
    <t>cg13392793</t>
  </si>
  <si>
    <t>cg13393204</t>
  </si>
  <si>
    <t>cg13414679</t>
  </si>
  <si>
    <t>cg13426544</t>
  </si>
  <si>
    <t>cg13428943</t>
  </si>
  <si>
    <t>cg13436940</t>
  </si>
  <si>
    <t>cg13442428</t>
  </si>
  <si>
    <t>cg13442432</t>
  </si>
  <si>
    <t>cg13445796</t>
  </si>
  <si>
    <t>cg13450005</t>
  </si>
  <si>
    <t>cg13450596</t>
  </si>
  <si>
    <t>cg13454570</t>
  </si>
  <si>
    <t>cg13460414</t>
  </si>
  <si>
    <t>cg13464448</t>
  </si>
  <si>
    <t>cg13466901</t>
  </si>
  <si>
    <t>cg13467162</t>
  </si>
  <si>
    <t>cg13472341</t>
  </si>
  <si>
    <t>cg13473196</t>
  </si>
  <si>
    <t>cg13475388</t>
  </si>
  <si>
    <t>cg13493559</t>
  </si>
  <si>
    <t>cg13497506</t>
  </si>
  <si>
    <t>cg13497525</t>
  </si>
  <si>
    <t>cg13499067</t>
  </si>
  <si>
    <t>cg13518437</t>
  </si>
  <si>
    <t>cg13520342</t>
  </si>
  <si>
    <t>cg13520373</t>
  </si>
  <si>
    <t>cg13521124</t>
  </si>
  <si>
    <t>cg13523449</t>
  </si>
  <si>
    <t>cg13524082</t>
  </si>
  <si>
    <t>cg13526040</t>
  </si>
  <si>
    <t>cg13527922</t>
  </si>
  <si>
    <t>cg13529291</t>
  </si>
  <si>
    <t>cg13533707</t>
  </si>
  <si>
    <t>cg13535441</t>
  </si>
  <si>
    <t>cg13540960</t>
  </si>
  <si>
    <t>cg13542461</t>
  </si>
  <si>
    <t>cg13559099</t>
  </si>
  <si>
    <t>cg13561477</t>
  </si>
  <si>
    <t>cg13564654</t>
  </si>
  <si>
    <t>cg13570972</t>
  </si>
  <si>
    <t>cg13572172</t>
  </si>
  <si>
    <t>cg13581483</t>
  </si>
  <si>
    <t>cg13596833</t>
  </si>
  <si>
    <t>cg13607511</t>
  </si>
  <si>
    <t>cg13612693</t>
  </si>
  <si>
    <t>cg13629345</t>
  </si>
  <si>
    <t>cg13641903</t>
  </si>
  <si>
    <t>cg13642149</t>
  </si>
  <si>
    <t>cg13645902</t>
  </si>
  <si>
    <t>cg13656835</t>
  </si>
  <si>
    <t>cg13659360</t>
  </si>
  <si>
    <t>cg13663300</t>
  </si>
  <si>
    <t>cg13667021</t>
  </si>
  <si>
    <t>cg13678939</t>
  </si>
  <si>
    <t>cg13694576</t>
  </si>
  <si>
    <t>cg13700448</t>
  </si>
  <si>
    <t>cg13703576</t>
  </si>
  <si>
    <t>cg13703584</t>
  </si>
  <si>
    <t>cg13705616</t>
  </si>
  <si>
    <t>cg13705828</t>
  </si>
  <si>
    <t>cg13707768</t>
  </si>
  <si>
    <t>cg13707780</t>
  </si>
  <si>
    <t>cg13709634</t>
  </si>
  <si>
    <t>cg13722539</t>
  </si>
  <si>
    <t>cg13734833</t>
  </si>
  <si>
    <t>cg13738327</t>
  </si>
  <si>
    <t>cg13744822</t>
  </si>
  <si>
    <t>cg13751489</t>
  </si>
  <si>
    <t>cg13759808</t>
  </si>
  <si>
    <t>cg13762244</t>
  </si>
  <si>
    <t>cg13762320</t>
  </si>
  <si>
    <t>cg13763339</t>
  </si>
  <si>
    <t>cg13767940</t>
  </si>
  <si>
    <t>cg13770088</t>
  </si>
  <si>
    <t>cg13771313</t>
  </si>
  <si>
    <t>cg13780902</t>
  </si>
  <si>
    <t>cg13788027</t>
  </si>
  <si>
    <t>cg13799206</t>
  </si>
  <si>
    <t>cg13811168</t>
  </si>
  <si>
    <t>cg13821914</t>
  </si>
  <si>
    <t>cg13823144</t>
  </si>
  <si>
    <t>cg13826564</t>
  </si>
  <si>
    <t>cg13828839</t>
  </si>
  <si>
    <t>cg13833525</t>
  </si>
  <si>
    <t>cg13833535</t>
  </si>
  <si>
    <t>cg13834366</t>
  </si>
  <si>
    <t>cg13837679</t>
  </si>
  <si>
    <t>cg13837721</t>
  </si>
  <si>
    <t>cg13839293</t>
  </si>
  <si>
    <t>cg13839457</t>
  </si>
  <si>
    <t>cg13840590</t>
  </si>
  <si>
    <t>cg13851843</t>
  </si>
  <si>
    <t>cg13860849</t>
  </si>
  <si>
    <t>cg13864107</t>
  </si>
  <si>
    <t>cg13866129</t>
  </si>
  <si>
    <t>cg13872356</t>
  </si>
  <si>
    <t>cg13875986</t>
  </si>
  <si>
    <t>cg13877106</t>
  </si>
  <si>
    <t>cg13885159</t>
  </si>
  <si>
    <t>cg13900559</t>
  </si>
  <si>
    <t>cg13906874</t>
  </si>
  <si>
    <t>cg13916967</t>
  </si>
  <si>
    <t>cg13921910</t>
  </si>
  <si>
    <t>cg13924715</t>
  </si>
  <si>
    <t>cg13924996</t>
  </si>
  <si>
    <t>cg13927387</t>
  </si>
  <si>
    <t>cg13928782</t>
  </si>
  <si>
    <t>cg13930892</t>
  </si>
  <si>
    <t>cg13937462</t>
  </si>
  <si>
    <t>cg13942016</t>
  </si>
  <si>
    <t>cg13942604</t>
  </si>
  <si>
    <t>cg13945107</t>
  </si>
  <si>
    <t>cg13947088</t>
  </si>
  <si>
    <t>cg13963553</t>
  </si>
  <si>
    <t>cg13965276</t>
  </si>
  <si>
    <t>cg13965922</t>
  </si>
  <si>
    <t>cg13966609</t>
  </si>
  <si>
    <t>cg13968557</t>
  </si>
  <si>
    <t>cg13972394</t>
  </si>
  <si>
    <t>cg13973351</t>
  </si>
  <si>
    <t>cg13974409</t>
  </si>
  <si>
    <t>cg13974487</t>
  </si>
  <si>
    <t>cg13974632</t>
  </si>
  <si>
    <t>cg13982511</t>
  </si>
  <si>
    <t>cg13986503</t>
  </si>
  <si>
    <t>cg13987334</t>
  </si>
  <si>
    <t>cg13990013</t>
  </si>
  <si>
    <t>cg13993802</t>
  </si>
  <si>
    <t>cg13993909</t>
  </si>
  <si>
    <t>cg14002345</t>
  </si>
  <si>
    <t>cg14002950</t>
  </si>
  <si>
    <t>cg14010513</t>
  </si>
  <si>
    <t>cg14013417</t>
  </si>
  <si>
    <t>cg14016074</t>
  </si>
  <si>
    <t>cg14026971</t>
  </si>
  <si>
    <t>cg14028489</t>
  </si>
  <si>
    <t>cg14042203</t>
  </si>
  <si>
    <t>cg14042912</t>
  </si>
  <si>
    <t>cg14043925</t>
  </si>
  <si>
    <t>cg14045803</t>
  </si>
  <si>
    <t>cg14051973</t>
  </si>
  <si>
    <t>cg14058754</t>
  </si>
  <si>
    <t>cg14059420</t>
  </si>
  <si>
    <t>cg14073497</t>
  </si>
  <si>
    <t>cg14080254</t>
  </si>
  <si>
    <t>cg14082919</t>
  </si>
  <si>
    <t>cg14093526</t>
  </si>
  <si>
    <t>cg14107975</t>
  </si>
  <si>
    <t>cg14108978</t>
  </si>
  <si>
    <t>cg14127589</t>
  </si>
  <si>
    <t>cg14130459</t>
  </si>
  <si>
    <t>cg14132868</t>
  </si>
  <si>
    <t>cg14133320</t>
  </si>
  <si>
    <t>cg14139875</t>
  </si>
  <si>
    <t>cg14144513</t>
  </si>
  <si>
    <t>cg14148106</t>
  </si>
  <si>
    <t>cg14149680</t>
  </si>
  <si>
    <t>cg14150915</t>
  </si>
  <si>
    <t>cg14152411</t>
  </si>
  <si>
    <t>cg14157917</t>
  </si>
  <si>
    <t>cg14161454</t>
  </si>
  <si>
    <t>cg14163229</t>
  </si>
  <si>
    <t>cg14167982</t>
  </si>
  <si>
    <t>cg14177934</t>
  </si>
  <si>
    <t>cg14181223</t>
  </si>
  <si>
    <t>cg14195377</t>
  </si>
  <si>
    <t>cg14197182</t>
  </si>
  <si>
    <t>cg14198420</t>
  </si>
  <si>
    <t>cg14204619</t>
  </si>
  <si>
    <t>cg14205126</t>
  </si>
  <si>
    <t>cg14220081</t>
  </si>
  <si>
    <t>cg14223001</t>
  </si>
  <si>
    <t>cg14232870</t>
  </si>
  <si>
    <t>cg14240536</t>
  </si>
  <si>
    <t>cg14241609</t>
  </si>
  <si>
    <t>cg14242958</t>
  </si>
  <si>
    <t>cg14243481</t>
  </si>
  <si>
    <t>cg14244963</t>
  </si>
  <si>
    <t>cg14245804</t>
  </si>
  <si>
    <t>cg14249520</t>
  </si>
  <si>
    <t>cg14256568</t>
  </si>
  <si>
    <t>cg14265554</t>
  </si>
  <si>
    <t>cg14268436</t>
  </si>
  <si>
    <t>cg14272275</t>
  </si>
  <si>
    <t>cg14284889</t>
  </si>
  <si>
    <t>cg14289294</t>
  </si>
  <si>
    <t>cg14291919</t>
  </si>
  <si>
    <t>cg14293362</t>
  </si>
  <si>
    <t>cg14294793</t>
  </si>
  <si>
    <t>cg14304349</t>
  </si>
  <si>
    <t>cg14304817</t>
  </si>
  <si>
    <t>cg14306344</t>
  </si>
  <si>
    <t>cg14308313</t>
  </si>
  <si>
    <t>cg14318946</t>
  </si>
  <si>
    <t>cg14321424</t>
  </si>
  <si>
    <t>cg14328115</t>
  </si>
  <si>
    <t>cg14331899</t>
  </si>
  <si>
    <t>cg14340131</t>
  </si>
  <si>
    <t>cg14341449</t>
  </si>
  <si>
    <t>cg14342106</t>
  </si>
  <si>
    <t>cg14346208</t>
  </si>
  <si>
    <t>cg14351904</t>
  </si>
  <si>
    <t>cg14359435</t>
  </si>
  <si>
    <t>cg14363636</t>
  </si>
  <si>
    <t>cg14370595</t>
  </si>
  <si>
    <t>cg14371107</t>
  </si>
  <si>
    <t>cg14371153</t>
  </si>
  <si>
    <t>cg14380094</t>
  </si>
  <si>
    <t>cg14387428</t>
  </si>
  <si>
    <t>cg14392966</t>
  </si>
  <si>
    <t>cg14397775</t>
  </si>
  <si>
    <t>cg14398659</t>
  </si>
  <si>
    <t>cg14398731</t>
  </si>
  <si>
    <t>cg14402017</t>
  </si>
  <si>
    <t>cg14417372</t>
  </si>
  <si>
    <t>cg14417468</t>
  </si>
  <si>
    <t>cg14417711</t>
  </si>
  <si>
    <t>cg14418275</t>
  </si>
  <si>
    <t>cg14425863</t>
  </si>
  <si>
    <t>cg14426781</t>
  </si>
  <si>
    <t>cg14427437</t>
  </si>
  <si>
    <t>cg14429394</t>
  </si>
  <si>
    <t>cg14430111</t>
  </si>
  <si>
    <t>cg14435695</t>
  </si>
  <si>
    <t>cg14439629</t>
  </si>
  <si>
    <t>cg14439950</t>
  </si>
  <si>
    <t>cg14443077</t>
  </si>
  <si>
    <t>cg14456450</t>
  </si>
  <si>
    <t>cg14457439</t>
  </si>
  <si>
    <t>cg14464464</t>
  </si>
  <si>
    <t>cg14464791</t>
  </si>
  <si>
    <t>cg14469376</t>
  </si>
  <si>
    <t>cg14473297</t>
  </si>
  <si>
    <t>cg14476630</t>
  </si>
  <si>
    <t>cg14482569</t>
  </si>
  <si>
    <t>cg14485103</t>
  </si>
  <si>
    <t>cg14488317</t>
  </si>
  <si>
    <t>cg14498227</t>
  </si>
  <si>
    <t>cg14502726</t>
  </si>
  <si>
    <t>cg14503180</t>
  </si>
  <si>
    <t>cg14508904</t>
  </si>
  <si>
    <t>cg14513281</t>
  </si>
  <si>
    <t>cg14519859</t>
  </si>
  <si>
    <t>cg14528318</t>
  </si>
  <si>
    <t>cg14538048</t>
  </si>
  <si>
    <t>cg14539442</t>
  </si>
  <si>
    <t>cg14540555</t>
  </si>
  <si>
    <t>cg14541915</t>
  </si>
  <si>
    <t>cg14551182</t>
  </si>
  <si>
    <t>cg14554170</t>
  </si>
  <si>
    <t>cg14576565</t>
  </si>
  <si>
    <t>cg14578028</t>
  </si>
  <si>
    <t>cg14585694</t>
  </si>
  <si>
    <t>cg14589014</t>
  </si>
  <si>
    <t>cg14589148</t>
  </si>
  <si>
    <t>cg14593317</t>
  </si>
  <si>
    <t>cg14594696</t>
  </si>
  <si>
    <t>cg14595013</t>
  </si>
  <si>
    <t>cg14597534</t>
  </si>
  <si>
    <t>cg14598198</t>
  </si>
  <si>
    <t>cg14599203</t>
  </si>
  <si>
    <t>cg14599904</t>
  </si>
  <si>
    <t>cg14602982</t>
  </si>
  <si>
    <t>cg14608156</t>
  </si>
  <si>
    <t>cg14608199</t>
  </si>
  <si>
    <t>cg14611757</t>
  </si>
  <si>
    <t>cg14632485</t>
  </si>
  <si>
    <t>cg14638988</t>
  </si>
  <si>
    <t>cg14642374</t>
  </si>
  <si>
    <t>cg14645995</t>
  </si>
  <si>
    <t>cg14652031</t>
  </si>
  <si>
    <t>cg14653250</t>
  </si>
  <si>
    <t>cg14657517</t>
  </si>
  <si>
    <t>cg14669919</t>
  </si>
  <si>
    <t>cg14673384</t>
  </si>
  <si>
    <t>cg14677673</t>
  </si>
  <si>
    <t>cg14684675</t>
  </si>
  <si>
    <t>cg14684917</t>
  </si>
  <si>
    <t>cg14686008</t>
  </si>
  <si>
    <t>cg14688108</t>
  </si>
  <si>
    <t>cg14689317</t>
  </si>
  <si>
    <t>cg14689532</t>
  </si>
  <si>
    <t>cg14689623</t>
  </si>
  <si>
    <t>cg14695240</t>
  </si>
  <si>
    <t>cg14698297</t>
  </si>
  <si>
    <t>cg14698794</t>
  </si>
  <si>
    <t>cg14699126</t>
  </si>
  <si>
    <t>cg14699728</t>
  </si>
  <si>
    <t>cg14700820</t>
  </si>
  <si>
    <t>cg14701554</t>
  </si>
  <si>
    <t>cg14705010</t>
  </si>
  <si>
    <t>cg14708990</t>
  </si>
  <si>
    <t>cg14720354</t>
  </si>
  <si>
    <t>cg14722290</t>
  </si>
  <si>
    <t>cg14724364</t>
  </si>
  <si>
    <t>cg14725641</t>
  </si>
  <si>
    <t>cg14726348</t>
  </si>
  <si>
    <t>cg14744160</t>
  </si>
  <si>
    <t>cg14749448</t>
  </si>
  <si>
    <t>cg14749465</t>
  </si>
  <si>
    <t>cg14762010</t>
  </si>
  <si>
    <t>cg14772925</t>
  </si>
  <si>
    <t>cg14774438</t>
  </si>
  <si>
    <t>cg14777561</t>
  </si>
  <si>
    <t>cg14778137</t>
  </si>
  <si>
    <t>cg14780632</t>
  </si>
  <si>
    <t>cg14797402</t>
  </si>
  <si>
    <t>cg14801701</t>
  </si>
  <si>
    <t>cg14803762</t>
  </si>
  <si>
    <t>cg14804706</t>
  </si>
  <si>
    <t>cg14806374</t>
  </si>
  <si>
    <t>cg14817758</t>
  </si>
  <si>
    <t>cg14826972</t>
  </si>
  <si>
    <t>cg14830082</t>
  </si>
  <si>
    <t>cg14839905</t>
  </si>
  <si>
    <t>cg14848783</t>
  </si>
  <si>
    <t>cg14855425</t>
  </si>
  <si>
    <t>cg14856052</t>
  </si>
  <si>
    <t>cg14857770</t>
  </si>
  <si>
    <t>cg14859464</t>
  </si>
  <si>
    <t>cg14872693</t>
  </si>
  <si>
    <t>cg14872731</t>
  </si>
  <si>
    <t>cg14883448</t>
  </si>
  <si>
    <t>cg14886150</t>
  </si>
  <si>
    <t>cg14892281</t>
  </si>
  <si>
    <t>cg14892886</t>
  </si>
  <si>
    <t>cg14906390</t>
  </si>
  <si>
    <t>cg14908964</t>
  </si>
  <si>
    <t>cg14909795</t>
  </si>
  <si>
    <t>cg14911132</t>
  </si>
  <si>
    <t>cg14915749</t>
  </si>
  <si>
    <t>cg14918391</t>
  </si>
  <si>
    <t>cg14931586</t>
  </si>
  <si>
    <t>cg14937069</t>
  </si>
  <si>
    <t>cg14938738</t>
  </si>
  <si>
    <t>cg14943827</t>
  </si>
  <si>
    <t>cg14944647</t>
  </si>
  <si>
    <t>cg14946192</t>
  </si>
  <si>
    <t>cg14965353</t>
  </si>
  <si>
    <t>cg14975064</t>
  </si>
  <si>
    <t>cg14975318</t>
  </si>
  <si>
    <t>cg14976978</t>
  </si>
  <si>
    <t>cg14983362</t>
  </si>
  <si>
    <t>cg14988347</t>
  </si>
  <si>
    <t>cg14994056</t>
  </si>
  <si>
    <t>cg14997711</t>
  </si>
  <si>
    <t>cg14998713</t>
  </si>
  <si>
    <t>cg15002761</t>
  </si>
  <si>
    <t>cg15005677</t>
  </si>
  <si>
    <t>cg15006118</t>
  </si>
  <si>
    <t>cg15010079</t>
  </si>
  <si>
    <t>cg15010817</t>
  </si>
  <si>
    <t>cg15015340</t>
  </si>
  <si>
    <t>cg15017283</t>
  </si>
  <si>
    <t>cg15026026</t>
  </si>
  <si>
    <t>cg15039399</t>
  </si>
  <si>
    <t>cg15044957</t>
  </si>
  <si>
    <t>cg15047774</t>
  </si>
  <si>
    <t>cg15081119</t>
  </si>
  <si>
    <t>cg15081566</t>
  </si>
  <si>
    <t>cg15082648</t>
  </si>
  <si>
    <t>cg15095335</t>
  </si>
  <si>
    <t>cg15105081</t>
  </si>
  <si>
    <t>cg15109172</t>
  </si>
  <si>
    <t>cg15114474</t>
  </si>
  <si>
    <t>cg15116488</t>
  </si>
  <si>
    <t>cg15119027</t>
  </si>
  <si>
    <t>cg15131024</t>
  </si>
  <si>
    <t>cg15132372</t>
  </si>
  <si>
    <t>cg15135914</t>
  </si>
  <si>
    <t>cg15142938</t>
  </si>
  <si>
    <t>cg15146462</t>
  </si>
  <si>
    <t>cg15148879</t>
  </si>
  <si>
    <t>cg15149596</t>
  </si>
  <si>
    <t>cg15155199</t>
  </si>
  <si>
    <t>cg15172729</t>
  </si>
  <si>
    <t>cg15174564</t>
  </si>
  <si>
    <t>cg15177169</t>
  </si>
  <si>
    <t>cg15181248</t>
  </si>
  <si>
    <t>cg15181807</t>
  </si>
  <si>
    <t>cg15182320</t>
  </si>
  <si>
    <t>cg15184602</t>
  </si>
  <si>
    <t>cg15185570</t>
  </si>
  <si>
    <t>cg15189797</t>
  </si>
  <si>
    <t>cg15197881</t>
  </si>
  <si>
    <t>cg15201417</t>
  </si>
  <si>
    <t>cg15202102</t>
  </si>
  <si>
    <t>cg15203028</t>
  </si>
  <si>
    <t>cg15203618</t>
  </si>
  <si>
    <t>cg15214183</t>
  </si>
  <si>
    <t>cg15229052</t>
  </si>
  <si>
    <t>cg15233711</t>
  </si>
  <si>
    <t>cg15241519</t>
  </si>
  <si>
    <t>cg15243034</t>
  </si>
  <si>
    <t>cg15244168</t>
  </si>
  <si>
    <t>cg15247111</t>
  </si>
  <si>
    <t>cg15261085</t>
  </si>
  <si>
    <t>cg15263021</t>
  </si>
  <si>
    <t>cg15267545</t>
  </si>
  <si>
    <t>cg15269503</t>
  </si>
  <si>
    <t>cg15270353</t>
  </si>
  <si>
    <t>cg15277311</t>
  </si>
  <si>
    <t>cg15283950</t>
  </si>
  <si>
    <t>cg15296767</t>
  </si>
  <si>
    <t>cg15298666</t>
  </si>
  <si>
    <t>cg15299654</t>
  </si>
  <si>
    <t>cg15299835</t>
  </si>
  <si>
    <t>cg15310492</t>
  </si>
  <si>
    <t>cg15310583</t>
  </si>
  <si>
    <t>cg15311353</t>
  </si>
  <si>
    <t>cg15311382</t>
  </si>
  <si>
    <t>cg15313332</t>
  </si>
  <si>
    <t>cg15323937</t>
  </si>
  <si>
    <t>cg15324424</t>
  </si>
  <si>
    <t>cg15325978</t>
  </si>
  <si>
    <t>cg15330508</t>
  </si>
  <si>
    <t>cg15330584</t>
  </si>
  <si>
    <t>cg15335805</t>
  </si>
  <si>
    <t>cg15337897</t>
  </si>
  <si>
    <t>cg15345088</t>
  </si>
  <si>
    <t>cg15352671</t>
  </si>
  <si>
    <t>cg15363314</t>
  </si>
  <si>
    <t>cg15363887</t>
  </si>
  <si>
    <t>cg15365320</t>
  </si>
  <si>
    <t>cg15375883</t>
  </si>
  <si>
    <t>cg15382454</t>
  </si>
  <si>
    <t>cg15385197</t>
  </si>
  <si>
    <t>cg15385479</t>
  </si>
  <si>
    <t>cg15393937</t>
  </si>
  <si>
    <t>cg15395329</t>
  </si>
  <si>
    <t>cg15400381</t>
  </si>
  <si>
    <t>cg15407505</t>
  </si>
  <si>
    <t>cg15425427</t>
  </si>
  <si>
    <t>cg15427448</t>
  </si>
  <si>
    <t>cg15429732</t>
  </si>
  <si>
    <t>cg15432125</t>
  </si>
  <si>
    <t>cg15437031</t>
  </si>
  <si>
    <t>cg15442988</t>
  </si>
  <si>
    <t>cg15446238</t>
  </si>
  <si>
    <t>cg15449664</t>
  </si>
  <si>
    <t>cg15451729</t>
  </si>
  <si>
    <t>cg15452590</t>
  </si>
  <si>
    <t>cg15453482</t>
  </si>
  <si>
    <t>cg15455979</t>
  </si>
  <si>
    <t>cg15457314</t>
  </si>
  <si>
    <t>cg15461516</t>
  </si>
  <si>
    <t>cg15461888</t>
  </si>
  <si>
    <t>cg15463284</t>
  </si>
  <si>
    <t>cg15474140</t>
  </si>
  <si>
    <t>cg15483228</t>
  </si>
  <si>
    <t>cg15492820</t>
  </si>
  <si>
    <t>cg15498283</t>
  </si>
  <si>
    <t>cg15500478</t>
  </si>
  <si>
    <t>cg15505860</t>
  </si>
  <si>
    <t>cg15507391</t>
  </si>
  <si>
    <t>cg15508379</t>
  </si>
  <si>
    <t>cg15516191</t>
  </si>
  <si>
    <t>cg15527674</t>
  </si>
  <si>
    <t>cg15535093</t>
  </si>
  <si>
    <t>cg15536165</t>
  </si>
  <si>
    <t>cg15537000</t>
  </si>
  <si>
    <t>cg15546754</t>
  </si>
  <si>
    <t>cg15554682</t>
  </si>
  <si>
    <t>cg15567848</t>
  </si>
  <si>
    <t>cg15572146</t>
  </si>
  <si>
    <t>cg15574972</t>
  </si>
  <si>
    <t>cg15580724</t>
  </si>
  <si>
    <t>cg15581365</t>
  </si>
  <si>
    <t>cg15581492</t>
  </si>
  <si>
    <t>cg15582684</t>
  </si>
  <si>
    <t>cg15593337</t>
  </si>
  <si>
    <t>cg15594450</t>
  </si>
  <si>
    <t>cg15598662</t>
  </si>
  <si>
    <t>cg15599147</t>
  </si>
  <si>
    <t>cg15603424</t>
  </si>
  <si>
    <t>cg15605097</t>
  </si>
  <si>
    <t>cg15615396</t>
  </si>
  <si>
    <t>cg15617139</t>
  </si>
  <si>
    <t>cg15617336</t>
  </si>
  <si>
    <t>cg15617814</t>
  </si>
  <si>
    <t>cg15621260</t>
  </si>
  <si>
    <t>cg15627089</t>
  </si>
  <si>
    <t>cg15627628</t>
  </si>
  <si>
    <t>cg15630907</t>
  </si>
  <si>
    <t>cg15635442</t>
  </si>
  <si>
    <t>cg15641060</t>
  </si>
  <si>
    <t>cg15648026</t>
  </si>
  <si>
    <t>cg15657206</t>
  </si>
  <si>
    <t>cg15658784</t>
  </si>
  <si>
    <t>cg15661311</t>
  </si>
  <si>
    <t>cg15665925</t>
  </si>
  <si>
    <t>cg15668587</t>
  </si>
  <si>
    <t>cg15679144</t>
  </si>
  <si>
    <t>cg15681626</t>
  </si>
  <si>
    <t>cg15688670</t>
  </si>
  <si>
    <t>cg15693066</t>
  </si>
  <si>
    <t>cg15693573</t>
  </si>
  <si>
    <t>cg15695952</t>
  </si>
  <si>
    <t>cg15699874</t>
  </si>
  <si>
    <t>cg15712304</t>
  </si>
  <si>
    <t>cg15716707</t>
  </si>
  <si>
    <t>cg15718663</t>
  </si>
  <si>
    <t>cg15719126</t>
  </si>
  <si>
    <t>cg15726378</t>
  </si>
  <si>
    <t>cg15736296</t>
  </si>
  <si>
    <t>cg15744637</t>
  </si>
  <si>
    <t>cg15747838</t>
  </si>
  <si>
    <t>cg15757022</t>
  </si>
  <si>
    <t>cg15758147</t>
  </si>
  <si>
    <t>cg15762348</t>
  </si>
  <si>
    <t>cg15768568</t>
  </si>
  <si>
    <t>cg15778437</t>
  </si>
  <si>
    <t>cg15786900</t>
  </si>
  <si>
    <t>cg15788537</t>
  </si>
  <si>
    <t>cg15810508</t>
  </si>
  <si>
    <t>cg15814736</t>
  </si>
  <si>
    <t>cg15819109</t>
  </si>
  <si>
    <t>cg15823461</t>
  </si>
  <si>
    <t>cg15825186</t>
  </si>
  <si>
    <t>cg15846643</t>
  </si>
  <si>
    <t>cg15847198</t>
  </si>
  <si>
    <t>cg15855384</t>
  </si>
  <si>
    <t>cg15858897</t>
  </si>
  <si>
    <t>cg15861585</t>
  </si>
  <si>
    <t>cg15888699</t>
  </si>
  <si>
    <t>cg15890274</t>
  </si>
  <si>
    <t>cg15892658</t>
  </si>
  <si>
    <t>cg15893430</t>
  </si>
  <si>
    <t>cg15894431</t>
  </si>
  <si>
    <t>cg15905960</t>
  </si>
  <si>
    <t>cg15910594</t>
  </si>
  <si>
    <t>cg15913680</t>
  </si>
  <si>
    <t>cg15916004</t>
  </si>
  <si>
    <t>cg15918224</t>
  </si>
  <si>
    <t>cg15924577</t>
  </si>
  <si>
    <t>cg15924868</t>
  </si>
  <si>
    <t>cg15925695</t>
  </si>
  <si>
    <t>cg15926221</t>
  </si>
  <si>
    <t>cg15929437</t>
  </si>
  <si>
    <t>cg15930025</t>
  </si>
  <si>
    <t>cg15934994</t>
  </si>
  <si>
    <t>cg15939253</t>
  </si>
  <si>
    <t>cg15954335</t>
  </si>
  <si>
    <t>cg15957004</t>
  </si>
  <si>
    <t>cg15964611</t>
  </si>
  <si>
    <t>cg15970375</t>
  </si>
  <si>
    <t>cg15971800</t>
  </si>
  <si>
    <t>cg15974272</t>
  </si>
  <si>
    <t>cg15974867</t>
  </si>
  <si>
    <t>cg15982099</t>
  </si>
  <si>
    <t>cg15985400</t>
  </si>
  <si>
    <t>cg15995296</t>
  </si>
  <si>
    <t>cg15997374</t>
  </si>
  <si>
    <t>cg16000888</t>
  </si>
  <si>
    <t>cg16007189</t>
  </si>
  <si>
    <t>cg16014606</t>
  </si>
  <si>
    <t>cg16020638</t>
  </si>
  <si>
    <t>cg16022876</t>
  </si>
  <si>
    <t>cg16046740</t>
  </si>
  <si>
    <t>cg16048161</t>
  </si>
  <si>
    <t>cg16061228</t>
  </si>
  <si>
    <t>cg16069520</t>
  </si>
  <si>
    <t>cg16069986</t>
  </si>
  <si>
    <t>cg16073540</t>
  </si>
  <si>
    <t>cg16075139</t>
  </si>
  <si>
    <t>cg16086782</t>
  </si>
  <si>
    <t>cg16091292</t>
  </si>
  <si>
    <t>cg16094298</t>
  </si>
  <si>
    <t>cg16094884</t>
  </si>
  <si>
    <t>cg16095615</t>
  </si>
  <si>
    <t>cg16096796</t>
  </si>
  <si>
    <t>cg16099599</t>
  </si>
  <si>
    <t>cg16105461</t>
  </si>
  <si>
    <t>cg16105620</t>
  </si>
  <si>
    <t>cg16109089</t>
  </si>
  <si>
    <t>cg16112844</t>
  </si>
  <si>
    <t>cg16113298</t>
  </si>
  <si>
    <t>cg16124935</t>
  </si>
  <si>
    <t>cg16130454</t>
  </si>
  <si>
    <t>cg16131578</t>
  </si>
  <si>
    <t>cg16132555</t>
  </si>
  <si>
    <t>cg16136385</t>
  </si>
  <si>
    <t>cg16143007</t>
  </si>
  <si>
    <t>cg16143578</t>
  </si>
  <si>
    <t>cg16148674</t>
  </si>
  <si>
    <t>cg16148858</t>
  </si>
  <si>
    <t>cg16149628</t>
  </si>
  <si>
    <t>cg16150798</t>
  </si>
  <si>
    <t>cg16151451</t>
  </si>
  <si>
    <t>cg16153294</t>
  </si>
  <si>
    <t>cg16156238</t>
  </si>
  <si>
    <t>cg16158641</t>
  </si>
  <si>
    <t>cg16175245</t>
  </si>
  <si>
    <t>cg16176929</t>
  </si>
  <si>
    <t>cg16184736</t>
  </si>
  <si>
    <t>cg16201963</t>
  </si>
  <si>
    <t>cg16204216</t>
  </si>
  <si>
    <t>cg16209630</t>
  </si>
  <si>
    <t>cg16216570</t>
  </si>
  <si>
    <t>cg16218377</t>
  </si>
  <si>
    <t>cg16222698</t>
  </si>
  <si>
    <t>cg16225405</t>
  </si>
  <si>
    <t>cg16228359</t>
  </si>
  <si>
    <t>cg16228688</t>
  </si>
  <si>
    <t>cg16235622</t>
  </si>
  <si>
    <t>cg16246252</t>
  </si>
  <si>
    <t>cg16248618</t>
  </si>
  <si>
    <t>cg16258018</t>
  </si>
  <si>
    <t>cg16259330</t>
  </si>
  <si>
    <t>cg16261398</t>
  </si>
  <si>
    <t>cg16268160</t>
  </si>
  <si>
    <t>cg16271524</t>
  </si>
  <si>
    <t>cg16276424</t>
  </si>
  <si>
    <t>cg16278877</t>
  </si>
  <si>
    <t>cg16281276</t>
  </si>
  <si>
    <t>cg16283208</t>
  </si>
  <si>
    <t>cg16285902</t>
  </si>
  <si>
    <t>cg16296442</t>
  </si>
  <si>
    <t>cg16302458</t>
  </si>
  <si>
    <t>cg16302655</t>
  </si>
  <si>
    <t>cg16303279</t>
  </si>
  <si>
    <t>cg16307484</t>
  </si>
  <si>
    <t>cg16311334</t>
  </si>
  <si>
    <t>cg16311808</t>
  </si>
  <si>
    <t>cg16312514</t>
  </si>
  <si>
    <t>cg16321280</t>
  </si>
  <si>
    <t>cg16322655</t>
  </si>
  <si>
    <t>cg16328999</t>
  </si>
  <si>
    <t>cg16330611</t>
  </si>
  <si>
    <t>cg16334425</t>
  </si>
  <si>
    <t>cg16334617</t>
  </si>
  <si>
    <t>cg16338278</t>
  </si>
  <si>
    <t>cg16342037</t>
  </si>
  <si>
    <t>cg16342949</t>
  </si>
  <si>
    <t>cg16361543</t>
  </si>
  <si>
    <t>cg16362232</t>
  </si>
  <si>
    <t>cg16373526</t>
  </si>
  <si>
    <t>cg16376036</t>
  </si>
  <si>
    <t>cg16377327</t>
  </si>
  <si>
    <t>cg16384862</t>
  </si>
  <si>
    <t>cg16385237</t>
  </si>
  <si>
    <t>cg16385335</t>
  </si>
  <si>
    <t>cg16389399</t>
  </si>
  <si>
    <t>cg16392574</t>
  </si>
  <si>
    <t>cg16394018</t>
  </si>
  <si>
    <t>cg16399312</t>
  </si>
  <si>
    <t>cg16400434</t>
  </si>
  <si>
    <t>cg16404865</t>
  </si>
  <si>
    <t>cg16408081</t>
  </si>
  <si>
    <t>cg16414472</t>
  </si>
  <si>
    <t>cg16415340</t>
  </si>
  <si>
    <t>cg16415931</t>
  </si>
  <si>
    <t>cg16424326</t>
  </si>
  <si>
    <t>cg16426537</t>
  </si>
  <si>
    <t>cg16429124</t>
  </si>
  <si>
    <t>cg16437728</t>
  </si>
  <si>
    <t>cg16449476</t>
  </si>
  <si>
    <t>cg16451004</t>
  </si>
  <si>
    <t>cg16459103</t>
  </si>
  <si>
    <t>cg16462701</t>
  </si>
  <si>
    <t>cg16471850</t>
  </si>
  <si>
    <t>cg16477774</t>
  </si>
  <si>
    <t>cg16480368</t>
  </si>
  <si>
    <t>cg16489447</t>
  </si>
  <si>
    <t>cg16490896</t>
  </si>
  <si>
    <t>cg16496814</t>
  </si>
  <si>
    <t>cg16499416</t>
  </si>
  <si>
    <t>cg16499607</t>
  </si>
  <si>
    <t>cg16503386</t>
  </si>
  <si>
    <t>cg16508199</t>
  </si>
  <si>
    <t>cg16508603</t>
  </si>
  <si>
    <t>cg16510099</t>
  </si>
  <si>
    <t>cg16514543</t>
  </si>
  <si>
    <t>cg16516712</t>
  </si>
  <si>
    <t>cg16524733</t>
  </si>
  <si>
    <t>cg16543094</t>
  </si>
  <si>
    <t>cg16547564</t>
  </si>
  <si>
    <t>cg16549085</t>
  </si>
  <si>
    <t>cg16550438</t>
  </si>
  <si>
    <t>cg16555755</t>
  </si>
  <si>
    <t>cg16555856</t>
  </si>
  <si>
    <t>cg16560627</t>
  </si>
  <si>
    <t>cg16564534</t>
  </si>
  <si>
    <t>cg16568036</t>
  </si>
  <si>
    <t>cg16570157</t>
  </si>
  <si>
    <t>cg16575564</t>
  </si>
  <si>
    <t>cg16584595</t>
  </si>
  <si>
    <t>cg16595269</t>
  </si>
  <si>
    <t>cg16612998</t>
  </si>
  <si>
    <t>cg16614638</t>
  </si>
  <si>
    <t>cg16616521</t>
  </si>
  <si>
    <t>cg16617141</t>
  </si>
  <si>
    <t>cg16624692</t>
  </si>
  <si>
    <t>cg16629523</t>
  </si>
  <si>
    <t>cg16630482</t>
  </si>
  <si>
    <t>cg16633730</t>
  </si>
  <si>
    <t>cg16638793</t>
  </si>
  <si>
    <t>cg16639665</t>
  </si>
  <si>
    <t>cg16640865</t>
  </si>
  <si>
    <t>cg16641915</t>
  </si>
  <si>
    <t>cg16652651</t>
  </si>
  <si>
    <t>cg16657886</t>
  </si>
  <si>
    <t>cg16661654</t>
  </si>
  <si>
    <t>cg16688368</t>
  </si>
  <si>
    <t>cg16691477</t>
  </si>
  <si>
    <t>cg16697853</t>
  </si>
  <si>
    <t>cg16705383</t>
  </si>
  <si>
    <t>cg16705665</t>
  </si>
  <si>
    <t>cg16705697</t>
  </si>
  <si>
    <t>cg16711986</t>
  </si>
  <si>
    <t>cg16715129</t>
  </si>
  <si>
    <t>cg16716917</t>
  </si>
  <si>
    <t>cg16718678</t>
  </si>
  <si>
    <t>cg16718999</t>
  </si>
  <si>
    <t>cg16719268</t>
  </si>
  <si>
    <t>cg16725583</t>
  </si>
  <si>
    <t>cg16729363</t>
  </si>
  <si>
    <t>cg16729495</t>
  </si>
  <si>
    <t>cg16730596</t>
  </si>
  <si>
    <t>cg16734497</t>
  </si>
  <si>
    <t>cg16737567</t>
  </si>
  <si>
    <t>cg16737714</t>
  </si>
  <si>
    <t>cg16739686</t>
  </si>
  <si>
    <t>cg16742756</t>
  </si>
  <si>
    <t>cg16746901</t>
  </si>
  <si>
    <t>cg16749093</t>
  </si>
  <si>
    <t>cg16757658</t>
  </si>
  <si>
    <t>cg16763654</t>
  </si>
  <si>
    <t>cg16764494</t>
  </si>
  <si>
    <t>cg16769152</t>
  </si>
  <si>
    <t>cg16775289</t>
  </si>
  <si>
    <t>cg16776065</t>
  </si>
  <si>
    <t>cg16785050</t>
  </si>
  <si>
    <t>cg16788099</t>
  </si>
  <si>
    <t>cg16789084</t>
  </si>
  <si>
    <t>cg16789934</t>
  </si>
  <si>
    <t>cg16790827</t>
  </si>
  <si>
    <t>cg16794406</t>
  </si>
  <si>
    <t>cg16794596</t>
  </si>
  <si>
    <t>cg16801267</t>
  </si>
  <si>
    <t>cg16802027</t>
  </si>
  <si>
    <t>cg16804848</t>
  </si>
  <si>
    <t>cg16822387</t>
  </si>
  <si>
    <t>cg16842423</t>
  </si>
  <si>
    <t>cg16851832</t>
  </si>
  <si>
    <t>cg16855422</t>
  </si>
  <si>
    <t>cg16863718</t>
  </si>
  <si>
    <t>cg16866038</t>
  </si>
  <si>
    <t>cg16872795</t>
  </si>
  <si>
    <t>cg16877606</t>
  </si>
  <si>
    <t>cg16883061</t>
  </si>
  <si>
    <t>cg16884902</t>
  </si>
  <si>
    <t>cg16903735</t>
  </si>
  <si>
    <t>cg16906347</t>
  </si>
  <si>
    <t>cg16911342</t>
  </si>
  <si>
    <t>cg16913508</t>
  </si>
  <si>
    <t>cg16915653</t>
  </si>
  <si>
    <t>cg16915821</t>
  </si>
  <si>
    <t>cg16916522</t>
  </si>
  <si>
    <t>cg16929187</t>
  </si>
  <si>
    <t>cg16933664</t>
  </si>
  <si>
    <t>cg16944941</t>
  </si>
  <si>
    <t>cg16951550</t>
  </si>
  <si>
    <t>cg16969182</t>
  </si>
  <si>
    <t>cg16974513</t>
  </si>
  <si>
    <t>cg16977596</t>
  </si>
  <si>
    <t>cg16977706</t>
  </si>
  <si>
    <t>cg16984132</t>
  </si>
  <si>
    <t>cg16984619</t>
  </si>
  <si>
    <t>cg16985113</t>
  </si>
  <si>
    <t>cg16988008</t>
  </si>
  <si>
    <t>cg16993220</t>
  </si>
  <si>
    <t>cg16997203</t>
  </si>
  <si>
    <t>cg16999568</t>
  </si>
  <si>
    <t>cg17000714</t>
  </si>
  <si>
    <t>cg17007365</t>
  </si>
  <si>
    <t>cg17008052</t>
  </si>
  <si>
    <t>cg17012575</t>
  </si>
  <si>
    <t>cg17018661</t>
  </si>
  <si>
    <t>cg17023455</t>
  </si>
  <si>
    <t>cg17035132</t>
  </si>
  <si>
    <t>cg17038667</t>
  </si>
  <si>
    <t>cg17046776</t>
  </si>
  <si>
    <t>cg17055371</t>
  </si>
  <si>
    <t>cg17059853</t>
  </si>
  <si>
    <t>cg17061505</t>
  </si>
  <si>
    <t>cg17065810</t>
  </si>
  <si>
    <t>cg17071639</t>
  </si>
  <si>
    <t>cg17080504</t>
  </si>
  <si>
    <t>cg17083941</t>
  </si>
  <si>
    <t>cg17092583</t>
  </si>
  <si>
    <t>cg17099016</t>
  </si>
  <si>
    <t>cg17101226</t>
  </si>
  <si>
    <t>cg17105689</t>
  </si>
  <si>
    <t>cg17108007</t>
  </si>
  <si>
    <t>cg17108838</t>
  </si>
  <si>
    <t>cg17112108</t>
  </si>
  <si>
    <t>cg17114847</t>
  </si>
  <si>
    <t>cg17121955</t>
  </si>
  <si>
    <t>cg17125837</t>
  </si>
  <si>
    <t>cg17129755</t>
  </si>
  <si>
    <t>cg17134890</t>
  </si>
  <si>
    <t>cg17139436</t>
  </si>
  <si>
    <t>cg17141500</t>
  </si>
  <si>
    <t>cg17142432</t>
  </si>
  <si>
    <t>cg17159098</t>
  </si>
  <si>
    <t>cg17162132</t>
  </si>
  <si>
    <t>cg17174146</t>
  </si>
  <si>
    <t>cg17174230</t>
  </si>
  <si>
    <t>cg17175324</t>
  </si>
  <si>
    <t>cg17176573</t>
  </si>
  <si>
    <t>cg17180607</t>
  </si>
  <si>
    <t>cg17193163</t>
  </si>
  <si>
    <t>cg17200564</t>
  </si>
  <si>
    <t>cg17206850</t>
  </si>
  <si>
    <t>cg17208577</t>
  </si>
  <si>
    <t>cg17214251</t>
  </si>
  <si>
    <t>cg17218588</t>
  </si>
  <si>
    <t>cg17219981</t>
  </si>
  <si>
    <t>cg17223748</t>
  </si>
  <si>
    <t>cg17229496</t>
  </si>
  <si>
    <t>cg17231661</t>
  </si>
  <si>
    <t>cg17236709</t>
  </si>
  <si>
    <t>cg17238412</t>
  </si>
  <si>
    <t>cg17244466</t>
  </si>
  <si>
    <t>cg17257265</t>
  </si>
  <si>
    <t>cg17270520</t>
  </si>
  <si>
    <t>cg17282004</t>
  </si>
  <si>
    <t>cg17299921</t>
  </si>
  <si>
    <t>cg17300736</t>
  </si>
  <si>
    <t>cg17305834</t>
  </si>
  <si>
    <t>cg17309610</t>
  </si>
  <si>
    <t>cg17312004</t>
  </si>
  <si>
    <t>cg17317180</t>
  </si>
  <si>
    <t>cg17318632</t>
  </si>
  <si>
    <t>cg17324887</t>
  </si>
  <si>
    <t>cg17330838</t>
  </si>
  <si>
    <t>cg17340796</t>
  </si>
  <si>
    <t>cg17341965</t>
  </si>
  <si>
    <t>cg17342834</t>
  </si>
  <si>
    <t>cg17357797</t>
  </si>
  <si>
    <t>cg17361203</t>
  </si>
  <si>
    <t>cg17367356</t>
  </si>
  <si>
    <t>cg17374002</t>
  </si>
  <si>
    <t>cg17376853</t>
  </si>
  <si>
    <t>cg17381565</t>
  </si>
  <si>
    <t>cg17382990</t>
  </si>
  <si>
    <t>cg17390301</t>
  </si>
  <si>
    <t>cg17400609</t>
  </si>
  <si>
    <t>cg17421506</t>
  </si>
  <si>
    <t>cg17431860</t>
  </si>
  <si>
    <t>cg17435929</t>
  </si>
  <si>
    <t>cg17441062</t>
  </si>
  <si>
    <t>cg17449018</t>
  </si>
  <si>
    <t>cg17456266</t>
  </si>
  <si>
    <t>cg17457440</t>
  </si>
  <si>
    <t>cg17467750</t>
  </si>
  <si>
    <t>cg17472823</t>
  </si>
  <si>
    <t>cg17489964</t>
  </si>
  <si>
    <t>cg17490921</t>
  </si>
  <si>
    <t>cg17494733</t>
  </si>
  <si>
    <t>cg17498773</t>
  </si>
  <si>
    <t>cg17499981</t>
  </si>
  <si>
    <t>cg17504306</t>
  </si>
  <si>
    <t>cg17510133</t>
  </si>
  <si>
    <t>cg17510320</t>
  </si>
  <si>
    <t>cg17510997</t>
  </si>
  <si>
    <t>cg17515273</t>
  </si>
  <si>
    <t>cg17517598</t>
  </si>
  <si>
    <t>cg17518931</t>
  </si>
  <si>
    <t>cg17522727</t>
  </si>
  <si>
    <t>cg17527561</t>
  </si>
  <si>
    <t>cg17538036</t>
  </si>
  <si>
    <t>cg17540356</t>
  </si>
  <si>
    <t>cg17541483</t>
  </si>
  <si>
    <t>cg17541922</t>
  </si>
  <si>
    <t>cg17542333</t>
  </si>
  <si>
    <t>cg17542408</t>
  </si>
  <si>
    <t>cg17562763</t>
  </si>
  <si>
    <t>cg17565303</t>
  </si>
  <si>
    <t>cg17565360</t>
  </si>
  <si>
    <t>cg17568129</t>
  </si>
  <si>
    <t>cg17573068</t>
  </si>
  <si>
    <t>cg17578755</t>
  </si>
  <si>
    <t>cg17579667</t>
  </si>
  <si>
    <t>cg17583449</t>
  </si>
  <si>
    <t>cg17585343</t>
  </si>
  <si>
    <t>cg17597374</t>
  </si>
  <si>
    <t>cg17607737</t>
  </si>
  <si>
    <t>cg17609771</t>
  </si>
  <si>
    <t>cg17615744</t>
  </si>
  <si>
    <t>cg17622922</t>
  </si>
  <si>
    <t>cg17627654</t>
  </si>
  <si>
    <t>cg17628700</t>
  </si>
  <si>
    <t>cg17630771</t>
  </si>
  <si>
    <t>cg17632233</t>
  </si>
  <si>
    <t>cg17636471</t>
  </si>
  <si>
    <t>cg17640322</t>
  </si>
  <si>
    <t>cg17640879</t>
  </si>
  <si>
    <t>cg17641649</t>
  </si>
  <si>
    <t>cg17643109</t>
  </si>
  <si>
    <t>cg17648103</t>
  </si>
  <si>
    <t>cg17651317</t>
  </si>
  <si>
    <t>cg17660384</t>
  </si>
  <si>
    <t>cg17668148</t>
  </si>
  <si>
    <t>cg17676132</t>
  </si>
  <si>
    <t>cg17676806</t>
  </si>
  <si>
    <t>cg17677848</t>
  </si>
  <si>
    <t>cg17687528</t>
  </si>
  <si>
    <t>cg17692125</t>
  </si>
  <si>
    <t>cg17704864</t>
  </si>
  <si>
    <t>cg17709804</t>
  </si>
  <si>
    <t>cg17714025</t>
  </si>
  <si>
    <t>cg17738133</t>
  </si>
  <si>
    <t>cg17739936</t>
  </si>
  <si>
    <t>cg17948798</t>
  </si>
  <si>
    <t>cg17949440</t>
  </si>
  <si>
    <t>cg17951368</t>
  </si>
  <si>
    <t>cg17953300</t>
  </si>
  <si>
    <t>cg17955635</t>
  </si>
  <si>
    <t>cg17966709</t>
  </si>
  <si>
    <t>cg17967973</t>
  </si>
  <si>
    <t>cg17970341</t>
  </si>
  <si>
    <t>cg17970936</t>
  </si>
  <si>
    <t>cg17971587</t>
  </si>
  <si>
    <t>cg17976635</t>
  </si>
  <si>
    <t>cg17976824</t>
  </si>
  <si>
    <t>cg17978903</t>
  </si>
  <si>
    <t>cg17982643</t>
  </si>
  <si>
    <t>cg17985533</t>
  </si>
  <si>
    <t>cg17987027</t>
  </si>
  <si>
    <t>cg17998346</t>
  </si>
  <si>
    <t>cg18004239</t>
  </si>
  <si>
    <t>cg18004371</t>
  </si>
  <si>
    <t>cg18014257</t>
  </si>
  <si>
    <t>cg18016138</t>
  </si>
  <si>
    <t>cg18018498</t>
  </si>
  <si>
    <t>cg18023065</t>
  </si>
  <si>
    <t>cg18023951</t>
  </si>
  <si>
    <t>cg18031326</t>
  </si>
  <si>
    <t>cg18032502</t>
  </si>
  <si>
    <t>cg18056133</t>
  </si>
  <si>
    <t>cg18057887</t>
  </si>
  <si>
    <t>cg18058532</t>
  </si>
  <si>
    <t>cg18061656</t>
  </si>
  <si>
    <t>cg18074254</t>
  </si>
  <si>
    <t>cg18074825</t>
  </si>
  <si>
    <t>cg18075073</t>
  </si>
  <si>
    <t>cg18078696</t>
  </si>
  <si>
    <t>cg18081375</t>
  </si>
  <si>
    <t>cg18082638</t>
  </si>
  <si>
    <t>cg18087943</t>
  </si>
  <si>
    <t>cg18089519</t>
  </si>
  <si>
    <t>cg18090970</t>
  </si>
  <si>
    <t>cg18097532</t>
  </si>
  <si>
    <t>cg18101314</t>
  </si>
  <si>
    <t>cg18114708</t>
  </si>
  <si>
    <t>cg18117895</t>
  </si>
  <si>
    <t>cg18119644</t>
  </si>
  <si>
    <t>cg18124977</t>
  </si>
  <si>
    <t>cg18127410</t>
  </si>
  <si>
    <t>cg18129327</t>
  </si>
  <si>
    <t>cg18131537</t>
  </si>
  <si>
    <t>cg18137308</t>
  </si>
  <si>
    <t>cg18138400</t>
  </si>
  <si>
    <t>cg18140683</t>
  </si>
  <si>
    <t>cg18141744</t>
  </si>
  <si>
    <t>cg18142615</t>
  </si>
  <si>
    <t>cg18151345</t>
  </si>
  <si>
    <t>cg18159393</t>
  </si>
  <si>
    <t>cg18159819</t>
  </si>
  <si>
    <t>cg18163118</t>
  </si>
  <si>
    <t>cg18180250</t>
  </si>
  <si>
    <t>cg18210732</t>
  </si>
  <si>
    <t>cg18224153</t>
  </si>
  <si>
    <t>cg18224556</t>
  </si>
  <si>
    <t>cg18227086</t>
  </si>
  <si>
    <t>cg18242131</t>
  </si>
  <si>
    <t>cg18247436</t>
  </si>
  <si>
    <t>cg18252633</t>
  </si>
  <si>
    <t>cg18254937</t>
  </si>
  <si>
    <t>cg18262591</t>
  </si>
  <si>
    <t>cg18262852</t>
  </si>
  <si>
    <t>cg18269526</t>
  </si>
  <si>
    <t>cg18270629</t>
  </si>
  <si>
    <t>cg18280382</t>
  </si>
  <si>
    <t>cg18281160</t>
  </si>
  <si>
    <t>cg18283361</t>
  </si>
  <si>
    <t>cg18286323</t>
  </si>
  <si>
    <t>cg18290983</t>
  </si>
  <si>
    <t>cg18294483</t>
  </si>
  <si>
    <t>cg18296784</t>
  </si>
  <si>
    <t>cg18309286</t>
  </si>
  <si>
    <t>cg18313530</t>
  </si>
  <si>
    <t>cg18316498</t>
  </si>
  <si>
    <t>cg18319533</t>
  </si>
  <si>
    <t>cg18321761</t>
  </si>
  <si>
    <t>cg18331098</t>
  </si>
  <si>
    <t>cg18337422</t>
  </si>
  <si>
    <t>cg18362429</t>
  </si>
  <si>
    <t>cg18369257</t>
  </si>
  <si>
    <t>cg18372607</t>
  </si>
  <si>
    <t>cg18373944</t>
  </si>
  <si>
    <t>cg18375494</t>
  </si>
  <si>
    <t>cg18391757</t>
  </si>
  <si>
    <t>cg18394496</t>
  </si>
  <si>
    <t>cg18394519</t>
  </si>
  <si>
    <t>cg18395636</t>
  </si>
  <si>
    <t>cg18400845</t>
  </si>
  <si>
    <t>cg18403285</t>
  </si>
  <si>
    <t>cg18411237</t>
  </si>
  <si>
    <t>cg18411891</t>
  </si>
  <si>
    <t>cg18423962</t>
  </si>
  <si>
    <t>cg18429911</t>
  </si>
  <si>
    <t>cg18430082</t>
  </si>
  <si>
    <t>cg18432864</t>
  </si>
  <si>
    <t>cg18434848</t>
  </si>
  <si>
    <t>cg18444254</t>
  </si>
  <si>
    <t>cg18448361</t>
  </si>
  <si>
    <t>cg18450293</t>
  </si>
  <si>
    <t>cg18457775</t>
  </si>
  <si>
    <t>cg18458295</t>
  </si>
  <si>
    <t>cg18469811</t>
  </si>
  <si>
    <t>cg18474563</t>
  </si>
  <si>
    <t>cg18481342</t>
  </si>
  <si>
    <t>cg18482326</t>
  </si>
  <si>
    <t>cg18485444</t>
  </si>
  <si>
    <t>cg18485844</t>
  </si>
  <si>
    <t>cg18492647</t>
  </si>
  <si>
    <t>cg18493899</t>
  </si>
  <si>
    <t>cg18494399</t>
  </si>
  <si>
    <t>cg18496140</t>
  </si>
  <si>
    <t>cg18498241</t>
  </si>
  <si>
    <t>cg18509719</t>
  </si>
  <si>
    <t>cg18512232</t>
  </si>
  <si>
    <t>cg18515585</t>
  </si>
  <si>
    <t>cg18519694</t>
  </si>
  <si>
    <t>cg18522549</t>
  </si>
  <si>
    <t>cg18537071</t>
  </si>
  <si>
    <t>cg18538253</t>
  </si>
  <si>
    <t>cg18547942</t>
  </si>
  <si>
    <t>cg18548523</t>
  </si>
  <si>
    <t>cg18550498</t>
  </si>
  <si>
    <t>cg18555746</t>
  </si>
  <si>
    <t>cg18557707</t>
  </si>
  <si>
    <t>cg18560328</t>
  </si>
  <si>
    <t>cg18565473</t>
  </si>
  <si>
    <t>cg18568067</t>
  </si>
  <si>
    <t>cg18576318</t>
  </si>
  <si>
    <t>cg18718634</t>
  </si>
  <si>
    <t>cg18723409</t>
  </si>
  <si>
    <t>cg18727742</t>
  </si>
  <si>
    <t>cg18728264</t>
  </si>
  <si>
    <t>cg18729298</t>
  </si>
  <si>
    <t>cg18731789</t>
  </si>
  <si>
    <t>cg18745670</t>
  </si>
  <si>
    <t>cg18746451</t>
  </si>
  <si>
    <t>cg18756536</t>
  </si>
  <si>
    <t>cg18765439</t>
  </si>
  <si>
    <t>cg18770660</t>
  </si>
  <si>
    <t>cg18771577</t>
  </si>
  <si>
    <t>cg18778433</t>
  </si>
  <si>
    <t>cg18786535</t>
  </si>
  <si>
    <t>cg18791826</t>
  </si>
  <si>
    <t>cg18793200</t>
  </si>
  <si>
    <t>cg18799266</t>
  </si>
  <si>
    <t>cg18809522</t>
  </si>
  <si>
    <t>cg18810922</t>
  </si>
  <si>
    <t>cg18812579</t>
  </si>
  <si>
    <t>cg18813867</t>
  </si>
  <si>
    <t>cg18825927</t>
  </si>
  <si>
    <t>cg18833896</t>
  </si>
  <si>
    <t>cg18834652</t>
  </si>
  <si>
    <t>cg18836583</t>
  </si>
  <si>
    <t>cg18838431</t>
  </si>
  <si>
    <t>cg18842717</t>
  </si>
  <si>
    <t>cg18849025</t>
  </si>
  <si>
    <t>cg18852692</t>
  </si>
  <si>
    <t>cg18854419</t>
  </si>
  <si>
    <t>cg18871984</t>
  </si>
  <si>
    <t>cg18882404</t>
  </si>
  <si>
    <t>cg18887608</t>
  </si>
  <si>
    <t>cg18896032</t>
  </si>
  <si>
    <t>cg18896967</t>
  </si>
  <si>
    <t>cg18900959</t>
  </si>
  <si>
    <t>cg18905855</t>
  </si>
  <si>
    <t>cg18908524</t>
  </si>
  <si>
    <t>cg18924493</t>
  </si>
  <si>
    <t>cg18927067</t>
  </si>
  <si>
    <t>cg18947739</t>
  </si>
  <si>
    <t>cg18949786</t>
  </si>
  <si>
    <t>cg18950102</t>
  </si>
  <si>
    <t>cg18951674</t>
  </si>
  <si>
    <t>cg18953784</t>
  </si>
  <si>
    <t>cg18954943</t>
  </si>
  <si>
    <t>cg18960028</t>
  </si>
  <si>
    <t>cg18971175</t>
  </si>
  <si>
    <t>cg18971873</t>
  </si>
  <si>
    <t>cg18979802</t>
  </si>
  <si>
    <t>cg18987410</t>
  </si>
  <si>
    <t>cg18988094</t>
  </si>
  <si>
    <t>cg18997075</t>
  </si>
  <si>
    <t>cg19002337</t>
  </si>
  <si>
    <t>cg19002857</t>
  </si>
  <si>
    <t>cg19006130</t>
  </si>
  <si>
    <t>cg19007412</t>
  </si>
  <si>
    <t>cg19019913</t>
  </si>
  <si>
    <t>cg19021383</t>
  </si>
  <si>
    <t>cg19025811</t>
  </si>
  <si>
    <t>cg19041146</t>
  </si>
  <si>
    <t>cg19043798</t>
  </si>
  <si>
    <t>cg19044229</t>
  </si>
  <si>
    <t>cg19045427</t>
  </si>
  <si>
    <t>cg19048426</t>
  </si>
  <si>
    <t>cg19068479</t>
  </si>
  <si>
    <t>cg19074340</t>
  </si>
  <si>
    <t>cg19075239</t>
  </si>
  <si>
    <t>cg19081843</t>
  </si>
  <si>
    <t>cg19083871</t>
  </si>
  <si>
    <t>cg19089394</t>
  </si>
  <si>
    <t>cg19096967</t>
  </si>
  <si>
    <t>cg19106851</t>
  </si>
  <si>
    <t>cg19109909</t>
  </si>
  <si>
    <t>cg19111712</t>
  </si>
  <si>
    <t>cg19111906</t>
  </si>
  <si>
    <t>cg19112957</t>
  </si>
  <si>
    <t>cg19121987</t>
  </si>
  <si>
    <t>cg19126169</t>
  </si>
  <si>
    <t>cg19126300</t>
  </si>
  <si>
    <t>cg19130860</t>
  </si>
  <si>
    <t>cg19136868</t>
  </si>
  <si>
    <t>cg19137107</t>
  </si>
  <si>
    <t>cg19137748</t>
  </si>
  <si>
    <t>cg19148297</t>
  </si>
  <si>
    <t>cg19150467</t>
  </si>
  <si>
    <t>cg19154754</t>
  </si>
  <si>
    <t>cg19160130</t>
  </si>
  <si>
    <t>cg19165216</t>
  </si>
  <si>
    <t>cg19167683</t>
  </si>
  <si>
    <t>cg19168507</t>
  </si>
  <si>
    <t>cg19170036</t>
  </si>
  <si>
    <t>cg19173440</t>
  </si>
  <si>
    <t>cg19183748</t>
  </si>
  <si>
    <t>cg19187831</t>
  </si>
  <si>
    <t>cg19189990</t>
  </si>
  <si>
    <t>cg19202014</t>
  </si>
  <si>
    <t>cg19213675</t>
  </si>
  <si>
    <t>cg19216851</t>
  </si>
  <si>
    <t>cg19223782</t>
  </si>
  <si>
    <t>cg19228181</t>
  </si>
  <si>
    <t>cg19230459</t>
  </si>
  <si>
    <t>cg19231165</t>
  </si>
  <si>
    <t>cg19243130</t>
  </si>
  <si>
    <t>cg19248367</t>
  </si>
  <si>
    <t>cg19266910</t>
  </si>
  <si>
    <t>cg19270469</t>
  </si>
  <si>
    <t>cg19273253</t>
  </si>
  <si>
    <t>cg19279432</t>
  </si>
  <si>
    <t>cg19284039</t>
  </si>
  <si>
    <t>cg19285119</t>
  </si>
  <si>
    <t>cg19296671</t>
  </si>
  <si>
    <t>cg19299755</t>
  </si>
  <si>
    <t>cg19302250</t>
  </si>
  <si>
    <t>cg19303748</t>
  </si>
  <si>
    <t>cg19304273</t>
  </si>
  <si>
    <t>cg19307090</t>
  </si>
  <si>
    <t>cg19320476</t>
  </si>
  <si>
    <t>cg19320505</t>
  </si>
  <si>
    <t>cg19321730</t>
  </si>
  <si>
    <t>cg19321739</t>
  </si>
  <si>
    <t>cg19323951</t>
  </si>
  <si>
    <t>cg19324462</t>
  </si>
  <si>
    <t>cg19332572</t>
  </si>
  <si>
    <t>cg19336883</t>
  </si>
  <si>
    <t>cg19341344</t>
  </si>
  <si>
    <t>cg19345149</t>
  </si>
  <si>
    <t>cg19345165</t>
  </si>
  <si>
    <t>cg19345671</t>
  </si>
  <si>
    <t>cg19349861</t>
  </si>
  <si>
    <t>cg19352801</t>
  </si>
  <si>
    <t>cg19355621</t>
  </si>
  <si>
    <t>cg19360562</t>
  </si>
  <si>
    <t>cg19363916</t>
  </si>
  <si>
    <t>cg19369780</t>
  </si>
  <si>
    <t>cg19372337</t>
  </si>
  <si>
    <t>cg19375587</t>
  </si>
  <si>
    <t>cg19379303</t>
  </si>
  <si>
    <t>cg19393605</t>
  </si>
  <si>
    <t>cg19394731</t>
  </si>
  <si>
    <t>cg19418924</t>
  </si>
  <si>
    <t>cg19419279</t>
  </si>
  <si>
    <t>cg19421484</t>
  </si>
  <si>
    <t>cg19424078</t>
  </si>
  <si>
    <t>cg19424820</t>
  </si>
  <si>
    <t>cg19425100</t>
  </si>
  <si>
    <t>cg19428160</t>
  </si>
  <si>
    <t>cg19431051</t>
  </si>
  <si>
    <t>cg19442415</t>
  </si>
  <si>
    <t>cg19443075</t>
  </si>
  <si>
    <t>cg19450056</t>
  </si>
  <si>
    <t>cg19465798</t>
  </si>
  <si>
    <t>cg19467738</t>
  </si>
  <si>
    <t>cg19477600</t>
  </si>
  <si>
    <t>cg19478111</t>
  </si>
  <si>
    <t>cg19482025</t>
  </si>
  <si>
    <t>cg19484305</t>
  </si>
  <si>
    <t>cg19486023</t>
  </si>
  <si>
    <t>cg19486507</t>
  </si>
  <si>
    <t>cg19487717</t>
  </si>
  <si>
    <t>cg19489174</t>
  </si>
  <si>
    <t>cg19494188</t>
  </si>
  <si>
    <t>cg19496491</t>
  </si>
  <si>
    <t>cg19502932</t>
  </si>
  <si>
    <t>cg19515518</t>
  </si>
  <si>
    <t>cg19517014</t>
  </si>
  <si>
    <t>cg19518383</t>
  </si>
  <si>
    <t>cg19520219</t>
  </si>
  <si>
    <t>cg19520927</t>
  </si>
  <si>
    <t>cg19530217</t>
  </si>
  <si>
    <t>cg19535375</t>
  </si>
  <si>
    <t>cg19539481</t>
  </si>
  <si>
    <t>cg19541444</t>
  </si>
  <si>
    <t>cg19545356</t>
  </si>
  <si>
    <t>cg19546372</t>
  </si>
  <si>
    <t>cg19553869</t>
  </si>
  <si>
    <t>cg19554037</t>
  </si>
  <si>
    <t>cg19554917</t>
  </si>
  <si>
    <t>cg19559621</t>
  </si>
  <si>
    <t>cg19563346</t>
  </si>
  <si>
    <t>cg19570244</t>
  </si>
  <si>
    <t>cg19570317</t>
  </si>
  <si>
    <t>cg19571034</t>
  </si>
  <si>
    <t>cg19584341</t>
  </si>
  <si>
    <t>cg19586661</t>
  </si>
  <si>
    <t>cg19589057</t>
  </si>
  <si>
    <t>cg19608778</t>
  </si>
  <si>
    <t>cg19610905</t>
  </si>
  <si>
    <t>cg19619653</t>
  </si>
  <si>
    <t>cg19620972</t>
  </si>
  <si>
    <t>cg19622488</t>
  </si>
  <si>
    <t>cg19648896</t>
  </si>
  <si>
    <t>cg19649564</t>
  </si>
  <si>
    <t>cg19651694</t>
  </si>
  <si>
    <t>cg19655961</t>
  </si>
  <si>
    <t>cg19656820</t>
  </si>
  <si>
    <t>cg19663137</t>
  </si>
  <si>
    <t>cg19665644</t>
  </si>
  <si>
    <t>cg19671201</t>
  </si>
  <si>
    <t>cg19674138</t>
  </si>
  <si>
    <t>cg19679397</t>
  </si>
  <si>
    <t>cg19694099</t>
  </si>
  <si>
    <t>cg19694878</t>
  </si>
  <si>
    <t>cg19695805</t>
  </si>
  <si>
    <t>cg19699250</t>
  </si>
  <si>
    <t>cg19704853</t>
  </si>
  <si>
    <t>cg19712490</t>
  </si>
  <si>
    <t>cg19713175</t>
  </si>
  <si>
    <t>cg19713609</t>
  </si>
  <si>
    <t>cg19714940</t>
  </si>
  <si>
    <t>cg19721609</t>
  </si>
  <si>
    <t>cg19725989</t>
  </si>
  <si>
    <t>cg19730798</t>
  </si>
  <si>
    <t>cg19741704</t>
  </si>
  <si>
    <t>cg19742111</t>
  </si>
  <si>
    <t>cg19742538</t>
  </si>
  <si>
    <t>cg19749898</t>
  </si>
  <si>
    <t>cg19753373</t>
  </si>
  <si>
    <t>cg19768607</t>
  </si>
  <si>
    <t>cg19772399</t>
  </si>
  <si>
    <t>cg19784910</t>
  </si>
  <si>
    <t>cg19787465</t>
  </si>
  <si>
    <t>cg19789392</t>
  </si>
  <si>
    <t>cg19791003</t>
  </si>
  <si>
    <t>cg19792599</t>
  </si>
  <si>
    <t>cg19795594</t>
  </si>
  <si>
    <t>cg19800926</t>
  </si>
  <si>
    <t>cg19802241</t>
  </si>
  <si>
    <t>cg19803735</t>
  </si>
  <si>
    <t>cg19809735</t>
  </si>
  <si>
    <t>cg19812706</t>
  </si>
  <si>
    <t>cg19831303</t>
  </si>
  <si>
    <t>cg19842216</t>
  </si>
  <si>
    <t>cg19844581</t>
  </si>
  <si>
    <t>cg19844840</t>
  </si>
  <si>
    <t>cg19849428</t>
  </si>
  <si>
    <t>cg19851113</t>
  </si>
  <si>
    <t>cg19851384</t>
  </si>
  <si>
    <t>cg19852660</t>
  </si>
  <si>
    <t>cg19867649</t>
  </si>
  <si>
    <t>cg19876775</t>
  </si>
  <si>
    <t>cg19878733</t>
  </si>
  <si>
    <t>cg19899312</t>
  </si>
  <si>
    <t>cg19901096</t>
  </si>
  <si>
    <t>cg19902122</t>
  </si>
  <si>
    <t>cg19905802</t>
  </si>
  <si>
    <t>cg19905880</t>
  </si>
  <si>
    <t>cg19908556</t>
  </si>
  <si>
    <t>cg19917249</t>
  </si>
  <si>
    <t>cg19919303</t>
  </si>
  <si>
    <t>cg19924313</t>
  </si>
  <si>
    <t>cg19929123</t>
  </si>
  <si>
    <t>cg19941475</t>
  </si>
  <si>
    <t>cg19943238</t>
  </si>
  <si>
    <t>cg19947104</t>
  </si>
  <si>
    <t>cg19958696</t>
  </si>
  <si>
    <t>cg19964581</t>
  </si>
  <si>
    <t>cg19969778</t>
  </si>
  <si>
    <t>cg19972124</t>
  </si>
  <si>
    <t>cg19974445</t>
  </si>
  <si>
    <t>cg19974879</t>
  </si>
  <si>
    <t>cg19975933</t>
  </si>
  <si>
    <t>cg19980431</t>
  </si>
  <si>
    <t>cg19988577</t>
  </si>
  <si>
    <t>cg19990785</t>
  </si>
  <si>
    <t>cg19993359</t>
  </si>
  <si>
    <t>cg20007462</t>
  </si>
  <si>
    <t>cg20009641</t>
  </si>
  <si>
    <t>cg20014398</t>
  </si>
  <si>
    <t>cg20014960</t>
  </si>
  <si>
    <t>cg20016411</t>
  </si>
  <si>
    <t>cg20019612</t>
  </si>
  <si>
    <t>cg20019985</t>
  </si>
  <si>
    <t>cg20022862</t>
  </si>
  <si>
    <t>cg20027133</t>
  </si>
  <si>
    <t>cg20029347</t>
  </si>
  <si>
    <t>cg20031401</t>
  </si>
  <si>
    <t>cg20042248</t>
  </si>
  <si>
    <t>cg20051444</t>
  </si>
  <si>
    <t>cg20051530</t>
  </si>
  <si>
    <t>cg20054027</t>
  </si>
  <si>
    <t>cg20058667</t>
  </si>
  <si>
    <t>cg20067598</t>
  </si>
  <si>
    <t>cg20073320</t>
  </si>
  <si>
    <t>cg20073412</t>
  </si>
  <si>
    <t>cg20077343</t>
  </si>
  <si>
    <t>cg20090108</t>
  </si>
  <si>
    <t>cg20092736</t>
  </si>
  <si>
    <t>cg20093577</t>
  </si>
  <si>
    <t>cg20094610</t>
  </si>
  <si>
    <t>cg20098471</t>
  </si>
  <si>
    <t>cg20102397</t>
  </si>
  <si>
    <t>cg20105233</t>
  </si>
  <si>
    <t>cg20105848</t>
  </si>
  <si>
    <t>cg20106260</t>
  </si>
  <si>
    <t>cg20110765</t>
  </si>
  <si>
    <t>cg20119487</t>
  </si>
  <si>
    <t>cg20119495</t>
  </si>
  <si>
    <t>cg20124933</t>
  </si>
  <si>
    <t>cg20127549</t>
  </si>
  <si>
    <t>cg20131194</t>
  </si>
  <si>
    <t>cg20134541</t>
  </si>
  <si>
    <t>cg20136100</t>
  </si>
  <si>
    <t>cg20137312</t>
  </si>
  <si>
    <t>cg20138404</t>
  </si>
  <si>
    <t>cg20152152</t>
  </si>
  <si>
    <t>cg20152424</t>
  </si>
  <si>
    <t>cg20154865</t>
  </si>
  <si>
    <t>cg20156080</t>
  </si>
  <si>
    <t>cg20160996</t>
  </si>
  <si>
    <t>cg20161985</t>
  </si>
  <si>
    <t>cg20177315</t>
  </si>
  <si>
    <t>cg20199739</t>
  </si>
  <si>
    <t>cg20200605</t>
  </si>
  <si>
    <t>cg20201954</t>
  </si>
  <si>
    <t>cg20204415</t>
  </si>
  <si>
    <t>cg20204701</t>
  </si>
  <si>
    <t>cg20208523</t>
  </si>
  <si>
    <t>cg20209956</t>
  </si>
  <si>
    <t>cg20210482</t>
  </si>
  <si>
    <t>cg20211422</t>
  </si>
  <si>
    <t>cg20211779</t>
  </si>
  <si>
    <t>cg20221020</t>
  </si>
  <si>
    <t>cg20224223</t>
  </si>
  <si>
    <t>cg20234060</t>
  </si>
  <si>
    <t>cg20252016</t>
  </si>
  <si>
    <t>cg20257171</t>
  </si>
  <si>
    <t>cg20258039</t>
  </si>
  <si>
    <t>cg20260592</t>
  </si>
  <si>
    <t>cg20263490</t>
  </si>
  <si>
    <t>cg20264566</t>
  </si>
  <si>
    <t>cg20272155</t>
  </si>
  <si>
    <t>cg20278269</t>
  </si>
  <si>
    <t>cg20278936</t>
  </si>
  <si>
    <t>cg20282429</t>
  </si>
  <si>
    <t>cg20285974</t>
  </si>
  <si>
    <t>cg20286203</t>
  </si>
  <si>
    <t>cg20302957</t>
  </si>
  <si>
    <t>cg20304210</t>
  </si>
  <si>
    <t>cg20306062</t>
  </si>
  <si>
    <t>cg20307448</t>
  </si>
  <si>
    <t>cg20315951</t>
  </si>
  <si>
    <t>cg20321801</t>
  </si>
  <si>
    <t>cg20325560</t>
  </si>
  <si>
    <t>cg20332930</t>
  </si>
  <si>
    <t>cg20342375</t>
  </si>
  <si>
    <t>cg20347986</t>
  </si>
  <si>
    <t>cg20349076</t>
  </si>
  <si>
    <t>cg20358275</t>
  </si>
  <si>
    <t>cg20359360</t>
  </si>
  <si>
    <t>cg20360148</t>
  </si>
  <si>
    <t>cg20374054</t>
  </si>
  <si>
    <t>cg20376082</t>
  </si>
  <si>
    <t>cg20382233</t>
  </si>
  <si>
    <t>cg20385110</t>
  </si>
  <si>
    <t>cg20399260</t>
  </si>
  <si>
    <t>cg20402074</t>
  </si>
  <si>
    <t>cg20404643</t>
  </si>
  <si>
    <t>cg20407116</t>
  </si>
  <si>
    <t>cg20407713</t>
  </si>
  <si>
    <t>cg20409466</t>
  </si>
  <si>
    <t>cg20411756</t>
  </si>
  <si>
    <t>cg20415517</t>
  </si>
  <si>
    <t>cg20423942</t>
  </si>
  <si>
    <t>cg20435623</t>
  </si>
  <si>
    <t>cg20445883</t>
  </si>
  <si>
    <t>cg20451986</t>
  </si>
  <si>
    <t>cg20457962</t>
  </si>
  <si>
    <t>cg20462888</t>
  </si>
  <si>
    <t>cg20468891</t>
  </si>
  <si>
    <t>cg20472085</t>
  </si>
  <si>
    <t>cg20477929</t>
  </si>
  <si>
    <t>cg20481816</t>
  </si>
  <si>
    <t>cg20484322</t>
  </si>
  <si>
    <t>cg20493960</t>
  </si>
  <si>
    <t>cg20494635</t>
  </si>
  <si>
    <t>cg20495183</t>
  </si>
  <si>
    <t>cg20500230</t>
  </si>
  <si>
    <t>cg20512519</t>
  </si>
  <si>
    <t>cg20512711</t>
  </si>
  <si>
    <t>cg20518446</t>
  </si>
  <si>
    <t>cg20524271</t>
  </si>
  <si>
    <t>cg20528048</t>
  </si>
  <si>
    <t>cg20555682</t>
  </si>
  <si>
    <t>cg20562447</t>
  </si>
  <si>
    <t>cg20566942</t>
  </si>
  <si>
    <t>cg20571543</t>
  </si>
  <si>
    <t>cg20573562</t>
  </si>
  <si>
    <t>cg20578783</t>
  </si>
  <si>
    <t>cg20583684</t>
  </si>
  <si>
    <t>cg20596329</t>
  </si>
  <si>
    <t>cg20613639</t>
  </si>
  <si>
    <t>cg20618610</t>
  </si>
  <si>
    <t>cg20624538</t>
  </si>
  <si>
    <t>cg20625588</t>
  </si>
  <si>
    <t>cg20633317</t>
  </si>
  <si>
    <t>cg20634738</t>
  </si>
  <si>
    <t>cg20636254</t>
  </si>
  <si>
    <t>cg20638016</t>
  </si>
  <si>
    <t>cg20648385</t>
  </si>
  <si>
    <t>cg20648847</t>
  </si>
  <si>
    <t>cg20655434</t>
  </si>
  <si>
    <t>cg20656116</t>
  </si>
  <si>
    <t>cg20659025</t>
  </si>
  <si>
    <t>cg20660011</t>
  </si>
  <si>
    <t>cg20660624</t>
  </si>
  <si>
    <t>cg20669266</t>
  </si>
  <si>
    <t>cg20671578</t>
  </si>
  <si>
    <t>cg20677570</t>
  </si>
  <si>
    <t>cg20688757</t>
  </si>
  <si>
    <t>cg20699960</t>
  </si>
  <si>
    <t>cg20713130</t>
  </si>
  <si>
    <t>cg20713639</t>
  </si>
  <si>
    <t>cg20715326</t>
  </si>
  <si>
    <t>cg20718724</t>
  </si>
  <si>
    <t>cg20731136</t>
  </si>
  <si>
    <t>cg20733846</t>
  </si>
  <si>
    <t>cg20744217</t>
  </si>
  <si>
    <t>cg20744546</t>
  </si>
  <si>
    <t>cg20748955</t>
  </si>
  <si>
    <t>cg20749769</t>
  </si>
  <si>
    <t>cg20759273</t>
  </si>
  <si>
    <t>cg20761187</t>
  </si>
  <si>
    <t>cg20771178</t>
  </si>
  <si>
    <t>cg20771240</t>
  </si>
  <si>
    <t>cg20772596</t>
  </si>
  <si>
    <t>cg20775307</t>
  </si>
  <si>
    <t>cg20781238</t>
  </si>
  <si>
    <t>cg20789081</t>
  </si>
  <si>
    <t>cg20792294</t>
  </si>
  <si>
    <t>cg20801007</t>
  </si>
  <si>
    <t>cg20801998</t>
  </si>
  <si>
    <t>cg20803849</t>
  </si>
  <si>
    <t>cg20813493</t>
  </si>
  <si>
    <t>cg20813589</t>
  </si>
  <si>
    <t>cg20817752</t>
  </si>
  <si>
    <t>cg20822818</t>
  </si>
  <si>
    <t>cg20831041</t>
  </si>
  <si>
    <t>cg20852226</t>
  </si>
  <si>
    <t>cg20856161</t>
  </si>
  <si>
    <t>cg20856413</t>
  </si>
  <si>
    <t>cg20864214</t>
  </si>
  <si>
    <t>cg20865656</t>
  </si>
  <si>
    <t>cg20869999</t>
  </si>
  <si>
    <t>cg20884984</t>
  </si>
  <si>
    <t>cg20887061</t>
  </si>
  <si>
    <t>cg20887442</t>
  </si>
  <si>
    <t>cg20892743</t>
  </si>
  <si>
    <t>cg20895511</t>
  </si>
  <si>
    <t>cg20900676</t>
  </si>
  <si>
    <t>cg20903764</t>
  </si>
  <si>
    <t>cg20905516</t>
  </si>
  <si>
    <t>cg20906345</t>
  </si>
  <si>
    <t>cg20909159</t>
  </si>
  <si>
    <t>cg20911165</t>
  </si>
  <si>
    <t>cg20912770</t>
  </si>
  <si>
    <t>cg20918128</t>
  </si>
  <si>
    <t>cg20932251</t>
  </si>
  <si>
    <t>cg20932721</t>
  </si>
  <si>
    <t>cg20957428</t>
  </si>
  <si>
    <t>cg20963597</t>
  </si>
  <si>
    <t>cg20971459</t>
  </si>
  <si>
    <t>cg20973347</t>
  </si>
  <si>
    <t>cg20979732</t>
  </si>
  <si>
    <t>cg20986608</t>
  </si>
  <si>
    <t>cg20992002</t>
  </si>
  <si>
    <t>cg20992181</t>
  </si>
  <si>
    <t>cg21002970</t>
  </si>
  <si>
    <t>cg21006161</t>
  </si>
  <si>
    <t>cg21007414</t>
  </si>
  <si>
    <t>cg21009935</t>
  </si>
  <si>
    <t>cg21010686</t>
  </si>
  <si>
    <t>cg21012362</t>
  </si>
  <si>
    <t>cg21016855</t>
  </si>
  <si>
    <t>cg21018522</t>
  </si>
  <si>
    <t>cg21023284</t>
  </si>
  <si>
    <t>cg21025349</t>
  </si>
  <si>
    <t>cg21027713</t>
  </si>
  <si>
    <t>cg21029769</t>
  </si>
  <si>
    <t>cg21033440</t>
  </si>
  <si>
    <t>cg21039380</t>
  </si>
  <si>
    <t>cg21043727</t>
  </si>
  <si>
    <t>cg21045841</t>
  </si>
  <si>
    <t>cg21052682</t>
  </si>
  <si>
    <t>cg21052766</t>
  </si>
  <si>
    <t>cg21063716</t>
  </si>
  <si>
    <t>cg21066735</t>
  </si>
  <si>
    <t>cg21071117</t>
  </si>
  <si>
    <t>cg21074260</t>
  </si>
  <si>
    <t>cg21076738</t>
  </si>
  <si>
    <t>cg21095553</t>
  </si>
  <si>
    <t>cg21105319</t>
  </si>
  <si>
    <t>cg21106505</t>
  </si>
  <si>
    <t>cg21110035</t>
  </si>
  <si>
    <t>cg21117426</t>
  </si>
  <si>
    <t>cg21127268</t>
  </si>
  <si>
    <t>cg21131149</t>
  </si>
  <si>
    <t>cg21138277</t>
  </si>
  <si>
    <t>cg21153622</t>
  </si>
  <si>
    <t>cg21158896</t>
  </si>
  <si>
    <t>cg21159893</t>
  </si>
  <si>
    <t>cg21160842</t>
  </si>
  <si>
    <t>cg21163960</t>
  </si>
  <si>
    <t>cg21166317</t>
  </si>
  <si>
    <t>cg21166756</t>
  </si>
  <si>
    <t>cg21169203</t>
  </si>
  <si>
    <t>cg21171314</t>
  </si>
  <si>
    <t>cg21173406</t>
  </si>
  <si>
    <t>cg21177216</t>
  </si>
  <si>
    <t>cg21184256</t>
  </si>
  <si>
    <t>cg21189054</t>
  </si>
  <si>
    <t>cg21191514</t>
  </si>
  <si>
    <t>cg21191710</t>
  </si>
  <si>
    <t>cg21196659</t>
  </si>
  <si>
    <t>cg21198219</t>
  </si>
  <si>
    <t>cg21199988</t>
  </si>
  <si>
    <t>cg21202716</t>
  </si>
  <si>
    <t>cg21204356</t>
  </si>
  <si>
    <t>cg21204379</t>
  </si>
  <si>
    <t>cg21205288</t>
  </si>
  <si>
    <t>cg21212277</t>
  </si>
  <si>
    <t>cg21288099</t>
  </si>
  <si>
    <t>cg21389884</t>
  </si>
  <si>
    <t>cg21493666</t>
  </si>
  <si>
    <t>cg21498002</t>
  </si>
  <si>
    <t>cg21517436</t>
  </si>
  <si>
    <t>cg21532432</t>
  </si>
  <si>
    <t>cg21532659</t>
  </si>
  <si>
    <t>cg21540621</t>
  </si>
  <si>
    <t>cg21545467</t>
  </si>
  <si>
    <t>cg21553893</t>
  </si>
  <si>
    <t>cg21555796</t>
  </si>
  <si>
    <t>cg21560819</t>
  </si>
  <si>
    <t>cg21565130</t>
  </si>
  <si>
    <t>cg21573692</t>
  </si>
  <si>
    <t>cg21592241</t>
  </si>
  <si>
    <t>cg21606329</t>
  </si>
  <si>
    <t>cg21620969</t>
  </si>
  <si>
    <t>cg21628794</t>
  </si>
  <si>
    <t>cg21630368</t>
  </si>
  <si>
    <t>cg21630651</t>
  </si>
  <si>
    <t>cg21632117</t>
  </si>
  <si>
    <t>cg21636168</t>
  </si>
  <si>
    <t>cg21638242</t>
  </si>
  <si>
    <t>cg21638323</t>
  </si>
  <si>
    <t>cg21644713</t>
  </si>
  <si>
    <t>cg21645554</t>
  </si>
  <si>
    <t>cg21655083</t>
  </si>
  <si>
    <t>cg21657824</t>
  </si>
  <si>
    <t>cg21660452</t>
  </si>
  <si>
    <t>cg21662326</t>
  </si>
  <si>
    <t>cg21666957</t>
  </si>
  <si>
    <t>cg21667878</t>
  </si>
  <si>
    <t>cg21678461</t>
  </si>
  <si>
    <t>cg21679294</t>
  </si>
  <si>
    <t>cg21692846</t>
  </si>
  <si>
    <t>cg21703322</t>
  </si>
  <si>
    <t>cg21709909</t>
  </si>
  <si>
    <t>cg21711868</t>
  </si>
  <si>
    <t>cg21714809</t>
  </si>
  <si>
    <t>cg21717023</t>
  </si>
  <si>
    <t>cg21718229</t>
  </si>
  <si>
    <t>cg21720618</t>
  </si>
  <si>
    <t>cg21721065</t>
  </si>
  <si>
    <t>cg21728792</t>
  </si>
  <si>
    <t>cg21732842</t>
  </si>
  <si>
    <t>cg21733363</t>
  </si>
  <si>
    <t>cg21734168</t>
  </si>
  <si>
    <t>cg21735491</t>
  </si>
  <si>
    <t>cg21741284</t>
  </si>
  <si>
    <t>cg21741781</t>
  </si>
  <si>
    <t>cg21745091</t>
  </si>
  <si>
    <t>cg21745110</t>
  </si>
  <si>
    <t>cg21751231</t>
  </si>
  <si>
    <t>cg21761776</t>
  </si>
  <si>
    <t>cg21764190</t>
  </si>
  <si>
    <t>cg21767461</t>
  </si>
  <si>
    <t>cg21769600</t>
  </si>
  <si>
    <t>cg21780326</t>
  </si>
  <si>
    <t>cg21795654</t>
  </si>
  <si>
    <t>cg21799346</t>
  </si>
  <si>
    <t>cg21809711</t>
  </si>
  <si>
    <t>cg21810245</t>
  </si>
  <si>
    <t>cg21810621</t>
  </si>
  <si>
    <t>cg21820873</t>
  </si>
  <si>
    <t>cg21825840</t>
  </si>
  <si>
    <t>cg21830103</t>
  </si>
  <si>
    <t>cg21842222</t>
  </si>
  <si>
    <t>cg21842523</t>
  </si>
  <si>
    <t>cg21849661</t>
  </si>
  <si>
    <t>cg21850239</t>
  </si>
  <si>
    <t>cg21852408</t>
  </si>
  <si>
    <t>cg21870551</t>
  </si>
  <si>
    <t>cg21870885</t>
  </si>
  <si>
    <t>cg21871465</t>
  </si>
  <si>
    <t>cg21881074</t>
  </si>
  <si>
    <t>cg21881253</t>
  </si>
  <si>
    <t>cg21888241</t>
  </si>
  <si>
    <t>cg21893358</t>
  </si>
  <si>
    <t>cg21898631</t>
  </si>
  <si>
    <t>cg21899310</t>
  </si>
  <si>
    <t>cg21902346</t>
  </si>
  <si>
    <t>cg21906444</t>
  </si>
  <si>
    <t>cg21918561</t>
  </si>
  <si>
    <t>cg21923077</t>
  </si>
  <si>
    <t>cg21928783</t>
  </si>
  <si>
    <t>cg21932293</t>
  </si>
  <si>
    <t>cg21932466</t>
  </si>
  <si>
    <t>cg21933743</t>
  </si>
  <si>
    <t>cg21935113</t>
  </si>
  <si>
    <t>cg21936959</t>
  </si>
  <si>
    <t>cg21963048</t>
  </si>
  <si>
    <t>cg21965516</t>
  </si>
  <si>
    <t>cg21971621</t>
  </si>
  <si>
    <t>cg21972318</t>
  </si>
  <si>
    <t>cg21978521</t>
  </si>
  <si>
    <t>cg21978924</t>
  </si>
  <si>
    <t>cg21981706</t>
  </si>
  <si>
    <t>cg21986781</t>
  </si>
  <si>
    <t>cg21999471</t>
  </si>
  <si>
    <t>cg22005853</t>
  </si>
  <si>
    <t>cg22014986</t>
  </si>
  <si>
    <t>cg22015277</t>
  </si>
  <si>
    <t>cg22015966</t>
  </si>
  <si>
    <t>cg22016995</t>
  </si>
  <si>
    <t>cg22020194</t>
  </si>
  <si>
    <t>cg22031650</t>
  </si>
  <si>
    <t>cg22040889</t>
  </si>
  <si>
    <t>cg22043168</t>
  </si>
  <si>
    <t>cg22043296</t>
  </si>
  <si>
    <t>cg22049858</t>
  </si>
  <si>
    <t>cg22060484</t>
  </si>
  <si>
    <t>cg22066230</t>
  </si>
  <si>
    <t>cg22066894</t>
  </si>
  <si>
    <t>cg22068741</t>
  </si>
  <si>
    <t>cg22072063</t>
  </si>
  <si>
    <t>cg22072651</t>
  </si>
  <si>
    <t>cg22073562</t>
  </si>
  <si>
    <t>cg22074576</t>
  </si>
  <si>
    <t>cg22074794</t>
  </si>
  <si>
    <t>cg22077528</t>
  </si>
  <si>
    <t>cg22081905</t>
  </si>
  <si>
    <t>cg22082397</t>
  </si>
  <si>
    <t>cg22094205</t>
  </si>
  <si>
    <t>cg22098317</t>
  </si>
  <si>
    <t>cg22110770</t>
  </si>
  <si>
    <t>cg22111318</t>
  </si>
  <si>
    <t>cg22111527</t>
  </si>
  <si>
    <t>cg22115204</t>
  </si>
  <si>
    <t>cg22118359</t>
  </si>
  <si>
    <t>cg22123877</t>
  </si>
  <si>
    <t>cg22127027</t>
  </si>
  <si>
    <t>cg22130868</t>
  </si>
  <si>
    <t>cg22136363</t>
  </si>
  <si>
    <t>cg22154182</t>
  </si>
  <si>
    <t>cg22186557</t>
  </si>
  <si>
    <t>cg22186600</t>
  </si>
  <si>
    <t>cg22197824</t>
  </si>
  <si>
    <t>cg22198823</t>
  </si>
  <si>
    <t>cg22200633</t>
  </si>
  <si>
    <t>cg22202264</t>
  </si>
  <si>
    <t>cg22206745</t>
  </si>
  <si>
    <t>cg22207602</t>
  </si>
  <si>
    <t>cg22207900</t>
  </si>
  <si>
    <t>cg22210337</t>
  </si>
  <si>
    <t>cg22211749</t>
  </si>
  <si>
    <t>cg22212734</t>
  </si>
  <si>
    <t>cg22213242</t>
  </si>
  <si>
    <t>cg22214565</t>
  </si>
  <si>
    <t>cg22216413</t>
  </si>
  <si>
    <t>cg22223602</t>
  </si>
  <si>
    <t>cg22230508</t>
  </si>
  <si>
    <t>cg22234194</t>
  </si>
  <si>
    <t>cg22235417</t>
  </si>
  <si>
    <t>cg22239605</t>
  </si>
  <si>
    <t>cg22240472</t>
  </si>
  <si>
    <t>cg22247282</t>
  </si>
  <si>
    <t>cg22250145</t>
  </si>
  <si>
    <t>cg22250498</t>
  </si>
  <si>
    <t>cg22261612</t>
  </si>
  <si>
    <t>cg22271305</t>
  </si>
  <si>
    <t>cg22273015</t>
  </si>
  <si>
    <t>cg22280167</t>
  </si>
  <si>
    <t>cg22289581</t>
  </si>
  <si>
    <t>cg22291084</t>
  </si>
  <si>
    <t>cg22295064</t>
  </si>
  <si>
    <t>cg22306015</t>
  </si>
  <si>
    <t>cg22312910</t>
  </si>
  <si>
    <t>cg22319984</t>
  </si>
  <si>
    <t>cg22329892</t>
  </si>
  <si>
    <t>cg22335223</t>
  </si>
  <si>
    <t>cg22344122</t>
  </si>
  <si>
    <t>cg22344793</t>
  </si>
  <si>
    <t>cg22345522</t>
  </si>
  <si>
    <t>cg22345647</t>
  </si>
  <si>
    <t>cg22346124</t>
  </si>
  <si>
    <t>cg22348345</t>
  </si>
  <si>
    <t>cg22366698</t>
  </si>
  <si>
    <t>cg22367077</t>
  </si>
  <si>
    <t>cg22370235</t>
  </si>
  <si>
    <t>cg22373225</t>
  </si>
  <si>
    <t>cg22374058</t>
  </si>
  <si>
    <t>cg22376822</t>
  </si>
  <si>
    <t>cg22381774</t>
  </si>
  <si>
    <t>cg22397944</t>
  </si>
  <si>
    <t>cg22406758</t>
  </si>
  <si>
    <t>cg22477592</t>
  </si>
  <si>
    <t>cg22479947</t>
  </si>
  <si>
    <t>cg22623062</t>
  </si>
  <si>
    <t>cg22636253</t>
  </si>
  <si>
    <t>cg22638597</t>
  </si>
  <si>
    <t>cg22661866</t>
  </si>
  <si>
    <t>cg22661893</t>
  </si>
  <si>
    <t>cg22663124</t>
  </si>
  <si>
    <t>cg22664400</t>
  </si>
  <si>
    <t>cg22664986</t>
  </si>
  <si>
    <t>cg22675922</t>
  </si>
  <si>
    <t>cg22680070</t>
  </si>
  <si>
    <t>cg22685816</t>
  </si>
  <si>
    <t>cg22690239</t>
  </si>
  <si>
    <t>cg22693302</t>
  </si>
  <si>
    <t>cg22697045</t>
  </si>
  <si>
    <t>cg22697239</t>
  </si>
  <si>
    <t>cg22708233</t>
  </si>
  <si>
    <t>cg22710661</t>
  </si>
  <si>
    <t>cg22718071</t>
  </si>
  <si>
    <t>cg22723056</t>
  </si>
  <si>
    <t>cg22730048</t>
  </si>
  <si>
    <t>cg22731637</t>
  </si>
  <si>
    <t>cg22740006</t>
  </si>
  <si>
    <t>cg22740547</t>
  </si>
  <si>
    <t>cg22746765</t>
  </si>
  <si>
    <t>cg22748539</t>
  </si>
  <si>
    <t>cg22755008</t>
  </si>
  <si>
    <t>cg22777949</t>
  </si>
  <si>
    <t>cg22782191</t>
  </si>
  <si>
    <t>cg22785386</t>
  </si>
  <si>
    <t>cg22786506</t>
  </si>
  <si>
    <t>cg22792449</t>
  </si>
  <si>
    <t>cg22796860</t>
  </si>
  <si>
    <t>cg22798045</t>
  </si>
  <si>
    <t>cg22813744</t>
  </si>
  <si>
    <t>cg22814884</t>
  </si>
  <si>
    <t>cg22815118</t>
  </si>
  <si>
    <t>cg22821606</t>
  </si>
  <si>
    <t>cg22821947</t>
  </si>
  <si>
    <t>cg22831269</t>
  </si>
  <si>
    <t>cg22837015</t>
  </si>
  <si>
    <t>cg22837512</t>
  </si>
  <si>
    <t>cg22851683</t>
  </si>
  <si>
    <t>cg22865058</t>
  </si>
  <si>
    <t>cg22868518</t>
  </si>
  <si>
    <t>cg22879515</t>
  </si>
  <si>
    <t>cg22897141</t>
  </si>
  <si>
    <t>cg22902478</t>
  </si>
  <si>
    <t>cg22931182</t>
  </si>
  <si>
    <t>cg22932313</t>
  </si>
  <si>
    <t>cg22939802</t>
  </si>
  <si>
    <t>cg22947532</t>
  </si>
  <si>
    <t>cg22951283</t>
  </si>
  <si>
    <t>cg22958459</t>
  </si>
  <si>
    <t>cg22961655</t>
  </si>
  <si>
    <t>cg22963382</t>
  </si>
  <si>
    <t>cg22964598</t>
  </si>
  <si>
    <t>cg22974228</t>
  </si>
  <si>
    <t>cg22978658</t>
  </si>
  <si>
    <t>cg22982368</t>
  </si>
  <si>
    <t>cg22996031</t>
  </si>
  <si>
    <t>cg22996783</t>
  </si>
  <si>
    <t>cg22997252</t>
  </si>
  <si>
    <t>cg22998610</t>
  </si>
  <si>
    <t>cg23008762</t>
  </si>
  <si>
    <t>cg23009355</t>
  </si>
  <si>
    <t>cg23010585</t>
  </si>
  <si>
    <t>cg23018873</t>
  </si>
  <si>
    <t>cg23030863</t>
  </si>
  <si>
    <t>cg23040424</t>
  </si>
  <si>
    <t>cg23041020</t>
  </si>
  <si>
    <t>cg23049234</t>
  </si>
  <si>
    <t>cg23053918</t>
  </si>
  <si>
    <t>cg23055396</t>
  </si>
  <si>
    <t>cg23062006</t>
  </si>
  <si>
    <t>cg23062112</t>
  </si>
  <si>
    <t>cg23064951</t>
  </si>
  <si>
    <t>cg23071995</t>
  </si>
  <si>
    <t>cg23073111</t>
  </si>
  <si>
    <t>cg23100081</t>
  </si>
  <si>
    <t>cg23100152</t>
  </si>
  <si>
    <t>cg23116180</t>
  </si>
  <si>
    <t>cg23118188</t>
  </si>
  <si>
    <t>cg23121547</t>
  </si>
  <si>
    <t>cg23122401</t>
  </si>
  <si>
    <t>cg23125492</t>
  </si>
  <si>
    <t>cg23125542</t>
  </si>
  <si>
    <t>cg23141987</t>
  </si>
  <si>
    <t>cg23152931</t>
  </si>
  <si>
    <t>cg23162201</t>
  </si>
  <si>
    <t>cg23163513</t>
  </si>
  <si>
    <t>cg23167906</t>
  </si>
  <si>
    <t>cg23182880</t>
  </si>
  <si>
    <t>cg23186104</t>
  </si>
  <si>
    <t>cg23188684</t>
  </si>
  <si>
    <t>cg23192120</t>
  </si>
  <si>
    <t>cg23214308</t>
  </si>
  <si>
    <t>cg23225690</t>
  </si>
  <si>
    <t>cg23239078</t>
  </si>
  <si>
    <t>cg23243902</t>
  </si>
  <si>
    <t>cg23244455</t>
  </si>
  <si>
    <t>cg23245369</t>
  </si>
  <si>
    <t>cg23250795</t>
  </si>
  <si>
    <t>cg23261831</t>
  </si>
  <si>
    <t>cg23270726</t>
  </si>
  <si>
    <t>cg23272978</t>
  </si>
  <si>
    <t>cg23279335</t>
  </si>
  <si>
    <t>cg23288099</t>
  </si>
  <si>
    <t>cg23305502</t>
  </si>
  <si>
    <t>cg23306295</t>
  </si>
  <si>
    <t>cg23307056</t>
  </si>
  <si>
    <t>cg23308107</t>
  </si>
  <si>
    <t>cg23308914</t>
  </si>
  <si>
    <t>cg23310813</t>
  </si>
  <si>
    <t>cg23312425</t>
  </si>
  <si>
    <t>cg23312964</t>
  </si>
  <si>
    <t>cg23319460</t>
  </si>
  <si>
    <t>cg23323388</t>
  </si>
  <si>
    <t>cg23326607</t>
  </si>
  <si>
    <t>cg23329303</t>
  </si>
  <si>
    <t>cg23329769</t>
  </si>
  <si>
    <t>cg23338170</t>
  </si>
  <si>
    <t>cg23344580</t>
  </si>
  <si>
    <t>cg23352271</t>
  </si>
  <si>
    <t>cg23357130</t>
  </si>
  <si>
    <t>cg23361084</t>
  </si>
  <si>
    <t>cg23369017</t>
  </si>
  <si>
    <t>cg23373072</t>
  </si>
  <si>
    <t>cg23375440</t>
  </si>
  <si>
    <t>cg23385200</t>
  </si>
  <si>
    <t>cg23385388</t>
  </si>
  <si>
    <t>cg23385550</t>
  </si>
  <si>
    <t>cg23388086</t>
  </si>
  <si>
    <t>cg23397571</t>
  </si>
  <si>
    <t>cg23400002</t>
  </si>
  <si>
    <t>cg23418839</t>
  </si>
  <si>
    <t>cg23430209</t>
  </si>
  <si>
    <t>cg23430644</t>
  </si>
  <si>
    <t>cg23432306</t>
  </si>
  <si>
    <t>cg23436703</t>
  </si>
  <si>
    <t>cg23439361</t>
  </si>
  <si>
    <t>cg23457925</t>
  </si>
  <si>
    <t>cg23459863</t>
  </si>
  <si>
    <t>cg23460145</t>
  </si>
  <si>
    <t>cg23461432</t>
  </si>
  <si>
    <t>cg23465350</t>
  </si>
  <si>
    <t>cg23468927</t>
  </si>
  <si>
    <t>cg23489936</t>
  </si>
  <si>
    <t>cg23490166</t>
  </si>
  <si>
    <t>cg23490773</t>
  </si>
  <si>
    <t>cg23493260</t>
  </si>
  <si>
    <t>cg23501406</t>
  </si>
  <si>
    <t>cg23508264</t>
  </si>
  <si>
    <t>cg23511374</t>
  </si>
  <si>
    <t>cg23517251</t>
  </si>
  <si>
    <t>cg23530031</t>
  </si>
  <si>
    <t>cg23531697</t>
  </si>
  <si>
    <t>cg23533513</t>
  </si>
  <si>
    <t>cg23542274</t>
  </si>
  <si>
    <t>cg23548479</t>
  </si>
  <si>
    <t>cg23558842</t>
  </si>
  <si>
    <t>cg23560756</t>
  </si>
  <si>
    <t>cg23567562</t>
  </si>
  <si>
    <t>cg23570433</t>
  </si>
  <si>
    <t>cg23577865</t>
  </si>
  <si>
    <t>cg23580038</t>
  </si>
  <si>
    <t>cg23582982</t>
  </si>
  <si>
    <t>cg23588161</t>
  </si>
  <si>
    <t>cg23593537</t>
  </si>
  <si>
    <t>cg23594951</t>
  </si>
  <si>
    <t>cg23595571</t>
  </si>
  <si>
    <t>cg23598212</t>
  </si>
  <si>
    <t>cg23599460</t>
  </si>
  <si>
    <t>cg23600517</t>
  </si>
  <si>
    <t>cg23600533</t>
  </si>
  <si>
    <t>cg23603528</t>
  </si>
  <si>
    <t>cg23615572</t>
  </si>
  <si>
    <t>cg23618269</t>
  </si>
  <si>
    <t>cg23623667</t>
  </si>
  <si>
    <t>cg23624725</t>
  </si>
  <si>
    <t>cg23632985</t>
  </si>
  <si>
    <t>cg23633158</t>
  </si>
  <si>
    <t>cg23646541</t>
  </si>
  <si>
    <t>cg23651826</t>
  </si>
  <si>
    <t>cg23660999</t>
  </si>
  <si>
    <t>cg23664926</t>
  </si>
  <si>
    <t>cg23666229</t>
  </si>
  <si>
    <t>cg23670630</t>
  </si>
  <si>
    <t>cg23675536</t>
  </si>
  <si>
    <t>cg23675726</t>
  </si>
  <si>
    <t>cg23676682</t>
  </si>
  <si>
    <t>cg23687466</t>
  </si>
  <si>
    <t>cg23689457</t>
  </si>
  <si>
    <t>cg23692589</t>
  </si>
  <si>
    <t>cg23695131</t>
  </si>
  <si>
    <t>cg23699309</t>
  </si>
  <si>
    <t>cg23704092</t>
  </si>
  <si>
    <t>cg23707478</t>
  </si>
  <si>
    <t>cg23710492</t>
  </si>
  <si>
    <t>cg23714454</t>
  </si>
  <si>
    <t>cg23715045</t>
  </si>
  <si>
    <t>cg23722102</t>
  </si>
  <si>
    <t>cg23740940</t>
  </si>
  <si>
    <t>cg23741639</t>
  </si>
  <si>
    <t>cg23741719</t>
  </si>
  <si>
    <t>cg23748172</t>
  </si>
  <si>
    <t>cg23754390</t>
  </si>
  <si>
    <t>cg23754431</t>
  </si>
  <si>
    <t>cg23758765</t>
  </si>
  <si>
    <t>cg23760165</t>
  </si>
  <si>
    <t>cg23763873</t>
  </si>
  <si>
    <t>cg23784907</t>
  </si>
  <si>
    <t>cg23791672</t>
  </si>
  <si>
    <t>cg23792245</t>
  </si>
  <si>
    <t>cg23801021</t>
  </si>
  <si>
    <t>cg23801475</t>
  </si>
  <si>
    <t>cg23807500</t>
  </si>
  <si>
    <t>cg23811942</t>
  </si>
  <si>
    <t>cg23812361</t>
  </si>
  <si>
    <t>cg23817893</t>
  </si>
  <si>
    <t>cg23830855</t>
  </si>
  <si>
    <t>cg23851757</t>
  </si>
  <si>
    <t>cg23854488</t>
  </si>
  <si>
    <t>cg23861668</t>
  </si>
  <si>
    <t>cg23873523</t>
  </si>
  <si>
    <t>cg23878494</t>
  </si>
  <si>
    <t>cg23878768</t>
  </si>
  <si>
    <t>cg23879118</t>
  </si>
  <si>
    <t>cg23881278</t>
  </si>
  <si>
    <t>cg23884175</t>
  </si>
  <si>
    <t>cg23889236</t>
  </si>
  <si>
    <t>cg23890008</t>
  </si>
  <si>
    <t>cg23897255</t>
  </si>
  <si>
    <t>cg23908305</t>
  </si>
  <si>
    <t>cg23912877</t>
  </si>
  <si>
    <t>cg23917844</t>
  </si>
  <si>
    <t>cg23927970</t>
  </si>
  <si>
    <t>cg23935420</t>
  </si>
  <si>
    <t>cg23938637</t>
  </si>
  <si>
    <t>cg23939875</t>
  </si>
  <si>
    <t>cg23946462</t>
  </si>
  <si>
    <t>cg23947039</t>
  </si>
  <si>
    <t>cg23949925</t>
  </si>
  <si>
    <t>cg23951474</t>
  </si>
  <si>
    <t>cg23953395</t>
  </si>
  <si>
    <t>cg23956036</t>
  </si>
  <si>
    <t>cg23962826</t>
  </si>
  <si>
    <t>cg23963595</t>
  </si>
  <si>
    <t>cg23968213</t>
  </si>
  <si>
    <t>cg23974812</t>
  </si>
  <si>
    <t>cg23979269</t>
  </si>
  <si>
    <t>cg23985147</t>
  </si>
  <si>
    <t>cg23988359</t>
  </si>
  <si>
    <t>cg23989516</t>
  </si>
  <si>
    <t>cg23992449</t>
  </si>
  <si>
    <t>cg23993697</t>
  </si>
  <si>
    <t>cg23996893</t>
  </si>
  <si>
    <t>cg24005914</t>
  </si>
  <si>
    <t>cg24008884</t>
  </si>
  <si>
    <t>cg24013378</t>
  </si>
  <si>
    <t>cg24016056</t>
  </si>
  <si>
    <t>cg24022152</t>
  </si>
  <si>
    <t>cg24029994</t>
  </si>
  <si>
    <t>cg24030675</t>
  </si>
  <si>
    <t>cg24035379</t>
  </si>
  <si>
    <t>cg24037361</t>
  </si>
  <si>
    <t>cg24045078</t>
  </si>
  <si>
    <t>cg24047810</t>
  </si>
  <si>
    <t>cg24049888</t>
  </si>
  <si>
    <t>cg24050671</t>
  </si>
  <si>
    <t>cg24054684</t>
  </si>
  <si>
    <t>cg24057514</t>
  </si>
  <si>
    <t>cg24064264</t>
  </si>
  <si>
    <t>cg24065451</t>
  </si>
  <si>
    <t>cg24068972</t>
  </si>
  <si>
    <t>cg24072819</t>
  </si>
  <si>
    <t>cg24073340</t>
  </si>
  <si>
    <t>cg24079038</t>
  </si>
  <si>
    <t>cg24083557</t>
  </si>
  <si>
    <t>cg24099074</t>
  </si>
  <si>
    <t>cg24103837</t>
  </si>
  <si>
    <t>cg24107988</t>
  </si>
  <si>
    <t>cg24117723</t>
  </si>
  <si>
    <t>cg24118877</t>
  </si>
  <si>
    <t>cg24122826</t>
  </si>
  <si>
    <t>cg24126592</t>
  </si>
  <si>
    <t>cg24134897</t>
  </si>
  <si>
    <t>cg24134935</t>
  </si>
  <si>
    <t>cg24135964</t>
  </si>
  <si>
    <t>cg24139169</t>
  </si>
  <si>
    <t>cg24139216</t>
  </si>
  <si>
    <t>cg24141991</t>
  </si>
  <si>
    <t>cg24147428</t>
  </si>
  <si>
    <t>cg24151204</t>
  </si>
  <si>
    <t>cg24154336</t>
  </si>
  <si>
    <t>cg24156658</t>
  </si>
  <si>
    <t>cg24156905</t>
  </si>
  <si>
    <t>cg24162465</t>
  </si>
  <si>
    <t>cg24172269</t>
  </si>
  <si>
    <t>cg24174020</t>
  </si>
  <si>
    <t>cg24183187</t>
  </si>
  <si>
    <t>cg24183324</t>
  </si>
  <si>
    <t>cg24187352</t>
  </si>
  <si>
    <t>cg24191821</t>
  </si>
  <si>
    <t>cg24193659</t>
  </si>
  <si>
    <t>cg24197212</t>
  </si>
  <si>
    <t>cg24199112</t>
  </si>
  <si>
    <t>cg24205065</t>
  </si>
  <si>
    <t>cg24205332</t>
  </si>
  <si>
    <t>cg24208426</t>
  </si>
  <si>
    <t>cg24209994</t>
  </si>
  <si>
    <t>cg24238564</t>
  </si>
  <si>
    <t>cg24242981</t>
  </si>
  <si>
    <t>cg24247537</t>
  </si>
  <si>
    <t>cg24250669</t>
  </si>
  <si>
    <t>cg24251048</t>
  </si>
  <si>
    <t>cg24251496</t>
  </si>
  <si>
    <t>cg24251890</t>
  </si>
  <si>
    <t>cg24253255</t>
  </si>
  <si>
    <t>cg24254177</t>
  </si>
  <si>
    <t>cg24255125</t>
  </si>
  <si>
    <t>cg24255209</t>
  </si>
  <si>
    <t>cg24256772</t>
  </si>
  <si>
    <t>cg24258806</t>
  </si>
  <si>
    <t>cg24266670</t>
  </si>
  <si>
    <t>cg24277024</t>
  </si>
  <si>
    <t>cg24283027</t>
  </si>
  <si>
    <t>cg24288581</t>
  </si>
  <si>
    <t>cg24301930</t>
  </si>
  <si>
    <t>cg24317122</t>
  </si>
  <si>
    <t>cg24324179</t>
  </si>
  <si>
    <t>cg24331312</t>
  </si>
  <si>
    <t>cg24335138</t>
  </si>
  <si>
    <t>cg24337640</t>
  </si>
  <si>
    <t>cg24352075</t>
  </si>
  <si>
    <t>cg24359323</t>
  </si>
  <si>
    <t>cg24359671</t>
  </si>
  <si>
    <t>cg24360924</t>
  </si>
  <si>
    <t>cg24364535</t>
  </si>
  <si>
    <t>cg24366425</t>
  </si>
  <si>
    <t>cg24369746</t>
  </si>
  <si>
    <t>cg24370475</t>
  </si>
  <si>
    <t>cg24384034</t>
  </si>
  <si>
    <t>cg24384879</t>
  </si>
  <si>
    <t>cg24385632</t>
  </si>
  <si>
    <t>cg24390938</t>
  </si>
  <si>
    <t>cg24392577</t>
  </si>
  <si>
    <t>cg24392818</t>
  </si>
  <si>
    <t>cg24403578</t>
  </si>
  <si>
    <t>cg24404533</t>
  </si>
  <si>
    <t>cg24407327</t>
  </si>
  <si>
    <t>cg24409677</t>
  </si>
  <si>
    <t>cg24412501</t>
  </si>
  <si>
    <t>cg24419363</t>
  </si>
  <si>
    <t>cg24420089</t>
  </si>
  <si>
    <t>cg24420770</t>
  </si>
  <si>
    <t>cg24425560</t>
  </si>
  <si>
    <t>cg24427944</t>
  </si>
  <si>
    <t>cg24431667</t>
  </si>
  <si>
    <t>cg24435401</t>
  </si>
  <si>
    <t>cg24436578</t>
  </si>
  <si>
    <t>cg24440302</t>
  </si>
  <si>
    <t>cg24441068</t>
  </si>
  <si>
    <t>cg24444810</t>
  </si>
  <si>
    <t>cg24445752</t>
  </si>
  <si>
    <t>cg24452821</t>
  </si>
  <si>
    <t>cg24456602</t>
  </si>
  <si>
    <t>cg24458300</t>
  </si>
  <si>
    <t>cg24458825</t>
  </si>
  <si>
    <t>cg24462596</t>
  </si>
  <si>
    <t>cg24464260</t>
  </si>
  <si>
    <t>cg24466610</t>
  </si>
  <si>
    <t>cg24475443</t>
  </si>
  <si>
    <t>cg24480695</t>
  </si>
  <si>
    <t>cg24488506</t>
  </si>
  <si>
    <t>cg24490227</t>
  </si>
  <si>
    <t>cg24495844</t>
  </si>
  <si>
    <t>cg24495982</t>
  </si>
  <si>
    <t>cg24496349</t>
  </si>
  <si>
    <t>cg24498587</t>
  </si>
  <si>
    <t>cg24503261</t>
  </si>
  <si>
    <t>cg24508095</t>
  </si>
  <si>
    <t>cg24509916</t>
  </si>
  <si>
    <t>cg24514230</t>
  </si>
  <si>
    <t>cg24522804</t>
  </si>
  <si>
    <t>cg24524285</t>
  </si>
  <si>
    <t>cg24530250</t>
  </si>
  <si>
    <t>cg24532523</t>
  </si>
  <si>
    <t>cg24537237</t>
  </si>
  <si>
    <t>cg24540003</t>
  </si>
  <si>
    <t>cg24547992</t>
  </si>
  <si>
    <t>cg24552015</t>
  </si>
  <si>
    <t>cg24554061</t>
  </si>
  <si>
    <t>cg24557020</t>
  </si>
  <si>
    <t>cg24562777</t>
  </si>
  <si>
    <t>cg24575083</t>
  </si>
  <si>
    <t>cg24575245</t>
  </si>
  <si>
    <t>cg24580588</t>
  </si>
  <si>
    <t>cg24584993</t>
  </si>
  <si>
    <t>cg24591182</t>
  </si>
  <si>
    <t>cg24609530</t>
  </si>
  <si>
    <t>cg24609752</t>
  </si>
  <si>
    <t>cg24615831</t>
  </si>
  <si>
    <t>cg24624624</t>
  </si>
  <si>
    <t>cg24626003</t>
  </si>
  <si>
    <t>cg24635722</t>
  </si>
  <si>
    <t>cg24637308</t>
  </si>
  <si>
    <t>cg24637319</t>
  </si>
  <si>
    <t>cg24639862</t>
  </si>
  <si>
    <t>cg24640272</t>
  </si>
  <si>
    <t>cg24641901</t>
  </si>
  <si>
    <t>cg24646503</t>
  </si>
  <si>
    <t>cg24656269</t>
  </si>
  <si>
    <t>cg24657503</t>
  </si>
  <si>
    <t>cg24659171</t>
  </si>
  <si>
    <t>cg24679395</t>
  </si>
  <si>
    <t>cg24680082</t>
  </si>
  <si>
    <t>cg24689245</t>
  </si>
  <si>
    <t>cg24690094</t>
  </si>
  <si>
    <t>cg24692607</t>
  </si>
  <si>
    <t>cg24696183</t>
  </si>
  <si>
    <t>cg24710104</t>
  </si>
  <si>
    <t>cg24714011</t>
  </si>
  <si>
    <t>cg24715339</t>
  </si>
  <si>
    <t>cg24728105</t>
  </si>
  <si>
    <t>cg24742512</t>
  </si>
  <si>
    <t>cg24745327</t>
  </si>
  <si>
    <t>cg24750539</t>
  </si>
  <si>
    <t>cg24753148</t>
  </si>
  <si>
    <t>cg24754334</t>
  </si>
  <si>
    <t>cg24759599</t>
  </si>
  <si>
    <t>cg24769972</t>
  </si>
  <si>
    <t>cg24771769</t>
  </si>
  <si>
    <t>cg24773676</t>
  </si>
  <si>
    <t>cg24778081</t>
  </si>
  <si>
    <t>cg24792813</t>
  </si>
  <si>
    <t>cg24803059</t>
  </si>
  <si>
    <t>cg24805026</t>
  </si>
  <si>
    <t>cg24810144</t>
  </si>
  <si>
    <t>cg24812582</t>
  </si>
  <si>
    <t>cg24820982</t>
  </si>
  <si>
    <t>cg24824417</t>
  </si>
  <si>
    <t>cg24828465</t>
  </si>
  <si>
    <t>cg24829313</t>
  </si>
  <si>
    <t>cg24838517</t>
  </si>
  <si>
    <t>cg24840365</t>
  </si>
  <si>
    <t>cg24852442</t>
  </si>
  <si>
    <t>cg24856234</t>
  </si>
  <si>
    <t>cg24860475</t>
  </si>
  <si>
    <t>cg24862514</t>
  </si>
  <si>
    <t>cg24867478</t>
  </si>
  <si>
    <t>cg24881229</t>
  </si>
  <si>
    <t>cg24882097</t>
  </si>
  <si>
    <t>cg24891434</t>
  </si>
  <si>
    <t>cg24899571</t>
  </si>
  <si>
    <t>cg24900869</t>
  </si>
  <si>
    <t>cg24902250</t>
  </si>
  <si>
    <t>cg24908198</t>
  </si>
  <si>
    <t>cg24923219</t>
  </si>
  <si>
    <t>cg24924243</t>
  </si>
  <si>
    <t>cg24928681</t>
  </si>
  <si>
    <t>cg24932449</t>
  </si>
  <si>
    <t>cg24935332</t>
  </si>
  <si>
    <t>cg24937681</t>
  </si>
  <si>
    <t>cg24942416</t>
  </si>
  <si>
    <t>cg24972080</t>
  </si>
  <si>
    <t>cg24974229</t>
  </si>
  <si>
    <t>cg24980235</t>
  </si>
  <si>
    <t>cg24980551</t>
  </si>
  <si>
    <t>cg24982763</t>
  </si>
  <si>
    <t>cg24992817</t>
  </si>
  <si>
    <t>cg24996814</t>
  </si>
  <si>
    <t>cg25001691</t>
  </si>
  <si>
    <t>cg25011257</t>
  </si>
  <si>
    <t>cg25014222</t>
  </si>
  <si>
    <t>cg25018062</t>
  </si>
  <si>
    <t>cg25028523</t>
  </si>
  <si>
    <t>cg25033139</t>
  </si>
  <si>
    <t>cg25033470</t>
  </si>
  <si>
    <t>cg25034478</t>
  </si>
  <si>
    <t>cg25038954</t>
  </si>
  <si>
    <t>cg25048357</t>
  </si>
  <si>
    <t>cg25050353</t>
  </si>
  <si>
    <t>cg25061131</t>
  </si>
  <si>
    <t>cg25069102</t>
  </si>
  <si>
    <t>cg25073705</t>
  </si>
  <si>
    <t>cg25074185</t>
  </si>
  <si>
    <t>cg25092206</t>
  </si>
  <si>
    <t>cg25093234</t>
  </si>
  <si>
    <t>cg25101976</t>
  </si>
  <si>
    <t>cg25117505</t>
  </si>
  <si>
    <t>cg25119654</t>
  </si>
  <si>
    <t>cg25120630</t>
  </si>
  <si>
    <t>cg25130734</t>
  </si>
  <si>
    <t>cg25144930</t>
  </si>
  <si>
    <t>cg25149881</t>
  </si>
  <si>
    <t>cg25150846</t>
  </si>
  <si>
    <t>cg25153976</t>
  </si>
  <si>
    <t>cg25161474</t>
  </si>
  <si>
    <t>cg25161976</t>
  </si>
  <si>
    <t>cg25163015</t>
  </si>
  <si>
    <t>cg25169679</t>
  </si>
  <si>
    <t>cg25170017</t>
  </si>
  <si>
    <t>cg25171331</t>
  </si>
  <si>
    <t>cg25172825</t>
  </si>
  <si>
    <t>cg25178784</t>
  </si>
  <si>
    <t>cg25179830</t>
  </si>
  <si>
    <t>cg25181381</t>
  </si>
  <si>
    <t>cg25187967</t>
  </si>
  <si>
    <t>cg25199850</t>
  </si>
  <si>
    <t>cg25202662</t>
  </si>
  <si>
    <t>cg25203481</t>
  </si>
  <si>
    <t>cg25211622</t>
  </si>
  <si>
    <t>cg25217772</t>
  </si>
  <si>
    <t>cg25221653</t>
  </si>
  <si>
    <t>cg25223263</t>
  </si>
  <si>
    <t>cg25223391</t>
  </si>
  <si>
    <t>cg25229467</t>
  </si>
  <si>
    <t>cg25230157</t>
  </si>
  <si>
    <t>cg25231907</t>
  </si>
  <si>
    <t>cg25235159</t>
  </si>
  <si>
    <t>cg25244476</t>
  </si>
  <si>
    <t>cg25244628</t>
  </si>
  <si>
    <t>cg25246431</t>
  </si>
  <si>
    <t>cg25247290</t>
  </si>
  <si>
    <t>cg25255988</t>
  </si>
  <si>
    <t>cg25258002</t>
  </si>
  <si>
    <t>cg25258098</t>
  </si>
  <si>
    <t>cg25262396</t>
  </si>
  <si>
    <t>cg25273340</t>
  </si>
  <si>
    <t>cg25278576</t>
  </si>
  <si>
    <t>cg25291551</t>
  </si>
  <si>
    <t>cg25294185</t>
  </si>
  <si>
    <t>cg25299011</t>
  </si>
  <si>
    <t>cg25300829</t>
  </si>
  <si>
    <t>cg25303599</t>
  </si>
  <si>
    <t>cg25304775</t>
  </si>
  <si>
    <t>cg25308231</t>
  </si>
  <si>
    <t>cg25308427</t>
  </si>
  <si>
    <t>cg25315855</t>
  </si>
  <si>
    <t>cg25316749</t>
  </si>
  <si>
    <t>cg25317631</t>
  </si>
  <si>
    <t>cg25326896</t>
  </si>
  <si>
    <t>cg25328154</t>
  </si>
  <si>
    <t>cg25349350</t>
  </si>
  <si>
    <t>cg25367084</t>
  </si>
  <si>
    <t>cg25367890</t>
  </si>
  <si>
    <t>cg25368031</t>
  </si>
  <si>
    <t>cg25379390</t>
  </si>
  <si>
    <t>cg25381667</t>
  </si>
  <si>
    <t>cg25382566</t>
  </si>
  <si>
    <t>cg25385529</t>
  </si>
  <si>
    <t>cg25385684</t>
  </si>
  <si>
    <t>cg25387593</t>
  </si>
  <si>
    <t>cg25388301</t>
  </si>
  <si>
    <t>cg25394572</t>
  </si>
  <si>
    <t>cg25396185</t>
  </si>
  <si>
    <t>cg25400013</t>
  </si>
  <si>
    <t>cg25407972</t>
  </si>
  <si>
    <t>cg25412831</t>
  </si>
  <si>
    <t>cg25413298</t>
  </si>
  <si>
    <t>cg25422351</t>
  </si>
  <si>
    <t>cg25433490</t>
  </si>
  <si>
    <t>cg25435338</t>
  </si>
  <si>
    <t>cg25439758</t>
  </si>
  <si>
    <t>cg25439992</t>
  </si>
  <si>
    <t>cg25444017</t>
  </si>
  <si>
    <t>cg25454270</t>
  </si>
  <si>
    <t>cg25456515</t>
  </si>
  <si>
    <t>cg25456593</t>
  </si>
  <si>
    <t>cg25456633</t>
  </si>
  <si>
    <t>cg25465548</t>
  </si>
  <si>
    <t>cg25468005</t>
  </si>
  <si>
    <t>cg25478600</t>
  </si>
  <si>
    <t>cg25479306</t>
  </si>
  <si>
    <t>cg25483596</t>
  </si>
  <si>
    <t>cg25492363</t>
  </si>
  <si>
    <t>cg25497399</t>
  </si>
  <si>
    <t>cg25509872</t>
  </si>
  <si>
    <t>cg25519033</t>
  </si>
  <si>
    <t>cg25530631</t>
  </si>
  <si>
    <t>cg25532501</t>
  </si>
  <si>
    <t>cg25533556</t>
  </si>
  <si>
    <t>cg25551714</t>
  </si>
  <si>
    <t>cg25555424</t>
  </si>
  <si>
    <t>cg25556582</t>
  </si>
  <si>
    <t>cg25556987</t>
  </si>
  <si>
    <t>cg25560471</t>
  </si>
  <si>
    <t>cg25569575</t>
  </si>
  <si>
    <t>cg25571757</t>
  </si>
  <si>
    <t>cg25579157</t>
  </si>
  <si>
    <t>cg25598308</t>
  </si>
  <si>
    <t>cg25600823</t>
  </si>
  <si>
    <t>cg25601275</t>
  </si>
  <si>
    <t>cg25601661</t>
  </si>
  <si>
    <t>cg25614269</t>
  </si>
  <si>
    <t>cg25616216</t>
  </si>
  <si>
    <t>cg25618573</t>
  </si>
  <si>
    <t>cg25620125</t>
  </si>
  <si>
    <t>cg25622896</t>
  </si>
  <si>
    <t>cg25628257</t>
  </si>
  <si>
    <t>cg25632648</t>
  </si>
  <si>
    <t>cg25643782</t>
  </si>
  <si>
    <t>cg25717182</t>
  </si>
  <si>
    <t>cg25718632</t>
  </si>
  <si>
    <t>cg25721291</t>
  </si>
  <si>
    <t>cg25728723</t>
  </si>
  <si>
    <t>cg25733613</t>
  </si>
  <si>
    <t>cg25735572</t>
  </si>
  <si>
    <t>cg25739366</t>
  </si>
  <si>
    <t>cg25749432</t>
  </si>
  <si>
    <t>cg25753024</t>
  </si>
  <si>
    <t>cg25754228</t>
  </si>
  <si>
    <t>cg25756853</t>
  </si>
  <si>
    <t>cg25767985</t>
  </si>
  <si>
    <t>cg25770702</t>
  </si>
  <si>
    <t>cg25774643</t>
  </si>
  <si>
    <t>cg25777054</t>
  </si>
  <si>
    <t>cg25779653</t>
  </si>
  <si>
    <t>cg25780982</t>
  </si>
  <si>
    <t>cg25782847</t>
  </si>
  <si>
    <t>cg25784936</t>
  </si>
  <si>
    <t>cg25789216</t>
  </si>
  <si>
    <t>cg25791773</t>
  </si>
  <si>
    <t>cg25792419</t>
  </si>
  <si>
    <t>cg25792521</t>
  </si>
  <si>
    <t>cg25801742</t>
  </si>
  <si>
    <t>cg25810379</t>
  </si>
  <si>
    <t>cg25830305</t>
  </si>
  <si>
    <t>cg25840179</t>
  </si>
  <si>
    <t>cg25840649</t>
  </si>
  <si>
    <t>cg25848652</t>
  </si>
  <si>
    <t>cg25855906</t>
  </si>
  <si>
    <t>cg25860425</t>
  </si>
  <si>
    <t>cg25864535</t>
  </si>
  <si>
    <t>cg25879836</t>
  </si>
  <si>
    <t>cg25885280</t>
  </si>
  <si>
    <t>cg25886479</t>
  </si>
  <si>
    <t>cg25886719</t>
  </si>
  <si>
    <t>cg25890275</t>
  </si>
  <si>
    <t>cg25896644</t>
  </si>
  <si>
    <t>cg25896967</t>
  </si>
  <si>
    <t>cg25899829</t>
  </si>
  <si>
    <t>cg25902616</t>
  </si>
  <si>
    <t>cg25904812</t>
  </si>
  <si>
    <t>cg25915838</t>
  </si>
  <si>
    <t>cg25918303</t>
  </si>
  <si>
    <t>cg25918541</t>
  </si>
  <si>
    <t>cg25920207</t>
  </si>
  <si>
    <t>cg25923207</t>
  </si>
  <si>
    <t>cg25925177</t>
  </si>
  <si>
    <t>cg25926767</t>
  </si>
  <si>
    <t>cg25927375</t>
  </si>
  <si>
    <t>cg25931491</t>
  </si>
  <si>
    <t>cg25943588</t>
  </si>
  <si>
    <t>cg25944898</t>
  </si>
  <si>
    <t>cg25945821</t>
  </si>
  <si>
    <t>cg25947144</t>
  </si>
  <si>
    <t>cg25949958</t>
  </si>
  <si>
    <t>cg25954729</t>
  </si>
  <si>
    <t>cg25982483</t>
  </si>
  <si>
    <t>cg25989057</t>
  </si>
  <si>
    <t>cg25992645</t>
  </si>
  <si>
    <t>cg25993851</t>
  </si>
  <si>
    <t>cg25994096</t>
  </si>
  <si>
    <t>cg25995133</t>
  </si>
  <si>
    <t>cg26000663</t>
  </si>
  <si>
    <t>cg26002713</t>
  </si>
  <si>
    <t>cg26004221</t>
  </si>
  <si>
    <t>cg26004810</t>
  </si>
  <si>
    <t>cg26005578</t>
  </si>
  <si>
    <t>cg26008877</t>
  </si>
  <si>
    <t>cg26012716</t>
  </si>
  <si>
    <t>cg26019112</t>
  </si>
  <si>
    <t>cg26021246</t>
  </si>
  <si>
    <t>cg26024868</t>
  </si>
  <si>
    <t>cg26030804</t>
  </si>
  <si>
    <t>cg26041493</t>
  </si>
  <si>
    <t>cg26046204</t>
  </si>
  <si>
    <t>cg26051413</t>
  </si>
  <si>
    <t>cg26054336</t>
  </si>
  <si>
    <t>cg26057780</t>
  </si>
  <si>
    <t>cg26061001</t>
  </si>
  <si>
    <t>cg26068283</t>
  </si>
  <si>
    <t>cg26080154</t>
  </si>
  <si>
    <t>cg26082257</t>
  </si>
  <si>
    <t>cg26088759</t>
  </si>
  <si>
    <t>cg26090107</t>
  </si>
  <si>
    <t>cg26090652</t>
  </si>
  <si>
    <t>cg26090849</t>
  </si>
  <si>
    <t>cg26098818</t>
  </si>
  <si>
    <t>cg26101560</t>
  </si>
  <si>
    <t>cg26104781</t>
  </si>
  <si>
    <t>cg26107100</t>
  </si>
  <si>
    <t>cg26108683</t>
  </si>
  <si>
    <t>cg26119740</t>
  </si>
  <si>
    <t>cg26121782</t>
  </si>
  <si>
    <t>cg26132452</t>
  </si>
  <si>
    <t>cg26135012</t>
  </si>
  <si>
    <t>cg26142412</t>
  </si>
  <si>
    <t>cg26145223</t>
  </si>
  <si>
    <t>cg26146306</t>
  </si>
  <si>
    <t>cg26149765</t>
  </si>
  <si>
    <t>cg26160976</t>
  </si>
  <si>
    <t>cg26164151</t>
  </si>
  <si>
    <t>cg26170077</t>
  </si>
  <si>
    <t>cg26172195</t>
  </si>
  <si>
    <t>cg26172907</t>
  </si>
  <si>
    <t>cg26180469</t>
  </si>
  <si>
    <t>cg26193555</t>
  </si>
  <si>
    <t>cg26203583</t>
  </si>
  <si>
    <t>cg26204383</t>
  </si>
  <si>
    <t>cg26209546</t>
  </si>
  <si>
    <t>cg26210187</t>
  </si>
  <si>
    <t>cg26218466</t>
  </si>
  <si>
    <t>cg26220419</t>
  </si>
  <si>
    <t>cg26231529</t>
  </si>
  <si>
    <t>cg26232818</t>
  </si>
  <si>
    <t>cg26234876</t>
  </si>
  <si>
    <t>cg26240185</t>
  </si>
  <si>
    <t>cg26242583</t>
  </si>
  <si>
    <t>cg26246133</t>
  </si>
  <si>
    <t>cg26254678</t>
  </si>
  <si>
    <t>cg26255314</t>
  </si>
  <si>
    <t>cg26268145</t>
  </si>
  <si>
    <t>cg26272058</t>
  </si>
  <si>
    <t>cg26272614</t>
  </si>
  <si>
    <t>cg26275898</t>
  </si>
  <si>
    <t>cg26276611</t>
  </si>
  <si>
    <t>cg26283170</t>
  </si>
  <si>
    <t>cg26283550</t>
  </si>
  <si>
    <t>cg26284613</t>
  </si>
  <si>
    <t>cg26293830</t>
  </si>
  <si>
    <t>cg26304147</t>
  </si>
  <si>
    <t>cg26311804</t>
  </si>
  <si>
    <t>cg26312542</t>
  </si>
  <si>
    <t>cg26313599</t>
  </si>
  <si>
    <t>cg26317405</t>
  </si>
  <si>
    <t>cg26337010</t>
  </si>
  <si>
    <t>cg26341268</t>
  </si>
  <si>
    <t>cg26343510</t>
  </si>
  <si>
    <t>cg26352676</t>
  </si>
  <si>
    <t>cg26353862</t>
  </si>
  <si>
    <t>cg26357587</t>
  </si>
  <si>
    <t>cg26361553</t>
  </si>
  <si>
    <t>cg26365854</t>
  </si>
  <si>
    <t>cg26367591</t>
  </si>
  <si>
    <t>cg26369667</t>
  </si>
  <si>
    <t>cg26375147</t>
  </si>
  <si>
    <t>cg26379859</t>
  </si>
  <si>
    <t>cg26389465</t>
  </si>
  <si>
    <t>cg26406571</t>
  </si>
  <si>
    <t>cg26410557</t>
  </si>
  <si>
    <t>cg26416241</t>
  </si>
  <si>
    <t>cg26417642</t>
  </si>
  <si>
    <t>cg26418434</t>
  </si>
  <si>
    <t>cg26419728</t>
  </si>
  <si>
    <t>cg26422472</t>
  </si>
  <si>
    <t>cg26429499</t>
  </si>
  <si>
    <t>cg26438284</t>
  </si>
  <si>
    <t>cg26445041</t>
  </si>
  <si>
    <t>cg26453360</t>
  </si>
  <si>
    <t>cg26455717</t>
  </si>
  <si>
    <t>cg26457809</t>
  </si>
  <si>
    <t>cg26459819</t>
  </si>
  <si>
    <t>cg26462656</t>
  </si>
  <si>
    <t>cg26468130</t>
  </si>
  <si>
    <t>cg26476755</t>
  </si>
  <si>
    <t>cg26477593</t>
  </si>
  <si>
    <t>cg26489413</t>
  </si>
  <si>
    <t>cg26505052</t>
  </si>
  <si>
    <t>cg26517849</t>
  </si>
  <si>
    <t>cg26520976</t>
  </si>
  <si>
    <t>cg26522297</t>
  </si>
  <si>
    <t>cg26527782</t>
  </si>
  <si>
    <t>cg26528620</t>
  </si>
  <si>
    <t>cg26532393</t>
  </si>
  <si>
    <t>cg26537416</t>
  </si>
  <si>
    <t>cg26540315</t>
  </si>
  <si>
    <t>cg26541003</t>
  </si>
  <si>
    <t>cg26561785</t>
  </si>
  <si>
    <t>cg26561797</t>
  </si>
  <si>
    <t>cg26574964</t>
  </si>
  <si>
    <t>cg26579032</t>
  </si>
  <si>
    <t>cg26584528</t>
  </si>
  <si>
    <t>cg26591930</t>
  </si>
  <si>
    <t>cg26595278</t>
  </si>
  <si>
    <t>cg26608305</t>
  </si>
  <si>
    <t>cg26608883</t>
  </si>
  <si>
    <t>cg26612563</t>
  </si>
  <si>
    <t>cg26633783</t>
  </si>
  <si>
    <t>cg26636312</t>
  </si>
  <si>
    <t>cg26638011</t>
  </si>
  <si>
    <t>cg26639216</t>
  </si>
  <si>
    <t>cg26647291</t>
  </si>
  <si>
    <t>cg26656136</t>
  </si>
  <si>
    <t>cg26656287</t>
  </si>
  <si>
    <t>cg26664752</t>
  </si>
  <si>
    <t>cg26665035</t>
  </si>
  <si>
    <t>cg26668837</t>
  </si>
  <si>
    <t>cg26673279</t>
  </si>
  <si>
    <t>cg26678920</t>
  </si>
  <si>
    <t>cg26683025</t>
  </si>
  <si>
    <t>cg26686277</t>
  </si>
  <si>
    <t>cg26688678</t>
  </si>
  <si>
    <t>cg26703758</t>
  </si>
  <si>
    <t>cg26706187</t>
  </si>
  <si>
    <t>cg26718354</t>
  </si>
  <si>
    <t>cg26728851</t>
  </si>
  <si>
    <t>cg26733140</t>
  </si>
  <si>
    <t>cg26734916</t>
  </si>
  <si>
    <t>cg26735824</t>
  </si>
  <si>
    <t>cg26736400</t>
  </si>
  <si>
    <t>cg26738040</t>
  </si>
  <si>
    <t>cg26738160</t>
  </si>
  <si>
    <t>cg26743317</t>
  </si>
  <si>
    <t>cg26752884</t>
  </si>
  <si>
    <t>cg26758986</t>
  </si>
  <si>
    <t>cg26762056</t>
  </si>
  <si>
    <t>cg26772255</t>
  </si>
  <si>
    <t>cg26776957</t>
  </si>
  <si>
    <t>cg26787244</t>
  </si>
  <si>
    <t>cg26790879</t>
  </si>
  <si>
    <t>cg26801109</t>
  </si>
  <si>
    <t>cg26808779</t>
  </si>
  <si>
    <t>cg26808852</t>
  </si>
  <si>
    <t>cg26808979</t>
  </si>
  <si>
    <t>cg26811061</t>
  </si>
  <si>
    <t>cg26812728</t>
  </si>
  <si>
    <t>cg26819695</t>
  </si>
  <si>
    <t>cg26821960</t>
  </si>
  <si>
    <t>cg26827653</t>
  </si>
  <si>
    <t>cg26831488</t>
  </si>
  <si>
    <t>cg26840462</t>
  </si>
  <si>
    <t>cg26843469</t>
  </si>
  <si>
    <t>cg26846647</t>
  </si>
  <si>
    <t>cg26848086</t>
  </si>
  <si>
    <t>cg26848718</t>
  </si>
  <si>
    <t>cg26860703</t>
  </si>
  <si>
    <t>cg26864130</t>
  </si>
  <si>
    <t>cg26866165</t>
  </si>
  <si>
    <t>cg26868156</t>
  </si>
  <si>
    <t>cg26870803</t>
  </si>
  <si>
    <t>cg26871885</t>
  </si>
  <si>
    <t>cg26878967</t>
  </si>
  <si>
    <t>cg26886334</t>
  </si>
  <si>
    <t>cg26892308</t>
  </si>
  <si>
    <t>cg26898566</t>
  </si>
  <si>
    <t>cg26900509</t>
  </si>
  <si>
    <t>cg26906629</t>
  </si>
  <si>
    <t>cg26910867</t>
  </si>
  <si>
    <t>cg26913576</t>
  </si>
  <si>
    <t>cg26924025</t>
  </si>
  <si>
    <t>cg26928125</t>
  </si>
  <si>
    <t>cg26931872</t>
  </si>
  <si>
    <t>cg26942121</t>
  </si>
  <si>
    <t>cg26942234</t>
  </si>
  <si>
    <t>cg26945811</t>
  </si>
  <si>
    <t>cg26945996</t>
  </si>
  <si>
    <t>cg26954736</t>
  </si>
  <si>
    <t>cg26957012</t>
  </si>
  <si>
    <t>cg26962595</t>
  </si>
  <si>
    <t>cg26963029</t>
  </si>
  <si>
    <t>cg26963044</t>
  </si>
  <si>
    <t>cg26963277</t>
  </si>
  <si>
    <t>cg26968245</t>
  </si>
  <si>
    <t>cg26969596</t>
  </si>
  <si>
    <t>cg26975351</t>
  </si>
  <si>
    <t>cg26985666</t>
  </si>
  <si>
    <t>cg26989316</t>
  </si>
  <si>
    <t>cg26992415</t>
  </si>
  <si>
    <t>cg26993251</t>
  </si>
  <si>
    <t>cg26996201</t>
  </si>
  <si>
    <t>cg27002185</t>
  </si>
  <si>
    <t>cg27011060</t>
  </si>
  <si>
    <t>cg27028414</t>
  </si>
  <si>
    <t>cg27030245</t>
  </si>
  <si>
    <t>cg27042081</t>
  </si>
  <si>
    <t>cg27047923</t>
  </si>
  <si>
    <t>cg27049096</t>
  </si>
  <si>
    <t>cg27052403</t>
  </si>
  <si>
    <t>cg27064064</t>
  </si>
  <si>
    <t>cg27066155</t>
  </si>
  <si>
    <t>cg27068490</t>
  </si>
  <si>
    <t>cg27075187</t>
  </si>
  <si>
    <t>cg27077228</t>
  </si>
  <si>
    <t>cg27081634</t>
  </si>
  <si>
    <t>cg27083891</t>
  </si>
  <si>
    <t>cg27090029</t>
  </si>
  <si>
    <t>cg27094173</t>
  </si>
  <si>
    <t>cg27100471</t>
  </si>
  <si>
    <t>cg27108600</t>
  </si>
  <si>
    <t>cg27110548</t>
  </si>
  <si>
    <t>cg27113009</t>
  </si>
  <si>
    <t>cg27113153</t>
  </si>
  <si>
    <t>cg27123817</t>
  </si>
  <si>
    <t>cg27132391</t>
  </si>
  <si>
    <t>cg27138195</t>
  </si>
  <si>
    <t>cg27140633</t>
  </si>
  <si>
    <t>cg27155168</t>
  </si>
  <si>
    <t>cg27161463</t>
  </si>
  <si>
    <t>cg27163061</t>
  </si>
  <si>
    <t>cg27165920</t>
  </si>
  <si>
    <t>cg27173322</t>
  </si>
  <si>
    <t>cg27175288</t>
  </si>
  <si>
    <t>cg27192902</t>
  </si>
  <si>
    <t>cg27193021</t>
  </si>
  <si>
    <t>cg27193031</t>
  </si>
  <si>
    <t>cg27193691</t>
  </si>
  <si>
    <t>cg27199889</t>
  </si>
  <si>
    <t>cg27205687</t>
  </si>
  <si>
    <t>cg27217878</t>
  </si>
  <si>
    <t>cg27218829</t>
  </si>
  <si>
    <t>cg27234067</t>
  </si>
  <si>
    <t>cg27243166</t>
  </si>
  <si>
    <t>cg27249581</t>
  </si>
  <si>
    <t>cg27252164</t>
  </si>
  <si>
    <t>cg27256934</t>
  </si>
  <si>
    <t>cg27260636</t>
  </si>
  <si>
    <t>cg27293078</t>
  </si>
  <si>
    <t>cg27294841</t>
  </si>
  <si>
    <t>cg27309155</t>
  </si>
  <si>
    <t>cg27314569</t>
  </si>
  <si>
    <t>cg27316224</t>
  </si>
  <si>
    <t>cg27319263</t>
  </si>
  <si>
    <t>cg27323091</t>
  </si>
  <si>
    <t>cg27323784</t>
  </si>
  <si>
    <t>cg27345286</t>
  </si>
  <si>
    <t>cg27351780</t>
  </si>
  <si>
    <t>cg27353073</t>
  </si>
  <si>
    <t>cg27353309</t>
  </si>
  <si>
    <t>cg27353979</t>
  </si>
  <si>
    <t>cg27358097</t>
  </si>
  <si>
    <t>cg27362115</t>
  </si>
  <si>
    <t>cg27362439</t>
  </si>
  <si>
    <t>cg27365485</t>
  </si>
  <si>
    <t>cg27368423</t>
  </si>
  <si>
    <t>cg27370461</t>
  </si>
  <si>
    <t>cg27380774</t>
  </si>
  <si>
    <t>cg27384476</t>
  </si>
  <si>
    <t>cg27387226</t>
  </si>
  <si>
    <t>cg27389549</t>
  </si>
  <si>
    <t>cg27395922</t>
  </si>
  <si>
    <t>cg27395939</t>
  </si>
  <si>
    <t>cg27401681</t>
  </si>
  <si>
    <t>cg27402845</t>
  </si>
  <si>
    <t>cg27412039</t>
  </si>
  <si>
    <t>cg27413462</t>
  </si>
  <si>
    <t>cg27420264</t>
  </si>
  <si>
    <t>cg27426151</t>
  </si>
  <si>
    <t>cg27431247</t>
  </si>
  <si>
    <t>cg27431761</t>
  </si>
  <si>
    <t>cg27434351</t>
  </si>
  <si>
    <t>cg27441858</t>
  </si>
  <si>
    <t>cg27445169</t>
  </si>
  <si>
    <t>cg27445893</t>
  </si>
  <si>
    <t>cg27448595</t>
  </si>
  <si>
    <t>cg27452185</t>
  </si>
  <si>
    <t>cg27456707</t>
  </si>
  <si>
    <t>cg27457284</t>
  </si>
  <si>
    <t>cg27462051</t>
  </si>
  <si>
    <t>cg27466532</t>
  </si>
  <si>
    <t>cg27470027</t>
  </si>
  <si>
    <t>cg27470307</t>
  </si>
  <si>
    <t>cg27471124</t>
  </si>
  <si>
    <t>cg27472151</t>
  </si>
  <si>
    <t>cg27475586</t>
  </si>
  <si>
    <t>cg27475923</t>
  </si>
  <si>
    <t>cg27477067</t>
  </si>
  <si>
    <t>cg27481141</t>
  </si>
  <si>
    <t>cg27483767</t>
  </si>
  <si>
    <t>cg27583337</t>
  </si>
  <si>
    <t>cg27587257</t>
  </si>
  <si>
    <t>cg27597084</t>
  </si>
  <si>
    <t>cg27601855</t>
  </si>
  <si>
    <t>cg27603915</t>
  </si>
  <si>
    <t>cg27607136</t>
  </si>
  <si>
    <t>cg27607372</t>
  </si>
  <si>
    <t>cg27624702</t>
  </si>
  <si>
    <t>cg27626334</t>
  </si>
  <si>
    <t>cg27626746</t>
  </si>
  <si>
    <t>cg27629023</t>
  </si>
  <si>
    <t>cg27639620</t>
  </si>
  <si>
    <t>cg27642428</t>
  </si>
  <si>
    <t>cg27650678</t>
  </si>
  <si>
    <t>cg27655512</t>
  </si>
  <si>
    <t>cg27660192</t>
  </si>
  <si>
    <t>cg27661571</t>
  </si>
  <si>
    <t>cg00000769</t>
  </si>
  <si>
    <t>cg00003298</t>
  </si>
  <si>
    <t>cg00004979</t>
  </si>
  <si>
    <t>cg00009214</t>
  </si>
  <si>
    <t>cg00011350</t>
  </si>
  <si>
    <t>cg00012529</t>
  </si>
  <si>
    <t>cg00013441</t>
  </si>
  <si>
    <t>cg00015699</t>
  </si>
  <si>
    <t>cg00031896</t>
  </si>
  <si>
    <t>cg00033668</t>
  </si>
  <si>
    <t>cg00040312</t>
  </si>
  <si>
    <t>cg00044170</t>
  </si>
  <si>
    <t>cg00056719</t>
  </si>
  <si>
    <t>cg00058786</t>
  </si>
  <si>
    <t>cg00059782</t>
  </si>
  <si>
    <t>cg00063703</t>
  </si>
  <si>
    <t>cg00066668</t>
  </si>
  <si>
    <t>cg00079216</t>
  </si>
  <si>
    <t>cg00088026</t>
  </si>
  <si>
    <t>cg00093087</t>
  </si>
  <si>
    <t>cg00094036</t>
  </si>
  <si>
    <t>cg00098112</t>
  </si>
  <si>
    <t>cg00109503</t>
  </si>
  <si>
    <t>cg00111436</t>
  </si>
  <si>
    <t>cg00136643</t>
  </si>
  <si>
    <t>cg00140235</t>
  </si>
  <si>
    <t>cg00142624</t>
  </si>
  <si>
    <t>cg00147976</t>
  </si>
  <si>
    <t>cg00155485</t>
  </si>
  <si>
    <t>cg00156964</t>
  </si>
  <si>
    <t>cg00159243</t>
  </si>
  <si>
    <t>cg00171436</t>
  </si>
  <si>
    <t>cg00175901</t>
  </si>
  <si>
    <t>cg00175980</t>
  </si>
  <si>
    <t>cg00182534</t>
  </si>
  <si>
    <t>cg00182639</t>
  </si>
  <si>
    <t>cg00201185</t>
  </si>
  <si>
    <t>cg00203347</t>
  </si>
  <si>
    <t>cg00210271</t>
  </si>
  <si>
    <t>cg00221394</t>
  </si>
  <si>
    <t>cg00226608</t>
  </si>
  <si>
    <t>cg00226754</t>
  </si>
  <si>
    <t>cg00230120</t>
  </si>
  <si>
    <t>cg00236302</t>
  </si>
  <si>
    <t>cg00239654</t>
  </si>
  <si>
    <t>cg00243897</t>
  </si>
  <si>
    <t>cg00244634</t>
  </si>
  <si>
    <t>cg00254306</t>
  </si>
  <si>
    <t>cg00254608</t>
  </si>
  <si>
    <t>cg00256785</t>
  </si>
  <si>
    <t>cg00262776</t>
  </si>
  <si>
    <t>cg00346556</t>
  </si>
  <si>
    <t>cg00347620</t>
  </si>
  <si>
    <t>cg00353675</t>
  </si>
  <si>
    <t>cg00357671</t>
  </si>
  <si>
    <t>cg00357958</t>
  </si>
  <si>
    <t>cg00364287</t>
  </si>
  <si>
    <t>cg00369908</t>
  </si>
  <si>
    <t>cg00370303</t>
  </si>
  <si>
    <t>cg00379080</t>
  </si>
  <si>
    <t>cg00379648</t>
  </si>
  <si>
    <t>cg00383178</t>
  </si>
  <si>
    <t>cg00384210</t>
  </si>
  <si>
    <t>cg00394830</t>
  </si>
  <si>
    <t>cg00404861</t>
  </si>
  <si>
    <t>cg00418479</t>
  </si>
  <si>
    <t>cg00442458</t>
  </si>
  <si>
    <t>cg00454517</t>
  </si>
  <si>
    <t>cg00456348</t>
  </si>
  <si>
    <t>cg00461060</t>
  </si>
  <si>
    <t>cg00464056</t>
  </si>
  <si>
    <t>cg00470007</t>
  </si>
  <si>
    <t>cg00470766</t>
  </si>
  <si>
    <t>cg00474734</t>
  </si>
  <si>
    <t>cg00475036</t>
  </si>
  <si>
    <t>cg00483526</t>
  </si>
  <si>
    <t>cg00489988</t>
  </si>
  <si>
    <t>cg00491210</t>
  </si>
  <si>
    <t>cg00493755</t>
  </si>
  <si>
    <t>cg00499750</t>
  </si>
  <si>
    <t>cg00500522</t>
  </si>
  <si>
    <t>cg00510160</t>
  </si>
  <si>
    <t>cg00529181</t>
  </si>
  <si>
    <t>cg00531400</t>
  </si>
  <si>
    <t>cg00558702</t>
  </si>
  <si>
    <t>cg00564190</t>
  </si>
  <si>
    <t>cg00567703</t>
  </si>
  <si>
    <t>cg00574919</t>
  </si>
  <si>
    <t>cg00576388</t>
  </si>
  <si>
    <t>cg00584861</t>
  </si>
  <si>
    <t>cg00589573</t>
  </si>
  <si>
    <t>cg00592781</t>
  </si>
  <si>
    <t>cg00596508</t>
  </si>
  <si>
    <t>cg00596643</t>
  </si>
  <si>
    <t>cg00601042</t>
  </si>
  <si>
    <t>cg00603363</t>
  </si>
  <si>
    <t>cg00610577</t>
  </si>
  <si>
    <t>cg00638384</t>
  </si>
  <si>
    <t>cg00639250</t>
  </si>
  <si>
    <t>cg00647646</t>
  </si>
  <si>
    <t>cg00649211</t>
  </si>
  <si>
    <t>cg00656647</t>
  </si>
  <si>
    <t>cg00661970</t>
  </si>
  <si>
    <t>cg00667976</t>
  </si>
  <si>
    <t>cg00677986</t>
  </si>
  <si>
    <t>cg00694371</t>
  </si>
  <si>
    <t>cg00701398</t>
  </si>
  <si>
    <t>cg00704012</t>
  </si>
  <si>
    <t>cg00716604</t>
  </si>
  <si>
    <t>cg00723994</t>
  </si>
  <si>
    <t>cg00739353</t>
  </si>
  <si>
    <t>cg00740389</t>
  </si>
  <si>
    <t>cg00741700</t>
  </si>
  <si>
    <t>cg00750428</t>
  </si>
  <si>
    <t>cg00751937</t>
  </si>
  <si>
    <t>cg00763151</t>
  </si>
  <si>
    <t>cg00765705</t>
  </si>
  <si>
    <t>cg00766289</t>
  </si>
  <si>
    <t>cg00769775</t>
  </si>
  <si>
    <t>cg00770871</t>
  </si>
  <si>
    <t>cg00773818</t>
  </si>
  <si>
    <t>cg00776080</t>
  </si>
  <si>
    <t>cg00776266</t>
  </si>
  <si>
    <t>cg00790741</t>
  </si>
  <si>
    <t>cg00793990</t>
  </si>
  <si>
    <t>cg00798796</t>
  </si>
  <si>
    <t>cg00800353</t>
  </si>
  <si>
    <t>cg00802728</t>
  </si>
  <si>
    <t>cg00810836</t>
  </si>
  <si>
    <t>cg00812438</t>
  </si>
  <si>
    <t>cg00813509</t>
  </si>
  <si>
    <t>cg00814733</t>
  </si>
  <si>
    <t>cg00815109</t>
  </si>
  <si>
    <t>cg00817367</t>
  </si>
  <si>
    <t>cg00817870</t>
  </si>
  <si>
    <t>cg00819696</t>
  </si>
  <si>
    <t>cg00824109</t>
  </si>
  <si>
    <t>cg00848945</t>
  </si>
  <si>
    <t>cg00850840</t>
  </si>
  <si>
    <t>cg00853733</t>
  </si>
  <si>
    <t>cg00862618</t>
  </si>
  <si>
    <t>cg00863654</t>
  </si>
  <si>
    <t>cg00867626</t>
  </si>
  <si>
    <t>cg00873601</t>
  </si>
  <si>
    <t>cg00873974</t>
  </si>
  <si>
    <t>cg00906926</t>
  </si>
  <si>
    <t>cg00910333</t>
  </si>
  <si>
    <t>cg00912164</t>
  </si>
  <si>
    <t>cg00912639</t>
  </si>
  <si>
    <t>cg00924143</t>
  </si>
  <si>
    <t>cg00953066</t>
  </si>
  <si>
    <t>cg00960772</t>
  </si>
  <si>
    <t>cg00961166</t>
  </si>
  <si>
    <t>cg00961446</t>
  </si>
  <si>
    <t>cg00969047</t>
  </si>
  <si>
    <t>cg00983904</t>
  </si>
  <si>
    <t>cg00996690</t>
  </si>
  <si>
    <t>cg01002995</t>
  </si>
  <si>
    <t>cg01008854</t>
  </si>
  <si>
    <t>cg01013566</t>
  </si>
  <si>
    <t>cg01014438</t>
  </si>
  <si>
    <t>cg01015899</t>
  </si>
  <si>
    <t>cg01016191</t>
  </si>
  <si>
    <t>cg01020980</t>
  </si>
  <si>
    <t>cg01030173</t>
  </si>
  <si>
    <t>cg01043320</t>
  </si>
  <si>
    <t>cg01047904</t>
  </si>
  <si>
    <t>cg01054110</t>
  </si>
  <si>
    <t>cg01056242</t>
  </si>
  <si>
    <t>cg01060409</t>
  </si>
  <si>
    <t>cg01061590</t>
  </si>
  <si>
    <t>cg01090661</t>
  </si>
  <si>
    <t>cg01093885</t>
  </si>
  <si>
    <t>cg01095510</t>
  </si>
  <si>
    <t>cg01096886</t>
  </si>
  <si>
    <t>cg01097881</t>
  </si>
  <si>
    <t>cg01100864</t>
  </si>
  <si>
    <t>cg01103590</t>
  </si>
  <si>
    <t>cg01103812</t>
  </si>
  <si>
    <t>cg01104200</t>
  </si>
  <si>
    <t>cg01153660</t>
  </si>
  <si>
    <t>cg01154392</t>
  </si>
  <si>
    <t>cg01160440</t>
  </si>
  <si>
    <t>cg01163066</t>
  </si>
  <si>
    <t>cg01163298</t>
  </si>
  <si>
    <t>cg01178113</t>
  </si>
  <si>
    <t>cg01179580</t>
  </si>
  <si>
    <t>cg01181415</t>
  </si>
  <si>
    <t>cg01181492</t>
  </si>
  <si>
    <t>cg01182690</t>
  </si>
  <si>
    <t>cg01190168</t>
  </si>
  <si>
    <t>cg01213014</t>
  </si>
  <si>
    <t>cg01213231</t>
  </si>
  <si>
    <t>cg01224393</t>
  </si>
  <si>
    <t>cg01225086</t>
  </si>
  <si>
    <t>cg01226865</t>
  </si>
  <si>
    <t>cg01228893</t>
  </si>
  <si>
    <t>cg01244006</t>
  </si>
  <si>
    <t>cg01248866</t>
  </si>
  <si>
    <t>cg01252513</t>
  </si>
  <si>
    <t>cg01254303</t>
  </si>
  <si>
    <t>cg01259104</t>
  </si>
  <si>
    <t>cg01263292</t>
  </si>
  <si>
    <t>cg01267941</t>
  </si>
  <si>
    <t>cg01270451</t>
  </si>
  <si>
    <t>cg01273565</t>
  </si>
  <si>
    <t>cg01273790</t>
  </si>
  <si>
    <t>cg01288258</t>
  </si>
  <si>
    <t>cg01289656</t>
  </si>
  <si>
    <t>cg01302902</t>
  </si>
  <si>
    <t>cg01307092</t>
  </si>
  <si>
    <t>cg01307526</t>
  </si>
  <si>
    <t>cg01311567</t>
  </si>
  <si>
    <t>cg01340089</t>
  </si>
  <si>
    <t>cg01345841</t>
  </si>
  <si>
    <t>cg01353809</t>
  </si>
  <si>
    <t>cg01354296</t>
  </si>
  <si>
    <t>cg01354921</t>
  </si>
  <si>
    <t>cg01390543</t>
  </si>
  <si>
    <t>cg01394199</t>
  </si>
  <si>
    <t>cg01400952</t>
  </si>
  <si>
    <t>cg01407073</t>
  </si>
  <si>
    <t>cg01407332</t>
  </si>
  <si>
    <t>cg01410224</t>
  </si>
  <si>
    <t>cg01414289</t>
  </si>
  <si>
    <t>cg01428378</t>
  </si>
  <si>
    <t>cg01472951</t>
  </si>
  <si>
    <t>cg01474481</t>
  </si>
  <si>
    <t>cg01474603</t>
  </si>
  <si>
    <t>cg01485790</t>
  </si>
  <si>
    <t>cg01492330</t>
  </si>
  <si>
    <t>cg01498160</t>
  </si>
  <si>
    <t>cg01515015</t>
  </si>
  <si>
    <t>cg01516440</t>
  </si>
  <si>
    <t>cg01519253</t>
  </si>
  <si>
    <t>cg01525916</t>
  </si>
  <si>
    <t>cg01526870</t>
  </si>
  <si>
    <t>cg01577751</t>
  </si>
  <si>
    <t>cg01579535</t>
  </si>
  <si>
    <t>cg01581637</t>
  </si>
  <si>
    <t>cg01583034</t>
  </si>
  <si>
    <t>cg01585322</t>
  </si>
  <si>
    <t>cg01588748</t>
  </si>
  <si>
    <t>cg01590359</t>
  </si>
  <si>
    <t>cg01597255</t>
  </si>
  <si>
    <t>cg01600100</t>
  </si>
  <si>
    <t>cg01601306</t>
  </si>
  <si>
    <t>cg01608167</t>
  </si>
  <si>
    <t>cg01614102</t>
  </si>
  <si>
    <t>cg01615018</t>
  </si>
  <si>
    <t>cg01616394</t>
  </si>
  <si>
    <t>cg01619509</t>
  </si>
  <si>
    <t>cg01623984</t>
  </si>
  <si>
    <t>cg01627046</t>
  </si>
  <si>
    <t>cg01635736</t>
  </si>
  <si>
    <t>cg01638592</t>
  </si>
  <si>
    <t>cg01640991</t>
  </si>
  <si>
    <t>cg01643284</t>
  </si>
  <si>
    <t>cg01655781</t>
  </si>
  <si>
    <t>cg01657186</t>
  </si>
  <si>
    <t>cg01658824</t>
  </si>
  <si>
    <t>cg01667007</t>
  </si>
  <si>
    <t>cg01682504</t>
  </si>
  <si>
    <t>cg01688293</t>
  </si>
  <si>
    <t>cg01703419</t>
  </si>
  <si>
    <t>cg01708411</t>
  </si>
  <si>
    <t>cg01708466</t>
  </si>
  <si>
    <t>cg01710146</t>
  </si>
  <si>
    <t>cg01754267</t>
  </si>
  <si>
    <t>cg01756660</t>
  </si>
  <si>
    <t>cg01756730</t>
  </si>
  <si>
    <t>cg01757160</t>
  </si>
  <si>
    <t>cg01765882</t>
  </si>
  <si>
    <t>cg01798499</t>
  </si>
  <si>
    <t>cg01805480</t>
  </si>
  <si>
    <t>cg01812571</t>
  </si>
  <si>
    <t>cg01823079</t>
  </si>
  <si>
    <t>cg01830463</t>
  </si>
  <si>
    <t>cg01833398</t>
  </si>
  <si>
    <t>cg01837362</t>
  </si>
  <si>
    <t>cg01841696</t>
  </si>
  <si>
    <t>cg01844438</t>
  </si>
  <si>
    <t>cg01845583</t>
  </si>
  <si>
    <t>cg01848323</t>
  </si>
  <si>
    <t>cg01850464</t>
  </si>
  <si>
    <t>cg01856985</t>
  </si>
  <si>
    <t>cg01857475</t>
  </si>
  <si>
    <t>cg01858229</t>
  </si>
  <si>
    <t>cg01860189</t>
  </si>
  <si>
    <t>cg01861284</t>
  </si>
  <si>
    <t>cg01865610</t>
  </si>
  <si>
    <t>cg01869261</t>
  </si>
  <si>
    <t>cg01871979</t>
  </si>
  <si>
    <t>cg01872447</t>
  </si>
  <si>
    <t>cg01874084</t>
  </si>
  <si>
    <t>cg01903903</t>
  </si>
  <si>
    <t>cg01909103</t>
  </si>
  <si>
    <t>cg01915076</t>
  </si>
  <si>
    <t>cg01915888</t>
  </si>
  <si>
    <t>cg01933251</t>
  </si>
  <si>
    <t>cg01935942</t>
  </si>
  <si>
    <t>cg01940855</t>
  </si>
  <si>
    <t>cg01941018</t>
  </si>
  <si>
    <t>cg01944484</t>
  </si>
  <si>
    <t>cg01961881</t>
  </si>
  <si>
    <t>cg01963134</t>
  </si>
  <si>
    <t>cg01971880</t>
  </si>
  <si>
    <t>cg01972961</t>
  </si>
  <si>
    <t>cg01973095</t>
  </si>
  <si>
    <t>cg01991305</t>
  </si>
  <si>
    <t>cg02002664</t>
  </si>
  <si>
    <t>cg02003159</t>
  </si>
  <si>
    <t>cg02009256</t>
  </si>
  <si>
    <t>cg02012576</t>
  </si>
  <si>
    <t>cg02013918</t>
  </si>
  <si>
    <t>cg02017926</t>
  </si>
  <si>
    <t>cg02037863</t>
  </si>
  <si>
    <t>cg02046247</t>
  </si>
  <si>
    <t>cg02052242</t>
  </si>
  <si>
    <t>cg02052895</t>
  </si>
  <si>
    <t>cg02053964</t>
  </si>
  <si>
    <t>cg02062348</t>
  </si>
  <si>
    <t>cg02062409</t>
  </si>
  <si>
    <t>cg02063925</t>
  </si>
  <si>
    <t>cg02071292</t>
  </si>
  <si>
    <t>cg02071798</t>
  </si>
  <si>
    <t>cg02072400</t>
  </si>
  <si>
    <t>cg02084811</t>
  </si>
  <si>
    <t>cg02087039</t>
  </si>
  <si>
    <t>cg02138756</t>
  </si>
  <si>
    <t>cg02142767</t>
  </si>
  <si>
    <t>cg02150435</t>
  </si>
  <si>
    <t>cg02155543</t>
  </si>
  <si>
    <t>cg02158978</t>
  </si>
  <si>
    <t>cg02228111</t>
  </si>
  <si>
    <t>cg02264570</t>
  </si>
  <si>
    <t>cg02264922</t>
  </si>
  <si>
    <t>cg02264990</t>
  </si>
  <si>
    <t>cg02267312</t>
  </si>
  <si>
    <t>cg02269388</t>
  </si>
  <si>
    <t>cg02299189</t>
  </si>
  <si>
    <t>cg02299205</t>
  </si>
  <si>
    <t>cg02301907</t>
  </si>
  <si>
    <t>cg02303897</t>
  </si>
  <si>
    <t>cg02304656</t>
  </si>
  <si>
    <t>cg02305353</t>
  </si>
  <si>
    <t>cg02305765</t>
  </si>
  <si>
    <t>cg02306946</t>
  </si>
  <si>
    <t>cg02310562</t>
  </si>
  <si>
    <t>cg02317313</t>
  </si>
  <si>
    <t>cg02319782</t>
  </si>
  <si>
    <t>cg02324974</t>
  </si>
  <si>
    <t>cg02328332</t>
  </si>
  <si>
    <t>cg02332216</t>
  </si>
  <si>
    <t>cg02332982</t>
  </si>
  <si>
    <t>cg02334620</t>
  </si>
  <si>
    <t>cg02337568</t>
  </si>
  <si>
    <t>cg02339418</t>
  </si>
  <si>
    <t>cg02341743</t>
  </si>
  <si>
    <t>cg02344911</t>
  </si>
  <si>
    <t>cg02357389</t>
  </si>
  <si>
    <t>cg02359414</t>
  </si>
  <si>
    <t>cg02369195</t>
  </si>
  <si>
    <t>cg02371692</t>
  </si>
  <si>
    <t>cg02384530</t>
  </si>
  <si>
    <t>cg02385840</t>
  </si>
  <si>
    <t>cg02387326</t>
  </si>
  <si>
    <t>cg02390588</t>
  </si>
  <si>
    <t>cg02392575</t>
  </si>
  <si>
    <t>cg02399044</t>
  </si>
  <si>
    <t>cg02400334</t>
  </si>
  <si>
    <t>cg02408775</t>
  </si>
  <si>
    <t>cg02418452</t>
  </si>
  <si>
    <t>cg02427438</t>
  </si>
  <si>
    <t>cg02460997</t>
  </si>
  <si>
    <t>cg02465715</t>
  </si>
  <si>
    <t>cg02467451</t>
  </si>
  <si>
    <t>cg02469210</t>
  </si>
  <si>
    <t>cg02470736</t>
  </si>
  <si>
    <t>cg02471132</t>
  </si>
  <si>
    <t>cg02471346</t>
  </si>
  <si>
    <t>cg02472348</t>
  </si>
  <si>
    <t>cg02475600</t>
  </si>
  <si>
    <t>cg02481153</t>
  </si>
  <si>
    <t>cg02486415</t>
  </si>
  <si>
    <t>cg02491017</t>
  </si>
  <si>
    <t>cg02492791</t>
  </si>
  <si>
    <t>cg02500152</t>
  </si>
  <si>
    <t>cg02501984</t>
  </si>
  <si>
    <t>cg02504820</t>
  </si>
  <si>
    <t>cg02505454</t>
  </si>
  <si>
    <t>cg02506248</t>
  </si>
  <si>
    <t>cg02510471</t>
  </si>
  <si>
    <t>cg02511156</t>
  </si>
  <si>
    <t>cg02511363</t>
  </si>
  <si>
    <t>cg02513392</t>
  </si>
  <si>
    <t>cg02517558</t>
  </si>
  <si>
    <t>cg02519897</t>
  </si>
  <si>
    <t>cg02520212</t>
  </si>
  <si>
    <t>cg02520729</t>
  </si>
  <si>
    <t>cg02522523</t>
  </si>
  <si>
    <t>cg02531908</t>
  </si>
  <si>
    <t>cg02543772</t>
  </si>
  <si>
    <t>cg02546208</t>
  </si>
  <si>
    <t>cg02546521</t>
  </si>
  <si>
    <t>cg02553054</t>
  </si>
  <si>
    <t>cg02553284</t>
  </si>
  <si>
    <t>cg02565297</t>
  </si>
  <si>
    <t>cg02566159</t>
  </si>
  <si>
    <t>cg02575948</t>
  </si>
  <si>
    <t>cg02580923</t>
  </si>
  <si>
    <t>cg02585102</t>
  </si>
  <si>
    <t>cg02591564</t>
  </si>
  <si>
    <t>cg02602601</t>
  </si>
  <si>
    <t>cg02608491</t>
  </si>
  <si>
    <t>cg02617837</t>
  </si>
  <si>
    <t>cg02618300</t>
  </si>
  <si>
    <t>cg02630277</t>
  </si>
  <si>
    <t>cg02631951</t>
  </si>
  <si>
    <t>cg02639546</t>
  </si>
  <si>
    <t>cg02643597</t>
  </si>
  <si>
    <t>cg02644798</t>
  </si>
  <si>
    <t>cg02656049</t>
  </si>
  <si>
    <t>cg02659794</t>
  </si>
  <si>
    <t>cg02661886</t>
  </si>
  <si>
    <t>cg02665037</t>
  </si>
  <si>
    <t>cg02668471</t>
  </si>
  <si>
    <t>cg02688710</t>
  </si>
  <si>
    <t>cg02700346</t>
  </si>
  <si>
    <t>cg02705474</t>
  </si>
  <si>
    <t>cg02705918</t>
  </si>
  <si>
    <t>cg02708296</t>
  </si>
  <si>
    <t>cg02708659</t>
  </si>
  <si>
    <t>cg02708722</t>
  </si>
  <si>
    <t>cg02714882</t>
  </si>
  <si>
    <t>cg02717150</t>
  </si>
  <si>
    <t>cg02718824</t>
  </si>
  <si>
    <t>cg02721000</t>
  </si>
  <si>
    <t>cg02726930</t>
  </si>
  <si>
    <t>cg02734505</t>
  </si>
  <si>
    <t>cg02754295</t>
  </si>
  <si>
    <t>cg02763798</t>
  </si>
  <si>
    <t>cg02766820</t>
  </si>
  <si>
    <t>cg02766895</t>
  </si>
  <si>
    <t>cg02771661</t>
  </si>
  <si>
    <t>cg02772943</t>
  </si>
  <si>
    <t>cg02801786</t>
  </si>
  <si>
    <t>cg02802309</t>
  </si>
  <si>
    <t>cg02805665</t>
  </si>
  <si>
    <t>cg02811368</t>
  </si>
  <si>
    <t>cg02818811</t>
  </si>
  <si>
    <t>cg02823783</t>
  </si>
  <si>
    <t>cg02827029</t>
  </si>
  <si>
    <t>cg02832322</t>
  </si>
  <si>
    <t>cg02845997</t>
  </si>
  <si>
    <t>cg02846329</t>
  </si>
  <si>
    <t>cg02874016</t>
  </si>
  <si>
    <t>cg02905599</t>
  </si>
  <si>
    <t>cg02910553</t>
  </si>
  <si>
    <t>cg02911211</t>
  </si>
  <si>
    <t>cg02915221</t>
  </si>
  <si>
    <t>cg02916459</t>
  </si>
  <si>
    <t>cg02923571</t>
  </si>
  <si>
    <t>cg02926127</t>
  </si>
  <si>
    <t>cg02932843</t>
  </si>
  <si>
    <t>cg02943720</t>
  </si>
  <si>
    <t>cg02961087</t>
  </si>
  <si>
    <t>cg02963114</t>
  </si>
  <si>
    <t>cg02963283</t>
  </si>
  <si>
    <t>cg02963327</t>
  </si>
  <si>
    <t>cg02963556</t>
  </si>
  <si>
    <t>cg02964389</t>
  </si>
  <si>
    <t>cg03033080</t>
  </si>
  <si>
    <t>cg03037150</t>
  </si>
  <si>
    <t>cg03041046</t>
  </si>
  <si>
    <t>cg03043078</t>
  </si>
  <si>
    <t>cg03056153</t>
  </si>
  <si>
    <t>cg03077730</t>
  </si>
  <si>
    <t>cg03078269</t>
  </si>
  <si>
    <t>cg03078363</t>
  </si>
  <si>
    <t>cg03103374</t>
  </si>
  <si>
    <t>cg03122372</t>
  </si>
  <si>
    <t>cg03122583</t>
  </si>
  <si>
    <t>cg03122669</t>
  </si>
  <si>
    <t>cg03131155</t>
  </si>
  <si>
    <t>cg03140866</t>
  </si>
  <si>
    <t>cg03147452</t>
  </si>
  <si>
    <t>cg03149699</t>
  </si>
  <si>
    <t>cg03156109</t>
  </si>
  <si>
    <t>cg03159409</t>
  </si>
  <si>
    <t>cg03159671</t>
  </si>
  <si>
    <t>cg03160057</t>
  </si>
  <si>
    <t>cg03185975</t>
  </si>
  <si>
    <t>cg03188064</t>
  </si>
  <si>
    <t>cg03190379</t>
  </si>
  <si>
    <t>cg03199644</t>
  </si>
  <si>
    <t>cg03199745</t>
  </si>
  <si>
    <t>cg03209332</t>
  </si>
  <si>
    <t>cg03209541</t>
  </si>
  <si>
    <t>cg03223126</t>
  </si>
  <si>
    <t>cg03226218</t>
  </si>
  <si>
    <t>cg03237324</t>
  </si>
  <si>
    <t>cg03238639</t>
  </si>
  <si>
    <t>cg03240059</t>
  </si>
  <si>
    <t>cg03240628</t>
  </si>
  <si>
    <t>cg03241244</t>
  </si>
  <si>
    <t>cg03244616</t>
  </si>
  <si>
    <t>cg03255182</t>
  </si>
  <si>
    <t>cg03257341</t>
  </si>
  <si>
    <t>cg03308628</t>
  </si>
  <si>
    <t>cg03310242</t>
  </si>
  <si>
    <t>cg03311459</t>
  </si>
  <si>
    <t>cg03328639</t>
  </si>
  <si>
    <t>cg03333149</t>
  </si>
  <si>
    <t>cg03339668</t>
  </si>
  <si>
    <t>cg03341523</t>
  </si>
  <si>
    <t>cg03342871</t>
  </si>
  <si>
    <t>cg03345628</t>
  </si>
  <si>
    <t>cg03346442</t>
  </si>
  <si>
    <t>cg03392038</t>
  </si>
  <si>
    <t>cg03397307</t>
  </si>
  <si>
    <t>cg03402805</t>
  </si>
  <si>
    <t>cg03403116</t>
  </si>
  <si>
    <t>cg03404339</t>
  </si>
  <si>
    <t>cg03404362</t>
  </si>
  <si>
    <t>cg03409937</t>
  </si>
  <si>
    <t>cg03414202</t>
  </si>
  <si>
    <t>cg03432641</t>
  </si>
  <si>
    <t>cg03433030</t>
  </si>
  <si>
    <t>cg03433236</t>
  </si>
  <si>
    <t>cg03434624</t>
  </si>
  <si>
    <t>cg03435771</t>
  </si>
  <si>
    <t>cg03437025</t>
  </si>
  <si>
    <t>cg03455874</t>
  </si>
  <si>
    <t>cg03466082</t>
  </si>
  <si>
    <t>cg03494525</t>
  </si>
  <si>
    <t>cg03502446</t>
  </si>
  <si>
    <t>cg03505148</t>
  </si>
  <si>
    <t>cg03507593</t>
  </si>
  <si>
    <t>cg03510349</t>
  </si>
  <si>
    <t>cg03515494</t>
  </si>
  <si>
    <t>cg03536474</t>
  </si>
  <si>
    <t>cg03539765</t>
  </si>
  <si>
    <t>cg03549024</t>
  </si>
  <si>
    <t>cg03549571</t>
  </si>
  <si>
    <t>cg03556393</t>
  </si>
  <si>
    <t>cg03598287</t>
  </si>
  <si>
    <t>cg03599547</t>
  </si>
  <si>
    <t>cg03612522</t>
  </si>
  <si>
    <t>cg03618215</t>
  </si>
  <si>
    <t>cg03654299</t>
  </si>
  <si>
    <t>cg03657660</t>
  </si>
  <si>
    <t>cg03665089</t>
  </si>
  <si>
    <t>cg03667862</t>
  </si>
  <si>
    <t>cg03668470</t>
  </si>
  <si>
    <t>cg03668495</t>
  </si>
  <si>
    <t>cg03672499</t>
  </si>
  <si>
    <t>cg03672933</t>
  </si>
  <si>
    <t>cg03700449</t>
  </si>
  <si>
    <t>cg03709792</t>
  </si>
  <si>
    <t>cg03717750</t>
  </si>
  <si>
    <t>cg03728296</t>
  </si>
  <si>
    <t>cg03733196</t>
  </si>
  <si>
    <t>cg03737815</t>
  </si>
  <si>
    <t>cg03742214</t>
  </si>
  <si>
    <t>cg03753241</t>
  </si>
  <si>
    <t>cg03761750</t>
  </si>
  <si>
    <t>cg03766373</t>
  </si>
  <si>
    <t>cg03774484</t>
  </si>
  <si>
    <t>cg03782130</t>
  </si>
  <si>
    <t>cg03784614</t>
  </si>
  <si>
    <t>cg03789152</t>
  </si>
  <si>
    <t>cg03800797</t>
  </si>
  <si>
    <t>cg03801385</t>
  </si>
  <si>
    <t>cg03803784</t>
  </si>
  <si>
    <t>cg03806828</t>
  </si>
  <si>
    <t>cg03817911</t>
  </si>
  <si>
    <t>cg03823305</t>
  </si>
  <si>
    <t>cg03826535</t>
  </si>
  <si>
    <t>cg03826594</t>
  </si>
  <si>
    <t>cg03826683</t>
  </si>
  <si>
    <t>cg03830282</t>
  </si>
  <si>
    <t>cg03841686</t>
  </si>
  <si>
    <t>cg03848697</t>
  </si>
  <si>
    <t>cg03853227</t>
  </si>
  <si>
    <t>cg03853743</t>
  </si>
  <si>
    <t>cg03854198</t>
  </si>
  <si>
    <t>cg03867797</t>
  </si>
  <si>
    <t>cg03870172</t>
  </si>
  <si>
    <t>cg03872745</t>
  </si>
  <si>
    <t>cg03892062</t>
  </si>
  <si>
    <t>cg03896792</t>
  </si>
  <si>
    <t>cg03897412</t>
  </si>
  <si>
    <t>cg03915846</t>
  </si>
  <si>
    <t>cg03916864</t>
  </si>
  <si>
    <t>cg03920169</t>
  </si>
  <si>
    <t>cg03921149</t>
  </si>
  <si>
    <t>cg03921179</t>
  </si>
  <si>
    <t>cg03923561</t>
  </si>
  <si>
    <t>cg03926166</t>
  </si>
  <si>
    <t>cg03928154</t>
  </si>
  <si>
    <t>cg03954086</t>
  </si>
  <si>
    <t>cg03954861</t>
  </si>
  <si>
    <t>cg03961332</t>
  </si>
  <si>
    <t>cg04001704</t>
  </si>
  <si>
    <t>cg04011247</t>
  </si>
  <si>
    <t>cg04012266</t>
  </si>
  <si>
    <t>cg04034767</t>
  </si>
  <si>
    <t>cg04036049</t>
  </si>
  <si>
    <t>cg04043892</t>
  </si>
  <si>
    <t>cg04048411</t>
  </si>
  <si>
    <t>cg04078634</t>
  </si>
  <si>
    <t>cg04107639</t>
  </si>
  <si>
    <t>cg04118062</t>
  </si>
  <si>
    <t>cg04144321</t>
  </si>
  <si>
    <t>cg04144604</t>
  </si>
  <si>
    <t>cg04152629</t>
  </si>
  <si>
    <t>cg04193484</t>
  </si>
  <si>
    <t>cg04207741</t>
  </si>
  <si>
    <t>cg04230699</t>
  </si>
  <si>
    <t>cg04240589</t>
  </si>
  <si>
    <t>cg04241722</t>
  </si>
  <si>
    <t>cg04243901</t>
  </si>
  <si>
    <t>cg04255937</t>
  </si>
  <si>
    <t>cg04346366</t>
  </si>
  <si>
    <t>cg04346539</t>
  </si>
  <si>
    <t>cg04347477</t>
  </si>
  <si>
    <t>cg04349021</t>
  </si>
  <si>
    <t>cg04375213</t>
  </si>
  <si>
    <t>cg04375472</t>
  </si>
  <si>
    <t>cg04385631</t>
  </si>
  <si>
    <t>cg04396637</t>
  </si>
  <si>
    <t>cg04399418</t>
  </si>
  <si>
    <t>cg04400496</t>
  </si>
  <si>
    <t>cg04455286</t>
  </si>
  <si>
    <t>cg04456029</t>
  </si>
  <si>
    <t>cg04458985</t>
  </si>
  <si>
    <t>cg04462774</t>
  </si>
  <si>
    <t>cg04464946</t>
  </si>
  <si>
    <t>cg04465286</t>
  </si>
  <si>
    <t>cg04475027</t>
  </si>
  <si>
    <t>cg04475037</t>
  </si>
  <si>
    <t>cg04475708</t>
  </si>
  <si>
    <t>cg04508964</t>
  </si>
  <si>
    <t>cg04524321</t>
  </si>
  <si>
    <t>cg04525977</t>
  </si>
  <si>
    <t>cg04529785</t>
  </si>
  <si>
    <t>cg04540442</t>
  </si>
  <si>
    <t>cg04543413</t>
  </si>
  <si>
    <t>cg04545296</t>
  </si>
  <si>
    <t>cg04546292</t>
  </si>
  <si>
    <t>cg04546471</t>
  </si>
  <si>
    <t>cg04552292</t>
  </si>
  <si>
    <t>cg04560581</t>
  </si>
  <si>
    <t>cg04562909</t>
  </si>
  <si>
    <t>cg04566900</t>
  </si>
  <si>
    <t>cg04568842</t>
  </si>
  <si>
    <t>cg04569082</t>
  </si>
  <si>
    <t>cg04574346</t>
  </si>
  <si>
    <t>cg04586041</t>
  </si>
  <si>
    <t>cg04591623</t>
  </si>
  <si>
    <t>cg04598251</t>
  </si>
  <si>
    <t>cg04598325</t>
  </si>
  <si>
    <t>cg04607235</t>
  </si>
  <si>
    <t>cg04614625</t>
  </si>
  <si>
    <t>cg04614943</t>
  </si>
  <si>
    <t>cg04615460</t>
  </si>
  <si>
    <t>cg04620334</t>
  </si>
  <si>
    <t>cg04637204</t>
  </si>
  <si>
    <t>cg04640747</t>
  </si>
  <si>
    <t>cg04643437</t>
  </si>
  <si>
    <t>cg04660357</t>
  </si>
  <si>
    <t>cg04665124</t>
  </si>
  <si>
    <t>cg04665351</t>
  </si>
  <si>
    <t>cg04670766</t>
  </si>
  <si>
    <t>cg04670913</t>
  </si>
  <si>
    <t>cg04678315</t>
  </si>
  <si>
    <t>cg04685534</t>
  </si>
  <si>
    <t>cg04686114</t>
  </si>
  <si>
    <t>cg04698397</t>
  </si>
  <si>
    <t>cg04704531</t>
  </si>
  <si>
    <t>cg04716447</t>
  </si>
  <si>
    <t>cg04723113</t>
  </si>
  <si>
    <t>cg04726535</t>
  </si>
  <si>
    <t>cg04732910</t>
  </si>
  <si>
    <t>cg04733537</t>
  </si>
  <si>
    <t>cg04735123</t>
  </si>
  <si>
    <t>cg04735442</t>
  </si>
  <si>
    <t>cg04736791</t>
  </si>
  <si>
    <t>cg04738301</t>
  </si>
  <si>
    <t>cg04768449</t>
  </si>
  <si>
    <t>cg04770433</t>
  </si>
  <si>
    <t>cg04774040</t>
  </si>
  <si>
    <t>cg04774496</t>
  </si>
  <si>
    <t>cg04774914</t>
  </si>
  <si>
    <t>cg04781764</t>
  </si>
  <si>
    <t>cg04786330</t>
  </si>
  <si>
    <t>cg04789663</t>
  </si>
  <si>
    <t>cg04796775</t>
  </si>
  <si>
    <t>cg04797323</t>
  </si>
  <si>
    <t>cg04797725</t>
  </si>
  <si>
    <t>cg04797936</t>
  </si>
  <si>
    <t>cg04799218</t>
  </si>
  <si>
    <t>cg04801617</t>
  </si>
  <si>
    <t>cg04822518</t>
  </si>
  <si>
    <t>cg04825119</t>
  </si>
  <si>
    <t>cg04826284</t>
  </si>
  <si>
    <t>cg04829186</t>
  </si>
  <si>
    <t>cg04829364</t>
  </si>
  <si>
    <t>cg04838249</t>
  </si>
  <si>
    <t>cg04850731</t>
  </si>
  <si>
    <t>cg04852413</t>
  </si>
  <si>
    <t>cg04872675</t>
  </si>
  <si>
    <t>cg04875709</t>
  </si>
  <si>
    <t>cg04876069</t>
  </si>
  <si>
    <t>cg04878869</t>
  </si>
  <si>
    <t>cg04882003</t>
  </si>
  <si>
    <t>cg04882870</t>
  </si>
  <si>
    <t>cg04883903</t>
  </si>
  <si>
    <t>cg04892391</t>
  </si>
  <si>
    <t>cg04899175</t>
  </si>
  <si>
    <t>cg04901136</t>
  </si>
  <si>
    <t>cg04907505</t>
  </si>
  <si>
    <t>cg04915277</t>
  </si>
  <si>
    <t>cg04915780</t>
  </si>
  <si>
    <t>cg04916200</t>
  </si>
  <si>
    <t>cg04924128</t>
  </si>
  <si>
    <t>cg04924415</t>
  </si>
  <si>
    <t>cg04925196</t>
  </si>
  <si>
    <t>cg04925841</t>
  </si>
  <si>
    <t>cg04929759</t>
  </si>
  <si>
    <t>cg04936446</t>
  </si>
  <si>
    <t>cg04938456</t>
  </si>
  <si>
    <t>cg04939522</t>
  </si>
  <si>
    <t>cg04944536</t>
  </si>
  <si>
    <t>cg04953535</t>
  </si>
  <si>
    <t>cg04956511</t>
  </si>
  <si>
    <t>cg04963424</t>
  </si>
  <si>
    <t>cg04965246</t>
  </si>
  <si>
    <t>cg04981737</t>
  </si>
  <si>
    <t>cg04986765</t>
  </si>
  <si>
    <t>cg04989533</t>
  </si>
  <si>
    <t>cg05037876</t>
  </si>
  <si>
    <t>cg05047209</t>
  </si>
  <si>
    <t>cg05053403</t>
  </si>
  <si>
    <t>cg05054531</t>
  </si>
  <si>
    <t>cg05058734</t>
  </si>
  <si>
    <t>cg05062047</t>
  </si>
  <si>
    <t>cg05062612</t>
  </si>
  <si>
    <t>cg05067991</t>
  </si>
  <si>
    <t>cg05119480</t>
  </si>
  <si>
    <t>cg05121697</t>
  </si>
  <si>
    <t>cg05124918</t>
  </si>
  <si>
    <t>cg05130406</t>
  </si>
  <si>
    <t>cg05133009</t>
  </si>
  <si>
    <t>cg05139081</t>
  </si>
  <si>
    <t>cg05141147</t>
  </si>
  <si>
    <t>cg05143887</t>
  </si>
  <si>
    <t>cg05152354</t>
  </si>
  <si>
    <t>cg05159290</t>
  </si>
  <si>
    <t>cg05164321</t>
  </si>
  <si>
    <t>cg05165935</t>
  </si>
  <si>
    <t>cg05170326</t>
  </si>
  <si>
    <t>cg05173382</t>
  </si>
  <si>
    <t>cg05173517</t>
  </si>
  <si>
    <t>cg05181941</t>
  </si>
  <si>
    <t>cg05193116</t>
  </si>
  <si>
    <t>cg05195378</t>
  </si>
  <si>
    <t>cg05198596</t>
  </si>
  <si>
    <t>cg05200610</t>
  </si>
  <si>
    <t>cg05207121</t>
  </si>
  <si>
    <t>cg05207611</t>
  </si>
  <si>
    <t>cg05222840</t>
  </si>
  <si>
    <t>cg05222995</t>
  </si>
  <si>
    <t>cg05229236</t>
  </si>
  <si>
    <t>cg05234169</t>
  </si>
  <si>
    <t>cg05236530</t>
  </si>
  <si>
    <t>cg05238741</t>
  </si>
  <si>
    <t>cg05294936</t>
  </si>
  <si>
    <t>cg05308900</t>
  </si>
  <si>
    <t>cg05338745</t>
  </si>
  <si>
    <t>cg05348982</t>
  </si>
  <si>
    <t>cg05353983</t>
  </si>
  <si>
    <t>cg05360176</t>
  </si>
  <si>
    <t>cg05361096</t>
  </si>
  <si>
    <t>cg05368762</t>
  </si>
  <si>
    <t>cg05374798</t>
  </si>
  <si>
    <t>cg05379954</t>
  </si>
  <si>
    <t>cg05380522</t>
  </si>
  <si>
    <t>cg05384275</t>
  </si>
  <si>
    <t>cg05395187</t>
  </si>
  <si>
    <t>cg05398903</t>
  </si>
  <si>
    <t>cg05410123</t>
  </si>
  <si>
    <t>cg05417596</t>
  </si>
  <si>
    <t>cg05432118</t>
  </si>
  <si>
    <t>cg05450995</t>
  </si>
  <si>
    <t>cg05473146</t>
  </si>
  <si>
    <t>cg05478497</t>
  </si>
  <si>
    <t>cg05486650</t>
  </si>
  <si>
    <t>cg05492964</t>
  </si>
  <si>
    <t>cg05509087</t>
  </si>
  <si>
    <t>cg05509800</t>
  </si>
  <si>
    <t>cg05516489</t>
  </si>
  <si>
    <t>cg05555207</t>
  </si>
  <si>
    <t>cg05555396</t>
  </si>
  <si>
    <t>cg05557291</t>
  </si>
  <si>
    <t>cg05576016</t>
  </si>
  <si>
    <t>cg05578030</t>
  </si>
  <si>
    <t>cg05579652</t>
  </si>
  <si>
    <t>cg05584675</t>
  </si>
  <si>
    <t>cg05597205</t>
  </si>
  <si>
    <t>cg05600340</t>
  </si>
  <si>
    <t>cg05603938</t>
  </si>
  <si>
    <t>cg05606767</t>
  </si>
  <si>
    <t>cg05607320</t>
  </si>
  <si>
    <t>cg05608128</t>
  </si>
  <si>
    <t>cg05610740</t>
  </si>
  <si>
    <t>cg05617413</t>
  </si>
  <si>
    <t>cg05619587</t>
  </si>
  <si>
    <t>cg05628795</t>
  </si>
  <si>
    <t>cg05633854</t>
  </si>
  <si>
    <t>cg05641033</t>
  </si>
  <si>
    <t>cg05647859</t>
  </si>
  <si>
    <t>cg05648324</t>
  </si>
  <si>
    <t>cg05652090</t>
  </si>
  <si>
    <t>cg05657717</t>
  </si>
  <si>
    <t>cg05661164</t>
  </si>
  <si>
    <t>cg05666077</t>
  </si>
  <si>
    <t>cg05667158</t>
  </si>
  <si>
    <t>cg05670290</t>
  </si>
  <si>
    <t>cg05676046</t>
  </si>
  <si>
    <t>cg05677062</t>
  </si>
  <si>
    <t>cg05677248</t>
  </si>
  <si>
    <t>cg05680926</t>
  </si>
  <si>
    <t>cg05687115</t>
  </si>
  <si>
    <t>cg05691629</t>
  </si>
  <si>
    <t>cg05696801</t>
  </si>
  <si>
    <t>cg05728754</t>
  </si>
  <si>
    <t>cg05735659</t>
  </si>
  <si>
    <t>cg05738240</t>
  </si>
  <si>
    <t>cg05742082</t>
  </si>
  <si>
    <t>cg05745851</t>
  </si>
  <si>
    <t>cg05754408</t>
  </si>
  <si>
    <t>cg05754508</t>
  </si>
  <si>
    <t>cg05767299</t>
  </si>
  <si>
    <t>cg05769161</t>
  </si>
  <si>
    <t>cg05769349</t>
  </si>
  <si>
    <t>cg05769889</t>
  </si>
  <si>
    <t>cg05770241</t>
  </si>
  <si>
    <t>cg05771369</t>
  </si>
  <si>
    <t>cg05771701</t>
  </si>
  <si>
    <t>cg05773164</t>
  </si>
  <si>
    <t>cg05775742</t>
  </si>
  <si>
    <t>cg05824174</t>
  </si>
  <si>
    <t>cg05828839</t>
  </si>
  <si>
    <t>cg05831308</t>
  </si>
  <si>
    <t>cg05831907</t>
  </si>
  <si>
    <t>cg05835276</t>
  </si>
  <si>
    <t>cg05840127</t>
  </si>
  <si>
    <t>cg05843946</t>
  </si>
  <si>
    <t>cg05852143</t>
  </si>
  <si>
    <t>cg05854114</t>
  </si>
  <si>
    <t>cg05860723</t>
  </si>
  <si>
    <t>cg05861454</t>
  </si>
  <si>
    <t>cg05902063</t>
  </si>
  <si>
    <t>cg05902531</t>
  </si>
  <si>
    <t>cg05911100</t>
  </si>
  <si>
    <t>cg05924445</t>
  </si>
  <si>
    <t>cg05931542</t>
  </si>
  <si>
    <t>cg05934783</t>
  </si>
  <si>
    <t>cg05943731</t>
  </si>
  <si>
    <t>cg05943813</t>
  </si>
  <si>
    <t>cg05943975</t>
  </si>
  <si>
    <t>cg05947499</t>
  </si>
  <si>
    <t>cg05951308</t>
  </si>
  <si>
    <t>cg05953180</t>
  </si>
  <si>
    <t>cg05954614</t>
  </si>
  <si>
    <t>cg05957285</t>
  </si>
  <si>
    <t>cg05972871</t>
  </si>
  <si>
    <t>cg05976119</t>
  </si>
  <si>
    <t>cg05978833</t>
  </si>
  <si>
    <t>cg05978988</t>
  </si>
  <si>
    <t>cg05979433</t>
  </si>
  <si>
    <t>cg05985164</t>
  </si>
  <si>
    <t>cg05987650</t>
  </si>
  <si>
    <t>cg05987823</t>
  </si>
  <si>
    <t>cg05998639</t>
  </si>
  <si>
    <t>cg05999245</t>
  </si>
  <si>
    <t>cg06002638</t>
  </si>
  <si>
    <t>cg06015525</t>
  </si>
  <si>
    <t>cg06024289</t>
  </si>
  <si>
    <t>cg06024930</t>
  </si>
  <si>
    <t>cg06026769</t>
  </si>
  <si>
    <t>cg06029846</t>
  </si>
  <si>
    <t>cg06092146</t>
  </si>
  <si>
    <t>cg06092265</t>
  </si>
  <si>
    <t>cg06093039</t>
  </si>
  <si>
    <t>cg06098346</t>
  </si>
  <si>
    <t>cg06107469</t>
  </si>
  <si>
    <t>cg06109136</t>
  </si>
  <si>
    <t>cg06112779</t>
  </si>
  <si>
    <t>cg06119275</t>
  </si>
  <si>
    <t>cg06128612</t>
  </si>
  <si>
    <t>cg06128688</t>
  </si>
  <si>
    <t>cg06134974</t>
  </si>
  <si>
    <t>cg06136443</t>
  </si>
  <si>
    <t>cg06136555</t>
  </si>
  <si>
    <t>cg06138422</t>
  </si>
  <si>
    <t>cg06148342</t>
  </si>
  <si>
    <t>cg06151725</t>
  </si>
  <si>
    <t>cg06157435</t>
  </si>
  <si>
    <t>cg06162264</t>
  </si>
  <si>
    <t>cg06162751</t>
  </si>
  <si>
    <t>cg06185423</t>
  </si>
  <si>
    <t>cg06189855</t>
  </si>
  <si>
    <t>cg06192289</t>
  </si>
  <si>
    <t>cg06196466</t>
  </si>
  <si>
    <t>cg06196801</t>
  </si>
  <si>
    <t>cg06197774</t>
  </si>
  <si>
    <t>cg06200494</t>
  </si>
  <si>
    <t>cg06202470</t>
  </si>
  <si>
    <t>cg06211872</t>
  </si>
  <si>
    <t>cg06231565</t>
  </si>
  <si>
    <t>cg06241792</t>
  </si>
  <si>
    <t>cg06242243</t>
  </si>
  <si>
    <t>cg06242879</t>
  </si>
  <si>
    <t>cg06251078</t>
  </si>
  <si>
    <t>cg06253956</t>
  </si>
  <si>
    <t>cg06267927</t>
  </si>
  <si>
    <t>cg06272054</t>
  </si>
  <si>
    <t>cg06286604</t>
  </si>
  <si>
    <t>cg06292124</t>
  </si>
  <si>
    <t>cg06296553</t>
  </si>
  <si>
    <t>cg06297571</t>
  </si>
  <si>
    <t>cg06300469</t>
  </si>
  <si>
    <t>cg06308025</t>
  </si>
  <si>
    <t>cg06314111</t>
  </si>
  <si>
    <t>cg06327920</t>
  </si>
  <si>
    <t>cg06343669</t>
  </si>
  <si>
    <t>cg06348651</t>
  </si>
  <si>
    <t>cg06357748</t>
  </si>
  <si>
    <t>cg06359096</t>
  </si>
  <si>
    <t>cg06359173</t>
  </si>
  <si>
    <t>cg06364593</t>
  </si>
  <si>
    <t>cg06399839</t>
  </si>
  <si>
    <t>cg06400595</t>
  </si>
  <si>
    <t>cg06401966</t>
  </si>
  <si>
    <t>cg06408864</t>
  </si>
  <si>
    <t>cg06411901</t>
  </si>
  <si>
    <t>cg06412252</t>
  </si>
  <si>
    <t>cg06443973</t>
  </si>
  <si>
    <t>cg06491137</t>
  </si>
  <si>
    <t>cg06521025</t>
  </si>
  <si>
    <t>cg06531661</t>
  </si>
  <si>
    <t>cg06532346</t>
  </si>
  <si>
    <t>cg06540149</t>
  </si>
  <si>
    <t>cg06553058</t>
  </si>
  <si>
    <t>cg06556702</t>
  </si>
  <si>
    <t>cg06563089</t>
  </si>
  <si>
    <t>cg06563686</t>
  </si>
  <si>
    <t>cg06573718</t>
  </si>
  <si>
    <t>cg06574813</t>
  </si>
  <si>
    <t>cg06582782</t>
  </si>
  <si>
    <t>cg06584300</t>
  </si>
  <si>
    <t>cg06586923</t>
  </si>
  <si>
    <t>cg06588483</t>
  </si>
  <si>
    <t>cg06598091</t>
  </si>
  <si>
    <t>cg06598204</t>
  </si>
  <si>
    <t>cg06606198</t>
  </si>
  <si>
    <t>cg06611426</t>
  </si>
  <si>
    <t>cg06619938</t>
  </si>
  <si>
    <t>cg06622999</t>
  </si>
  <si>
    <t>cg06624527</t>
  </si>
  <si>
    <t>cg06629549</t>
  </si>
  <si>
    <t>cg06630204</t>
  </si>
  <si>
    <t>cg06631310</t>
  </si>
  <si>
    <t>cg06634460</t>
  </si>
  <si>
    <t>cg06645921</t>
  </si>
  <si>
    <t>cg06655771</t>
  </si>
  <si>
    <t>cg06656689</t>
  </si>
  <si>
    <t>cg06679265</t>
  </si>
  <si>
    <t>cg06693138</t>
  </si>
  <si>
    <t>cg06696911</t>
  </si>
  <si>
    <t>cg06700265</t>
  </si>
  <si>
    <t>cg06708432</t>
  </si>
  <si>
    <t>cg06708937</t>
  </si>
  <si>
    <t>cg06714758</t>
  </si>
  <si>
    <t>cg06717565</t>
  </si>
  <si>
    <t>cg06734406</t>
  </si>
  <si>
    <t>cg06741568</t>
  </si>
  <si>
    <t>cg06742978</t>
  </si>
  <si>
    <t>cg06758649</t>
  </si>
  <si>
    <t>cg06762403</t>
  </si>
  <si>
    <t>cg06769295</t>
  </si>
  <si>
    <t>cg06777732</t>
  </si>
  <si>
    <t>cg06790825</t>
  </si>
  <si>
    <t>cg06791473</t>
  </si>
  <si>
    <t>cg06819775</t>
  </si>
  <si>
    <t>cg06820762</t>
  </si>
  <si>
    <t>cg06837568</t>
  </si>
  <si>
    <t>cg06838096</t>
  </si>
  <si>
    <t>cg06844689</t>
  </si>
  <si>
    <t>cg06850996</t>
  </si>
  <si>
    <t>cg06862343</t>
  </si>
  <si>
    <t>cg06867460</t>
  </si>
  <si>
    <t>cg06869160</t>
  </si>
  <si>
    <t>cg06871582</t>
  </si>
  <si>
    <t>cg06872313</t>
  </si>
  <si>
    <t>cg06872435</t>
  </si>
  <si>
    <t>cg06879608</t>
  </si>
  <si>
    <t>cg06887275</t>
  </si>
  <si>
    <t>cg06893288</t>
  </si>
  <si>
    <t>cg06911121</t>
  </si>
  <si>
    <t>cg06915053</t>
  </si>
  <si>
    <t>cg06920037</t>
  </si>
  <si>
    <t>cg06923988</t>
  </si>
  <si>
    <t>cg06928346</t>
  </si>
  <si>
    <t>cg06930722</t>
  </si>
  <si>
    <t>cg06934003</t>
  </si>
  <si>
    <t>cg06937491</t>
  </si>
  <si>
    <t>cg06947913</t>
  </si>
  <si>
    <t>cg06957321</t>
  </si>
  <si>
    <t>cg06959021</t>
  </si>
  <si>
    <t>cg06979110</t>
  </si>
  <si>
    <t>cg06995299</t>
  </si>
  <si>
    <t>cg07000334</t>
  </si>
  <si>
    <t>cg07005246</t>
  </si>
  <si>
    <t>cg07007807</t>
  </si>
  <si>
    <t>cg07017901</t>
  </si>
  <si>
    <t>cg07020822</t>
  </si>
  <si>
    <t>cg07050555</t>
  </si>
  <si>
    <t>cg07054062</t>
  </si>
  <si>
    <t>cg07059157</t>
  </si>
  <si>
    <t>cg07066635</t>
  </si>
  <si>
    <t>cg07067085</t>
  </si>
  <si>
    <t>cg07078225</t>
  </si>
  <si>
    <t>cg07099606</t>
  </si>
  <si>
    <t>cg07106871</t>
  </si>
  <si>
    <t>cg07111599</t>
  </si>
  <si>
    <t>cg07112131</t>
  </si>
  <si>
    <t>cg07116851</t>
  </si>
  <si>
    <t>cg07119855</t>
  </si>
  <si>
    <t>cg07122172</t>
  </si>
  <si>
    <t>cg07124520</t>
  </si>
  <si>
    <t>cg07125541</t>
  </si>
  <si>
    <t>cg07125991</t>
  </si>
  <si>
    <t>cg07126115</t>
  </si>
  <si>
    <t>cg07126635</t>
  </si>
  <si>
    <t>cg07129647</t>
  </si>
  <si>
    <t>cg07131157</t>
  </si>
  <si>
    <t>cg07132223</t>
  </si>
  <si>
    <t>cg07132441</t>
  </si>
  <si>
    <t>cg07134316</t>
  </si>
  <si>
    <t>cg07135601</t>
  </si>
  <si>
    <t>cg07139284</t>
  </si>
  <si>
    <t>cg07140497</t>
  </si>
  <si>
    <t>cg07141605</t>
  </si>
  <si>
    <t>cg07147449</t>
  </si>
  <si>
    <t>cg07154754</t>
  </si>
  <si>
    <t>cg07155453</t>
  </si>
  <si>
    <t>cg07156959</t>
  </si>
  <si>
    <t>cg07167098</t>
  </si>
  <si>
    <t>cg07185038</t>
  </si>
  <si>
    <t>cg07199894</t>
  </si>
  <si>
    <t>cg07199951</t>
  </si>
  <si>
    <t>cg07202430</t>
  </si>
  <si>
    <t>cg07207053</t>
  </si>
  <si>
    <t>cg07209823</t>
  </si>
  <si>
    <t>cg07211103</t>
  </si>
  <si>
    <t>cg07219643</t>
  </si>
  <si>
    <t>cg07219978</t>
  </si>
  <si>
    <t>cg07222124</t>
  </si>
  <si>
    <t>cg07226718</t>
  </si>
  <si>
    <t>cg07227926</t>
  </si>
  <si>
    <t>cg07257037</t>
  </si>
  <si>
    <t>cg07260273</t>
  </si>
  <si>
    <t>cg07269271</t>
  </si>
  <si>
    <t>cg07276957</t>
  </si>
  <si>
    <t>cg07281948</t>
  </si>
  <si>
    <t>cg07285764</t>
  </si>
  <si>
    <t>cg07286085</t>
  </si>
  <si>
    <t>cg07306088</t>
  </si>
  <si>
    <t>cg07338958</t>
  </si>
  <si>
    <t>cg07339181</t>
  </si>
  <si>
    <t>cg07341818</t>
  </si>
  <si>
    <t>cg07347092</t>
  </si>
  <si>
    <t>cg07349203</t>
  </si>
  <si>
    <t>cg07353731</t>
  </si>
  <si>
    <t>cg07354124</t>
  </si>
  <si>
    <t>cg07354515</t>
  </si>
  <si>
    <t>cg07355693</t>
  </si>
  <si>
    <t>cg07366196</t>
  </si>
  <si>
    <t>cg07366670</t>
  </si>
  <si>
    <t>cg07385694</t>
  </si>
  <si>
    <t>cg07391756</t>
  </si>
  <si>
    <t>cg07408211</t>
  </si>
  <si>
    <t>cg07419459</t>
  </si>
  <si>
    <t>cg07420135</t>
  </si>
  <si>
    <t>cg07422560</t>
  </si>
  <si>
    <t>cg07423198</t>
  </si>
  <si>
    <t>cg07424132</t>
  </si>
  <si>
    <t>cg07424335</t>
  </si>
  <si>
    <t>cg07429748</t>
  </si>
  <si>
    <t>cg07433411</t>
  </si>
  <si>
    <t>cg07463429</t>
  </si>
  <si>
    <t>cg07463633</t>
  </si>
  <si>
    <t>cg07472069</t>
  </si>
  <si>
    <t>cg07474126</t>
  </si>
  <si>
    <t>cg07524446</t>
  </si>
  <si>
    <t>cg07526618</t>
  </si>
  <si>
    <t>cg07529210</t>
  </si>
  <si>
    <t>cg07535477</t>
  </si>
  <si>
    <t>cg07536341</t>
  </si>
  <si>
    <t>cg07537147</t>
  </si>
  <si>
    <t>cg07544244</t>
  </si>
  <si>
    <t>cg07545317</t>
  </si>
  <si>
    <t>cg07563873</t>
  </si>
  <si>
    <t>cg07568437</t>
  </si>
  <si>
    <t>cg07639520</t>
  </si>
  <si>
    <t>cg07640336</t>
  </si>
  <si>
    <t>cg07640390</t>
  </si>
  <si>
    <t>cg07645393</t>
  </si>
  <si>
    <t>cg07648238</t>
  </si>
  <si>
    <t>cg07649619</t>
  </si>
  <si>
    <t>cg07669793</t>
  </si>
  <si>
    <t>cg07679219</t>
  </si>
  <si>
    <t>cg07679948</t>
  </si>
  <si>
    <t>cg07684587</t>
  </si>
  <si>
    <t>cg07687119</t>
  </si>
  <si>
    <t>cg07687131</t>
  </si>
  <si>
    <t>cg07687610</t>
  </si>
  <si>
    <t>cg07689032</t>
  </si>
  <si>
    <t>cg07690290</t>
  </si>
  <si>
    <t>cg07691152</t>
  </si>
  <si>
    <t>cg07697100</t>
  </si>
  <si>
    <t>cg07697238</t>
  </si>
  <si>
    <t>cg07701033</t>
  </si>
  <si>
    <t>cg07702819</t>
  </si>
  <si>
    <t>cg07706471</t>
  </si>
  <si>
    <t>cg07706687</t>
  </si>
  <si>
    <t>cg07709635</t>
  </si>
  <si>
    <t>cg07718308</t>
  </si>
  <si>
    <t>cg07727134</t>
  </si>
  <si>
    <t>cg07746532</t>
  </si>
  <si>
    <t>cg07780095</t>
  </si>
  <si>
    <t>cg07780543</t>
  </si>
  <si>
    <t>cg07781848</t>
  </si>
  <si>
    <t>cg07785225</t>
  </si>
  <si>
    <t>cg07791427</t>
  </si>
  <si>
    <t>cg07796735</t>
  </si>
  <si>
    <t>cg07799353</t>
  </si>
  <si>
    <t>cg07802063</t>
  </si>
  <si>
    <t>cg07805940</t>
  </si>
  <si>
    <t>cg07812715</t>
  </si>
  <si>
    <t>cg07814629</t>
  </si>
  <si>
    <t>cg07817320</t>
  </si>
  <si>
    <t>cg07817881</t>
  </si>
  <si>
    <t>cg07849438</t>
  </si>
  <si>
    <t>cg07854132</t>
  </si>
  <si>
    <t>cg07869763</t>
  </si>
  <si>
    <t>cg07877257</t>
  </si>
  <si>
    <t>cg07887608</t>
  </si>
  <si>
    <t>cg07902406</t>
  </si>
  <si>
    <t>cg07911905</t>
  </si>
  <si>
    <t>cg07912789</t>
  </si>
  <si>
    <t>cg07916003</t>
  </si>
  <si>
    <t>cg07920739</t>
  </si>
  <si>
    <t>cg07923666</t>
  </si>
  <si>
    <t>cg07930620</t>
  </si>
  <si>
    <t>cg07933493</t>
  </si>
  <si>
    <t>cg07933926</t>
  </si>
  <si>
    <t>cg07951978</t>
  </si>
  <si>
    <t>cg07952040</t>
  </si>
  <si>
    <t>cg07967679</t>
  </si>
  <si>
    <t>cg07987843</t>
  </si>
  <si>
    <t>cg07989501</t>
  </si>
  <si>
    <t>cg08003732</t>
  </si>
  <si>
    <t>cg08004919</t>
  </si>
  <si>
    <t>cg08005411</t>
  </si>
  <si>
    <t>cg08013109</t>
  </si>
  <si>
    <t>cg08016016</t>
  </si>
  <si>
    <t>cg08023809</t>
  </si>
  <si>
    <t>cg08027110</t>
  </si>
  <si>
    <t>cg08035567</t>
  </si>
  <si>
    <t>cg08036850</t>
  </si>
  <si>
    <t>cg08040836</t>
  </si>
  <si>
    <t>cg08042432</t>
  </si>
  <si>
    <t>cg08045824</t>
  </si>
  <si>
    <t>cg08047802</t>
  </si>
  <si>
    <t>cg08048517</t>
  </si>
  <si>
    <t>cg08059434</t>
  </si>
  <si>
    <t>cg08075204</t>
  </si>
  <si>
    <t>cg08086720</t>
  </si>
  <si>
    <t>cg08101375</t>
  </si>
  <si>
    <t>cg08102256</t>
  </si>
  <si>
    <t>cg08102602</t>
  </si>
  <si>
    <t>cg08102688</t>
  </si>
  <si>
    <t>cg08106635</t>
  </si>
  <si>
    <t>cg08110272</t>
  </si>
  <si>
    <t>cg08110542</t>
  </si>
  <si>
    <t>cg08113245</t>
  </si>
  <si>
    <t>cg08121760</t>
  </si>
  <si>
    <t>cg08122190</t>
  </si>
  <si>
    <t>cg08134342</t>
  </si>
  <si>
    <t>cg08134678</t>
  </si>
  <si>
    <t>cg08138375</t>
  </si>
  <si>
    <t>cg08142063</t>
  </si>
  <si>
    <t>cg08158524</t>
  </si>
  <si>
    <t>cg08161922</t>
  </si>
  <si>
    <t>cg08161947</t>
  </si>
  <si>
    <t>cg08163785</t>
  </si>
  <si>
    <t>cg08165784</t>
  </si>
  <si>
    <t>cg08165875</t>
  </si>
  <si>
    <t>cg08180934</t>
  </si>
  <si>
    <t>cg08184792</t>
  </si>
  <si>
    <t>cg08185438</t>
  </si>
  <si>
    <t>cg08189171</t>
  </si>
  <si>
    <t>cg08196106</t>
  </si>
  <si>
    <t>cg08197531</t>
  </si>
  <si>
    <t>cg08198711</t>
  </si>
  <si>
    <t>cg08237551</t>
  </si>
  <si>
    <t>cg08244085</t>
  </si>
  <si>
    <t>cg08246036</t>
  </si>
  <si>
    <t>cg08253651</t>
  </si>
  <si>
    <t>cg08254307</t>
  </si>
  <si>
    <t>cg08264694</t>
  </si>
  <si>
    <t>cg08266366</t>
  </si>
  <si>
    <t>cg08275602</t>
  </si>
  <si>
    <t>cg08285180</t>
  </si>
  <si>
    <t>cg08292968</t>
  </si>
  <si>
    <t>cg08299299</t>
  </si>
  <si>
    <t>cg08301597</t>
  </si>
  <si>
    <t>cg08307766</t>
  </si>
  <si>
    <t>cg08313168</t>
  </si>
  <si>
    <t>cg08317801</t>
  </si>
  <si>
    <t>cg08318726</t>
  </si>
  <si>
    <t>cg08320014</t>
  </si>
  <si>
    <t>cg08330950</t>
  </si>
  <si>
    <t>cg08339602</t>
  </si>
  <si>
    <t>cg08346140</t>
  </si>
  <si>
    <t>cg08347047</t>
  </si>
  <si>
    <t>cg08399917</t>
  </si>
  <si>
    <t>cg08403428</t>
  </si>
  <si>
    <t>cg08406486</t>
  </si>
  <si>
    <t>cg08409804</t>
  </si>
  <si>
    <t>cg08424446</t>
  </si>
  <si>
    <t>cg08430409</t>
  </si>
  <si>
    <t>cg08465346</t>
  </si>
  <si>
    <t>cg08522065</t>
  </si>
  <si>
    <t>cg08525001</t>
  </si>
  <si>
    <t>cg08527566</t>
  </si>
  <si>
    <t>cg08536481</t>
  </si>
  <si>
    <t>cg08542473</t>
  </si>
  <si>
    <t>cg08546107</t>
  </si>
  <si>
    <t>cg08546805</t>
  </si>
  <si>
    <t>cg08548429</t>
  </si>
  <si>
    <t>cg08548489</t>
  </si>
  <si>
    <t>cg08553284</t>
  </si>
  <si>
    <t>cg08567916</t>
  </si>
  <si>
    <t>cg08572757</t>
  </si>
  <si>
    <t>cg08575922</t>
  </si>
  <si>
    <t>cg08578305</t>
  </si>
  <si>
    <t>cg08606453</t>
  </si>
  <si>
    <t>cg08608215</t>
  </si>
  <si>
    <t>cg08608589</t>
  </si>
  <si>
    <t>cg08618021</t>
  </si>
  <si>
    <t>cg08618068</t>
  </si>
  <si>
    <t>cg08620636</t>
  </si>
  <si>
    <t>cg08621624</t>
  </si>
  <si>
    <t>cg08630055</t>
  </si>
  <si>
    <t>cg08635685</t>
  </si>
  <si>
    <t>cg08636169</t>
  </si>
  <si>
    <t>cg08689322</t>
  </si>
  <si>
    <t>cg08691567</t>
  </si>
  <si>
    <t>cg08696931</t>
  </si>
  <si>
    <t>cg08699355</t>
  </si>
  <si>
    <t>cg08703337</t>
  </si>
  <si>
    <t>cg08710739</t>
  </si>
  <si>
    <t>cg08711175</t>
  </si>
  <si>
    <t>cg08721831</t>
  </si>
  <si>
    <t>cg08723793</t>
  </si>
  <si>
    <t>cg08724866</t>
  </si>
  <si>
    <t>cg08726801</t>
  </si>
  <si>
    <t>cg08728495</t>
  </si>
  <si>
    <t>cg08729318</t>
  </si>
  <si>
    <t>cg08737347</t>
  </si>
  <si>
    <t>cg08737755</t>
  </si>
  <si>
    <t>cg08740698</t>
  </si>
  <si>
    <t>cg08744461</t>
  </si>
  <si>
    <t>cg08748671</t>
  </si>
  <si>
    <t>cg08761248</t>
  </si>
  <si>
    <t>cg08762603</t>
  </si>
  <si>
    <t>cg08799922</t>
  </si>
  <si>
    <t>cg08803500</t>
  </si>
  <si>
    <t>cg08814698</t>
  </si>
  <si>
    <t>cg08815398</t>
  </si>
  <si>
    <t>cg08818195</t>
  </si>
  <si>
    <t>cg08820231</t>
  </si>
  <si>
    <t>cg08821669</t>
  </si>
  <si>
    <t>cg08839451</t>
  </si>
  <si>
    <t>cg08855729</t>
  </si>
  <si>
    <t>cg08858160</t>
  </si>
  <si>
    <t>cg08873912</t>
  </si>
  <si>
    <t>cg08884094</t>
  </si>
  <si>
    <t>cg08884539</t>
  </si>
  <si>
    <t>cg08886711</t>
  </si>
  <si>
    <t>cg08903714</t>
  </si>
  <si>
    <t>cg08914561</t>
  </si>
  <si>
    <t>cg08925658</t>
  </si>
  <si>
    <t>cg08927739</t>
  </si>
  <si>
    <t>cg08935299</t>
  </si>
  <si>
    <t>cg08941714</t>
  </si>
  <si>
    <t>cg08956010</t>
  </si>
  <si>
    <t>cg08962243</t>
  </si>
  <si>
    <t>cg08962682</t>
  </si>
  <si>
    <t>cg08965656</t>
  </si>
  <si>
    <t>cg08965685</t>
  </si>
  <si>
    <t>cg08972130</t>
  </si>
  <si>
    <t>cg08975828</t>
  </si>
  <si>
    <t>cg08976749</t>
  </si>
  <si>
    <t>cg08984436</t>
  </si>
  <si>
    <t>cg08985029</t>
  </si>
  <si>
    <t>cg08990926</t>
  </si>
  <si>
    <t>cg09041268</t>
  </si>
  <si>
    <t>cg09042952</t>
  </si>
  <si>
    <t>cg09043214</t>
  </si>
  <si>
    <t>cg09047361</t>
  </si>
  <si>
    <t>cg09047583</t>
  </si>
  <si>
    <t>cg09052854</t>
  </si>
  <si>
    <t>cg09056845</t>
  </si>
  <si>
    <t>cg09059589</t>
  </si>
  <si>
    <t>cg09063787</t>
  </si>
  <si>
    <t>cg09067458</t>
  </si>
  <si>
    <t>cg09075215</t>
  </si>
  <si>
    <t>cg09075307</t>
  </si>
  <si>
    <t>cg09079252</t>
  </si>
  <si>
    <t>cg09089417</t>
  </si>
  <si>
    <t>cg09096528</t>
  </si>
  <si>
    <t>cg09097040</t>
  </si>
  <si>
    <t>cg09101657</t>
  </si>
  <si>
    <t>cg09105479</t>
  </si>
  <si>
    <t>cg09106624</t>
  </si>
  <si>
    <t>cg09120938</t>
  </si>
  <si>
    <t>cg09123989</t>
  </si>
  <si>
    <t>cg09125882</t>
  </si>
  <si>
    <t>cg09130035</t>
  </si>
  <si>
    <t>cg09139956</t>
  </si>
  <si>
    <t>cg09150519</t>
  </si>
  <si>
    <t>cg09157427</t>
  </si>
  <si>
    <t>cg09158487</t>
  </si>
  <si>
    <t>cg09158745</t>
  </si>
  <si>
    <t>cg09158990</t>
  </si>
  <si>
    <t>cg09166519</t>
  </si>
  <si>
    <t>cg09168808</t>
  </si>
  <si>
    <t>cg09174141</t>
  </si>
  <si>
    <t>cg09178970</t>
  </si>
  <si>
    <t>cg09181473</t>
  </si>
  <si>
    <t>cg09187486</t>
  </si>
  <si>
    <t>cg09189752</t>
  </si>
  <si>
    <t>cg09210286</t>
  </si>
  <si>
    <t>cg09212113</t>
  </si>
  <si>
    <t>cg09214953</t>
  </si>
  <si>
    <t>cg09215316</t>
  </si>
  <si>
    <t>cg09215553</t>
  </si>
  <si>
    <t>cg09218789</t>
  </si>
  <si>
    <t>cg09219005</t>
  </si>
  <si>
    <t>cg09233191</t>
  </si>
  <si>
    <t>cg09233651</t>
  </si>
  <si>
    <t>cg09239099</t>
  </si>
  <si>
    <t>cg09239106</t>
  </si>
  <si>
    <t>cg09259332</t>
  </si>
  <si>
    <t>cg09266771</t>
  </si>
  <si>
    <t>cg09275968</t>
  </si>
  <si>
    <t>cg09290506</t>
  </si>
  <si>
    <t>cg09307727</t>
  </si>
  <si>
    <t>cg09312254</t>
  </si>
  <si>
    <t>cg09314358</t>
  </si>
  <si>
    <t>cg09314833</t>
  </si>
  <si>
    <t>cg09322973</t>
  </si>
  <si>
    <t>cg09327770</t>
  </si>
  <si>
    <t>cg09328283</t>
  </si>
  <si>
    <t>cg09337511</t>
  </si>
  <si>
    <t>cg09338032</t>
  </si>
  <si>
    <t>cg09357135</t>
  </si>
  <si>
    <t>cg09371693</t>
  </si>
  <si>
    <t>cg09412528</t>
  </si>
  <si>
    <t>cg09412715</t>
  </si>
  <si>
    <t>cg09413529</t>
  </si>
  <si>
    <t>cg09418283</t>
  </si>
  <si>
    <t>cg09425708</t>
  </si>
  <si>
    <t>cg09430872</t>
  </si>
  <si>
    <t>cg09432234</t>
  </si>
  <si>
    <t>cg09446995</t>
  </si>
  <si>
    <t>cg09486902</t>
  </si>
  <si>
    <t>cg09525523</t>
  </si>
  <si>
    <t>cg09526886</t>
  </si>
  <si>
    <t>cg09527714</t>
  </si>
  <si>
    <t>cg09562322</t>
  </si>
  <si>
    <t>cg09567735</t>
  </si>
  <si>
    <t>cg09577511</t>
  </si>
  <si>
    <t>cg09592224</t>
  </si>
  <si>
    <t>cg09593767</t>
  </si>
  <si>
    <t>cg09596958</t>
  </si>
  <si>
    <t>cg09597070</t>
  </si>
  <si>
    <t>cg09601505</t>
  </si>
  <si>
    <t>cg09624953</t>
  </si>
  <si>
    <t>cg09625946</t>
  </si>
  <si>
    <t>cg09627874</t>
  </si>
  <si>
    <t>cg09629053</t>
  </si>
  <si>
    <t>cg09634360</t>
  </si>
  <si>
    <t>cg09635784</t>
  </si>
  <si>
    <t>cg09636302</t>
  </si>
  <si>
    <t>cg09638668</t>
  </si>
  <si>
    <t>cg09644707</t>
  </si>
  <si>
    <t>cg09644986</t>
  </si>
  <si>
    <t>cg09652427</t>
  </si>
  <si>
    <t>cg09652614</t>
  </si>
  <si>
    <t>cg09652933</t>
  </si>
  <si>
    <t>cg09653535</t>
  </si>
  <si>
    <t>cg09663059</t>
  </si>
  <si>
    <t>cg09670128</t>
  </si>
  <si>
    <t>cg09676606</t>
  </si>
  <si>
    <t>cg09683324</t>
  </si>
  <si>
    <t>cg09689449</t>
  </si>
  <si>
    <t>cg09692396</t>
  </si>
  <si>
    <t>cg09696331</t>
  </si>
  <si>
    <t>cg09696411</t>
  </si>
  <si>
    <t>cg09698465</t>
  </si>
  <si>
    <t>cg09699605</t>
  </si>
  <si>
    <t>cg09704553</t>
  </si>
  <si>
    <t>cg09704741</t>
  </si>
  <si>
    <t>cg09720573</t>
  </si>
  <si>
    <t>cg09724878</t>
  </si>
  <si>
    <t>cg09736112</t>
  </si>
  <si>
    <t>cg09742915</t>
  </si>
  <si>
    <t>cg09743009</t>
  </si>
  <si>
    <t>cg09743140</t>
  </si>
  <si>
    <t>cg09749862</t>
  </si>
  <si>
    <t>cg09770068</t>
  </si>
  <si>
    <t>cg09770904</t>
  </si>
  <si>
    <t>cg09771054</t>
  </si>
  <si>
    <t>cg09782746</t>
  </si>
  <si>
    <t>cg09788416</t>
  </si>
  <si>
    <t>cg09814912</t>
  </si>
  <si>
    <t>cg09818732</t>
  </si>
  <si>
    <t>cg09824023</t>
  </si>
  <si>
    <t>cg09825309</t>
  </si>
  <si>
    <t>cg09832244</t>
  </si>
  <si>
    <t>cg09850661</t>
  </si>
  <si>
    <t>cg09859456</t>
  </si>
  <si>
    <t>cg09860804</t>
  </si>
  <si>
    <t>cg09860935</t>
  </si>
  <si>
    <t>cg09876651</t>
  </si>
  <si>
    <t>cg09887059</t>
  </si>
  <si>
    <t>cg09889291</t>
  </si>
  <si>
    <t>cg09898138</t>
  </si>
  <si>
    <t>cg09909775</t>
  </si>
  <si>
    <t>cg09913171</t>
  </si>
  <si>
    <t>cg09932441</t>
  </si>
  <si>
    <t>cg09933058</t>
  </si>
  <si>
    <t>cg09936907</t>
  </si>
  <si>
    <t>cg09941406</t>
  </si>
  <si>
    <t>cg09943550</t>
  </si>
  <si>
    <t>cg09949429</t>
  </si>
  <si>
    <t>cg09972192</t>
  </si>
  <si>
    <t>cg09973284</t>
  </si>
  <si>
    <t>cg09998801</t>
  </si>
  <si>
    <t>cg10002103</t>
  </si>
  <si>
    <t>cg10022966</t>
  </si>
  <si>
    <t>cg10023749</t>
  </si>
  <si>
    <t>cg10025392</t>
  </si>
  <si>
    <t>cg10036920</t>
  </si>
  <si>
    <t>cg10043760</t>
  </si>
  <si>
    <t>cg10049913</t>
  </si>
  <si>
    <t>cg10052597</t>
  </si>
  <si>
    <t>cg10054984</t>
  </si>
  <si>
    <t>cg10065182</t>
  </si>
  <si>
    <t>cg10078645</t>
  </si>
  <si>
    <t>cg10082647</t>
  </si>
  <si>
    <t>cg10086212</t>
  </si>
  <si>
    <t>cg10087172</t>
  </si>
  <si>
    <t>cg10091994</t>
  </si>
  <si>
    <t>cg10096177</t>
  </si>
  <si>
    <t>cg10097813</t>
  </si>
  <si>
    <t>cg10101458</t>
  </si>
  <si>
    <t>cg10103127</t>
  </si>
  <si>
    <t>cg10111292</t>
  </si>
  <si>
    <t>cg10111845</t>
  </si>
  <si>
    <t>cg10114359</t>
  </si>
  <si>
    <t>cg10115779</t>
  </si>
  <si>
    <t>cg10126874</t>
  </si>
  <si>
    <t>cg10131604</t>
  </si>
  <si>
    <t>cg10143811</t>
  </si>
  <si>
    <t>cg10152475</t>
  </si>
  <si>
    <t>cg10155468</t>
  </si>
  <si>
    <t>cg10156544</t>
  </si>
  <si>
    <t>cg10164592</t>
  </si>
  <si>
    <t>cg10170637</t>
  </si>
  <si>
    <t>cg10171063</t>
  </si>
  <si>
    <t>cg10194844</t>
  </si>
  <si>
    <t>cg10195929</t>
  </si>
  <si>
    <t>cg10196309</t>
  </si>
  <si>
    <t>cg10207042</t>
  </si>
  <si>
    <t>cg10217503</t>
  </si>
  <si>
    <t>cg10223066</t>
  </si>
  <si>
    <t>cg10224806</t>
  </si>
  <si>
    <t>cg10227843</t>
  </si>
  <si>
    <t>cg10229294</t>
  </si>
  <si>
    <t>cg10230355</t>
  </si>
  <si>
    <t>cg10233654</t>
  </si>
  <si>
    <t>cg10233825</t>
  </si>
  <si>
    <t>cg10238675</t>
  </si>
  <si>
    <t>cg10246081</t>
  </si>
  <si>
    <t>cg10282807</t>
  </si>
  <si>
    <t>cg10283036</t>
  </si>
  <si>
    <t>cg10296162</t>
  </si>
  <si>
    <t>cg10300057</t>
  </si>
  <si>
    <t>cg10304922</t>
  </si>
  <si>
    <t>cg10317314</t>
  </si>
  <si>
    <t>cg10319629</t>
  </si>
  <si>
    <t>cg10322007</t>
  </si>
  <si>
    <t>cg10322744</t>
  </si>
  <si>
    <t>cg10324701</t>
  </si>
  <si>
    <t>cg10330149</t>
  </si>
  <si>
    <t>cg10333808</t>
  </si>
  <si>
    <t>cg10349879</t>
  </si>
  <si>
    <t>cg10355455</t>
  </si>
  <si>
    <t>cg10360769</t>
  </si>
  <si>
    <t>cg10367011</t>
  </si>
  <si>
    <t>cg10368533</t>
  </si>
  <si>
    <t>cg10369955</t>
  </si>
  <si>
    <t>cg10378521</t>
  </si>
  <si>
    <t>cg10389229</t>
  </si>
  <si>
    <t>cg10418716</t>
  </si>
  <si>
    <t>cg10435123</t>
  </si>
  <si>
    <t>cg10436216</t>
  </si>
  <si>
    <t>cg10437240</t>
  </si>
  <si>
    <t>cg10437806</t>
  </si>
  <si>
    <t>cg10438649</t>
  </si>
  <si>
    <t>cg10447111</t>
  </si>
  <si>
    <t>cg10447644</t>
  </si>
  <si>
    <t>cg10448692</t>
  </si>
  <si>
    <t>cg10452531</t>
  </si>
  <si>
    <t>cg10459344</t>
  </si>
  <si>
    <t>cg10462093</t>
  </si>
  <si>
    <t>cg10462751</t>
  </si>
  <si>
    <t>cg10471644</t>
  </si>
  <si>
    <t>cg10473787</t>
  </si>
  <si>
    <t>cg10477073</t>
  </si>
  <si>
    <t>cg10500147</t>
  </si>
  <si>
    <t>cg10502244</t>
  </si>
  <si>
    <t>cg10504392</t>
  </si>
  <si>
    <t>cg10512875</t>
  </si>
  <si>
    <t>cg10516204</t>
  </si>
  <si>
    <t>cg10517121</t>
  </si>
  <si>
    <t>cg10530362</t>
  </si>
  <si>
    <t>cg10530560</t>
  </si>
  <si>
    <t>cg10535597</t>
  </si>
  <si>
    <t>cg10535858</t>
  </si>
  <si>
    <t>cg10541517</t>
  </si>
  <si>
    <t>cg10541674</t>
  </si>
  <si>
    <t>cg10551883</t>
  </si>
  <si>
    <t>cg10552903</t>
  </si>
  <si>
    <t>cg10568931</t>
  </si>
  <si>
    <t>cg10569606</t>
  </si>
  <si>
    <t>cg10573560</t>
  </si>
  <si>
    <t>cg10575376</t>
  </si>
  <si>
    <t>cg10581632</t>
  </si>
  <si>
    <t>cg10582318</t>
  </si>
  <si>
    <t>cg10583414</t>
  </si>
  <si>
    <t>cg10589851</t>
  </si>
  <si>
    <t>cg10592478</t>
  </si>
  <si>
    <t>cg10601002</t>
  </si>
  <si>
    <t>cg10603481</t>
  </si>
  <si>
    <t>cg10605791</t>
  </si>
  <si>
    <t>cg10609068</t>
  </si>
  <si>
    <t>cg10609442</t>
  </si>
  <si>
    <t>cg10616404</t>
  </si>
  <si>
    <t>cg10617763</t>
  </si>
  <si>
    <t>cg10624054</t>
  </si>
  <si>
    <t>cg10625367</t>
  </si>
  <si>
    <t>cg10638118</t>
  </si>
  <si>
    <t>cg10643928</t>
  </si>
  <si>
    <t>cg10644772</t>
  </si>
  <si>
    <t>cg10651583</t>
  </si>
  <si>
    <t>cg10653000</t>
  </si>
  <si>
    <t>cg10656674</t>
  </si>
  <si>
    <t>cg10657806</t>
  </si>
  <si>
    <t>cg10658542</t>
  </si>
  <si>
    <t>cg10659922</t>
  </si>
  <si>
    <t>cg10662314</t>
  </si>
  <si>
    <t>cg10663781</t>
  </si>
  <si>
    <t>cg10667044</t>
  </si>
  <si>
    <t>cg10668399</t>
  </si>
  <si>
    <t>cg10670310</t>
  </si>
  <si>
    <t>cg10671668</t>
  </si>
  <si>
    <t>cg10683793</t>
  </si>
  <si>
    <t>cg10684905</t>
  </si>
  <si>
    <t>cg10692932</t>
  </si>
  <si>
    <t>cg10694030</t>
  </si>
  <si>
    <t>cg10694539</t>
  </si>
  <si>
    <t>cg10695848</t>
  </si>
  <si>
    <t>cg10696085</t>
  </si>
  <si>
    <t>cg10705503</t>
  </si>
  <si>
    <t>cg10727759</t>
  </si>
  <si>
    <t>cg10730208</t>
  </si>
  <si>
    <t>cg10765909</t>
  </si>
  <si>
    <t>cg10766103</t>
  </si>
  <si>
    <t>cg10777361</t>
  </si>
  <si>
    <t>cg10779674</t>
  </si>
  <si>
    <t>cg10783774</t>
  </si>
  <si>
    <t>cg10784843</t>
  </si>
  <si>
    <t>cg10786221</t>
  </si>
  <si>
    <t>cg10790429</t>
  </si>
  <si>
    <t>cg10792302</t>
  </si>
  <si>
    <t>cg10794058</t>
  </si>
  <si>
    <t>cg10796568</t>
  </si>
  <si>
    <t>cg10796679</t>
  </si>
  <si>
    <t>cg10800464</t>
  </si>
  <si>
    <t>cg10801419</t>
  </si>
  <si>
    <t>cg10801752</t>
  </si>
  <si>
    <t>cg10811961</t>
  </si>
  <si>
    <t>cg10815395</t>
  </si>
  <si>
    <t>cg10817500</t>
  </si>
  <si>
    <t>cg10821925</t>
  </si>
  <si>
    <t>cg10825332</t>
  </si>
  <si>
    <t>cg10831607</t>
  </si>
  <si>
    <t>cg10833066</t>
  </si>
  <si>
    <t>cg10835308</t>
  </si>
  <si>
    <t>cg10838410</t>
  </si>
  <si>
    <t>cg10843343</t>
  </si>
  <si>
    <t>cg10848724</t>
  </si>
  <si>
    <t>cg10851683</t>
  </si>
  <si>
    <t>cg10854292</t>
  </si>
  <si>
    <t>cg10869879</t>
  </si>
  <si>
    <t>cg10875809</t>
  </si>
  <si>
    <t>cg10875868</t>
  </si>
  <si>
    <t>cg10895952</t>
  </si>
  <si>
    <t>cg10898421</t>
  </si>
  <si>
    <t>cg10906284</t>
  </si>
  <si>
    <t>cg10912581</t>
  </si>
  <si>
    <t>cg10914558</t>
  </si>
  <si>
    <t>cg10915263</t>
  </si>
  <si>
    <t>cg10916021</t>
  </si>
  <si>
    <t>cg10918016</t>
  </si>
  <si>
    <t>cg10919222</t>
  </si>
  <si>
    <t>cg10934821</t>
  </si>
  <si>
    <t>cg10940055</t>
  </si>
  <si>
    <t>cg10955208</t>
  </si>
  <si>
    <t>cg10961753</t>
  </si>
  <si>
    <t>cg10966500</t>
  </si>
  <si>
    <t>cg10967023</t>
  </si>
  <si>
    <t>cg10967904</t>
  </si>
  <si>
    <t>cg10993517</t>
  </si>
  <si>
    <t>cg11002258</t>
  </si>
  <si>
    <t>cg11004508</t>
  </si>
  <si>
    <t>cg11006622</t>
  </si>
  <si>
    <t>cg11007391</t>
  </si>
  <si>
    <t>cg11010909</t>
  </si>
  <si>
    <t>cg11013298</t>
  </si>
  <si>
    <t>cg11015188</t>
  </si>
  <si>
    <t>cg11018432</t>
  </si>
  <si>
    <t>cg11026555</t>
  </si>
  <si>
    <t>cg11037166</t>
  </si>
  <si>
    <t>cg11039789</t>
  </si>
  <si>
    <t>cg11050793</t>
  </si>
  <si>
    <t>cg11055242</t>
  </si>
  <si>
    <t>cg11064034</t>
  </si>
  <si>
    <t>cg11067696</t>
  </si>
  <si>
    <t>cg11072298</t>
  </si>
  <si>
    <t>cg11080062</t>
  </si>
  <si>
    <t>cg11081703</t>
  </si>
  <si>
    <t>cg11117113</t>
  </si>
  <si>
    <t>cg11127711</t>
  </si>
  <si>
    <t>cg11135021</t>
  </si>
  <si>
    <t>cg11136205</t>
  </si>
  <si>
    <t>cg11144986</t>
  </si>
  <si>
    <t>cg11144990</t>
  </si>
  <si>
    <t>cg11145412</t>
  </si>
  <si>
    <t>cg11148581</t>
  </si>
  <si>
    <t>cg11160362</t>
  </si>
  <si>
    <t>cg11188741</t>
  </si>
  <si>
    <t>cg11193342</t>
  </si>
  <si>
    <t>cg11199046</t>
  </si>
  <si>
    <t>cg11199448</t>
  </si>
  <si>
    <t>cg11202094</t>
  </si>
  <si>
    <t>cg11207307</t>
  </si>
  <si>
    <t>cg11208853</t>
  </si>
  <si>
    <t>cg11210652</t>
  </si>
  <si>
    <t>cg11213520</t>
  </si>
  <si>
    <t>cg11217574</t>
  </si>
  <si>
    <t>cg11217960</t>
  </si>
  <si>
    <t>cg11220397</t>
  </si>
  <si>
    <t>cg11220641</t>
  </si>
  <si>
    <t>cg11223573</t>
  </si>
  <si>
    <t>cg11224423</t>
  </si>
  <si>
    <t>cg11224582</t>
  </si>
  <si>
    <t>cg11226480</t>
  </si>
  <si>
    <t>cg11226714</t>
  </si>
  <si>
    <t>cg11227628</t>
  </si>
  <si>
    <t>cg11229457</t>
  </si>
  <si>
    <t>cg11242990</t>
  </si>
  <si>
    <t>cg11246938</t>
  </si>
  <si>
    <t>cg11247868</t>
  </si>
  <si>
    <t>cg11255394</t>
  </si>
  <si>
    <t>cg11258452</t>
  </si>
  <si>
    <t>cg11265516</t>
  </si>
  <si>
    <t>cg11287531</t>
  </si>
  <si>
    <t>cg11287899</t>
  </si>
  <si>
    <t>cg11295178</t>
  </si>
  <si>
    <t>cg11296759</t>
  </si>
  <si>
    <t>cg11297723</t>
  </si>
  <si>
    <t>cg11306441</t>
  </si>
  <si>
    <t>cg11322252</t>
  </si>
  <si>
    <t>cg11325604</t>
  </si>
  <si>
    <t>cg11334838</t>
  </si>
  <si>
    <t>cg11336643</t>
  </si>
  <si>
    <t>cg11340793</t>
  </si>
  <si>
    <t>cg11342366</t>
  </si>
  <si>
    <t>cg11343534</t>
  </si>
  <si>
    <t>cg11344791</t>
  </si>
  <si>
    <t>cg11348286</t>
  </si>
  <si>
    <t>cg11352190</t>
  </si>
  <si>
    <t>cg11353064</t>
  </si>
  <si>
    <t>cg11357746</t>
  </si>
  <si>
    <t>cg11365710</t>
  </si>
  <si>
    <t>cg11367580</t>
  </si>
  <si>
    <t>cg11369906</t>
  </si>
  <si>
    <t>cg11370512</t>
  </si>
  <si>
    <t>cg11387990</t>
  </si>
  <si>
    <t>cg11388325</t>
  </si>
  <si>
    <t>cg11390398</t>
  </si>
  <si>
    <t>cg11392389</t>
  </si>
  <si>
    <t>cg11416338</t>
  </si>
  <si>
    <t>cg11426224</t>
  </si>
  <si>
    <t>cg11429292</t>
  </si>
  <si>
    <t>cg11441553</t>
  </si>
  <si>
    <t>cg11468462</t>
  </si>
  <si>
    <t>cg11479258</t>
  </si>
  <si>
    <t>cg11505180</t>
  </si>
  <si>
    <t>cg11510247</t>
  </si>
  <si>
    <t>cg11510557</t>
  </si>
  <si>
    <t>cg11510999</t>
  </si>
  <si>
    <t>cg11512407</t>
  </si>
  <si>
    <t>cg11513088</t>
  </si>
  <si>
    <t>cg11520665</t>
  </si>
  <si>
    <t>cg11525011</t>
  </si>
  <si>
    <t>cg11527326</t>
  </si>
  <si>
    <t>cg11550862</t>
  </si>
  <si>
    <t>cg11551216</t>
  </si>
  <si>
    <t>cg11551902</t>
  </si>
  <si>
    <t>cg11552079</t>
  </si>
  <si>
    <t>cg11553795</t>
  </si>
  <si>
    <t>cg11555247</t>
  </si>
  <si>
    <t>cg11558135</t>
  </si>
  <si>
    <t>cg11560184</t>
  </si>
  <si>
    <t>cg11560280</t>
  </si>
  <si>
    <t>cg11586124</t>
  </si>
  <si>
    <t>cg11596580</t>
  </si>
  <si>
    <t>cg11596863</t>
  </si>
  <si>
    <t>cg11598148</t>
  </si>
  <si>
    <t>cg11599569</t>
  </si>
  <si>
    <t>cg11605222</t>
  </si>
  <si>
    <t>cg11609545</t>
  </si>
  <si>
    <t>cg11612470</t>
  </si>
  <si>
    <t>cg11639130</t>
  </si>
  <si>
    <t>cg11639950</t>
  </si>
  <si>
    <t>cg11641742</t>
  </si>
  <si>
    <t>cg11643463</t>
  </si>
  <si>
    <t>cg11650218</t>
  </si>
  <si>
    <t>cg11654179</t>
  </si>
  <si>
    <t>cg11701951</t>
  </si>
  <si>
    <t>cg11704528</t>
  </si>
  <si>
    <t>cg11708118</t>
  </si>
  <si>
    <t>cg11710851</t>
  </si>
  <si>
    <t>cg11716160</t>
  </si>
  <si>
    <t>cg11718741</t>
  </si>
  <si>
    <t>cg11721803</t>
  </si>
  <si>
    <t>cg11722639</t>
  </si>
  <si>
    <t>cg11724984</t>
  </si>
  <si>
    <t>cg11728497</t>
  </si>
  <si>
    <t>cg11728809</t>
  </si>
  <si>
    <t>cg11739541</t>
  </si>
  <si>
    <t>cg11739675</t>
  </si>
  <si>
    <t>cg11768416</t>
  </si>
  <si>
    <t>cg11785980</t>
  </si>
  <si>
    <t>cg11787907</t>
  </si>
  <si>
    <t>cg11808677</t>
  </si>
  <si>
    <t>cg11831988</t>
  </si>
  <si>
    <t>cg11833244</t>
  </si>
  <si>
    <t>cg11833660</t>
  </si>
  <si>
    <t>cg11836012</t>
  </si>
  <si>
    <t>cg11838439</t>
  </si>
  <si>
    <t>cg11841771</t>
  </si>
  <si>
    <t>cg11843090</t>
  </si>
  <si>
    <t>cg11853986</t>
  </si>
  <si>
    <t>cg11854928</t>
  </si>
  <si>
    <t>cg11856711</t>
  </si>
  <si>
    <t>cg11875268</t>
  </si>
  <si>
    <t>cg11887960</t>
  </si>
  <si>
    <t>cg11892997</t>
  </si>
  <si>
    <t>cg11904978</t>
  </si>
  <si>
    <t>cg11916478</t>
  </si>
  <si>
    <t>cg11924518</t>
  </si>
  <si>
    <t>cg11931667</t>
  </si>
  <si>
    <t>cg11932548</t>
  </si>
  <si>
    <t>cg11938453</t>
  </si>
  <si>
    <t>cg11938491</t>
  </si>
  <si>
    <t>cg11939071</t>
  </si>
  <si>
    <t>cg11940847</t>
  </si>
  <si>
    <t>cg11941633</t>
  </si>
  <si>
    <t>cg11944815</t>
  </si>
  <si>
    <t>cg11964308</t>
  </si>
  <si>
    <t>cg11964345</t>
  </si>
  <si>
    <t>cg11967675</t>
  </si>
  <si>
    <t>cg12020201</t>
  </si>
  <si>
    <t>cg12025258</t>
  </si>
  <si>
    <t>cg12025289</t>
  </si>
  <si>
    <t>cg12026015</t>
  </si>
  <si>
    <t>cg12045531</t>
  </si>
  <si>
    <t>cg12050434</t>
  </si>
  <si>
    <t>cg12055993</t>
  </si>
  <si>
    <t>cg12056857</t>
  </si>
  <si>
    <t>cg12060306</t>
  </si>
  <si>
    <t>cg12064372</t>
  </si>
  <si>
    <t>cg12066438</t>
  </si>
  <si>
    <t>cg12074252</t>
  </si>
  <si>
    <t>cg12074585</t>
  </si>
  <si>
    <t>cg12075445</t>
  </si>
  <si>
    <t>cg12079885</t>
  </si>
  <si>
    <t>cg12090001</t>
  </si>
  <si>
    <t>cg12093005</t>
  </si>
  <si>
    <t>cg12098623</t>
  </si>
  <si>
    <t>cg12104764</t>
  </si>
  <si>
    <t>cg12104984</t>
  </si>
  <si>
    <t>cg12105860</t>
  </si>
  <si>
    <t>cg12111758</t>
  </si>
  <si>
    <t>cg12114820</t>
  </si>
  <si>
    <t>cg12120327</t>
  </si>
  <si>
    <t>cg12128270</t>
  </si>
  <si>
    <t>cg12141744</t>
  </si>
  <si>
    <t>cg12142354</t>
  </si>
  <si>
    <t>cg12146864</t>
  </si>
  <si>
    <t>cg12149272</t>
  </si>
  <si>
    <t>cg12152420</t>
  </si>
  <si>
    <t>cg12159028</t>
  </si>
  <si>
    <t>cg12161887</t>
  </si>
  <si>
    <t>cg12172159</t>
  </si>
  <si>
    <t>cg12189137</t>
  </si>
  <si>
    <t>cg12190125</t>
  </si>
  <si>
    <t>cg12191764</t>
  </si>
  <si>
    <t>cg12193731</t>
  </si>
  <si>
    <t>cg12203636</t>
  </si>
  <si>
    <t>cg12204362</t>
  </si>
  <si>
    <t>cg12210040</t>
  </si>
  <si>
    <t>cg12216208</t>
  </si>
  <si>
    <t>cg12217517</t>
  </si>
  <si>
    <t>cg12226111</t>
  </si>
  <si>
    <t>cg12230296</t>
  </si>
  <si>
    <t>cg12230728</t>
  </si>
  <si>
    <t>cg12232388</t>
  </si>
  <si>
    <t>cg12235459</t>
  </si>
  <si>
    <t>cg12235877</t>
  </si>
  <si>
    <t>cg12243597</t>
  </si>
  <si>
    <t>cg12248652</t>
  </si>
  <si>
    <t>cg12250883</t>
  </si>
  <si>
    <t>cg12251659</t>
  </si>
  <si>
    <t>cg12253175</t>
  </si>
  <si>
    <t>cg12253830</t>
  </si>
  <si>
    <t>cg12255362</t>
  </si>
  <si>
    <t>cg12286636</t>
  </si>
  <si>
    <t>cg12350325</t>
  </si>
  <si>
    <t>cg12351126</t>
  </si>
  <si>
    <t>cg12351140</t>
  </si>
  <si>
    <t>cg12353452</t>
  </si>
  <si>
    <t>cg12371704</t>
  </si>
  <si>
    <t>cg12372788</t>
  </si>
  <si>
    <t>cg12374506</t>
  </si>
  <si>
    <t>cg12375960</t>
  </si>
  <si>
    <t>cg12379422</t>
  </si>
  <si>
    <t>cg12388583</t>
  </si>
  <si>
    <t>cg12390953</t>
  </si>
  <si>
    <t>cg12391352</t>
  </si>
  <si>
    <t>cg12402132</t>
  </si>
  <si>
    <t>cg12404505</t>
  </si>
  <si>
    <t>cg12404990</t>
  </si>
  <si>
    <t>cg12407666</t>
  </si>
  <si>
    <t>cg12411093</t>
  </si>
  <si>
    <t>cg12412531</t>
  </si>
  <si>
    <t>cg12414653</t>
  </si>
  <si>
    <t>cg12415116</t>
  </si>
  <si>
    <t>cg12415569</t>
  </si>
  <si>
    <t>cg12418163</t>
  </si>
  <si>
    <t>cg12436713</t>
  </si>
  <si>
    <t>cg12492900</t>
  </si>
  <si>
    <t>cg12503971</t>
  </si>
  <si>
    <t>cg12507325</t>
  </si>
  <si>
    <t>cg12509435</t>
  </si>
  <si>
    <t>cg12510458</t>
  </si>
  <si>
    <t>cg12513880</t>
  </si>
  <si>
    <t>cg12516059</t>
  </si>
  <si>
    <t>cg12529083</t>
  </si>
  <si>
    <t>cg12529816</t>
  </si>
  <si>
    <t>cg12530050</t>
  </si>
  <si>
    <t>cg12544020</t>
  </si>
  <si>
    <t>cg12551582</t>
  </si>
  <si>
    <t>cg12554051</t>
  </si>
  <si>
    <t>cg12556960</t>
  </si>
  <si>
    <t>cg12566756</t>
  </si>
  <si>
    <t>cg12577199</t>
  </si>
  <si>
    <t>cg12586210</t>
  </si>
  <si>
    <t>cg12586596</t>
  </si>
  <si>
    <t>cg12587729</t>
  </si>
  <si>
    <t>cg12589972</t>
  </si>
  <si>
    <t>cg12590521</t>
  </si>
  <si>
    <t>cg12594348</t>
  </si>
  <si>
    <t>cg12595990</t>
  </si>
  <si>
    <t>cg12618699</t>
  </si>
  <si>
    <t>cg12660026</t>
  </si>
  <si>
    <t>cg12664243</t>
  </si>
  <si>
    <t>cg12665003</t>
  </si>
  <si>
    <t>cg12666166</t>
  </si>
  <si>
    <t>cg12671565</t>
  </si>
  <si>
    <t>cg12687926</t>
  </si>
  <si>
    <t>cg12690127</t>
  </si>
  <si>
    <t>cg12698494</t>
  </si>
  <si>
    <t>cg12699286</t>
  </si>
  <si>
    <t>cg12703888</t>
  </si>
  <si>
    <t>cg12707548</t>
  </si>
  <si>
    <t>cg12708634</t>
  </si>
  <si>
    <t>cg12709030</t>
  </si>
  <si>
    <t>cg12719030</t>
  </si>
  <si>
    <t>cg12751521</t>
  </si>
  <si>
    <t>cg12760869</t>
  </si>
  <si>
    <t>cg12762432</t>
  </si>
  <si>
    <t>cg12787624</t>
  </si>
  <si>
    <t>cg12806067</t>
  </si>
  <si>
    <t>cg12812047</t>
  </si>
  <si>
    <t>cg12819747</t>
  </si>
  <si>
    <t>cg12823748</t>
  </si>
  <si>
    <t>cg12866999</t>
  </si>
  <si>
    <t>cg12867892</t>
  </si>
  <si>
    <t>cg12869820</t>
  </si>
  <si>
    <t>cg12878555</t>
  </si>
  <si>
    <t>cg12886634</t>
  </si>
  <si>
    <t>cg12893361</t>
  </si>
  <si>
    <t>cg12897782</t>
  </si>
  <si>
    <t>cg12901574</t>
  </si>
  <si>
    <t>cg12902426</t>
  </si>
  <si>
    <t>cg12920793</t>
  </si>
  <si>
    <t>cg12929027</t>
  </si>
  <si>
    <t>cg12941675</t>
  </si>
  <si>
    <t>cg12967384</t>
  </si>
  <si>
    <t>cg12967395</t>
  </si>
  <si>
    <t>cg12969042</t>
  </si>
  <si>
    <t>cg12970542</t>
  </si>
  <si>
    <t>cg12984948</t>
  </si>
  <si>
    <t>cg12993927</t>
  </si>
  <si>
    <t>cg13000219</t>
  </si>
  <si>
    <t>cg13006259</t>
  </si>
  <si>
    <t>cg13022977</t>
  </si>
  <si>
    <t>cg13033626</t>
  </si>
  <si>
    <t>cg13034943</t>
  </si>
  <si>
    <t>cg13037550</t>
  </si>
  <si>
    <t>cg13038544</t>
  </si>
  <si>
    <t>cg13062821</t>
  </si>
  <si>
    <t>cg13063344</t>
  </si>
  <si>
    <t>cg13065262</t>
  </si>
  <si>
    <t>cg13069910</t>
  </si>
  <si>
    <t>cg13073224</t>
  </si>
  <si>
    <t>cg13078381</t>
  </si>
  <si>
    <t>cg13079154</t>
  </si>
  <si>
    <t>cg13080151</t>
  </si>
  <si>
    <t>cg13080282</t>
  </si>
  <si>
    <t>cg13085893</t>
  </si>
  <si>
    <t>cg13085895</t>
  </si>
  <si>
    <t>cg13109300</t>
  </si>
  <si>
    <t>cg13110350</t>
  </si>
  <si>
    <t>cg13113115</t>
  </si>
  <si>
    <t>cg13117031</t>
  </si>
  <si>
    <t>cg13131185</t>
  </si>
  <si>
    <t>cg13131577</t>
  </si>
  <si>
    <t>cg13132650</t>
  </si>
  <si>
    <t>cg13133835</t>
  </si>
  <si>
    <t>cg13138088</t>
  </si>
  <si>
    <t>cg13147090</t>
  </si>
  <si>
    <t>cg13148131</t>
  </si>
  <si>
    <t>cg13148824</t>
  </si>
  <si>
    <t>cg13150282</t>
  </si>
  <si>
    <t>cg13188098</t>
  </si>
  <si>
    <t>cg13189671</t>
  </si>
  <si>
    <t>cg13203223</t>
  </si>
  <si>
    <t>cg13204290</t>
  </si>
  <si>
    <t>cg13204687</t>
  </si>
  <si>
    <t>cg13205571</t>
  </si>
  <si>
    <t>cg13212283</t>
  </si>
  <si>
    <t>cg13212400</t>
  </si>
  <si>
    <t>cg13217116</t>
  </si>
  <si>
    <t>cg13217159</t>
  </si>
  <si>
    <t>cg13220901</t>
  </si>
  <si>
    <t>cg13227691</t>
  </si>
  <si>
    <t>cg13233166</t>
  </si>
  <si>
    <t>cg13233461</t>
  </si>
  <si>
    <t>cg13234997</t>
  </si>
  <si>
    <t>cg13236378</t>
  </si>
  <si>
    <t>cg13240326</t>
  </si>
  <si>
    <t>cg13241144</t>
  </si>
  <si>
    <t>cg13282787</t>
  </si>
  <si>
    <t>cg13285458</t>
  </si>
  <si>
    <t>cg13295812</t>
  </si>
  <si>
    <t>cg13320138</t>
  </si>
  <si>
    <t>cg13322722</t>
  </si>
  <si>
    <t>cg13325261</t>
  </si>
  <si>
    <t>cg13327785</t>
  </si>
  <si>
    <t>cg13327859</t>
  </si>
  <si>
    <t>cg13328209</t>
  </si>
  <si>
    <t>cg13329981</t>
  </si>
  <si>
    <t>cg13335447</t>
  </si>
  <si>
    <t>cg13349421</t>
  </si>
  <si>
    <t>cg13359649</t>
  </si>
  <si>
    <t>cg13373321</t>
  </si>
  <si>
    <t>cg13376104</t>
  </si>
  <si>
    <t>cg13376720</t>
  </si>
  <si>
    <t>cg13377154</t>
  </si>
  <si>
    <t>cg13401811</t>
  </si>
  <si>
    <t>cg13404421</t>
  </si>
  <si>
    <t>cg13411583</t>
  </si>
  <si>
    <t>cg13411923</t>
  </si>
  <si>
    <t>cg13412066</t>
  </si>
  <si>
    <t>cg13412461</t>
  </si>
  <si>
    <t>cg13417256</t>
  </si>
  <si>
    <t>cg13417420</t>
  </si>
  <si>
    <t>cg13434308</t>
  </si>
  <si>
    <t>cg13442495</t>
  </si>
  <si>
    <t>cg13471599</t>
  </si>
  <si>
    <t>cg13474619</t>
  </si>
  <si>
    <t>cg13480619</t>
  </si>
  <si>
    <t>cg13488395</t>
  </si>
  <si>
    <t>cg13492291</t>
  </si>
  <si>
    <t>cg13494509</t>
  </si>
  <si>
    <t>cg13503067</t>
  </si>
  <si>
    <t>cg13504434</t>
  </si>
  <si>
    <t>cg13505011</t>
  </si>
  <si>
    <t>cg13508391</t>
  </si>
  <si>
    <t>cg13509195</t>
  </si>
  <si>
    <t>cg13509575</t>
  </si>
  <si>
    <t>cg13515021</t>
  </si>
  <si>
    <t>cg13519035</t>
  </si>
  <si>
    <t>cg13520771</t>
  </si>
  <si>
    <t>cg13521951</t>
  </si>
  <si>
    <t>cg13523236</t>
  </si>
  <si>
    <t>cg13524819</t>
  </si>
  <si>
    <t>cg13544195</t>
  </si>
  <si>
    <t>cg13550637</t>
  </si>
  <si>
    <t>cg13553453</t>
  </si>
  <si>
    <t>cg13559144</t>
  </si>
  <si>
    <t>cg13565656</t>
  </si>
  <si>
    <t>cg13573073</t>
  </si>
  <si>
    <t>cg13575925</t>
  </si>
  <si>
    <t>cg13603508</t>
  </si>
  <si>
    <t>cg13604337</t>
  </si>
  <si>
    <t>cg13614229</t>
  </si>
  <si>
    <t>cg13615998</t>
  </si>
  <si>
    <t>cg13627562</t>
  </si>
  <si>
    <t>cg13645001</t>
  </si>
  <si>
    <t>cg13645530</t>
  </si>
  <si>
    <t>cg13653195</t>
  </si>
  <si>
    <t>cg13654797</t>
  </si>
  <si>
    <t>cg13670601</t>
  </si>
  <si>
    <t>cg13672103</t>
  </si>
  <si>
    <t>cg13675624</t>
  </si>
  <si>
    <t>cg13679466</t>
  </si>
  <si>
    <t>cg13683516</t>
  </si>
  <si>
    <t>cg13689156</t>
  </si>
  <si>
    <t>cg13691247</t>
  </si>
  <si>
    <t>cg13691259</t>
  </si>
  <si>
    <t>cg13696466</t>
  </si>
  <si>
    <t>cg13698153</t>
  </si>
  <si>
    <t>cg13702005</t>
  </si>
  <si>
    <t>cg13716933</t>
  </si>
  <si>
    <t>cg13718418</t>
  </si>
  <si>
    <t>cg13722634</t>
  </si>
  <si>
    <t>cg13726878</t>
  </si>
  <si>
    <t>cg13752005</t>
  </si>
  <si>
    <t>cg13807985</t>
  </si>
  <si>
    <t>cg13808399</t>
  </si>
  <si>
    <t>cg13816414</t>
  </si>
  <si>
    <t>cg13826247</t>
  </si>
  <si>
    <t>cg13828592</t>
  </si>
  <si>
    <t>cg13830393</t>
  </si>
  <si>
    <t>cg13837552</t>
  </si>
  <si>
    <t>cg13842421</t>
  </si>
  <si>
    <t>cg13846563</t>
  </si>
  <si>
    <t>cg13848035</t>
  </si>
  <si>
    <t>cg13850344</t>
  </si>
  <si>
    <t>cg13857707</t>
  </si>
  <si>
    <t>cg13867865</t>
  </si>
  <si>
    <t>cg13879483</t>
  </si>
  <si>
    <t>cg13880565</t>
  </si>
  <si>
    <t>cg13881299</t>
  </si>
  <si>
    <t>cg13882203</t>
  </si>
  <si>
    <t>cg13883939</t>
  </si>
  <si>
    <t>cg13889620</t>
  </si>
  <si>
    <t>cg13891539</t>
  </si>
  <si>
    <t>cg13903809</t>
  </si>
  <si>
    <t>cg13903917</t>
  </si>
  <si>
    <t>cg13910493</t>
  </si>
  <si>
    <t>cg13914598</t>
  </si>
  <si>
    <t>cg13929079</t>
  </si>
  <si>
    <t>cg13933139</t>
  </si>
  <si>
    <t>cg13934606</t>
  </si>
  <si>
    <t>cg13935577</t>
  </si>
  <si>
    <t>cg13937905</t>
  </si>
  <si>
    <t>cg13952636</t>
  </si>
  <si>
    <t>cg13955512</t>
  </si>
  <si>
    <t>cg13977323</t>
  </si>
  <si>
    <t>cg13979873</t>
  </si>
  <si>
    <t>cg13987226</t>
  </si>
  <si>
    <t>cg13990926</t>
  </si>
  <si>
    <t>cg14019323</t>
  </si>
  <si>
    <t>cg14026788</t>
  </si>
  <si>
    <t>cg14029372</t>
  </si>
  <si>
    <t>cg14029489</t>
  </si>
  <si>
    <t>cg14058027</t>
  </si>
  <si>
    <t>cg14071137</t>
  </si>
  <si>
    <t>cg14078579</t>
  </si>
  <si>
    <t>cg14084056</t>
  </si>
  <si>
    <t>cg14101604</t>
  </si>
  <si>
    <t>cg14107159</t>
  </si>
  <si>
    <t>cg14108394</t>
  </si>
  <si>
    <t>cg14121142</t>
  </si>
  <si>
    <t>cg14127958</t>
  </si>
  <si>
    <t>cg14135757</t>
  </si>
  <si>
    <t>cg14138116</t>
  </si>
  <si>
    <t>cg14185801</t>
  </si>
  <si>
    <t>cg14192160</t>
  </si>
  <si>
    <t>cg14193806</t>
  </si>
  <si>
    <t>cg14202478</t>
  </si>
  <si>
    <t>cg14212870</t>
  </si>
  <si>
    <t>cg14214262</t>
  </si>
  <si>
    <t>cg14215464</t>
  </si>
  <si>
    <t>cg14224600</t>
  </si>
  <si>
    <t>cg14249227</t>
  </si>
  <si>
    <t>cg14250600</t>
  </si>
  <si>
    <t>cg14251312</t>
  </si>
  <si>
    <t>cg14262439</t>
  </si>
  <si>
    <t>cg14290287</t>
  </si>
  <si>
    <t>cg14298966</t>
  </si>
  <si>
    <t>cg14302662</t>
  </si>
  <si>
    <t>cg14304690</t>
  </si>
  <si>
    <t>cg14311020</t>
  </si>
  <si>
    <t>cg14312334</t>
  </si>
  <si>
    <t>cg14315430</t>
  </si>
  <si>
    <t>cg14376625</t>
  </si>
  <si>
    <t>cg14378593</t>
  </si>
  <si>
    <t>cg14395444</t>
  </si>
  <si>
    <t>cg14397459</t>
  </si>
  <si>
    <t>cg14407075</t>
  </si>
  <si>
    <t>cg14409850</t>
  </si>
  <si>
    <t>cg14417382</t>
  </si>
  <si>
    <t>cg14433247</t>
  </si>
  <si>
    <t>cg14453326</t>
  </si>
  <si>
    <t>cg14467738</t>
  </si>
  <si>
    <t>cg14469339</t>
  </si>
  <si>
    <t>cg14480046</t>
  </si>
  <si>
    <t>cg14482313</t>
  </si>
  <si>
    <t>cg14489632</t>
  </si>
  <si>
    <t>cg14494721</t>
  </si>
  <si>
    <t>cg14497054</t>
  </si>
  <si>
    <t>cg14510301</t>
  </si>
  <si>
    <t>cg14510812</t>
  </si>
  <si>
    <t>cg14515699</t>
  </si>
  <si>
    <t>cg14517859</t>
  </si>
  <si>
    <t>cg14518355</t>
  </si>
  <si>
    <t>cg14518868</t>
  </si>
  <si>
    <t>cg14523877</t>
  </si>
  <si>
    <t>cg14525755</t>
  </si>
  <si>
    <t>cg14528339</t>
  </si>
  <si>
    <t>cg14529170</t>
  </si>
  <si>
    <t>cg14532188</t>
  </si>
  <si>
    <t>cg14536812</t>
  </si>
  <si>
    <t>cg14537533</t>
  </si>
  <si>
    <t>cg14540145</t>
  </si>
  <si>
    <t>cg14559057</t>
  </si>
  <si>
    <t>cg14566857</t>
  </si>
  <si>
    <t>cg14576128</t>
  </si>
  <si>
    <t>cg14592406</t>
  </si>
  <si>
    <t>cg14602222</t>
  </si>
  <si>
    <t>cg14603778</t>
  </si>
  <si>
    <t>cg14603867</t>
  </si>
  <si>
    <t>cg14604444</t>
  </si>
  <si>
    <t>cg14606256</t>
  </si>
  <si>
    <t>cg14621254</t>
  </si>
  <si>
    <t>cg14639185</t>
  </si>
  <si>
    <t>cg14639847</t>
  </si>
  <si>
    <t>cg14643892</t>
  </si>
  <si>
    <t>cg14664714</t>
  </si>
  <si>
    <t>cg14666369</t>
  </si>
  <si>
    <t>cg14666473</t>
  </si>
  <si>
    <t>cg14671384</t>
  </si>
  <si>
    <t>cg14679607</t>
  </si>
  <si>
    <t>cg14687298</t>
  </si>
  <si>
    <t>cg14688628</t>
  </si>
  <si>
    <t>cg14691529</t>
  </si>
  <si>
    <t>cg14699616</t>
  </si>
  <si>
    <t>cg14701643</t>
  </si>
  <si>
    <t>cg14730445</t>
  </si>
  <si>
    <t>cg14734904</t>
  </si>
  <si>
    <t>cg14741474</t>
  </si>
  <si>
    <t>cg14742198</t>
  </si>
  <si>
    <t>cg14749417</t>
  </si>
  <si>
    <t>cg14751087</t>
  </si>
  <si>
    <t>cg14751481</t>
  </si>
  <si>
    <t>cg14774511</t>
  </si>
  <si>
    <t>cg14776747</t>
  </si>
  <si>
    <t>cg14782991</t>
  </si>
  <si>
    <t>cg14787758</t>
  </si>
  <si>
    <t>cg14790739</t>
  </si>
  <si>
    <t>cg14794428</t>
  </si>
  <si>
    <t>cg14794577</t>
  </si>
  <si>
    <t>cg14795572</t>
  </si>
  <si>
    <t>cg14797322</t>
  </si>
  <si>
    <t>cg14816013</t>
  </si>
  <si>
    <t>cg14828484</t>
  </si>
  <si>
    <t>cg14830815</t>
  </si>
  <si>
    <t>cg14831020</t>
  </si>
  <si>
    <t>cg14835062</t>
  </si>
  <si>
    <t>cg14839808</t>
  </si>
  <si>
    <t>cg14843800</t>
  </si>
  <si>
    <t>cg14846292</t>
  </si>
  <si>
    <t>cg14856738</t>
  </si>
  <si>
    <t>cg14857596</t>
  </si>
  <si>
    <t>cg14858786</t>
  </si>
  <si>
    <t>cg14868550</t>
  </si>
  <si>
    <t>cg14868703</t>
  </si>
  <si>
    <t>cg14875920</t>
  </si>
  <si>
    <t>cg14881098</t>
  </si>
  <si>
    <t>cg14882054</t>
  </si>
  <si>
    <t>cg14885748</t>
  </si>
  <si>
    <t>cg14890851</t>
  </si>
  <si>
    <t>cg14894823</t>
  </si>
  <si>
    <t>cg14898177</t>
  </si>
  <si>
    <t>cg14910368</t>
  </si>
  <si>
    <t>cg14918019</t>
  </si>
  <si>
    <t>cg14921691</t>
  </si>
  <si>
    <t>cg14923295</t>
  </si>
  <si>
    <t>cg14925764</t>
  </si>
  <si>
    <t>cg14950169</t>
  </si>
  <si>
    <t>cg14950855</t>
  </si>
  <si>
    <t>cg14960489</t>
  </si>
  <si>
    <t>cg14973204</t>
  </si>
  <si>
    <t>cg14975184</t>
  </si>
  <si>
    <t>cg14976741</t>
  </si>
  <si>
    <t>cg14987787</t>
  </si>
  <si>
    <t>cg14996220</t>
  </si>
  <si>
    <t>cg14998914</t>
  </si>
  <si>
    <t>cg15007132</t>
  </si>
  <si>
    <t>cg15012572</t>
  </si>
  <si>
    <t>cg15017728</t>
  </si>
  <si>
    <t>cg15046818</t>
  </si>
  <si>
    <t>cg15049933</t>
  </si>
  <si>
    <t>cg15052642</t>
  </si>
  <si>
    <t>cg15055395</t>
  </si>
  <si>
    <t>cg15074033</t>
  </si>
  <si>
    <t>cg15082645</t>
  </si>
  <si>
    <t>cg15087347</t>
  </si>
  <si>
    <t>cg15102224</t>
  </si>
  <si>
    <t>cg15104066</t>
  </si>
  <si>
    <t>cg15106368</t>
  </si>
  <si>
    <t>cg15122365</t>
  </si>
  <si>
    <t>cg15130302</t>
  </si>
  <si>
    <t>cg15149725</t>
  </si>
  <si>
    <t>cg15159017</t>
  </si>
  <si>
    <t>cg15159605</t>
  </si>
  <si>
    <t>cg15160514</t>
  </si>
  <si>
    <t>cg15162335</t>
  </si>
  <si>
    <t>cg15164871</t>
  </si>
  <si>
    <t>cg15168615</t>
  </si>
  <si>
    <t>cg15170634</t>
  </si>
  <si>
    <t>cg15174311</t>
  </si>
  <si>
    <t>cg15231902</t>
  </si>
  <si>
    <t>cg15233062</t>
  </si>
  <si>
    <t>cg15238008</t>
  </si>
  <si>
    <t>cg15238467</t>
  </si>
  <si>
    <t>cg15243578</t>
  </si>
  <si>
    <t>cg15244786</t>
  </si>
  <si>
    <t>cg15245095</t>
  </si>
  <si>
    <t>cg15247645</t>
  </si>
  <si>
    <t>cg15249119</t>
  </si>
  <si>
    <t>cg15249639</t>
  </si>
  <si>
    <t>cg15251385</t>
  </si>
  <si>
    <t>cg15258033</t>
  </si>
  <si>
    <t>cg15260268</t>
  </si>
  <si>
    <t>cg15260466</t>
  </si>
  <si>
    <t>cg15261861</t>
  </si>
  <si>
    <t>cg15264083</t>
  </si>
  <si>
    <t>cg15266121</t>
  </si>
  <si>
    <t>cg15266705</t>
  </si>
  <si>
    <t>cg15273066</t>
  </si>
  <si>
    <t>cg15275019</t>
  </si>
  <si>
    <t>cg15275758</t>
  </si>
  <si>
    <t>cg15278374</t>
  </si>
  <si>
    <t>cg15281406</t>
  </si>
  <si>
    <t>cg15283062</t>
  </si>
  <si>
    <t>cg15283373</t>
  </si>
  <si>
    <t>cg15284129</t>
  </si>
  <si>
    <t>cg15294361</t>
  </si>
  <si>
    <t>cg15295332</t>
  </si>
  <si>
    <t>cg15310637</t>
  </si>
  <si>
    <t>cg15316703</t>
  </si>
  <si>
    <t>cg15316734</t>
  </si>
  <si>
    <t>cg15320905</t>
  </si>
  <si>
    <t>cg15322624</t>
  </si>
  <si>
    <t>cg15326887</t>
  </si>
  <si>
    <t>cg15331945</t>
  </si>
  <si>
    <t>cg15333818</t>
  </si>
  <si>
    <t>cg15335104</t>
  </si>
  <si>
    <t>cg15336765</t>
  </si>
  <si>
    <t>cg15340887</t>
  </si>
  <si>
    <t>cg15342134</t>
  </si>
  <si>
    <t>cg15348274</t>
  </si>
  <si>
    <t>cg15348430</t>
  </si>
  <si>
    <t>cg15367106</t>
  </si>
  <si>
    <t>cg15389589</t>
  </si>
  <si>
    <t>cg15392827</t>
  </si>
  <si>
    <t>cg15398255</t>
  </si>
  <si>
    <t>cg15399604</t>
  </si>
  <si>
    <t>cg15400169</t>
  </si>
  <si>
    <t>cg15402075</t>
  </si>
  <si>
    <t>cg15409097</t>
  </si>
  <si>
    <t>cg15410411</t>
  </si>
  <si>
    <t>cg15416064</t>
  </si>
  <si>
    <t>cg15417875</t>
  </si>
  <si>
    <t>cg15421933</t>
  </si>
  <si>
    <t>cg15423407</t>
  </si>
  <si>
    <t>cg15423853</t>
  </si>
  <si>
    <t>cg15437457</t>
  </si>
  <si>
    <t>cg15438404</t>
  </si>
  <si>
    <t>cg15448445</t>
  </si>
  <si>
    <t>cg15459780</t>
  </si>
  <si>
    <t>cg15461017</t>
  </si>
  <si>
    <t>cg15466933</t>
  </si>
  <si>
    <t>cg15473325</t>
  </si>
  <si>
    <t>cg15528501</t>
  </si>
  <si>
    <t>cg15531235</t>
  </si>
  <si>
    <t>cg15550260</t>
  </si>
  <si>
    <t>cg15611151</t>
  </si>
  <si>
    <t>cg15617609</t>
  </si>
  <si>
    <t>cg15620146</t>
  </si>
  <si>
    <t>cg15620385</t>
  </si>
  <si>
    <t>cg15628953</t>
  </si>
  <si>
    <t>cg15631966</t>
  </si>
  <si>
    <t>cg15635472</t>
  </si>
  <si>
    <t>cg15641062</t>
  </si>
  <si>
    <t>cg15646041</t>
  </si>
  <si>
    <t>cg15697710</t>
  </si>
  <si>
    <t>cg15697849</t>
  </si>
  <si>
    <t>cg15699942</t>
  </si>
  <si>
    <t>cg15700739</t>
  </si>
  <si>
    <t>cg15702800</t>
  </si>
  <si>
    <t>cg15703165</t>
  </si>
  <si>
    <t>cg15708001</t>
  </si>
  <si>
    <t>cg15709169</t>
  </si>
  <si>
    <t>cg15720995</t>
  </si>
  <si>
    <t>cg15721666</t>
  </si>
  <si>
    <t>cg15731056</t>
  </si>
  <si>
    <t>cg15731655</t>
  </si>
  <si>
    <t>cg15733245</t>
  </si>
  <si>
    <t>cg15734706</t>
  </si>
  <si>
    <t>cg15768282</t>
  </si>
  <si>
    <t>cg15768650</t>
  </si>
  <si>
    <t>cg15772797</t>
  </si>
  <si>
    <t>cg15773090</t>
  </si>
  <si>
    <t>cg15773726</t>
  </si>
  <si>
    <t>cg15780870</t>
  </si>
  <si>
    <t>cg15785868</t>
  </si>
  <si>
    <t>cg15790839</t>
  </si>
  <si>
    <t>cg15792158</t>
  </si>
  <si>
    <t>cg15809571</t>
  </si>
  <si>
    <t>cg15810031</t>
  </si>
  <si>
    <t>cg15815061</t>
  </si>
  <si>
    <t>cg15819808</t>
  </si>
  <si>
    <t>cg15826273</t>
  </si>
  <si>
    <t>cg15830509</t>
  </si>
  <si>
    <t>cg15830607</t>
  </si>
  <si>
    <t>cg15830613</t>
  </si>
  <si>
    <t>cg15837832</t>
  </si>
  <si>
    <t>cg15857731</t>
  </si>
  <si>
    <t>cg15864354</t>
  </si>
  <si>
    <t>cg15866393</t>
  </si>
  <si>
    <t>cg15875875</t>
  </si>
  <si>
    <t>cg15877906</t>
  </si>
  <si>
    <t>cg15878670</t>
  </si>
  <si>
    <t>cg15894619</t>
  </si>
  <si>
    <t>cg15894722</t>
  </si>
  <si>
    <t>cg15909016</t>
  </si>
  <si>
    <t>cg15912086</t>
  </si>
  <si>
    <t>cg15920131</t>
  </si>
  <si>
    <t>cg15927682</t>
  </si>
  <si>
    <t>cg15928377</t>
  </si>
  <si>
    <t>cg15929573</t>
  </si>
  <si>
    <t>cg15930798</t>
  </si>
  <si>
    <t>cg15932738</t>
  </si>
  <si>
    <t>cg15937634</t>
  </si>
  <si>
    <t>cg15956273</t>
  </si>
  <si>
    <t>cg15959252</t>
  </si>
  <si>
    <t>cg15960928</t>
  </si>
  <si>
    <t>cg15963344</t>
  </si>
  <si>
    <t>cg15975985</t>
  </si>
  <si>
    <t>cg15983200</t>
  </si>
  <si>
    <t>cg15988983</t>
  </si>
  <si>
    <t>cg15990629</t>
  </si>
  <si>
    <t>cg15991862</t>
  </si>
  <si>
    <t>cg15993795</t>
  </si>
  <si>
    <t>cg15996644</t>
  </si>
  <si>
    <t>cg15998961</t>
  </si>
  <si>
    <t>cg16003301</t>
  </si>
  <si>
    <t>cg16010707</t>
  </si>
  <si>
    <t>cg16021483</t>
  </si>
  <si>
    <t>cg16037021</t>
  </si>
  <si>
    <t>cg16049349</t>
  </si>
  <si>
    <t>cg16065574</t>
  </si>
  <si>
    <t>cg16065768</t>
  </si>
  <si>
    <t>cg16086185</t>
  </si>
  <si>
    <t>cg16088107</t>
  </si>
  <si>
    <t>cg16089935</t>
  </si>
  <si>
    <t>cg16091543</t>
  </si>
  <si>
    <t>cg16095355</t>
  </si>
  <si>
    <t>cg16097051</t>
  </si>
  <si>
    <t>cg16110759</t>
  </si>
  <si>
    <t>cg16113189</t>
  </si>
  <si>
    <t>cg16120422</t>
  </si>
  <si>
    <t>cg16133088</t>
  </si>
  <si>
    <t>cg16134607</t>
  </si>
  <si>
    <t>cg16135716</t>
  </si>
  <si>
    <t>cg16136038</t>
  </si>
  <si>
    <t>cg16170936</t>
  </si>
  <si>
    <t>cg16207330</t>
  </si>
  <si>
    <t>cg16237390</t>
  </si>
  <si>
    <t>cg16237595</t>
  </si>
  <si>
    <t>cg16243243</t>
  </si>
  <si>
    <t>cg16245844</t>
  </si>
  <si>
    <t>cg16264705</t>
  </si>
  <si>
    <t>cg16266536</t>
  </si>
  <si>
    <t>cg16275960</t>
  </si>
  <si>
    <t>cg16277306</t>
  </si>
  <si>
    <t>cg16278213</t>
  </si>
  <si>
    <t>cg16278728</t>
  </si>
  <si>
    <t>cg16279999</t>
  </si>
  <si>
    <t>cg16296724</t>
  </si>
  <si>
    <t>cg16306515</t>
  </si>
  <si>
    <t>cg16307498</t>
  </si>
  <si>
    <t>cg16307502</t>
  </si>
  <si>
    <t>cg16309595</t>
  </si>
  <si>
    <t>cg16310717</t>
  </si>
  <si>
    <t>cg16313485</t>
  </si>
  <si>
    <t>cg16317291</t>
  </si>
  <si>
    <t>cg16320626</t>
  </si>
  <si>
    <t>cg16321474</t>
  </si>
  <si>
    <t>cg16322581</t>
  </si>
  <si>
    <t>cg16339100</t>
  </si>
  <si>
    <t>cg16345521</t>
  </si>
  <si>
    <t>cg16356837</t>
  </si>
  <si>
    <t>cg16389456</t>
  </si>
  <si>
    <t>cg16390044</t>
  </si>
  <si>
    <t>cg16393012</t>
  </si>
  <si>
    <t>cg16397032</t>
  </si>
  <si>
    <t>cg16402452</t>
  </si>
  <si>
    <t>cg16403344</t>
  </si>
  <si>
    <t>cg16405012</t>
  </si>
  <si>
    <t>cg16407953</t>
  </si>
  <si>
    <t>cg16409497</t>
  </si>
  <si>
    <t>cg16409977</t>
  </si>
  <si>
    <t>cg16413687</t>
  </si>
  <si>
    <t>cg16426148</t>
  </si>
  <si>
    <t>cg16428631</t>
  </si>
  <si>
    <t>cg16431543</t>
  </si>
  <si>
    <t>cg16431687</t>
  </si>
  <si>
    <t>cg16431864</t>
  </si>
  <si>
    <t>cg16433737</t>
  </si>
  <si>
    <t>cg16434195</t>
  </si>
  <si>
    <t>cg16444117</t>
  </si>
  <si>
    <t>cg16445574</t>
  </si>
  <si>
    <t>cg16449840</t>
  </si>
  <si>
    <t>cg16455791</t>
  </si>
  <si>
    <t>cg16458436</t>
  </si>
  <si>
    <t>cg16458507</t>
  </si>
  <si>
    <t>cg16465882</t>
  </si>
  <si>
    <t>cg16466203</t>
  </si>
  <si>
    <t>cg16471585</t>
  </si>
  <si>
    <t>cg16478733</t>
  </si>
  <si>
    <t>cg16479539</t>
  </si>
  <si>
    <t>cg16480841</t>
  </si>
  <si>
    <t>cg16483388</t>
  </si>
  <si>
    <t>cg16483611</t>
  </si>
  <si>
    <t>cg16484811</t>
  </si>
  <si>
    <t>cg16487573</t>
  </si>
  <si>
    <t>cg16496462</t>
  </si>
  <si>
    <t>cg16496750</t>
  </si>
  <si>
    <t>cg16498194</t>
  </si>
  <si>
    <t>cg16520288</t>
  </si>
  <si>
    <t>cg16521032</t>
  </si>
  <si>
    <t>cg16526961</t>
  </si>
  <si>
    <t>cg16529440</t>
  </si>
  <si>
    <t>cg16533495</t>
  </si>
  <si>
    <t>cg16550264</t>
  </si>
  <si>
    <t>cg16559598</t>
  </si>
  <si>
    <t>cg16566899</t>
  </si>
  <si>
    <t>cg16567290</t>
  </si>
  <si>
    <t>cg16586559</t>
  </si>
  <si>
    <t>cg16600991</t>
  </si>
  <si>
    <t>cg16605523</t>
  </si>
  <si>
    <t>cg16605745</t>
  </si>
  <si>
    <t>cg16609260</t>
  </si>
  <si>
    <t>cg16618634</t>
  </si>
  <si>
    <t>cg16620766</t>
  </si>
  <si>
    <t>cg16622950</t>
  </si>
  <si>
    <t>cg16623362</t>
  </si>
  <si>
    <t>cg16627549</t>
  </si>
  <si>
    <t>cg16636935</t>
  </si>
  <si>
    <t>cg16638748</t>
  </si>
  <si>
    <t>cg16643851</t>
  </si>
  <si>
    <t>cg16646466</t>
  </si>
  <si>
    <t>cg16649695</t>
  </si>
  <si>
    <t>cg16650901</t>
  </si>
  <si>
    <t>cg16654152</t>
  </si>
  <si>
    <t>cg16705419</t>
  </si>
  <si>
    <t>cg16710109</t>
  </si>
  <si>
    <t>cg16712637</t>
  </si>
  <si>
    <t>cg16712679</t>
  </si>
  <si>
    <t>cg16713947</t>
  </si>
  <si>
    <t>cg16714230</t>
  </si>
  <si>
    <t>cg16716518</t>
  </si>
  <si>
    <t>cg16720127</t>
  </si>
  <si>
    <t>cg16721194</t>
  </si>
  <si>
    <t>cg16726706</t>
  </si>
  <si>
    <t>cg16727585</t>
  </si>
  <si>
    <t>cg16729850</t>
  </si>
  <si>
    <t>cg16733309</t>
  </si>
  <si>
    <t>cg16739118</t>
  </si>
  <si>
    <t>cg16754643</t>
  </si>
  <si>
    <t>cg16754766</t>
  </si>
  <si>
    <t>cg16757384</t>
  </si>
  <si>
    <t>cg16775198</t>
  </si>
  <si>
    <t>cg16780939</t>
  </si>
  <si>
    <t>cg16790890</t>
  </si>
  <si>
    <t>cg16791267</t>
  </si>
  <si>
    <t>cg16795898</t>
  </si>
  <si>
    <t>cg16797699</t>
  </si>
  <si>
    <t>cg16798345</t>
  </si>
  <si>
    <t>cg16807097</t>
  </si>
  <si>
    <t>cg16822841</t>
  </si>
  <si>
    <t>cg16823042</t>
  </si>
  <si>
    <t>cg16823406</t>
  </si>
  <si>
    <t>cg16825211</t>
  </si>
  <si>
    <t>cg16827289</t>
  </si>
  <si>
    <t>cg16831471</t>
  </si>
  <si>
    <t>cg16834708</t>
  </si>
  <si>
    <t>cg16844403</t>
  </si>
  <si>
    <t>cg16848712</t>
  </si>
  <si>
    <t>cg16853842</t>
  </si>
  <si>
    <t>cg16856286</t>
  </si>
  <si>
    <t>cg16864700</t>
  </si>
  <si>
    <t>cg16869622</t>
  </si>
  <si>
    <t>cg16871994</t>
  </si>
  <si>
    <t>cg16884841</t>
  </si>
  <si>
    <t>cg16888824</t>
  </si>
  <si>
    <t>cg16889557</t>
  </si>
  <si>
    <t>cg16889839</t>
  </si>
  <si>
    <t>cg16896079</t>
  </si>
  <si>
    <t>cg16907029</t>
  </si>
  <si>
    <t>cg16915863</t>
  </si>
  <si>
    <t>cg16920991</t>
  </si>
  <si>
    <t>cg16921310</t>
  </si>
  <si>
    <t>cg16935670</t>
  </si>
  <si>
    <t>cg16944092</t>
  </si>
  <si>
    <t>cg16955499</t>
  </si>
  <si>
    <t>cg16956999</t>
  </si>
  <si>
    <t>cg16962045</t>
  </si>
  <si>
    <t>cg16970851</t>
  </si>
  <si>
    <t>cg16971885</t>
  </si>
  <si>
    <t>cg16972309</t>
  </si>
  <si>
    <t>cg16975985</t>
  </si>
  <si>
    <t>cg16983211</t>
  </si>
  <si>
    <t>cg16994506</t>
  </si>
  <si>
    <t>cg17025122</t>
  </si>
  <si>
    <t>cg17031478</t>
  </si>
  <si>
    <t>cg17035366</t>
  </si>
  <si>
    <t>cg17037963</t>
  </si>
  <si>
    <t>cg17046289</t>
  </si>
  <si>
    <t>cg17050045</t>
  </si>
  <si>
    <t>cg17053678</t>
  </si>
  <si>
    <t>cg17054969</t>
  </si>
  <si>
    <t>cg17067190</t>
  </si>
  <si>
    <t>cg17070988</t>
  </si>
  <si>
    <t>cg17085238</t>
  </si>
  <si>
    <t>cg17085352</t>
  </si>
  <si>
    <t>cg17090968</t>
  </si>
  <si>
    <t>cg17099076</t>
  </si>
  <si>
    <t>cg17104900</t>
  </si>
  <si>
    <t>cg17108364</t>
  </si>
  <si>
    <t>cg17119907</t>
  </si>
  <si>
    <t>cg17125804</t>
  </si>
  <si>
    <t>cg17128823</t>
  </si>
  <si>
    <t>cg17130567</t>
  </si>
  <si>
    <t>cg17150898</t>
  </si>
  <si>
    <t>cg17152740</t>
  </si>
  <si>
    <t>cg17155907</t>
  </si>
  <si>
    <t>cg17169797</t>
  </si>
  <si>
    <t>cg17177219</t>
  </si>
  <si>
    <t>cg17178966</t>
  </si>
  <si>
    <t>cg17184608</t>
  </si>
  <si>
    <t>cg17186073</t>
  </si>
  <si>
    <t>cg17186086</t>
  </si>
  <si>
    <t>cg17189985</t>
  </si>
  <si>
    <t>cg17190766</t>
  </si>
  <si>
    <t>cg17203063</t>
  </si>
  <si>
    <t>cg17204018</t>
  </si>
  <si>
    <t>cg17204394</t>
  </si>
  <si>
    <t>cg17211612</t>
  </si>
  <si>
    <t>cg17213699</t>
  </si>
  <si>
    <t>cg17220960</t>
  </si>
  <si>
    <t>cg17222500</t>
  </si>
  <si>
    <t>cg17225222</t>
  </si>
  <si>
    <t>cg17234305</t>
  </si>
  <si>
    <t>cg17279942</t>
  </si>
  <si>
    <t>cg17282769</t>
  </si>
  <si>
    <t>cg17283383</t>
  </si>
  <si>
    <t>cg17283801</t>
  </si>
  <si>
    <t>cg17286976</t>
  </si>
  <si>
    <t>cg17303299</t>
  </si>
  <si>
    <t>cg17306884</t>
  </si>
  <si>
    <t>cg17315500</t>
  </si>
  <si>
    <t>cg17316564</t>
  </si>
  <si>
    <t>cg17322163</t>
  </si>
  <si>
    <t>cg17334719</t>
  </si>
  <si>
    <t>cg17339927</t>
  </si>
  <si>
    <t>cg17356328</t>
  </si>
  <si>
    <t>cg17359076</t>
  </si>
  <si>
    <t>cg17360194</t>
  </si>
  <si>
    <t>cg17367616</t>
  </si>
  <si>
    <t>cg17389218</t>
  </si>
  <si>
    <t>cg17390646</t>
  </si>
  <si>
    <t>cg17395064</t>
  </si>
  <si>
    <t>cg17402060</t>
  </si>
  <si>
    <t>cg17403046</t>
  </si>
  <si>
    <t>cg17404412</t>
  </si>
  <si>
    <t>cg17405139</t>
  </si>
  <si>
    <t>cg17410295</t>
  </si>
  <si>
    <t>cg17410412</t>
  </si>
  <si>
    <t>cg17412240</t>
  </si>
  <si>
    <t>cg17415293</t>
  </si>
  <si>
    <t>cg17417787</t>
  </si>
  <si>
    <t>cg17420983</t>
  </si>
  <si>
    <t>cg17436506</t>
  </si>
  <si>
    <t>cg17439023</t>
  </si>
  <si>
    <t>cg17449403</t>
  </si>
  <si>
    <t>cg17452424</t>
  </si>
  <si>
    <t>cg17456749</t>
  </si>
  <si>
    <t>cg17462074</t>
  </si>
  <si>
    <t>cg17501823</t>
  </si>
  <si>
    <t>cg17508063</t>
  </si>
  <si>
    <t>cg17512843</t>
  </si>
  <si>
    <t>cg17514098</t>
  </si>
  <si>
    <t>cg17516106</t>
  </si>
  <si>
    <t>cg17535647</t>
  </si>
  <si>
    <t>cg17537009</t>
  </si>
  <si>
    <t>cg17541810</t>
  </si>
  <si>
    <t>cg17542296</t>
  </si>
  <si>
    <t>cg17554470</t>
  </si>
  <si>
    <t>cg17558623</t>
  </si>
  <si>
    <t>cg17559785</t>
  </si>
  <si>
    <t>cg17561241</t>
  </si>
  <si>
    <t>cg17565880</t>
  </si>
  <si>
    <t>cg17572116</t>
  </si>
  <si>
    <t>cg17643699</t>
  </si>
  <si>
    <t>cg17643757</t>
  </si>
  <si>
    <t>cg17644311</t>
  </si>
  <si>
    <t>cg17647091</t>
  </si>
  <si>
    <t>cg17647192</t>
  </si>
  <si>
    <t>cg17648773</t>
  </si>
  <si>
    <t>cg17649836</t>
  </si>
  <si>
    <t>cg17652818</t>
  </si>
  <si>
    <t>cg17653784</t>
  </si>
  <si>
    <t>cg17655624</t>
  </si>
  <si>
    <t>cg17677842</t>
  </si>
  <si>
    <t>cg17709466</t>
  </si>
  <si>
    <t>cg17709953</t>
  </si>
  <si>
    <t>cg17720267</t>
  </si>
  <si>
    <t>cg17724627</t>
  </si>
  <si>
    <t>cg17730484</t>
  </si>
  <si>
    <t>cg17734698</t>
  </si>
  <si>
    <t>cg17738249</t>
  </si>
  <si>
    <t>cg17739459</t>
  </si>
  <si>
    <t>cg17767319</t>
  </si>
  <si>
    <t>cg17771605</t>
  </si>
  <si>
    <t>cg17772490</t>
  </si>
  <si>
    <t>cg17772535</t>
  </si>
  <si>
    <t>cg17773225</t>
  </si>
  <si>
    <t>cg17776267</t>
  </si>
  <si>
    <t>cg17781357</t>
  </si>
  <si>
    <t>cg17820247</t>
  </si>
  <si>
    <t>cg17823076</t>
  </si>
  <si>
    <t>cg17824173</t>
  </si>
  <si>
    <t>cg17824615</t>
  </si>
  <si>
    <t>cg17840914</t>
  </si>
  <si>
    <t>cg17842066</t>
  </si>
  <si>
    <t>cg17843101</t>
  </si>
  <si>
    <t>cg17846064</t>
  </si>
  <si>
    <t>cg17847723</t>
  </si>
  <si>
    <t>cg17862947</t>
  </si>
  <si>
    <t>cg17875260</t>
  </si>
  <si>
    <t>cg17877704</t>
  </si>
  <si>
    <t>cg17883960</t>
  </si>
  <si>
    <t>cg17885031</t>
  </si>
  <si>
    <t>cg17886028</t>
  </si>
  <si>
    <t>cg17903544</t>
  </si>
  <si>
    <t>cg17949371</t>
  </si>
  <si>
    <t>cg17962342</t>
  </si>
  <si>
    <t>cg17968836</t>
  </si>
  <si>
    <t>cg18029596</t>
  </si>
  <si>
    <t>cg18037826</t>
  </si>
  <si>
    <t>cg18039933</t>
  </si>
  <si>
    <t>cg18041884</t>
  </si>
  <si>
    <t>cg18043916</t>
  </si>
  <si>
    <t>cg18050543</t>
  </si>
  <si>
    <t>cg18050734</t>
  </si>
  <si>
    <t>cg18052984</t>
  </si>
  <si>
    <t>cg18053948</t>
  </si>
  <si>
    <t>cg18061259</t>
  </si>
  <si>
    <t>cg18069290</t>
  </si>
  <si>
    <t>cg18075040</t>
  </si>
  <si>
    <t>cg18075287</t>
  </si>
  <si>
    <t>cg18080401</t>
  </si>
  <si>
    <t>cg18086592</t>
  </si>
  <si>
    <t>cg18120998</t>
  </si>
  <si>
    <t>cg18122310</t>
  </si>
  <si>
    <t>cg18124134</t>
  </si>
  <si>
    <t>cg18159533</t>
  </si>
  <si>
    <t>cg18173058</t>
  </si>
  <si>
    <t>cg18186349</t>
  </si>
  <si>
    <t>cg18193726</t>
  </si>
  <si>
    <t>cg18197866</t>
  </si>
  <si>
    <t>cg18209212</t>
  </si>
  <si>
    <t>cg18211706</t>
  </si>
  <si>
    <t>cg18213653</t>
  </si>
  <si>
    <t>cg18218855</t>
  </si>
  <si>
    <t>cg18219878</t>
  </si>
  <si>
    <t>cg18222602</t>
  </si>
  <si>
    <t>cg18234145</t>
  </si>
  <si>
    <t>cg18235050</t>
  </si>
  <si>
    <t>cg18236224</t>
  </si>
  <si>
    <t>cg18238734</t>
  </si>
  <si>
    <t>cg18348142</t>
  </si>
  <si>
    <t>cg18352306</t>
  </si>
  <si>
    <t>cg18450555</t>
  </si>
  <si>
    <t>cg18466108</t>
  </si>
  <si>
    <t>cg18467133</t>
  </si>
  <si>
    <t>cg18470839</t>
  </si>
  <si>
    <t>cg18475273</t>
  </si>
  <si>
    <t>cg18477429</t>
  </si>
  <si>
    <t>cg18478175</t>
  </si>
  <si>
    <t>cg18498537</t>
  </si>
  <si>
    <t>cg18525352</t>
  </si>
  <si>
    <t>cg18526332</t>
  </si>
  <si>
    <t>cg18532726</t>
  </si>
  <si>
    <t>cg18533833</t>
  </si>
  <si>
    <t>cg18535455</t>
  </si>
  <si>
    <t>cg18538821</t>
  </si>
  <si>
    <t>cg18540816</t>
  </si>
  <si>
    <t>cg18545490</t>
  </si>
  <si>
    <t>cg18548043</t>
  </si>
  <si>
    <t>cg18552940</t>
  </si>
  <si>
    <t>cg18553354</t>
  </si>
  <si>
    <t>cg18557188</t>
  </si>
  <si>
    <t>cg18562689</t>
  </si>
  <si>
    <t>cg18563999</t>
  </si>
  <si>
    <t>cg18567954</t>
  </si>
  <si>
    <t>cg18575346</t>
  </si>
  <si>
    <t>cg18575770</t>
  </si>
  <si>
    <t>cg18580865</t>
  </si>
  <si>
    <t>cg18584387</t>
  </si>
  <si>
    <t>cg18601261</t>
  </si>
  <si>
    <t>cg18612255</t>
  </si>
  <si>
    <t>cg18612627</t>
  </si>
  <si>
    <t>cg18616923</t>
  </si>
  <si>
    <t>cg18629535</t>
  </si>
  <si>
    <t>cg18633736</t>
  </si>
  <si>
    <t>cg18639097</t>
  </si>
  <si>
    <t>cg18644252</t>
  </si>
  <si>
    <t>cg18646088</t>
  </si>
  <si>
    <t>cg18648169</t>
  </si>
  <si>
    <t>cg18649228</t>
  </si>
  <si>
    <t>cg18673825</t>
  </si>
  <si>
    <t>cg18677862</t>
  </si>
  <si>
    <t>cg18677906</t>
  </si>
  <si>
    <t>cg18685243</t>
  </si>
  <si>
    <t>cg18688230</t>
  </si>
  <si>
    <t>cg18689295</t>
  </si>
  <si>
    <t>cg18691242</t>
  </si>
  <si>
    <t>cg18692276</t>
  </si>
  <si>
    <t>cg18705931</t>
  </si>
  <si>
    <t>cg18709605</t>
  </si>
  <si>
    <t>cg18712727</t>
  </si>
  <si>
    <t>cg18723031</t>
  </si>
  <si>
    <t>cg18724891</t>
  </si>
  <si>
    <t>cg18729383</t>
  </si>
  <si>
    <t>cg18739577</t>
  </si>
  <si>
    <t>cg18751588</t>
  </si>
  <si>
    <t>cg18752222</t>
  </si>
  <si>
    <t>cg18753811</t>
  </si>
  <si>
    <t>cg18765479</t>
  </si>
  <si>
    <t>cg18770669</t>
  </si>
  <si>
    <t>cg18780217</t>
  </si>
  <si>
    <t>cg18790814</t>
  </si>
  <si>
    <t>cg18791991</t>
  </si>
  <si>
    <t>cg18792709</t>
  </si>
  <si>
    <t>cg18800161</t>
  </si>
  <si>
    <t>cg18813353</t>
  </si>
  <si>
    <t>cg18829183</t>
  </si>
  <si>
    <t>cg18832825</t>
  </si>
  <si>
    <t>cg18874502</t>
  </si>
  <si>
    <t>cg18876494</t>
  </si>
  <si>
    <t>cg18880765</t>
  </si>
  <si>
    <t>cg18881377</t>
  </si>
  <si>
    <t>cg18881778</t>
  </si>
  <si>
    <t>cg18886436</t>
  </si>
  <si>
    <t>cg18886739</t>
  </si>
  <si>
    <t>cg18906815</t>
  </si>
  <si>
    <t>cg18907202</t>
  </si>
  <si>
    <t>cg18911395</t>
  </si>
  <si>
    <t>cg18912645</t>
  </si>
  <si>
    <t>cg18919072</t>
  </si>
  <si>
    <t>cg18919642</t>
  </si>
  <si>
    <t>cg18930143</t>
  </si>
  <si>
    <t>cg18951719</t>
  </si>
  <si>
    <t>cg18961791</t>
  </si>
  <si>
    <t>cg19003430</t>
  </si>
  <si>
    <t>cg19014335</t>
  </si>
  <si>
    <t>cg19016289</t>
  </si>
  <si>
    <t>cg19018201</t>
  </si>
  <si>
    <t>cg19021466</t>
  </si>
  <si>
    <t>cg19027571</t>
  </si>
  <si>
    <t>cg19029509</t>
  </si>
  <si>
    <t>cg19035004</t>
  </si>
  <si>
    <t>cg19047942</t>
  </si>
  <si>
    <t>cg19048863</t>
  </si>
  <si>
    <t>cg19058685</t>
  </si>
  <si>
    <t>cg19083459</t>
  </si>
  <si>
    <t>cg19085037</t>
  </si>
  <si>
    <t>cg19091366</t>
  </si>
  <si>
    <t>cg19091601</t>
  </si>
  <si>
    <t>cg19104830</t>
  </si>
  <si>
    <t>cg19109120</t>
  </si>
  <si>
    <t>cg19112564</t>
  </si>
  <si>
    <t>cg19115941</t>
  </si>
  <si>
    <t>cg19119119</t>
  </si>
  <si>
    <t>cg19127884</t>
  </si>
  <si>
    <t>cg19136183</t>
  </si>
  <si>
    <t>cg19137098</t>
  </si>
  <si>
    <t>cg19138325</t>
  </si>
  <si>
    <t>cg19142411</t>
  </si>
  <si>
    <t>cg19160799</t>
  </si>
  <si>
    <t>cg19164987</t>
  </si>
  <si>
    <t>cg19171792</t>
  </si>
  <si>
    <t>cg19172447</t>
  </si>
  <si>
    <t>cg19183325</t>
  </si>
  <si>
    <t>cg19186435</t>
  </si>
  <si>
    <t>cg19187521</t>
  </si>
  <si>
    <t>cg19188182</t>
  </si>
  <si>
    <t>cg19188370</t>
  </si>
  <si>
    <t>cg19190217</t>
  </si>
  <si>
    <t>cg19208700</t>
  </si>
  <si>
    <t>cg19211149</t>
  </si>
  <si>
    <t>cg19215678</t>
  </si>
  <si>
    <t>cg19217692</t>
  </si>
  <si>
    <t>cg19218492</t>
  </si>
  <si>
    <t>cg19237421</t>
  </si>
  <si>
    <t>cg19243391</t>
  </si>
  <si>
    <t>cg19256813</t>
  </si>
  <si>
    <t>cg19263974</t>
  </si>
  <si>
    <t>cg19266635</t>
  </si>
  <si>
    <t>cg19270858</t>
  </si>
  <si>
    <t>cg19310604</t>
  </si>
  <si>
    <t>cg19311889</t>
  </si>
  <si>
    <t>cg19313015</t>
  </si>
  <si>
    <t>cg19325331</t>
  </si>
  <si>
    <t>cg19326153</t>
  </si>
  <si>
    <t>cg19327049</t>
  </si>
  <si>
    <t>cg19328828</t>
  </si>
  <si>
    <t>cg19340625</t>
  </si>
  <si>
    <t>cg19341919</t>
  </si>
  <si>
    <t>cg19346371</t>
  </si>
  <si>
    <t>cg19355069</t>
  </si>
  <si>
    <t>cg19358373</t>
  </si>
  <si>
    <t>cg19359398</t>
  </si>
  <si>
    <t>cg19364879</t>
  </si>
  <si>
    <t>cg19364902</t>
  </si>
  <si>
    <t>cg19367466</t>
  </si>
  <si>
    <t>cg19368844</t>
  </si>
  <si>
    <t>cg19372731</t>
  </si>
  <si>
    <t>cg19381368</t>
  </si>
  <si>
    <t>cg19381792</t>
  </si>
  <si>
    <t>cg19382027</t>
  </si>
  <si>
    <t>cg19388332</t>
  </si>
  <si>
    <t>cg19388446</t>
  </si>
  <si>
    <t>cg19389641</t>
  </si>
  <si>
    <t>cg19405302</t>
  </si>
  <si>
    <t>cg19422652</t>
  </si>
  <si>
    <t>cg19426459</t>
  </si>
  <si>
    <t>cg19426678</t>
  </si>
  <si>
    <t>cg19426944</t>
  </si>
  <si>
    <t>cg19428682</t>
  </si>
  <si>
    <t>cg19435724</t>
  </si>
  <si>
    <t>cg19444508</t>
  </si>
  <si>
    <t>cg19446790</t>
  </si>
  <si>
    <t>cg19452060</t>
  </si>
  <si>
    <t>cg19461392</t>
  </si>
  <si>
    <t>cg19463703</t>
  </si>
  <si>
    <t>cg19476647</t>
  </si>
  <si>
    <t>cg19477192</t>
  </si>
  <si>
    <t>cg19477293</t>
  </si>
  <si>
    <t>cg19483506</t>
  </si>
  <si>
    <t>cg19484141</t>
  </si>
  <si>
    <t>cg19495013</t>
  </si>
  <si>
    <t>cg19509829</t>
  </si>
  <si>
    <t>cg19511862</t>
  </si>
  <si>
    <t>cg19516235</t>
  </si>
  <si>
    <t>cg19520710</t>
  </si>
  <si>
    <t>cg19520879</t>
  </si>
  <si>
    <t>cg19523618</t>
  </si>
  <si>
    <t>cg19524350</t>
  </si>
  <si>
    <t>cg19524972</t>
  </si>
  <si>
    <t>cg19528797</t>
  </si>
  <si>
    <t>cg19536810</t>
  </si>
  <si>
    <t>cg19540390</t>
  </si>
  <si>
    <t>cg19556774</t>
  </si>
  <si>
    <t>cg19562022</t>
  </si>
  <si>
    <t>cg19566663</t>
  </si>
  <si>
    <t>cg19567168</t>
  </si>
  <si>
    <t>cg19573198</t>
  </si>
  <si>
    <t>cg19582614</t>
  </si>
  <si>
    <t>cg19585003</t>
  </si>
  <si>
    <t>cg19588861</t>
  </si>
  <si>
    <t>cg19593762</t>
  </si>
  <si>
    <t>cg19595750</t>
  </si>
  <si>
    <t>cg19596177</t>
  </si>
  <si>
    <t>cg19599202</t>
  </si>
  <si>
    <t>cg19614504</t>
  </si>
  <si>
    <t>cg19617932</t>
  </si>
  <si>
    <t>cg19620982</t>
  </si>
  <si>
    <t>cg19627653</t>
  </si>
  <si>
    <t>cg19631815</t>
  </si>
  <si>
    <t>cg19637372</t>
  </si>
  <si>
    <t>cg19639071</t>
  </si>
  <si>
    <t>cg19639873</t>
  </si>
  <si>
    <t>cg19641325</t>
  </si>
  <si>
    <t>cg19642920</t>
  </si>
  <si>
    <t>cg19645734</t>
  </si>
  <si>
    <t>cg19651132</t>
  </si>
  <si>
    <t>cg19656577</t>
  </si>
  <si>
    <t>cg19657201</t>
  </si>
  <si>
    <t>cg19657723</t>
  </si>
  <si>
    <t>cg19657934</t>
  </si>
  <si>
    <t>cg19658829</t>
  </si>
  <si>
    <t>cg19676328</t>
  </si>
  <si>
    <t>cg19680413</t>
  </si>
  <si>
    <t>cg19685491</t>
  </si>
  <si>
    <t>cg19693869</t>
  </si>
  <si>
    <t>cg19694010</t>
  </si>
  <si>
    <t>cg19697239</t>
  </si>
  <si>
    <t>cg19698572</t>
  </si>
  <si>
    <t>cg19703614</t>
  </si>
  <si>
    <t>cg19704805</t>
  </si>
  <si>
    <t>cg19712198</t>
  </si>
  <si>
    <t>cg19721065</t>
  </si>
  <si>
    <t>cg19724555</t>
  </si>
  <si>
    <t>cg19725903</t>
  </si>
  <si>
    <t>cg19733514</t>
  </si>
  <si>
    <t>cg19737972</t>
  </si>
  <si>
    <t>cg19743522</t>
  </si>
  <si>
    <t>cg19748840</t>
  </si>
  <si>
    <t>cg19754190</t>
  </si>
  <si>
    <t>cg19761594</t>
  </si>
  <si>
    <t>cg19772651</t>
  </si>
  <si>
    <t>cg19778375</t>
  </si>
  <si>
    <t>cg19788831</t>
  </si>
  <si>
    <t>cg19794507</t>
  </si>
  <si>
    <t>cg19796532</t>
  </si>
  <si>
    <t>cg19834563</t>
  </si>
  <si>
    <t>cg19842134</t>
  </si>
  <si>
    <t>cg19843028</t>
  </si>
  <si>
    <t>cg19854213</t>
  </si>
  <si>
    <t>cg19856346</t>
  </si>
  <si>
    <t>cg19858718</t>
  </si>
  <si>
    <t>cg19861110</t>
  </si>
  <si>
    <t>cg19863592</t>
  </si>
  <si>
    <t>cg19870512</t>
  </si>
  <si>
    <t>cg19872463</t>
  </si>
  <si>
    <t>cg19875936</t>
  </si>
  <si>
    <t>cg19877581</t>
  </si>
  <si>
    <t>cg19887547</t>
  </si>
  <si>
    <t>cg19891951</t>
  </si>
  <si>
    <t>cg19895345</t>
  </si>
  <si>
    <t>cg19897003</t>
  </si>
  <si>
    <t>cg19904398</t>
  </si>
  <si>
    <t>cg19942083</t>
  </si>
  <si>
    <t>cg19945931</t>
  </si>
  <si>
    <t>cg19946641</t>
  </si>
  <si>
    <t>cg19948393</t>
  </si>
  <si>
    <t>cg19950097</t>
  </si>
  <si>
    <t>cg19950846</t>
  </si>
  <si>
    <t>cg19952303</t>
  </si>
  <si>
    <t>cg19958298</t>
  </si>
  <si>
    <t>cg19966154</t>
  </si>
  <si>
    <t>cg19969113</t>
  </si>
  <si>
    <t>cg19972591</t>
  </si>
  <si>
    <t>cg19974474</t>
  </si>
  <si>
    <t>cg19975931</t>
  </si>
  <si>
    <t>cg19977966</t>
  </si>
  <si>
    <t>cg19981263</t>
  </si>
  <si>
    <t>cg19987288</t>
  </si>
  <si>
    <t>cg19998368</t>
  </si>
  <si>
    <t>cg19998991</t>
  </si>
  <si>
    <t>cg20012848</t>
  </si>
  <si>
    <t>cg20014284</t>
  </si>
  <si>
    <t>cg20024953</t>
  </si>
  <si>
    <t>cg20029003</t>
  </si>
  <si>
    <t>cg20038794</t>
  </si>
  <si>
    <t>cg20039944</t>
  </si>
  <si>
    <t>cg20048870</t>
  </si>
  <si>
    <t>cg20054939</t>
  </si>
  <si>
    <t>cg20055426</t>
  </si>
  <si>
    <t>cg20056593</t>
  </si>
  <si>
    <t>cg20060685</t>
  </si>
  <si>
    <t>cg20065718</t>
  </si>
  <si>
    <t>cg20068320</t>
  </si>
  <si>
    <t>cg20069718</t>
  </si>
  <si>
    <t>cg20074699</t>
  </si>
  <si>
    <t>cg20077028</t>
  </si>
  <si>
    <t>cg20094279</t>
  </si>
  <si>
    <t>cg20095851</t>
  </si>
  <si>
    <t>cg20096614</t>
  </si>
  <si>
    <t>cg20104243</t>
  </si>
  <si>
    <t>cg20112159</t>
  </si>
  <si>
    <t>cg20113500</t>
  </si>
  <si>
    <t>cg20121920</t>
  </si>
  <si>
    <t>cg20130751</t>
  </si>
  <si>
    <t>cg20132724</t>
  </si>
  <si>
    <t>cg20141578</t>
  </si>
  <si>
    <t>cg20154932</t>
  </si>
  <si>
    <t>cg20158366</t>
  </si>
  <si>
    <t>cg20158669</t>
  </si>
  <si>
    <t>cg20162381</t>
  </si>
  <si>
    <t>cg20163807</t>
  </si>
  <si>
    <t>cg20166714</t>
  </si>
  <si>
    <t>cg20168533</t>
  </si>
  <si>
    <t>cg20169823</t>
  </si>
  <si>
    <t>cg20174699</t>
  </si>
  <si>
    <t>cg20177814</t>
  </si>
  <si>
    <t>cg20181887</t>
  </si>
  <si>
    <t>cg20182983</t>
  </si>
  <si>
    <t>cg20183802</t>
  </si>
  <si>
    <t>cg20201566</t>
  </si>
  <si>
    <t>cg20204009</t>
  </si>
  <si>
    <t>cg20210501</t>
  </si>
  <si>
    <t>cg20228119</t>
  </si>
  <si>
    <t>cg20236513</t>
  </si>
  <si>
    <t>cg20243816</t>
  </si>
  <si>
    <t>cg20249252</t>
  </si>
  <si>
    <t>cg20249469</t>
  </si>
  <si>
    <t>cg20253639</t>
  </si>
  <si>
    <t>cg20255775</t>
  </si>
  <si>
    <t>cg20258154</t>
  </si>
  <si>
    <t>cg20260663</t>
  </si>
  <si>
    <t>cg20263165</t>
  </si>
  <si>
    <t>cg20263444</t>
  </si>
  <si>
    <t>cg20307302</t>
  </si>
  <si>
    <t>cg20308189</t>
  </si>
  <si>
    <t>cg20308811</t>
  </si>
  <si>
    <t>cg20315995</t>
  </si>
  <si>
    <t>cg20321706</t>
  </si>
  <si>
    <t>cg20322375</t>
  </si>
  <si>
    <t>cg20325092</t>
  </si>
  <si>
    <t>cg20339296</t>
  </si>
  <si>
    <t>cg20340866</t>
  </si>
  <si>
    <t>cg20343098</t>
  </si>
  <si>
    <t>cg20347090</t>
  </si>
  <si>
    <t>cg20361429</t>
  </si>
  <si>
    <t>cg20361540</t>
  </si>
  <si>
    <t>cg20372048</t>
  </si>
  <si>
    <t>cg20373416</t>
  </si>
  <si>
    <t>cg20380069</t>
  </si>
  <si>
    <t>cg20390702</t>
  </si>
  <si>
    <t>cg20392585</t>
  </si>
  <si>
    <t>cg20395646</t>
  </si>
  <si>
    <t>cg20400795</t>
  </si>
  <si>
    <t>cg20402783</t>
  </si>
  <si>
    <t>cg20403938</t>
  </si>
  <si>
    <t>cg20405918</t>
  </si>
  <si>
    <t>cg20408693</t>
  </si>
  <si>
    <t>cg20409636</t>
  </si>
  <si>
    <t>cg20418191</t>
  </si>
  <si>
    <t>cg20421482</t>
  </si>
  <si>
    <t>cg20443254</t>
  </si>
  <si>
    <t>cg20448447</t>
  </si>
  <si>
    <t>cg20454518</t>
  </si>
  <si>
    <t>cg20456276</t>
  </si>
  <si>
    <t>cg20460761</t>
  </si>
  <si>
    <t>cg20462512</t>
  </si>
  <si>
    <t>cg20474425</t>
  </si>
  <si>
    <t>cg20476319</t>
  </si>
  <si>
    <t>cg20494738</t>
  </si>
  <si>
    <t>cg20499457</t>
  </si>
  <si>
    <t>cg20499859</t>
  </si>
  <si>
    <t>cg20525229</t>
  </si>
  <si>
    <t>cg20525461</t>
  </si>
  <si>
    <t>cg20527049</t>
  </si>
  <si>
    <t>cg20537603</t>
  </si>
  <si>
    <t>cg20545544</t>
  </si>
  <si>
    <t>cg20553107</t>
  </si>
  <si>
    <t>cg20594607</t>
  </si>
  <si>
    <t>cg20599651</t>
  </si>
  <si>
    <t>cg20606279</t>
  </si>
  <si>
    <t>cg20607710</t>
  </si>
  <si>
    <t>cg20610891</t>
  </si>
  <si>
    <t>cg20623763</t>
  </si>
  <si>
    <t>cg20632863</t>
  </si>
  <si>
    <t>cg20637653</t>
  </si>
  <si>
    <t>cg20638644</t>
  </si>
  <si>
    <t>cg20640698</t>
  </si>
  <si>
    <t>cg20642462</t>
  </si>
  <si>
    <t>cg20643952</t>
  </si>
  <si>
    <t>cg20644120</t>
  </si>
  <si>
    <t>cg20645074</t>
  </si>
  <si>
    <t>cg20646018</t>
  </si>
  <si>
    <t>cg20664721</t>
  </si>
  <si>
    <t>cg20667825</t>
  </si>
  <si>
    <t>cg20670075</t>
  </si>
  <si>
    <t>cg20670084</t>
  </si>
  <si>
    <t>cg20677436</t>
  </si>
  <si>
    <t>cg20680308</t>
  </si>
  <si>
    <t>cg20698069</t>
  </si>
  <si>
    <t>cg20701145</t>
  </si>
  <si>
    <t>cg20707666</t>
  </si>
  <si>
    <t>cg20712263</t>
  </si>
  <si>
    <t>cg20718727</t>
  </si>
  <si>
    <t>cg20719644</t>
  </si>
  <si>
    <t>cg20724781</t>
  </si>
  <si>
    <t>cg20734421</t>
  </si>
  <si>
    <t>cg20739205</t>
  </si>
  <si>
    <t>cg20746096</t>
  </si>
  <si>
    <t>cg20749730</t>
  </si>
  <si>
    <t>cg20750930</t>
  </si>
  <si>
    <t>cg20756934</t>
  </si>
  <si>
    <t>cg20759222</t>
  </si>
  <si>
    <t>cg20829193</t>
  </si>
  <si>
    <t>cg20830389</t>
  </si>
  <si>
    <t>cg20837800</t>
  </si>
  <si>
    <t>cg20840177</t>
  </si>
  <si>
    <t>cg20841156</t>
  </si>
  <si>
    <t>cg20844545</t>
  </si>
  <si>
    <t>cg20875298</t>
  </si>
  <si>
    <t>cg20878780</t>
  </si>
  <si>
    <t>cg20889476</t>
  </si>
  <si>
    <t>cg20902146</t>
  </si>
  <si>
    <t>cg20905681</t>
  </si>
  <si>
    <t>cg20908919</t>
  </si>
  <si>
    <t>cg20917484</t>
  </si>
  <si>
    <t>cg20923245</t>
  </si>
  <si>
    <t>cg20923696</t>
  </si>
  <si>
    <t>cg20925400</t>
  </si>
  <si>
    <t>cg20942339</t>
  </si>
  <si>
    <t>cg20954975</t>
  </si>
  <si>
    <t>cg20954987</t>
  </si>
  <si>
    <t>cg20961939</t>
  </si>
  <si>
    <t>cg20967139</t>
  </si>
  <si>
    <t>cg20971970</t>
  </si>
  <si>
    <t>cg20973476</t>
  </si>
  <si>
    <t>cg20978010</t>
  </si>
  <si>
    <t>cg20979926</t>
  </si>
  <si>
    <t>cg20982606</t>
  </si>
  <si>
    <t>cg20985162</t>
  </si>
  <si>
    <t>cg20985486</t>
  </si>
  <si>
    <t>cg20988870</t>
  </si>
  <si>
    <t>cg20999795</t>
  </si>
  <si>
    <t>cg21008784</t>
  </si>
  <si>
    <t>cg21011043</t>
  </si>
  <si>
    <t>cg21011827</t>
  </si>
  <si>
    <t>cg21014639</t>
  </si>
  <si>
    <t>cg21016902</t>
  </si>
  <si>
    <t>cg21017406</t>
  </si>
  <si>
    <t>cg21027474</t>
  </si>
  <si>
    <t>cg21041100</t>
  </si>
  <si>
    <t>cg21041775</t>
  </si>
  <si>
    <t>cg21042477</t>
  </si>
  <si>
    <t>cg21045306</t>
  </si>
  <si>
    <t>cg21045464</t>
  </si>
  <si>
    <t>cg21051375</t>
  </si>
  <si>
    <t>cg21051964</t>
  </si>
  <si>
    <t>cg21052325</t>
  </si>
  <si>
    <t>cg21054179</t>
  </si>
  <si>
    <t>cg21055707</t>
  </si>
  <si>
    <t>cg21070740</t>
  </si>
  <si>
    <t>cg21074433</t>
  </si>
  <si>
    <t>cg21075111</t>
  </si>
  <si>
    <t>cg21080710</t>
  </si>
  <si>
    <t>cg21087137</t>
  </si>
  <si>
    <t>cg21110337</t>
  </si>
  <si>
    <t>cg21110585</t>
  </si>
  <si>
    <t>cg21110873</t>
  </si>
  <si>
    <t>cg21120478</t>
  </si>
  <si>
    <t>cg21125095</t>
  </si>
  <si>
    <t>cg21150049</t>
  </si>
  <si>
    <t>cg21155778</t>
  </si>
  <si>
    <t>cg21166797</t>
  </si>
  <si>
    <t>cg21166985</t>
  </si>
  <si>
    <t>cg21167716</t>
  </si>
  <si>
    <t>cg21176643</t>
  </si>
  <si>
    <t>cg21180845</t>
  </si>
  <si>
    <t>cg21182263</t>
  </si>
  <si>
    <t>cg21188017</t>
  </si>
  <si>
    <t>cg21193143</t>
  </si>
  <si>
    <t>cg21218646</t>
  </si>
  <si>
    <t>cg21221598</t>
  </si>
  <si>
    <t>cg21229570</t>
  </si>
  <si>
    <t>cg21236379</t>
  </si>
  <si>
    <t>cg21249371</t>
  </si>
  <si>
    <t>cg21252812</t>
  </si>
  <si>
    <t>cg21265540</t>
  </si>
  <si>
    <t>cg21265568</t>
  </si>
  <si>
    <t>cg21266616</t>
  </si>
  <si>
    <t>cg21268144</t>
  </si>
  <si>
    <t>cg21269045</t>
  </si>
  <si>
    <t>cg21273407</t>
  </si>
  <si>
    <t>cg21273703</t>
  </si>
  <si>
    <t>cg21327609</t>
  </si>
  <si>
    <t>cg21331473</t>
  </si>
  <si>
    <t>cg21334598</t>
  </si>
  <si>
    <t>cg21336435</t>
  </si>
  <si>
    <t>cg21336876</t>
  </si>
  <si>
    <t>cg21339676</t>
  </si>
  <si>
    <t>cg21346925</t>
  </si>
  <si>
    <t>cg21363465</t>
  </si>
  <si>
    <t>cg21364562</t>
  </si>
  <si>
    <t>cg21370778</t>
  </si>
  <si>
    <t>cg21379458</t>
  </si>
  <si>
    <t>cg21381360</t>
  </si>
  <si>
    <t>cg21414595</t>
  </si>
  <si>
    <t>cg21415068</t>
  </si>
  <si>
    <t>cg21426559</t>
  </si>
  <si>
    <t>cg21426686</t>
  </si>
  <si>
    <t>cg21470387</t>
  </si>
  <si>
    <t>cg21475544</t>
  </si>
  <si>
    <t>cg21493516</t>
  </si>
  <si>
    <t>cg21494973</t>
  </si>
  <si>
    <t>cg21497602</t>
  </si>
  <si>
    <t>cg21499430</t>
  </si>
  <si>
    <t>cg21502840</t>
  </si>
  <si>
    <t>cg21502999</t>
  </si>
  <si>
    <t>cg21509721</t>
  </si>
  <si>
    <t>cg21510910</t>
  </si>
  <si>
    <t>cg21519654</t>
  </si>
  <si>
    <t>cg21520002</t>
  </si>
  <si>
    <t>cg21520507</t>
  </si>
  <si>
    <t>cg21521683</t>
  </si>
  <si>
    <t>cg21544698</t>
  </si>
  <si>
    <t>cg21544975</t>
  </si>
  <si>
    <t>cg21547345</t>
  </si>
  <si>
    <t>cg21548005</t>
  </si>
  <si>
    <t>cg21548096</t>
  </si>
  <si>
    <t>cg21549294</t>
  </si>
  <si>
    <t>cg21549333</t>
  </si>
  <si>
    <t>cg21559755</t>
  </si>
  <si>
    <t>cg21564514</t>
  </si>
  <si>
    <t>cg21564660</t>
  </si>
  <si>
    <t>cg21565550</t>
  </si>
  <si>
    <t>cg21574531</t>
  </si>
  <si>
    <t>cg21580220</t>
  </si>
  <si>
    <t>cg21581283</t>
  </si>
  <si>
    <t>cg21584422</t>
  </si>
  <si>
    <t>cg21593001</t>
  </si>
  <si>
    <t>cg21594297</t>
  </si>
  <si>
    <t>cg21597754</t>
  </si>
  <si>
    <t>cg21598490</t>
  </si>
  <si>
    <t>cg21601059</t>
  </si>
  <si>
    <t>cg21604611</t>
  </si>
  <si>
    <t>cg21619883</t>
  </si>
  <si>
    <t>cg21623748</t>
  </si>
  <si>
    <t>cg21625520</t>
  </si>
  <si>
    <t>cg21626408</t>
  </si>
  <si>
    <t>cg21637097</t>
  </si>
  <si>
    <t>cg21637321</t>
  </si>
  <si>
    <t>cg21650371</t>
  </si>
  <si>
    <t>cg21654404</t>
  </si>
  <si>
    <t>cg21669272</t>
  </si>
  <si>
    <t>cg21673929</t>
  </si>
  <si>
    <t>cg21678795</t>
  </si>
  <si>
    <t>cg21680208</t>
  </si>
  <si>
    <t>cg21697007</t>
  </si>
  <si>
    <t>cg21701774</t>
  </si>
  <si>
    <t>cg21701856</t>
  </si>
  <si>
    <t>cg21702971</t>
  </si>
  <si>
    <t>cg21707187</t>
  </si>
  <si>
    <t>cg21718267</t>
  </si>
  <si>
    <t>cg21723689</t>
  </si>
  <si>
    <t>cg21723903</t>
  </si>
  <si>
    <t>cg21726551</t>
  </si>
  <si>
    <t>cg21735031</t>
  </si>
  <si>
    <t>cg21755457</t>
  </si>
  <si>
    <t>cg21757872</t>
  </si>
  <si>
    <t>cg21763952</t>
  </si>
  <si>
    <t>cg21765753</t>
  </si>
  <si>
    <t>cg21768899</t>
  </si>
  <si>
    <t>cg21781916</t>
  </si>
  <si>
    <t>cg21784036</t>
  </si>
  <si>
    <t>cg21800439</t>
  </si>
  <si>
    <t>cg21804148</t>
  </si>
  <si>
    <t>cg21808250</t>
  </si>
  <si>
    <t>cg21814615</t>
  </si>
  <si>
    <t>cg21818749</t>
  </si>
  <si>
    <t>cg21821656</t>
  </si>
  <si>
    <t>cg21826815</t>
  </si>
  <si>
    <t>cg21837192</t>
  </si>
  <si>
    <t>cg21837372</t>
  </si>
  <si>
    <t>cg21837669</t>
  </si>
  <si>
    <t>cg21840256</t>
  </si>
  <si>
    <t>cg21841501</t>
  </si>
  <si>
    <t>cg21845580</t>
  </si>
  <si>
    <t>cg21846305</t>
  </si>
  <si>
    <t>cg21858255</t>
  </si>
  <si>
    <t>cg21859594</t>
  </si>
  <si>
    <t>cg21860679</t>
  </si>
  <si>
    <t>cg21872608</t>
  </si>
  <si>
    <t>cg21883042</t>
  </si>
  <si>
    <t>cg21885046</t>
  </si>
  <si>
    <t>cg21900624</t>
  </si>
  <si>
    <t>cg21900653</t>
  </si>
  <si>
    <t>cg21901227</t>
  </si>
  <si>
    <t>cg21905941</t>
  </si>
  <si>
    <t>cg21905990</t>
  </si>
  <si>
    <t>cg21913159</t>
  </si>
  <si>
    <t>cg21913681</t>
  </si>
  <si>
    <t>cg21962423</t>
  </si>
  <si>
    <t>cg21964999</t>
  </si>
  <si>
    <t>cg22016818</t>
  </si>
  <si>
    <t>cg22027947</t>
  </si>
  <si>
    <t>cg22035498</t>
  </si>
  <si>
    <t>cg22040239</t>
  </si>
  <si>
    <t>cg22047387</t>
  </si>
  <si>
    <t>cg22129822</t>
  </si>
  <si>
    <t>cg22135566</t>
  </si>
  <si>
    <t>cg22139983</t>
  </si>
  <si>
    <t>cg22147968</t>
  </si>
  <si>
    <t>cg22148191</t>
  </si>
  <si>
    <t>cg22150397</t>
  </si>
  <si>
    <t>cg22154024</t>
  </si>
  <si>
    <t>cg22156267</t>
  </si>
  <si>
    <t>cg22163059</t>
  </si>
  <si>
    <t>cg22171314</t>
  </si>
  <si>
    <t>cg22192762</t>
  </si>
  <si>
    <t>cg22199410</t>
  </si>
  <si>
    <t>cg22202031</t>
  </si>
  <si>
    <t>cg22215783</t>
  </si>
  <si>
    <t>cg22215815</t>
  </si>
  <si>
    <t>cg22216431</t>
  </si>
  <si>
    <t>cg22219248</t>
  </si>
  <si>
    <t>cg22219587</t>
  </si>
  <si>
    <t>cg22221074</t>
  </si>
  <si>
    <t>cg22228488</t>
  </si>
  <si>
    <t>cg22245980</t>
  </si>
  <si>
    <t>cg22249456</t>
  </si>
  <si>
    <t>cg22249612</t>
  </si>
  <si>
    <t>cg22250531</t>
  </si>
  <si>
    <t>cg22260952</t>
  </si>
  <si>
    <t>cg22261895</t>
  </si>
  <si>
    <t>cg22270914</t>
  </si>
  <si>
    <t>cg22272240</t>
  </si>
  <si>
    <t>cg22276612</t>
  </si>
  <si>
    <t>cg22277271</t>
  </si>
  <si>
    <t>cg22283297</t>
  </si>
  <si>
    <t>cg22295879</t>
  </si>
  <si>
    <t>cg22308467</t>
  </si>
  <si>
    <t>cg22312127</t>
  </si>
  <si>
    <t>cg22320999</t>
  </si>
  <si>
    <t>cg22322834</t>
  </si>
  <si>
    <t>cg22327646</t>
  </si>
  <si>
    <t>cg22346429</t>
  </si>
  <si>
    <t>cg22349126</t>
  </si>
  <si>
    <t>cg22356339</t>
  </si>
  <si>
    <t>cg22370296</t>
  </si>
  <si>
    <t>cg22373508</t>
  </si>
  <si>
    <t>cg22374861</t>
  </si>
  <si>
    <t>cg22376706</t>
  </si>
  <si>
    <t>cg22402467</t>
  </si>
  <si>
    <t>cg22402853</t>
  </si>
  <si>
    <t>cg22402873</t>
  </si>
  <si>
    <t>cg22403154</t>
  </si>
  <si>
    <t>cg22408735</t>
  </si>
  <si>
    <t>cg22411415</t>
  </si>
  <si>
    <t>cg22424835</t>
  </si>
  <si>
    <t>cg22434506</t>
  </si>
  <si>
    <t>cg22463035</t>
  </si>
  <si>
    <t>cg22466678</t>
  </si>
  <si>
    <t>cg22479546</t>
  </si>
  <si>
    <t>cg22485059</t>
  </si>
  <si>
    <t>cg22498987</t>
  </si>
  <si>
    <t>cg22499565</t>
  </si>
  <si>
    <t>cg22500428</t>
  </si>
  <si>
    <t>cg22501388</t>
  </si>
  <si>
    <t>cg22505898</t>
  </si>
  <si>
    <t>cg22507723</t>
  </si>
  <si>
    <t>cg22511293</t>
  </si>
  <si>
    <t>cg22516162</t>
  </si>
  <si>
    <t>cg22517087</t>
  </si>
  <si>
    <t>cg22538054</t>
  </si>
  <si>
    <t>cg22538757</t>
  </si>
  <si>
    <t>cg22551163</t>
  </si>
  <si>
    <t>cg22559639</t>
  </si>
  <si>
    <t>cg22564731</t>
  </si>
  <si>
    <t>cg22568673</t>
  </si>
  <si>
    <t>cg22580629</t>
  </si>
  <si>
    <t>cg22585957</t>
  </si>
  <si>
    <t>cg22587238</t>
  </si>
  <si>
    <t>cg22606941</t>
  </si>
  <si>
    <t>cg22610533</t>
  </si>
  <si>
    <t>cg22620916</t>
  </si>
  <si>
    <t>cg22621535</t>
  </si>
  <si>
    <t>cg22621695</t>
  </si>
  <si>
    <t>cg22624278</t>
  </si>
  <si>
    <t>cg22635491</t>
  </si>
  <si>
    <t>cg22663240</t>
  </si>
  <si>
    <t>cg22669566</t>
  </si>
  <si>
    <t>cg22678952</t>
  </si>
  <si>
    <t>cg22684426</t>
  </si>
  <si>
    <t>cg22685245</t>
  </si>
  <si>
    <t>cg22691340</t>
  </si>
  <si>
    <t>cg22702056</t>
  </si>
  <si>
    <t>cg22711619</t>
  </si>
  <si>
    <t>cg22724500</t>
  </si>
  <si>
    <t>cg22727109</t>
  </si>
  <si>
    <t>cg22735612</t>
  </si>
  <si>
    <t>cg22747076</t>
  </si>
  <si>
    <t>cg22764639</t>
  </si>
  <si>
    <t>cg22775801</t>
  </si>
  <si>
    <t>cg22778421</t>
  </si>
  <si>
    <t>cg22781950</t>
  </si>
  <si>
    <t>cg22790973</t>
  </si>
  <si>
    <t>cg22793136</t>
  </si>
  <si>
    <t>cg22794795</t>
  </si>
  <si>
    <t>cg22802813</t>
  </si>
  <si>
    <t>cg22804663</t>
  </si>
  <si>
    <t>cg22812972</t>
  </si>
  <si>
    <t>cg22813019</t>
  </si>
  <si>
    <t>cg22813430</t>
  </si>
  <si>
    <t>cg22813821</t>
  </si>
  <si>
    <t>cg22813950</t>
  </si>
  <si>
    <t>cg22823546</t>
  </si>
  <si>
    <t>cg22828383</t>
  </si>
  <si>
    <t>cg22828900</t>
  </si>
  <si>
    <t>cg22842717</t>
  </si>
  <si>
    <t>cg22842854</t>
  </si>
  <si>
    <t>cg22844229</t>
  </si>
  <si>
    <t>cg22855052</t>
  </si>
  <si>
    <t>cg22861561</t>
  </si>
  <si>
    <t>cg22868282</t>
  </si>
  <si>
    <t>cg22871548</t>
  </si>
  <si>
    <t>cg22871962</t>
  </si>
  <si>
    <t>cg22882539</t>
  </si>
  <si>
    <t>cg22884792</t>
  </si>
  <si>
    <t>cg22912997</t>
  </si>
  <si>
    <t>cg22914188</t>
  </si>
  <si>
    <t>cg22920824</t>
  </si>
  <si>
    <t>cg22927076</t>
  </si>
  <si>
    <t>cg22927696</t>
  </si>
  <si>
    <t>cg22937574</t>
  </si>
  <si>
    <t>cg22937607</t>
  </si>
  <si>
    <t>cg22952210</t>
  </si>
  <si>
    <t>cg22952678</t>
  </si>
  <si>
    <t>cg22958090</t>
  </si>
  <si>
    <t>cg22961292</t>
  </si>
  <si>
    <t>cg22972858</t>
  </si>
  <si>
    <t>cg22974804</t>
  </si>
  <si>
    <t>cg22977254</t>
  </si>
  <si>
    <t>cg22977745</t>
  </si>
  <si>
    <t>cg22997177</t>
  </si>
  <si>
    <t>cg22998206</t>
  </si>
  <si>
    <t>cg23028436</t>
  </si>
  <si>
    <t>cg23057561</t>
  </si>
  <si>
    <t>cg23065927</t>
  </si>
  <si>
    <t>cg23079217</t>
  </si>
  <si>
    <t>cg23079808</t>
  </si>
  <si>
    <t>cg23080178</t>
  </si>
  <si>
    <t>cg23081604</t>
  </si>
  <si>
    <t>cg23091167</t>
  </si>
  <si>
    <t>cg23095680</t>
  </si>
  <si>
    <t>cg23097155</t>
  </si>
  <si>
    <t>cg23097686</t>
  </si>
  <si>
    <t>cg23099157</t>
  </si>
  <si>
    <t>cg23104930</t>
  </si>
  <si>
    <t>cg23105471</t>
  </si>
  <si>
    <t>cg23123694</t>
  </si>
  <si>
    <t>cg23128949</t>
  </si>
  <si>
    <t>cg23130076</t>
  </si>
  <si>
    <t>cg23142394</t>
  </si>
  <si>
    <t>cg23142731</t>
  </si>
  <si>
    <t>cg23145915</t>
  </si>
  <si>
    <t>cg23148701</t>
  </si>
  <si>
    <t>cg23157618</t>
  </si>
  <si>
    <t>cg23158189</t>
  </si>
  <si>
    <t>cg23184252</t>
  </si>
  <si>
    <t>cg23185921</t>
  </si>
  <si>
    <t>cg23193116</t>
  </si>
  <si>
    <t>cg23193730</t>
  </si>
  <si>
    <t>cg23200371</t>
  </si>
  <si>
    <t>cg23224405</t>
  </si>
  <si>
    <t>cg23235277</t>
  </si>
  <si>
    <t>cg23235334</t>
  </si>
  <si>
    <t>cg23239935</t>
  </si>
  <si>
    <t>cg23246901</t>
  </si>
  <si>
    <t>cg23255486</t>
  </si>
  <si>
    <t>cg23261491</t>
  </si>
  <si>
    <t>cg23263911</t>
  </si>
  <si>
    <t>cg23269029</t>
  </si>
  <si>
    <t>cg23278196</t>
  </si>
  <si>
    <t>cg23311950</t>
  </si>
  <si>
    <t>cg23312248</t>
  </si>
  <si>
    <t>cg23312470</t>
  </si>
  <si>
    <t>cg23318812</t>
  </si>
  <si>
    <t>cg23329190</t>
  </si>
  <si>
    <t>cg23332732</t>
  </si>
  <si>
    <t>cg23342718</t>
  </si>
  <si>
    <t>cg23354014</t>
  </si>
  <si>
    <t>cg23359048</t>
  </si>
  <si>
    <t>cg23360251</t>
  </si>
  <si>
    <t>cg23361009</t>
  </si>
  <si>
    <t>cg23363971</t>
  </si>
  <si>
    <t>cg23369234</t>
  </si>
  <si>
    <t>cg23375431</t>
  </si>
  <si>
    <t>cg23376286</t>
  </si>
  <si>
    <t>cg23378074</t>
  </si>
  <si>
    <t>cg23379540</t>
  </si>
  <si>
    <t>cg23379751</t>
  </si>
  <si>
    <t>cg23380216</t>
  </si>
  <si>
    <t>cg23385838</t>
  </si>
  <si>
    <t>cg23387569</t>
  </si>
  <si>
    <t>cg23390118</t>
  </si>
  <si>
    <t>cg23395715</t>
  </si>
  <si>
    <t>cg23422156</t>
  </si>
  <si>
    <t>cg23433118</t>
  </si>
  <si>
    <t>cg23435916</t>
  </si>
  <si>
    <t>cg23445315</t>
  </si>
  <si>
    <t>cg23445859</t>
  </si>
  <si>
    <t>cg23445878</t>
  </si>
  <si>
    <t>cg23447792</t>
  </si>
  <si>
    <t>cg23460285</t>
  </si>
  <si>
    <t>cg23461906</t>
  </si>
  <si>
    <t>cg23468479</t>
  </si>
  <si>
    <t>cg23471890</t>
  </si>
  <si>
    <t>cg23474890</t>
  </si>
  <si>
    <t>cg23489434</t>
  </si>
  <si>
    <t>cg23497704</t>
  </si>
  <si>
    <t>cg23500059</t>
  </si>
  <si>
    <t>cg23501240</t>
  </si>
  <si>
    <t>cg23508184</t>
  </si>
  <si>
    <t>cg23512657</t>
  </si>
  <si>
    <t>cg23519421</t>
  </si>
  <si>
    <t>cg23521666</t>
  </si>
  <si>
    <t>cg23529699</t>
  </si>
  <si>
    <t>cg23533926</t>
  </si>
  <si>
    <t>cg23535526</t>
  </si>
  <si>
    <t>cg23537659</t>
  </si>
  <si>
    <t>cg23548151</t>
  </si>
  <si>
    <t>cg23551859</t>
  </si>
  <si>
    <t>cg23588713</t>
  </si>
  <si>
    <t>cg23589510</t>
  </si>
  <si>
    <t>cg23597907</t>
  </si>
  <si>
    <t>cg23614791</t>
  </si>
  <si>
    <t>cg23617848</t>
  </si>
  <si>
    <t>cg23656485</t>
  </si>
  <si>
    <t>cg23658045</t>
  </si>
  <si>
    <t>cg23658477</t>
  </si>
  <si>
    <t>cg23667555</t>
  </si>
  <si>
    <t>cg23672480</t>
  </si>
  <si>
    <t>cg23681339</t>
  </si>
  <si>
    <t>cg23684878</t>
  </si>
  <si>
    <t>cg23687603</t>
  </si>
  <si>
    <t>cg23692087</t>
  </si>
  <si>
    <t>cg23699916</t>
  </si>
  <si>
    <t>cg23701643</t>
  </si>
  <si>
    <t>cg23702657</t>
  </si>
  <si>
    <t>cg23704689</t>
  </si>
  <si>
    <t>cg23704770</t>
  </si>
  <si>
    <t>cg23705119</t>
  </si>
  <si>
    <t>cg23731687</t>
  </si>
  <si>
    <t>cg23737737</t>
  </si>
  <si>
    <t>cg23738734</t>
  </si>
  <si>
    <t>cg23748340</t>
  </si>
  <si>
    <t>cg23759554</t>
  </si>
  <si>
    <t>cg23785790</t>
  </si>
  <si>
    <t>cg23791592</t>
  </si>
  <si>
    <t>cg23795048</t>
  </si>
  <si>
    <t>cg23795217</t>
  </si>
  <si>
    <t>cg23797424</t>
  </si>
  <si>
    <t>cg23807196</t>
  </si>
  <si>
    <t>cg23811464</t>
  </si>
  <si>
    <t>cg23820661</t>
  </si>
  <si>
    <t>cg23832862</t>
  </si>
  <si>
    <t>cg23833208</t>
  </si>
  <si>
    <t>cg23839938</t>
  </si>
  <si>
    <t>cg23844154</t>
  </si>
  <si>
    <t>cg23850637</t>
  </si>
  <si>
    <t>cg23851412</t>
  </si>
  <si>
    <t>cg23855505</t>
  </si>
  <si>
    <t>cg23856280</t>
  </si>
  <si>
    <t>cg23861101</t>
  </si>
  <si>
    <t>cg23882234</t>
  </si>
  <si>
    <t>cg23890800</t>
  </si>
  <si>
    <t>cg23891360</t>
  </si>
  <si>
    <t>cg23893906</t>
  </si>
  <si>
    <t>cg23903357</t>
  </si>
  <si>
    <t>cg23912763</t>
  </si>
  <si>
    <t>cg23918130</t>
  </si>
  <si>
    <t>cg23921487</t>
  </si>
  <si>
    <t>cg23922739</t>
  </si>
  <si>
    <t>cg23937228</t>
  </si>
  <si>
    <t>cg23940169</t>
  </si>
  <si>
    <t>cg23945789</t>
  </si>
  <si>
    <t>cg23947919</t>
  </si>
  <si>
    <t>cg23949612</t>
  </si>
  <si>
    <t>cg23951789</t>
  </si>
  <si>
    <t>cg23954819</t>
  </si>
  <si>
    <t>cg23972735</t>
  </si>
  <si>
    <t>cg23999973</t>
  </si>
  <si>
    <t>cg24003632</t>
  </si>
  <si>
    <t>cg24005131</t>
  </si>
  <si>
    <t>cg24020814</t>
  </si>
  <si>
    <t>cg24022559</t>
  </si>
  <si>
    <t>cg24026388</t>
  </si>
  <si>
    <t>cg24031042</t>
  </si>
  <si>
    <t>cg24034957</t>
  </si>
  <si>
    <t>cg24035682</t>
  </si>
  <si>
    <t>cg24050511</t>
  </si>
  <si>
    <t>cg24053061</t>
  </si>
  <si>
    <t>cg24087447</t>
  </si>
  <si>
    <t>cg24091995</t>
  </si>
  <si>
    <t>cg24096964</t>
  </si>
  <si>
    <t>cg24100636</t>
  </si>
  <si>
    <t>cg24102222</t>
  </si>
  <si>
    <t>cg24105280</t>
  </si>
  <si>
    <t>cg24124443</t>
  </si>
  <si>
    <t>cg24125889</t>
  </si>
  <si>
    <t>cg24126878</t>
  </si>
  <si>
    <t>cg24141135</t>
  </si>
  <si>
    <t>cg24167975</t>
  </si>
  <si>
    <t>cg24169820</t>
  </si>
  <si>
    <t>cg24173551</t>
  </si>
  <si>
    <t>cg24176566</t>
  </si>
  <si>
    <t>cg24182470</t>
  </si>
  <si>
    <t>cg24182603</t>
  </si>
  <si>
    <t>cg24182729</t>
  </si>
  <si>
    <t>cg24214867</t>
  </si>
  <si>
    <t>cg24216114</t>
  </si>
  <si>
    <t>cg24219704</t>
  </si>
  <si>
    <t>cg24226973</t>
  </si>
  <si>
    <t>cg24232053</t>
  </si>
  <si>
    <t>cg24234651</t>
  </si>
  <si>
    <t>cg24239882</t>
  </si>
  <si>
    <t>cg24266450</t>
  </si>
  <si>
    <t>cg24274164</t>
  </si>
  <si>
    <t>cg24281764</t>
  </si>
  <si>
    <t>cg24282829</t>
  </si>
  <si>
    <t>cg24289501</t>
  </si>
  <si>
    <t>cg24292235</t>
  </si>
  <si>
    <t>cg24293976</t>
  </si>
  <si>
    <t>cg24295424</t>
  </si>
  <si>
    <t>cg24306430</t>
  </si>
  <si>
    <t>cg24309040</t>
  </si>
  <si>
    <t>cg24310319</t>
  </si>
  <si>
    <t>cg24319171</t>
  </si>
  <si>
    <t>cg24323328</t>
  </si>
  <si>
    <t>cg24328125</t>
  </si>
  <si>
    <t>cg24341028</t>
  </si>
  <si>
    <t>cg24387347</t>
  </si>
  <si>
    <t>cg24392955</t>
  </si>
  <si>
    <t>cg24400921</t>
  </si>
  <si>
    <t>cg24401363</t>
  </si>
  <si>
    <t>cg24405664</t>
  </si>
  <si>
    <t>cg24405700</t>
  </si>
  <si>
    <t>cg24406754</t>
  </si>
  <si>
    <t>cg24413007</t>
  </si>
  <si>
    <t>cg24441627</t>
  </si>
  <si>
    <t>cg24453580</t>
  </si>
  <si>
    <t>cg24460369</t>
  </si>
  <si>
    <t>cg24461063</t>
  </si>
  <si>
    <t>cg24462849</t>
  </si>
  <si>
    <t>cg24464813</t>
  </si>
  <si>
    <t>cg24484802</t>
  </si>
  <si>
    <t>cg24485820</t>
  </si>
  <si>
    <t>cg24492884</t>
  </si>
  <si>
    <t>cg24500832</t>
  </si>
  <si>
    <t>cg24502904</t>
  </si>
  <si>
    <t>cg24531568</t>
  </si>
  <si>
    <t>cg24534098</t>
  </si>
  <si>
    <t>cg24538626</t>
  </si>
  <si>
    <t>cg24542852</t>
  </si>
  <si>
    <t>cg24549639</t>
  </si>
  <si>
    <t>cg24570064</t>
  </si>
  <si>
    <t>cg24592370</t>
  </si>
  <si>
    <t>cg24594830</t>
  </si>
  <si>
    <t>cg24601705</t>
  </si>
  <si>
    <t>cg24620454</t>
  </si>
  <si>
    <t>cg24622544</t>
  </si>
  <si>
    <t>cg24624406</t>
  </si>
  <si>
    <t>cg24625634</t>
  </si>
  <si>
    <t>cg24626079</t>
  </si>
  <si>
    <t>cg24632597</t>
  </si>
  <si>
    <t>cg24643801</t>
  </si>
  <si>
    <t>cg24669694</t>
  </si>
  <si>
    <t>cg24675150</t>
  </si>
  <si>
    <t>cg24677744</t>
  </si>
  <si>
    <t>cg24678505</t>
  </si>
  <si>
    <t>cg24679411</t>
  </si>
  <si>
    <t>cg24680632</t>
  </si>
  <si>
    <t>cg24702147</t>
  </si>
  <si>
    <t>cg24705741</t>
  </si>
  <si>
    <t>cg24707051</t>
  </si>
  <si>
    <t>cg24724661</t>
  </si>
  <si>
    <t>cg24725263</t>
  </si>
  <si>
    <t>cg24732555</t>
  </si>
  <si>
    <t>cg24737639</t>
  </si>
  <si>
    <t>cg24740218</t>
  </si>
  <si>
    <t>cg24749672</t>
  </si>
  <si>
    <t>cg24755515</t>
  </si>
  <si>
    <t>cg24762452</t>
  </si>
  <si>
    <t>cg24766840</t>
  </si>
  <si>
    <t>cg24769501</t>
  </si>
  <si>
    <t>cg24773770</t>
  </si>
  <si>
    <t>cg24775180</t>
  </si>
  <si>
    <t>cg24775313</t>
  </si>
  <si>
    <t>cg24777315</t>
  </si>
  <si>
    <t>cg24786579</t>
  </si>
  <si>
    <t>cg24797931</t>
  </si>
  <si>
    <t>cg24800655</t>
  </si>
  <si>
    <t>cg24808223</t>
  </si>
  <si>
    <t>cg24809072</t>
  </si>
  <si>
    <t>cg24809270</t>
  </si>
  <si>
    <t>cg24810439</t>
  </si>
  <si>
    <t>cg24825966</t>
  </si>
  <si>
    <t>cg24827399</t>
  </si>
  <si>
    <t>cg24828071</t>
  </si>
  <si>
    <t>cg24828603</t>
  </si>
  <si>
    <t>cg24836830</t>
  </si>
  <si>
    <t>cg24847996</t>
  </si>
  <si>
    <t>cg24857295</t>
  </si>
  <si>
    <t>cg24886391</t>
  </si>
  <si>
    <t>cg24895754</t>
  </si>
  <si>
    <t>cg24896860</t>
  </si>
  <si>
    <t>cg24914860</t>
  </si>
  <si>
    <t>cg24930634</t>
  </si>
  <si>
    <t>cg24947371</t>
  </si>
  <si>
    <t>cg24951396</t>
  </si>
  <si>
    <t>cg24965248</t>
  </si>
  <si>
    <t>cg24966575</t>
  </si>
  <si>
    <t>cg24967142</t>
  </si>
  <si>
    <t>cg24972377</t>
  </si>
  <si>
    <t>cg24979348</t>
  </si>
  <si>
    <t>cg24984147</t>
  </si>
  <si>
    <t>cg24987648</t>
  </si>
  <si>
    <t>cg24990317</t>
  </si>
  <si>
    <t>cg24990968</t>
  </si>
  <si>
    <t>cg25007393</t>
  </si>
  <si>
    <t>cg25020897</t>
  </si>
  <si>
    <t>cg25022271</t>
  </si>
  <si>
    <t>cg25022342</t>
  </si>
  <si>
    <t>cg25024717</t>
  </si>
  <si>
    <t>cg25046790</t>
  </si>
  <si>
    <t>cg25052180</t>
  </si>
  <si>
    <t>cg25053334</t>
  </si>
  <si>
    <t>cg25056994</t>
  </si>
  <si>
    <t>cg25061763</t>
  </si>
  <si>
    <t>cg25079102</t>
  </si>
  <si>
    <t>cg25084332</t>
  </si>
  <si>
    <t>cg25089142</t>
  </si>
  <si>
    <t>cg25094126</t>
  </si>
  <si>
    <t>cg25097398</t>
  </si>
  <si>
    <t>cg25098497</t>
  </si>
  <si>
    <t>cg25104118</t>
  </si>
  <si>
    <t>cg25113008</t>
  </si>
  <si>
    <t>cg25129541</t>
  </si>
  <si>
    <t>cg25130672</t>
  </si>
  <si>
    <t>cg25130710</t>
  </si>
  <si>
    <t>cg25134529</t>
  </si>
  <si>
    <t>cg25136495</t>
  </si>
  <si>
    <t>cg25139963</t>
  </si>
  <si>
    <t>cg25143990</t>
  </si>
  <si>
    <t>cg25150333</t>
  </si>
  <si>
    <t>cg25153483</t>
  </si>
  <si>
    <t>cg25155053</t>
  </si>
  <si>
    <t>cg25165382</t>
  </si>
  <si>
    <t>cg25175900</t>
  </si>
  <si>
    <t>cg25179334</t>
  </si>
  <si>
    <t>cg25188298</t>
  </si>
  <si>
    <t>cg25197728</t>
  </si>
  <si>
    <t>cg25199385</t>
  </si>
  <si>
    <t>cg25201101</t>
  </si>
  <si>
    <t>cg25217365</t>
  </si>
  <si>
    <t>cg25220065</t>
  </si>
  <si>
    <t>cg25236904</t>
  </si>
  <si>
    <t>cg25245322</t>
  </si>
  <si>
    <t>cg25268678</t>
  </si>
  <si>
    <t>cg25274881</t>
  </si>
  <si>
    <t>cg25283432</t>
  </si>
  <si>
    <t>cg25283577</t>
  </si>
  <si>
    <t>cg25283609</t>
  </si>
  <si>
    <t>cg25290222</t>
  </si>
  <si>
    <t>cg25294785</t>
  </si>
  <si>
    <t>cg25307593</t>
  </si>
  <si>
    <t>cg25313172</t>
  </si>
  <si>
    <t>cg25315816</t>
  </si>
  <si>
    <t>cg25348504</t>
  </si>
  <si>
    <t>cg25350087</t>
  </si>
  <si>
    <t>cg25350635</t>
  </si>
  <si>
    <t>cg25351353</t>
  </si>
  <si>
    <t>cg25356621</t>
  </si>
  <si>
    <t>cg25356715</t>
  </si>
  <si>
    <t>cg25361023</t>
  </si>
  <si>
    <t>cg25364859</t>
  </si>
  <si>
    <t>cg25368917</t>
  </si>
  <si>
    <t>cg25373005</t>
  </si>
  <si>
    <t>cg25399352</t>
  </si>
  <si>
    <t>cg25402979</t>
  </si>
  <si>
    <t>cg25403721</t>
  </si>
  <si>
    <t>cg25413125</t>
  </si>
  <si>
    <t>cg25422937</t>
  </si>
  <si>
    <t>cg25423146</t>
  </si>
  <si>
    <t>cg25424237</t>
  </si>
  <si>
    <t>cg25454116</t>
  </si>
  <si>
    <t>cg25456468</t>
  </si>
  <si>
    <t>cg25456772</t>
  </si>
  <si>
    <t>cg25458010</t>
  </si>
  <si>
    <t>cg25476221</t>
  </si>
  <si>
    <t>cg25477769</t>
  </si>
  <si>
    <t>cg25482146</t>
  </si>
  <si>
    <t>cg25555336</t>
  </si>
  <si>
    <t>cg25555485</t>
  </si>
  <si>
    <t>cg25560965</t>
  </si>
  <si>
    <t>cg25563189</t>
  </si>
  <si>
    <t>cg25566352</t>
  </si>
  <si>
    <t>cg25571184</t>
  </si>
  <si>
    <t>cg25574761</t>
  </si>
  <si>
    <t>cg25593258</t>
  </si>
  <si>
    <t>cg25598052</t>
  </si>
  <si>
    <t>cg25598159</t>
  </si>
  <si>
    <t>cg25601889</t>
  </si>
  <si>
    <t>cg25602692</t>
  </si>
  <si>
    <t>cg25607899</t>
  </si>
  <si>
    <t>cg25618597</t>
  </si>
  <si>
    <t>cg25628543</t>
  </si>
  <si>
    <t>cg25640615</t>
  </si>
  <si>
    <t>cg25640699</t>
  </si>
  <si>
    <t>cg25664021</t>
  </si>
  <si>
    <t>cg25674709</t>
  </si>
  <si>
    <t>cg25676890</t>
  </si>
  <si>
    <t>cg25678815</t>
  </si>
  <si>
    <t>cg25683744</t>
  </si>
  <si>
    <t>cg25683752</t>
  </si>
  <si>
    <t>cg25694349</t>
  </si>
  <si>
    <t>cg25698541</t>
  </si>
  <si>
    <t>cg25698726</t>
  </si>
  <si>
    <t>cg25700897</t>
  </si>
  <si>
    <t>cg25703213</t>
  </si>
  <si>
    <t>cg25710178</t>
  </si>
  <si>
    <t>cg25712735</t>
  </si>
  <si>
    <t>cg25718342</t>
  </si>
  <si>
    <t>cg25727614</t>
  </si>
  <si>
    <t>cg25729807</t>
  </si>
  <si>
    <t>cg25734490</t>
  </si>
  <si>
    <t>cg25738529</t>
  </si>
  <si>
    <t>cg25746746</t>
  </si>
  <si>
    <t>cg25749512</t>
  </si>
  <si>
    <t>cg25751198</t>
  </si>
  <si>
    <t>cg25754673</t>
  </si>
  <si>
    <t>cg25755500</t>
  </si>
  <si>
    <t>cg25772039</t>
  </si>
  <si>
    <t>cg25774529</t>
  </si>
  <si>
    <t>cg25778262</t>
  </si>
  <si>
    <t>cg25810484</t>
  </si>
  <si>
    <t>cg25817259</t>
  </si>
  <si>
    <t>cg25817419</t>
  </si>
  <si>
    <t>cg25819846</t>
  </si>
  <si>
    <t>cg25829154</t>
  </si>
  <si>
    <t>cg25832824</t>
  </si>
  <si>
    <t>cg25881344</t>
  </si>
  <si>
    <t>cg25886944</t>
  </si>
  <si>
    <t>cg25894255</t>
  </si>
  <si>
    <t>cg25922751</t>
  </si>
  <si>
    <t>cg25930673</t>
  </si>
  <si>
    <t>cg25937854</t>
  </si>
  <si>
    <t>cg25943131</t>
  </si>
  <si>
    <t>cg25950278</t>
  </si>
  <si>
    <t>cg25954028</t>
  </si>
  <si>
    <t>cg25958857</t>
  </si>
  <si>
    <t>cg25968571</t>
  </si>
  <si>
    <t>cg25971727</t>
  </si>
  <si>
    <t>cg25975689</t>
  </si>
  <si>
    <t>cg26011210</t>
  </si>
  <si>
    <t>cg26020522</t>
  </si>
  <si>
    <t>cg26037974</t>
  </si>
  <si>
    <t>cg26038315</t>
  </si>
  <si>
    <t>cg26038859</t>
  </si>
  <si>
    <t>cg26068169</t>
  </si>
  <si>
    <t>cg26079571</t>
  </si>
  <si>
    <t>cg26094299</t>
  </si>
  <si>
    <t>cg26097051</t>
  </si>
  <si>
    <t>cg26113809</t>
  </si>
  <si>
    <t>cg26114124</t>
  </si>
  <si>
    <t>cg26116950</t>
  </si>
  <si>
    <t>cg26128079</t>
  </si>
  <si>
    <t>cg26132493</t>
  </si>
  <si>
    <t>cg26156154</t>
  </si>
  <si>
    <t>cg26166956</t>
  </si>
  <si>
    <t>cg26194015</t>
  </si>
  <si>
    <t>cg26211060</t>
  </si>
  <si>
    <t>cg26212328</t>
  </si>
  <si>
    <t>cg26212496</t>
  </si>
  <si>
    <t>cg26214972</t>
  </si>
  <si>
    <t>cg26218726</t>
  </si>
  <si>
    <t>cg26252220</t>
  </si>
  <si>
    <t>cg26261342</t>
  </si>
  <si>
    <t>cg26265933</t>
  </si>
  <si>
    <t>cg26272220</t>
  </si>
  <si>
    <t>cg26274596</t>
  </si>
  <si>
    <t>cg26276877</t>
  </si>
  <si>
    <t>cg26279550</t>
  </si>
  <si>
    <t>cg26312059</t>
  </si>
  <si>
    <t>cg26316511</t>
  </si>
  <si>
    <t>cg26320244</t>
  </si>
  <si>
    <t>cg26326168</t>
  </si>
  <si>
    <t>cg26328335</t>
  </si>
  <si>
    <t>cg26330076</t>
  </si>
  <si>
    <t>cg26332194</t>
  </si>
  <si>
    <t>cg26337738</t>
  </si>
  <si>
    <t>cg26340084</t>
  </si>
  <si>
    <t>cg26342670</t>
  </si>
  <si>
    <t>cg26343001</t>
  </si>
  <si>
    <t>cg26345619</t>
  </si>
  <si>
    <t>cg26359206</t>
  </si>
  <si>
    <t>cg26364947</t>
  </si>
  <si>
    <t>cg26365508</t>
  </si>
  <si>
    <t>cg26373528</t>
  </si>
  <si>
    <t>cg26381048</t>
  </si>
  <si>
    <t>cg26381364</t>
  </si>
  <si>
    <t>cg26384310</t>
  </si>
  <si>
    <t>cg26385126</t>
  </si>
  <si>
    <t>cg26386409</t>
  </si>
  <si>
    <t>cg26386472</t>
  </si>
  <si>
    <t>cg26387689</t>
  </si>
  <si>
    <t>cg26388816</t>
  </si>
  <si>
    <t>cg26394825</t>
  </si>
  <si>
    <t>cg26396455</t>
  </si>
  <si>
    <t>cg26397265</t>
  </si>
  <si>
    <t>cg26401822</t>
  </si>
  <si>
    <t>cg26410484</t>
  </si>
  <si>
    <t>cg26413987</t>
  </si>
  <si>
    <t>cg26415787</t>
  </si>
  <si>
    <t>cg26419957</t>
  </si>
  <si>
    <t>cg26426437</t>
  </si>
  <si>
    <t>cg26427417</t>
  </si>
  <si>
    <t>cg26435961</t>
  </si>
  <si>
    <t>cg26438901</t>
  </si>
  <si>
    <t>cg26439071</t>
  </si>
  <si>
    <t>cg26440361</t>
  </si>
  <si>
    <t>cg26445541</t>
  </si>
  <si>
    <t>cg26446275</t>
  </si>
  <si>
    <t>cg26458519</t>
  </si>
  <si>
    <t>cg26459114</t>
  </si>
  <si>
    <t>cg26467753</t>
  </si>
  <si>
    <t>cg26469608</t>
  </si>
  <si>
    <t>cg26477549</t>
  </si>
  <si>
    <t>cg26479998</t>
  </si>
  <si>
    <t>cg26483661</t>
  </si>
  <si>
    <t>cg26485563</t>
  </si>
  <si>
    <t>cg26490054</t>
  </si>
  <si>
    <t>cg26492833</t>
  </si>
  <si>
    <t>cg26494424</t>
  </si>
  <si>
    <t>cg26502811</t>
  </si>
  <si>
    <t>cg26503178</t>
  </si>
  <si>
    <t>cg26510017</t>
  </si>
  <si>
    <t>cg26515676</t>
  </si>
  <si>
    <t>cg26516701</t>
  </si>
  <si>
    <t>cg26518327</t>
  </si>
  <si>
    <t>cg26524387</t>
  </si>
  <si>
    <t>cg26527775</t>
  </si>
  <si>
    <t>cg26529833</t>
  </si>
  <si>
    <t>cg26537248</t>
  </si>
  <si>
    <t>cg26549029</t>
  </si>
  <si>
    <t>cg26549552</t>
  </si>
  <si>
    <t>cg26554952</t>
  </si>
  <si>
    <t>cg26566992</t>
  </si>
  <si>
    <t>cg26576481</t>
  </si>
  <si>
    <t>cg26578400</t>
  </si>
  <si>
    <t>cg26584545</t>
  </si>
  <si>
    <t>cg26616640</t>
  </si>
  <si>
    <t>cg26620450</t>
  </si>
  <si>
    <t>cg26620530</t>
  </si>
  <si>
    <t>cg26621607</t>
  </si>
  <si>
    <t>cg26634104</t>
  </si>
  <si>
    <t>cg26635208</t>
  </si>
  <si>
    <t>cg26639146</t>
  </si>
  <si>
    <t>cg26645635</t>
  </si>
  <si>
    <t>cg26646290</t>
  </si>
  <si>
    <t>cg26647736</t>
  </si>
  <si>
    <t>cg26663063</t>
  </si>
  <si>
    <t>cg26677194</t>
  </si>
  <si>
    <t>cg26682580</t>
  </si>
  <si>
    <t>cg26684289</t>
  </si>
  <si>
    <t>cg26684679</t>
  </si>
  <si>
    <t>cg26687049</t>
  </si>
  <si>
    <t>cg26691059</t>
  </si>
  <si>
    <t>cg26691953</t>
  </si>
  <si>
    <t>cg26695123</t>
  </si>
  <si>
    <t>cg26703960</t>
  </si>
  <si>
    <t>cg26711794</t>
  </si>
  <si>
    <t>cg26712943</t>
  </si>
  <si>
    <t>cg26714388</t>
  </si>
  <si>
    <t>cg26718510</t>
  </si>
  <si>
    <t>cg26732691</t>
  </si>
  <si>
    <t>cg26778807</t>
  </si>
  <si>
    <t>cg26794883</t>
  </si>
  <si>
    <t>cg26796518</t>
  </si>
  <si>
    <t>cg26803670</t>
  </si>
  <si>
    <t>cg26806188</t>
  </si>
  <si>
    <t>cg26829101</t>
  </si>
  <si>
    <t>cg26843324</t>
  </si>
  <si>
    <t>cg26843430</t>
  </si>
  <si>
    <t>cg26858704</t>
  </si>
  <si>
    <t>cg26858892</t>
  </si>
  <si>
    <t>cg26860182</t>
  </si>
  <si>
    <t>cg26866482</t>
  </si>
  <si>
    <t>cg26871120</t>
  </si>
  <si>
    <t>cg26874693</t>
  </si>
  <si>
    <t>cg26877478</t>
  </si>
  <si>
    <t>cg26880762</t>
  </si>
  <si>
    <t>cg26922917</t>
  </si>
  <si>
    <t>cg26924496</t>
  </si>
  <si>
    <t>cg26929573</t>
  </si>
  <si>
    <t>cg26931862</t>
  </si>
  <si>
    <t>cg26942772</t>
  </si>
  <si>
    <t>cg26943658</t>
  </si>
  <si>
    <t>cg26944263</t>
  </si>
  <si>
    <t>cg26953453</t>
  </si>
  <si>
    <t>cg26955987</t>
  </si>
  <si>
    <t>cg26964202</t>
  </si>
  <si>
    <t>cg26973714</t>
  </si>
  <si>
    <t>cg26984388</t>
  </si>
  <si>
    <t>cg26988146</t>
  </si>
  <si>
    <t>cg26991024</t>
  </si>
  <si>
    <t>cg26993500</t>
  </si>
  <si>
    <t>cg27033198</t>
  </si>
  <si>
    <t>cg27037969</t>
  </si>
  <si>
    <t>cg27043188</t>
  </si>
  <si>
    <t>cg27049761</t>
  </si>
  <si>
    <t>cg27080194</t>
  </si>
  <si>
    <t>cg27083284</t>
  </si>
  <si>
    <t>cg27086773</t>
  </si>
  <si>
    <t>cg27092986</t>
  </si>
  <si>
    <t>cg27093000</t>
  </si>
  <si>
    <t>cg27093645</t>
  </si>
  <si>
    <t>cg27108362</t>
  </si>
  <si>
    <t>cg27110648</t>
  </si>
  <si>
    <t>cg27124109</t>
  </si>
  <si>
    <t>cg27125044</t>
  </si>
  <si>
    <t>cg27125645</t>
  </si>
  <si>
    <t>cg27126429</t>
  </si>
  <si>
    <t>cg27127017</t>
  </si>
  <si>
    <t>cg27131834</t>
  </si>
  <si>
    <t>cg27149136</t>
  </si>
  <si>
    <t>cg27149388</t>
  </si>
  <si>
    <t>cg27162932</t>
  </si>
  <si>
    <t>cg27166381</t>
  </si>
  <si>
    <t>cg27166993</t>
  </si>
  <si>
    <t>cg27170427</t>
  </si>
  <si>
    <t>cg27174387</t>
  </si>
  <si>
    <t>cg27179101</t>
  </si>
  <si>
    <t>cg27185063</t>
  </si>
  <si>
    <t>cg27185772</t>
  </si>
  <si>
    <t>cg27185992</t>
  </si>
  <si>
    <t>cg27194586</t>
  </si>
  <si>
    <t>cg27196808</t>
  </si>
  <si>
    <t>cg27197524</t>
  </si>
  <si>
    <t>cg27207452</t>
  </si>
  <si>
    <t>cg27269936</t>
  </si>
  <si>
    <t>cg27269940</t>
  </si>
  <si>
    <t>cg27271937</t>
  </si>
  <si>
    <t>cg27273254</t>
  </si>
  <si>
    <t>cg27274463</t>
  </si>
  <si>
    <t>cg27316886</t>
  </si>
  <si>
    <t>cg27319192</t>
  </si>
  <si>
    <t>cg27382164</t>
  </si>
  <si>
    <t>cg27405626</t>
  </si>
  <si>
    <t>cg27408765</t>
  </si>
  <si>
    <t>cg27419119</t>
  </si>
  <si>
    <t>cg27420520</t>
  </si>
  <si>
    <t>cg27451610</t>
  </si>
  <si>
    <t>cg27456220</t>
  </si>
  <si>
    <t>cg27458987</t>
  </si>
  <si>
    <t>cg27461800</t>
  </si>
  <si>
    <t>cg27463181</t>
  </si>
  <si>
    <t>cg27464184</t>
  </si>
  <si>
    <t>cg27469154</t>
  </si>
  <si>
    <t>cg27469283</t>
  </si>
  <si>
    <t>cg27479817</t>
  </si>
  <si>
    <t>cg27481639</t>
  </si>
  <si>
    <t>cg27482031</t>
  </si>
  <si>
    <t>cg27485687</t>
  </si>
  <si>
    <t>cg27493301</t>
  </si>
  <si>
    <t>cg27493885</t>
  </si>
  <si>
    <t>cg27497699</t>
  </si>
  <si>
    <t>cg27502007</t>
  </si>
  <si>
    <t>cg27504292</t>
  </si>
  <si>
    <t>cg27504582</t>
  </si>
  <si>
    <t>cg27526429</t>
  </si>
  <si>
    <t>cg27537561</t>
  </si>
  <si>
    <t>cg27548270</t>
  </si>
  <si>
    <t>cg27549166</t>
  </si>
  <si>
    <t>cg27549952</t>
  </si>
  <si>
    <t>cg27553745</t>
  </si>
  <si>
    <t>cg27564445</t>
  </si>
  <si>
    <t>cg27567561</t>
  </si>
  <si>
    <t>cg27578734</t>
  </si>
  <si>
    <t>cg27579953</t>
  </si>
  <si>
    <t>cg27599211</t>
  </si>
  <si>
    <t>cg27604626</t>
  </si>
  <si>
    <t>cg27616811</t>
  </si>
  <si>
    <t>cg27619149</t>
  </si>
  <si>
    <t>cg27629044</t>
  </si>
  <si>
    <t>cg27630311</t>
  </si>
  <si>
    <t>cg27631794</t>
  </si>
  <si>
    <t>cg27632435</t>
  </si>
  <si>
    <t>cg27649194</t>
  </si>
  <si>
    <t>cg27651238</t>
  </si>
  <si>
    <t>cg27653901</t>
  </si>
  <si>
    <t>cg27655716</t>
  </si>
  <si>
    <t>cg27656070</t>
  </si>
  <si>
    <t>cg27656398</t>
  </si>
  <si>
    <t>cg27658030</t>
  </si>
  <si>
    <t>cg27659049</t>
  </si>
  <si>
    <t>cg27661600</t>
  </si>
  <si>
    <t>cg27661846</t>
  </si>
  <si>
    <t>cg27664496</t>
  </si>
  <si>
    <t>cg00012692</t>
  </si>
  <si>
    <t>cg00025981</t>
  </si>
  <si>
    <t>cg00054352</t>
  </si>
  <si>
    <t>cg00075768</t>
  </si>
  <si>
    <t>cg00092518</t>
  </si>
  <si>
    <t>cg00099976</t>
  </si>
  <si>
    <t>cg00119011</t>
  </si>
  <si>
    <t>cg00127894</t>
  </si>
  <si>
    <t>cg00175344</t>
  </si>
  <si>
    <t>cg00186034</t>
  </si>
  <si>
    <t>cg00191629</t>
  </si>
  <si>
    <t>cg00199846</t>
  </si>
  <si>
    <t>cg00201414</t>
  </si>
  <si>
    <t>cg00224563</t>
  </si>
  <si>
    <t>cg00239272</t>
  </si>
  <si>
    <t>cg00247571</t>
  </si>
  <si>
    <t>cg00252332</t>
  </si>
  <si>
    <t>cg00276377</t>
  </si>
  <si>
    <t>cg00281664</t>
  </si>
  <si>
    <t>cg00282249</t>
  </si>
  <si>
    <t>cg00294538</t>
  </si>
  <si>
    <t>cg00295794</t>
  </si>
  <si>
    <t>cg00318380</t>
  </si>
  <si>
    <t>cg00319567</t>
  </si>
  <si>
    <t>cg00338116</t>
  </si>
  <si>
    <t>cg00347757</t>
  </si>
  <si>
    <t>cg00463171</t>
  </si>
  <si>
    <t>cg00473245</t>
  </si>
  <si>
    <t>cg00477378</t>
  </si>
  <si>
    <t>cg00478599</t>
  </si>
  <si>
    <t>cg00517796</t>
  </si>
  <si>
    <t>cg00521048</t>
  </si>
  <si>
    <t>cg00525681</t>
  </si>
  <si>
    <t>cg00528967</t>
  </si>
  <si>
    <t>cg00529958</t>
  </si>
  <si>
    <t>cg00530199</t>
  </si>
  <si>
    <t>cg00557959</t>
  </si>
  <si>
    <t>cg00560671</t>
  </si>
  <si>
    <t>cg00564141</t>
  </si>
  <si>
    <t>cg00589914</t>
  </si>
  <si>
    <t>cg00590851</t>
  </si>
  <si>
    <t>cg00603717</t>
  </si>
  <si>
    <t>cg00616243</t>
  </si>
  <si>
    <t>cg00632778</t>
  </si>
  <si>
    <t>cg00639837</t>
  </si>
  <si>
    <t>cg00642468</t>
  </si>
  <si>
    <t>cg00661205</t>
  </si>
  <si>
    <t>cg00675891</t>
  </si>
  <si>
    <t>cg00682015</t>
  </si>
  <si>
    <t>cg00695560</t>
  </si>
  <si>
    <t>cg00722493</t>
  </si>
  <si>
    <t>cg00731404</t>
  </si>
  <si>
    <t>cg00738309</t>
  </si>
  <si>
    <t>cg00746487</t>
  </si>
  <si>
    <t>cg00748494</t>
  </si>
  <si>
    <t>cg00756058</t>
  </si>
  <si>
    <t>cg00758701</t>
  </si>
  <si>
    <t>cg00770636</t>
  </si>
  <si>
    <t>cg00804338</t>
  </si>
  <si>
    <t>cg00806704</t>
  </si>
  <si>
    <t>cg00841725</t>
  </si>
  <si>
    <t>cg00859544</t>
  </si>
  <si>
    <t>cg00883166</t>
  </si>
  <si>
    <t>cg00919994</t>
  </si>
  <si>
    <t>cg00944193</t>
  </si>
  <si>
    <t>cg00949022</t>
  </si>
  <si>
    <t>cg00963378</t>
  </si>
  <si>
    <t>cg01029934</t>
  </si>
  <si>
    <t>cg01063243</t>
  </si>
  <si>
    <t>cg01076416</t>
  </si>
  <si>
    <t>cg01077841</t>
  </si>
  <si>
    <t>cg01082862</t>
  </si>
  <si>
    <t>cg01083884</t>
  </si>
  <si>
    <t>cg01118451</t>
  </si>
  <si>
    <t>cg01185530</t>
  </si>
  <si>
    <t>cg01191587</t>
  </si>
  <si>
    <t>cg01199952</t>
  </si>
  <si>
    <t>cg01222190</t>
  </si>
  <si>
    <t>cg01233786</t>
  </si>
  <si>
    <t>cg01248385</t>
  </si>
  <si>
    <t>cg01255747</t>
  </si>
  <si>
    <t>cg01263999</t>
  </si>
  <si>
    <t>cg01311064</t>
  </si>
  <si>
    <t>cg01313422</t>
  </si>
  <si>
    <t>cg01314691</t>
  </si>
  <si>
    <t>cg01330448</t>
  </si>
  <si>
    <t>cg01343936</t>
  </si>
  <si>
    <t>cg01362762</t>
  </si>
  <si>
    <t>cg01367737</t>
  </si>
  <si>
    <t>cg01370014</t>
  </si>
  <si>
    <t>cg01402948</t>
  </si>
  <si>
    <t>cg01406836</t>
  </si>
  <si>
    <t>cg01417543</t>
  </si>
  <si>
    <t>cg01435643</t>
  </si>
  <si>
    <t>cg01458683</t>
  </si>
  <si>
    <t>cg01506766</t>
  </si>
  <si>
    <t>cg01507044</t>
  </si>
  <si>
    <t>cg01509141</t>
  </si>
  <si>
    <t>cg01512719</t>
  </si>
  <si>
    <t>cg01517521</t>
  </si>
  <si>
    <t>cg01531495</t>
  </si>
  <si>
    <t>cg01557749</t>
  </si>
  <si>
    <t>cg01561807</t>
  </si>
  <si>
    <t>cg01562175</t>
  </si>
  <si>
    <t>cg01565740</t>
  </si>
  <si>
    <t>cg01569664</t>
  </si>
  <si>
    <t>cg01628528</t>
  </si>
  <si>
    <t>cg01660473</t>
  </si>
  <si>
    <t>cg01679542</t>
  </si>
  <si>
    <t>cg01711850</t>
  </si>
  <si>
    <t>cg01716380</t>
  </si>
  <si>
    <t>cg01729717</t>
  </si>
  <si>
    <t>cg01744729</t>
  </si>
  <si>
    <t>cg01764020</t>
  </si>
  <si>
    <t>cg01802761</t>
  </si>
  <si>
    <t>cg01830053</t>
  </si>
  <si>
    <t>cg01831771</t>
  </si>
  <si>
    <t>cg01834010</t>
  </si>
  <si>
    <t>cg01840115</t>
  </si>
  <si>
    <t>cg01866959</t>
  </si>
  <si>
    <t>cg01870140</t>
  </si>
  <si>
    <t>cg01885050</t>
  </si>
  <si>
    <t>cg01911068</t>
  </si>
  <si>
    <t>cg01919060</t>
  </si>
  <si>
    <t>cg01941219</t>
  </si>
  <si>
    <t>cg01952313</t>
  </si>
  <si>
    <t>cg01957900</t>
  </si>
  <si>
    <t>cg01959995</t>
  </si>
  <si>
    <t>cg01963754</t>
  </si>
  <si>
    <t>cg01969938</t>
  </si>
  <si>
    <t>cg01970906</t>
  </si>
  <si>
    <t>cg01987347</t>
  </si>
  <si>
    <t>cg02067585</t>
  </si>
  <si>
    <t>cg02074478</t>
  </si>
  <si>
    <t>cg02075454</t>
  </si>
  <si>
    <t>cg02096091</t>
  </si>
  <si>
    <t>cg02113641</t>
  </si>
  <si>
    <t>cg02113729</t>
  </si>
  <si>
    <t>cg02115394</t>
  </si>
  <si>
    <t>cg02121529</t>
  </si>
  <si>
    <t>cg02147695</t>
  </si>
  <si>
    <t>cg02150207</t>
  </si>
  <si>
    <t>cg02154956</t>
  </si>
  <si>
    <t>cg02166450</t>
  </si>
  <si>
    <t>cg02181963</t>
  </si>
  <si>
    <t>cg02182272</t>
  </si>
  <si>
    <t>cg02184819</t>
  </si>
  <si>
    <t>cg02206823</t>
  </si>
  <si>
    <t>cg02220053</t>
  </si>
  <si>
    <t>cg02221310</t>
  </si>
  <si>
    <t>cg02235741</t>
  </si>
  <si>
    <t>cg02246190</t>
  </si>
  <si>
    <t>cg02247178</t>
  </si>
  <si>
    <t>cg02275394</t>
  </si>
  <si>
    <t>cg02279670</t>
  </si>
  <si>
    <t>cg02305586</t>
  </si>
  <si>
    <t>cg02307605</t>
  </si>
  <si>
    <t>cg02309301</t>
  </si>
  <si>
    <t>cg02311534</t>
  </si>
  <si>
    <t>cg02403398</t>
  </si>
  <si>
    <t>cg02478448</t>
  </si>
  <si>
    <t>cg02481778</t>
  </si>
  <si>
    <t>cg02490942</t>
  </si>
  <si>
    <t>cg02497868</t>
  </si>
  <si>
    <t>cg02503981</t>
  </si>
  <si>
    <t>cg02519625</t>
  </si>
  <si>
    <t>cg02520104</t>
  </si>
  <si>
    <t>cg02547394</t>
  </si>
  <si>
    <t>cg02550231</t>
  </si>
  <si>
    <t>cg02609781</t>
  </si>
  <si>
    <t>cg02611934</t>
  </si>
  <si>
    <t>cg02626129</t>
  </si>
  <si>
    <t>cg02639958</t>
  </si>
  <si>
    <t>cg02642829</t>
  </si>
  <si>
    <t>cg02665154</t>
  </si>
  <si>
    <t>cg02671880</t>
  </si>
  <si>
    <t>cg02672368</t>
  </si>
  <si>
    <t>cg02697527</t>
  </si>
  <si>
    <t>cg02707669</t>
  </si>
  <si>
    <t>cg02721336</t>
  </si>
  <si>
    <t>cg02722456</t>
  </si>
  <si>
    <t>cg02724903</t>
  </si>
  <si>
    <t>cg02736420</t>
  </si>
  <si>
    <t>cg02742186</t>
  </si>
  <si>
    <t>cg02742906</t>
  </si>
  <si>
    <t>cg02747671</t>
  </si>
  <si>
    <t>cg02756849</t>
  </si>
  <si>
    <t>cg02777369</t>
  </si>
  <si>
    <t>cg02777670</t>
  </si>
  <si>
    <t>cg02788400</t>
  </si>
  <si>
    <t>cg02811702</t>
  </si>
  <si>
    <t>cg02812757</t>
  </si>
  <si>
    <t>cg02819828</t>
  </si>
  <si>
    <t>cg02851575</t>
  </si>
  <si>
    <t>cg02862886</t>
  </si>
  <si>
    <t>cg02898500</t>
  </si>
  <si>
    <t>cg02909018</t>
  </si>
  <si>
    <t>cg02927949</t>
  </si>
  <si>
    <t>cg02947424</t>
  </si>
  <si>
    <t>cg02985139</t>
  </si>
  <si>
    <t>cg02992881</t>
  </si>
  <si>
    <t>cg03026611</t>
  </si>
  <si>
    <t>cg03036557</t>
  </si>
  <si>
    <t>cg03039002</t>
  </si>
  <si>
    <t>cg03041920</t>
  </si>
  <si>
    <t>cg03043160</t>
  </si>
  <si>
    <t>cg03047688</t>
  </si>
  <si>
    <t>cg03055737</t>
  </si>
  <si>
    <t>cg03064249</t>
  </si>
  <si>
    <t>cg03072762</t>
  </si>
  <si>
    <t>cg03107235</t>
  </si>
  <si>
    <t>cg03114442</t>
  </si>
  <si>
    <t>cg03165014</t>
  </si>
  <si>
    <t>cg03177059</t>
  </si>
  <si>
    <t>cg03179419</t>
  </si>
  <si>
    <t>cg03192775</t>
  </si>
  <si>
    <t>cg03195269</t>
  </si>
  <si>
    <t>cg03227021</t>
  </si>
  <si>
    <t>cg03257200</t>
  </si>
  <si>
    <t>cg03341991</t>
  </si>
  <si>
    <t>cg03345093</t>
  </si>
  <si>
    <t>cg03360272</t>
  </si>
  <si>
    <t>cg03362329</t>
  </si>
  <si>
    <t>cg03369269</t>
  </si>
  <si>
    <t>cg03371199</t>
  </si>
  <si>
    <t>cg03374922</t>
  </si>
  <si>
    <t>cg03399609</t>
  </si>
  <si>
    <t>cg03421069</t>
  </si>
  <si>
    <t>cg03461298</t>
  </si>
  <si>
    <t>cg03465513</t>
  </si>
  <si>
    <t>cg03480001</t>
  </si>
  <si>
    <t>cg03486986</t>
  </si>
  <si>
    <t>cg03507085</t>
  </si>
  <si>
    <t>cg03522837</t>
  </si>
  <si>
    <t>cg03523077</t>
  </si>
  <si>
    <t>cg03528137</t>
  </si>
  <si>
    <t>cg03529803</t>
  </si>
  <si>
    <t>cg03551607</t>
  </si>
  <si>
    <t>cg03564009</t>
  </si>
  <si>
    <t>cg03571073</t>
  </si>
  <si>
    <t>cg03571723</t>
  </si>
  <si>
    <t>cg03586128</t>
  </si>
  <si>
    <t>cg03623403</t>
  </si>
  <si>
    <t>cg03625287</t>
  </si>
  <si>
    <t>cg03628871</t>
  </si>
  <si>
    <t>cg03631596</t>
  </si>
  <si>
    <t>cg03634397</t>
  </si>
  <si>
    <t>cg03641640</t>
  </si>
  <si>
    <t>cg03648690</t>
  </si>
  <si>
    <t>cg03654391</t>
  </si>
  <si>
    <t>cg03661428</t>
  </si>
  <si>
    <t>cg03689120</t>
  </si>
  <si>
    <t>cg03691144</t>
  </si>
  <si>
    <t>cg03696393</t>
  </si>
  <si>
    <t>cg03734594</t>
  </si>
  <si>
    <t>cg03736774</t>
  </si>
  <si>
    <t>cg03757805</t>
  </si>
  <si>
    <t>cg03785281</t>
  </si>
  <si>
    <t>cg03796122</t>
  </si>
  <si>
    <t>cg03825670</t>
  </si>
  <si>
    <t>cg03839252</t>
  </si>
  <si>
    <t>cg03844381</t>
  </si>
  <si>
    <t>cg03844550</t>
  </si>
  <si>
    <t>cg03855710</t>
  </si>
  <si>
    <t>cg03925425</t>
  </si>
  <si>
    <t>cg03930369</t>
  </si>
  <si>
    <t>cg03936012</t>
  </si>
  <si>
    <t>cg03947735</t>
  </si>
  <si>
    <t>cg03953257</t>
  </si>
  <si>
    <t>cg03954144</t>
  </si>
  <si>
    <t>cg03956053</t>
  </si>
  <si>
    <t>cg03991547</t>
  </si>
  <si>
    <t>cg03994318</t>
  </si>
  <si>
    <t>cg04006042</t>
  </si>
  <si>
    <t>cg04010471</t>
  </si>
  <si>
    <t>cg04012509</t>
  </si>
  <si>
    <t>cg04024481</t>
  </si>
  <si>
    <t>cg04024499</t>
  </si>
  <si>
    <t>cg04040317</t>
  </si>
  <si>
    <t>cg04046599</t>
  </si>
  <si>
    <t>cg04047221</t>
  </si>
  <si>
    <t>cg04056025</t>
  </si>
  <si>
    <t>cg04067428</t>
  </si>
  <si>
    <t>cg04072570</t>
  </si>
  <si>
    <t>cg04081844</t>
  </si>
  <si>
    <t>cg04095724</t>
  </si>
  <si>
    <t>cg04098297</t>
  </si>
  <si>
    <t>cg04099767</t>
  </si>
  <si>
    <t>cg04101969</t>
  </si>
  <si>
    <t>cg04117229</t>
  </si>
  <si>
    <t>cg04118910</t>
  </si>
  <si>
    <t>cg04122324</t>
  </si>
  <si>
    <t>cg04124316</t>
  </si>
  <si>
    <t>cg04131456</t>
  </si>
  <si>
    <t>cg04197086</t>
  </si>
  <si>
    <t>cg04214430</t>
  </si>
  <si>
    <t>cg04270405</t>
  </si>
  <si>
    <t>cg04277327</t>
  </si>
  <si>
    <t>cg04304205</t>
  </si>
  <si>
    <t>cg04321866</t>
  </si>
  <si>
    <t>cg04334947</t>
  </si>
  <si>
    <t>cg04362315</t>
  </si>
  <si>
    <t>cg04370314</t>
  </si>
  <si>
    <t>cg04381712</t>
  </si>
  <si>
    <t>cg04390523</t>
  </si>
  <si>
    <t>cg04421280</t>
  </si>
  <si>
    <t>cg04446455</t>
  </si>
  <si>
    <t>cg04486282</t>
  </si>
  <si>
    <t>cg04494562</t>
  </si>
  <si>
    <t>cg04528152</t>
  </si>
  <si>
    <t>cg04528624</t>
  </si>
  <si>
    <t>cg04549287</t>
  </si>
  <si>
    <t>cg04551440</t>
  </si>
  <si>
    <t>cg04561389</t>
  </si>
  <si>
    <t>cg04570419</t>
  </si>
  <si>
    <t>cg04570540</t>
  </si>
  <si>
    <t>cg04579493</t>
  </si>
  <si>
    <t>cg04579966</t>
  </si>
  <si>
    <t>cg04592544</t>
  </si>
  <si>
    <t>cg04600000</t>
  </si>
  <si>
    <t>cg04603730</t>
  </si>
  <si>
    <t>cg04633225</t>
  </si>
  <si>
    <t>cg04649441</t>
  </si>
  <si>
    <t>cg04674803</t>
  </si>
  <si>
    <t>cg04717447</t>
  </si>
  <si>
    <t>cg04724143</t>
  </si>
  <si>
    <t>cg04728413</t>
  </si>
  <si>
    <t>cg04735960</t>
  </si>
  <si>
    <t>cg04752989</t>
  </si>
  <si>
    <t>cg04759767</t>
  </si>
  <si>
    <t>cg04777052</t>
  </si>
  <si>
    <t>cg04787413</t>
  </si>
  <si>
    <t>cg04795575</t>
  </si>
  <si>
    <t>cg04808365</t>
  </si>
  <si>
    <t>cg04814990</t>
  </si>
  <si>
    <t>cg04832466</t>
  </si>
  <si>
    <t>cg04865180</t>
  </si>
  <si>
    <t>cg04922286</t>
  </si>
  <si>
    <t>cg04922681</t>
  </si>
  <si>
    <t>cg04925824</t>
  </si>
  <si>
    <t>cg04939555</t>
  </si>
  <si>
    <t>cg04944266</t>
  </si>
  <si>
    <t>cg04966297</t>
  </si>
  <si>
    <t>cg04990609</t>
  </si>
  <si>
    <t>cg05002124</t>
  </si>
  <si>
    <t>cg05022363</t>
  </si>
  <si>
    <t>cg05028187</t>
  </si>
  <si>
    <t>cg05034702</t>
  </si>
  <si>
    <t>cg05041382</t>
  </si>
  <si>
    <t>cg05045294</t>
  </si>
  <si>
    <t>cg05060534</t>
  </si>
  <si>
    <t>cg05073845</t>
  </si>
  <si>
    <t>cg05074645</t>
  </si>
  <si>
    <t>cg05089090</t>
  </si>
  <si>
    <t>cg05092353</t>
  </si>
  <si>
    <t>cg05116906</t>
  </si>
  <si>
    <t>cg05128626</t>
  </si>
  <si>
    <t>cg05170706</t>
  </si>
  <si>
    <t>cg05178518</t>
  </si>
  <si>
    <t>cg05180121</t>
  </si>
  <si>
    <t>cg05194316</t>
  </si>
  <si>
    <t>cg05201784</t>
  </si>
  <si>
    <t>cg05201956</t>
  </si>
  <si>
    <t>cg05206690</t>
  </si>
  <si>
    <t>cg05218357</t>
  </si>
  <si>
    <t>cg05221057</t>
  </si>
  <si>
    <t>cg05225581</t>
  </si>
  <si>
    <t>cg05246775</t>
  </si>
  <si>
    <t>cg05255333</t>
  </si>
  <si>
    <t>cg05256447</t>
  </si>
  <si>
    <t>cg05261559</t>
  </si>
  <si>
    <t>cg05336395</t>
  </si>
  <si>
    <t>cg05337966</t>
  </si>
  <si>
    <t>cg05344430</t>
  </si>
  <si>
    <t>cg05362517</t>
  </si>
  <si>
    <t>cg05369347</t>
  </si>
  <si>
    <t>cg05394800</t>
  </si>
  <si>
    <t>cg05404236</t>
  </si>
  <si>
    <t>cg05412028</t>
  </si>
  <si>
    <t>cg05421143</t>
  </si>
  <si>
    <t>cg05438320</t>
  </si>
  <si>
    <t>cg05439665</t>
  </si>
  <si>
    <t>cg05441372</t>
  </si>
  <si>
    <t>cg05448438</t>
  </si>
  <si>
    <t>cg05460980</t>
  </si>
  <si>
    <t>cg05502376</t>
  </si>
  <si>
    <t>cg05505803</t>
  </si>
  <si>
    <t>cg05572417</t>
  </si>
  <si>
    <t>cg05591196</t>
  </si>
  <si>
    <t>cg05605149</t>
  </si>
  <si>
    <t>cg05606948</t>
  </si>
  <si>
    <t>cg05622300</t>
  </si>
  <si>
    <t>cg05673756</t>
  </si>
  <si>
    <t>cg05681148</t>
  </si>
  <si>
    <t>cg05692319</t>
  </si>
  <si>
    <t>cg05698020</t>
  </si>
  <si>
    <t>cg05714563</t>
  </si>
  <si>
    <t>cg05719720</t>
  </si>
  <si>
    <t>cg05725090</t>
  </si>
  <si>
    <t>cg05732646</t>
  </si>
  <si>
    <t>cg05749548</t>
  </si>
  <si>
    <t>cg05749971</t>
  </si>
  <si>
    <t>cg05788089</t>
  </si>
  <si>
    <t>cg05792022</t>
  </si>
  <si>
    <t>cg05794119</t>
  </si>
  <si>
    <t>cg05820861</t>
  </si>
  <si>
    <t>cg05821816</t>
  </si>
  <si>
    <t>cg05845236</t>
  </si>
  <si>
    <t>cg05849857</t>
  </si>
  <si>
    <t>cg05850327</t>
  </si>
  <si>
    <t>cg05855588</t>
  </si>
  <si>
    <t>cg05918473</t>
  </si>
  <si>
    <t>cg05926266</t>
  </si>
  <si>
    <t>cg05972352</t>
  </si>
  <si>
    <t>cg05977934</t>
  </si>
  <si>
    <t>cg06019692</t>
  </si>
  <si>
    <t>cg06063856</t>
  </si>
  <si>
    <t>cg06064636</t>
  </si>
  <si>
    <t>cg06067032</t>
  </si>
  <si>
    <t>cg06093354</t>
  </si>
  <si>
    <t>cg06100461</t>
  </si>
  <si>
    <t>cg06102790</t>
  </si>
  <si>
    <t>cg06178492</t>
  </si>
  <si>
    <t>cg06179060</t>
  </si>
  <si>
    <t>cg06192058</t>
  </si>
  <si>
    <t>cg06211041</t>
  </si>
  <si>
    <t>cg06211323</t>
  </si>
  <si>
    <t>cg06234050</t>
  </si>
  <si>
    <t>cg06259025</t>
  </si>
  <si>
    <t>cg06302818</t>
  </si>
  <si>
    <t>cg06313119</t>
  </si>
  <si>
    <t>cg06339974</t>
  </si>
  <si>
    <t>cg06343869</t>
  </si>
  <si>
    <t>cg06391483</t>
  </si>
  <si>
    <t>cg06452665</t>
  </si>
  <si>
    <t>cg06457396</t>
  </si>
  <si>
    <t>cg06459020</t>
  </si>
  <si>
    <t>cg06470855</t>
  </si>
  <si>
    <t>cg06484415</t>
  </si>
  <si>
    <t>cg06524757</t>
  </si>
  <si>
    <t>cg06537257</t>
  </si>
  <si>
    <t>cg06585820</t>
  </si>
  <si>
    <t>cg06586505</t>
  </si>
  <si>
    <t>cg06601475</t>
  </si>
  <si>
    <t>cg06621094</t>
  </si>
  <si>
    <t>cg06636431</t>
  </si>
  <si>
    <t>cg06639835</t>
  </si>
  <si>
    <t>cg06679777</t>
  </si>
  <si>
    <t>cg06682197</t>
  </si>
  <si>
    <t>cg06704589</t>
  </si>
  <si>
    <t>cg06705004</t>
  </si>
  <si>
    <t>cg06710937</t>
  </si>
  <si>
    <t>cg06739403</t>
  </si>
  <si>
    <t>cg06743703</t>
  </si>
  <si>
    <t>cg06777796</t>
  </si>
  <si>
    <t>cg06801994</t>
  </si>
  <si>
    <t>cg06807928</t>
  </si>
  <si>
    <t>cg06832986</t>
  </si>
  <si>
    <t>cg06848589</t>
  </si>
  <si>
    <t>cg06888942</t>
  </si>
  <si>
    <t>cg06890365</t>
  </si>
  <si>
    <t>cg06916931</t>
  </si>
  <si>
    <t>cg06925625</t>
  </si>
  <si>
    <t>cg06969437</t>
  </si>
  <si>
    <t>cg06975067</t>
  </si>
  <si>
    <t>cg06997226</t>
  </si>
  <si>
    <t>cg07005067</t>
  </si>
  <si>
    <t>cg07009504</t>
  </si>
  <si>
    <t>cg07017374</t>
  </si>
  <si>
    <t>cg07026882</t>
  </si>
  <si>
    <t>cg07034928</t>
  </si>
  <si>
    <t>cg07062847</t>
  </si>
  <si>
    <t>cg07077476</t>
  </si>
  <si>
    <t>cg07148716</t>
  </si>
  <si>
    <t>cg07159518</t>
  </si>
  <si>
    <t>cg07160044</t>
  </si>
  <si>
    <t>cg07187069</t>
  </si>
  <si>
    <t>cg07190602</t>
  </si>
  <si>
    <t>cg07190763</t>
  </si>
  <si>
    <t>cg07200348</t>
  </si>
  <si>
    <t>cg07217630</t>
  </si>
  <si>
    <t>cg07217789</t>
  </si>
  <si>
    <t>cg07223990</t>
  </si>
  <si>
    <t>cg07264904</t>
  </si>
  <si>
    <t>cg07276358</t>
  </si>
  <si>
    <t>cg07296256</t>
  </si>
  <si>
    <t>cg07310677</t>
  </si>
  <si>
    <t>cg07311313</t>
  </si>
  <si>
    <t>cg07320819</t>
  </si>
  <si>
    <t>cg07322678</t>
  </si>
  <si>
    <t>cg07350444</t>
  </si>
  <si>
    <t>cg07352757</t>
  </si>
  <si>
    <t>cg07360644</t>
  </si>
  <si>
    <t>cg07402411</t>
  </si>
  <si>
    <t>cg07403258</t>
  </si>
  <si>
    <t>cg07409656</t>
  </si>
  <si>
    <t>cg07416237</t>
  </si>
  <si>
    <t>cg07424977</t>
  </si>
  <si>
    <t>cg07457918</t>
  </si>
  <si>
    <t>cg07473634</t>
  </si>
  <si>
    <t>cg07541443</t>
  </si>
  <si>
    <t>cg07573061</t>
  </si>
  <si>
    <t>cg07581978</t>
  </si>
  <si>
    <t>cg07600127</t>
  </si>
  <si>
    <t>cg07624639</t>
  </si>
  <si>
    <t>cg07640233</t>
  </si>
  <si>
    <t>cg07641965</t>
  </si>
  <si>
    <t>cg07668623</t>
  </si>
  <si>
    <t>cg07713135</t>
  </si>
  <si>
    <t>cg07736115</t>
  </si>
  <si>
    <t>cg07737175</t>
  </si>
  <si>
    <t>cg07785726</t>
  </si>
  <si>
    <t>cg07787703</t>
  </si>
  <si>
    <t>cg07804973</t>
  </si>
  <si>
    <t>cg07818646</t>
  </si>
  <si>
    <t>cg07830652</t>
  </si>
  <si>
    <t>cg07837209</t>
  </si>
  <si>
    <t>cg07847863</t>
  </si>
  <si>
    <t>cg07850464</t>
  </si>
  <si>
    <t>cg07853084</t>
  </si>
  <si>
    <t>cg07861329</t>
  </si>
  <si>
    <t>cg07861790</t>
  </si>
  <si>
    <t>cg07879681</t>
  </si>
  <si>
    <t>cg07883124</t>
  </si>
  <si>
    <t>cg07904549</t>
  </si>
  <si>
    <t>cg07930257</t>
  </si>
  <si>
    <t>cg07931391</t>
  </si>
  <si>
    <t>cg07935255</t>
  </si>
  <si>
    <t>cg07959338</t>
  </si>
  <si>
    <t>cg07971952</t>
  </si>
  <si>
    <t>cg07979106</t>
  </si>
  <si>
    <t>cg07984133</t>
  </si>
  <si>
    <t>cg07997076</t>
  </si>
  <si>
    <t>cg08015388</t>
  </si>
  <si>
    <t>cg08018585</t>
  </si>
  <si>
    <t>cg08028037</t>
  </si>
  <si>
    <t>cg08030934</t>
  </si>
  <si>
    <t>cg08043656</t>
  </si>
  <si>
    <t>cg08054513</t>
  </si>
  <si>
    <t>cg08055131</t>
  </si>
  <si>
    <t>cg08134704</t>
  </si>
  <si>
    <t>cg08137236</t>
  </si>
  <si>
    <t>cg08143875</t>
  </si>
  <si>
    <t>cg08146111</t>
  </si>
  <si>
    <t>cg08157964</t>
  </si>
  <si>
    <t>cg08162124</t>
  </si>
  <si>
    <t>cg08208598</t>
  </si>
  <si>
    <t>cg08209163</t>
  </si>
  <si>
    <t>cg08210300</t>
  </si>
  <si>
    <t>cg08215918</t>
  </si>
  <si>
    <t>cg08233864</t>
  </si>
  <si>
    <t>cg08236182</t>
  </si>
  <si>
    <t>cg08247289</t>
  </si>
  <si>
    <t>cg08263066</t>
  </si>
  <si>
    <t>cg08271918</t>
  </si>
  <si>
    <t>cg08274637</t>
  </si>
  <si>
    <t>cg08275631</t>
  </si>
  <si>
    <t>cg08279184</t>
  </si>
  <si>
    <t>cg08344297</t>
  </si>
  <si>
    <t>cg08357012</t>
  </si>
  <si>
    <t>cg08379987</t>
  </si>
  <si>
    <t>cg08386091</t>
  </si>
  <si>
    <t>cg08400494</t>
  </si>
  <si>
    <t>cg08403195</t>
  </si>
  <si>
    <t>cg08406071</t>
  </si>
  <si>
    <t>cg08408316</t>
  </si>
  <si>
    <t>cg08438126</t>
  </si>
  <si>
    <t>cg08466269</t>
  </si>
  <si>
    <t>cg08475721</t>
  </si>
  <si>
    <t>cg08485141</t>
  </si>
  <si>
    <t>cg08492619</t>
  </si>
  <si>
    <t>cg08510264</t>
  </si>
  <si>
    <t>cg08547427</t>
  </si>
  <si>
    <t>cg08567279</t>
  </si>
  <si>
    <t>cg08569979</t>
  </si>
  <si>
    <t>cg08585351</t>
  </si>
  <si>
    <t>cg08590994</t>
  </si>
  <si>
    <t>cg08595804</t>
  </si>
  <si>
    <t>cg08599294</t>
  </si>
  <si>
    <t>cg08603188</t>
  </si>
  <si>
    <t>cg08605016</t>
  </si>
  <si>
    <t>cg08608532</t>
  </si>
  <si>
    <t>cg08644711</t>
  </si>
  <si>
    <t>cg08646372</t>
  </si>
  <si>
    <t>cg08705958</t>
  </si>
  <si>
    <t>cg08713116</t>
  </si>
  <si>
    <t>cg08751265</t>
  </si>
  <si>
    <t>cg08772163</t>
  </si>
  <si>
    <t>cg08791849</t>
  </si>
  <si>
    <t>cg08798933</t>
  </si>
  <si>
    <t>cg08828621</t>
  </si>
  <si>
    <t>cg08830225</t>
  </si>
  <si>
    <t>cg08859912</t>
  </si>
  <si>
    <t>cg08866608</t>
  </si>
  <si>
    <t>cg08874067</t>
  </si>
  <si>
    <t>cg08880524</t>
  </si>
  <si>
    <t>cg08890338</t>
  </si>
  <si>
    <t>cg08903619</t>
  </si>
  <si>
    <t>cg08924619</t>
  </si>
  <si>
    <t>cg08932994</t>
  </si>
  <si>
    <t>cg08959039</t>
  </si>
  <si>
    <t>cg08990497</t>
  </si>
  <si>
    <t>cg08997021</t>
  </si>
  <si>
    <t>cg08997628</t>
  </si>
  <si>
    <t>cg09005448</t>
  </si>
  <si>
    <t>cg09021118</t>
  </si>
  <si>
    <t>cg09071838</t>
  </si>
  <si>
    <t>cg09076334</t>
  </si>
  <si>
    <t>cg09083627</t>
  </si>
  <si>
    <t>cg09121849</t>
  </si>
  <si>
    <t>cg09126720</t>
  </si>
  <si>
    <t>cg09152886</t>
  </si>
  <si>
    <t>cg09174741</t>
  </si>
  <si>
    <t>cg09177349</t>
  </si>
  <si>
    <t>cg09180566</t>
  </si>
  <si>
    <t>cg09200668</t>
  </si>
  <si>
    <t>cg09207578</t>
  </si>
  <si>
    <t>cg09219142</t>
  </si>
  <si>
    <t>cg09243759</t>
  </si>
  <si>
    <t>cg09252360</t>
  </si>
  <si>
    <t>cg09294084</t>
  </si>
  <si>
    <t>cg09315329</t>
  </si>
  <si>
    <t>cg09342320</t>
  </si>
  <si>
    <t>cg09370177</t>
  </si>
  <si>
    <t>cg09381038</t>
  </si>
  <si>
    <t>cg09431370</t>
  </si>
  <si>
    <t>cg09450063</t>
  </si>
  <si>
    <t>cg09451960</t>
  </si>
  <si>
    <t>cg09469554</t>
  </si>
  <si>
    <t>cg09469566</t>
  </si>
  <si>
    <t>cg09473364</t>
  </si>
  <si>
    <t>cg09504482</t>
  </si>
  <si>
    <t>cg09505337</t>
  </si>
  <si>
    <t>cg09537396</t>
  </si>
  <si>
    <t>cg09540002</t>
  </si>
  <si>
    <t>cg09580920</t>
  </si>
  <si>
    <t>cg09617296</t>
  </si>
  <si>
    <t>cg09622504</t>
  </si>
  <si>
    <t>cg09624525</t>
  </si>
  <si>
    <t>cg09634936</t>
  </si>
  <si>
    <t>cg09670790</t>
  </si>
  <si>
    <t>cg09675538</t>
  </si>
  <si>
    <t>cg09678836</t>
  </si>
  <si>
    <t>cg09698981</t>
  </si>
  <si>
    <t>cg09714458</t>
  </si>
  <si>
    <t>cg09775930</t>
  </si>
  <si>
    <t>cg09790502</t>
  </si>
  <si>
    <t>cg09797337</t>
  </si>
  <si>
    <t>cg09814151</t>
  </si>
  <si>
    <t>cg09823277</t>
  </si>
  <si>
    <t>cg09825436</t>
  </si>
  <si>
    <t>cg09853514</t>
  </si>
  <si>
    <t>cg09891682</t>
  </si>
  <si>
    <t>cg09896445</t>
  </si>
  <si>
    <t>cg09899665</t>
  </si>
  <si>
    <t>cg09907509</t>
  </si>
  <si>
    <t>cg09924173</t>
  </si>
  <si>
    <t>cg09955683</t>
  </si>
  <si>
    <t>cg09975620</t>
  </si>
  <si>
    <t>cg09977852</t>
  </si>
  <si>
    <t>cg09982069</t>
  </si>
  <si>
    <t>cg10020546</t>
  </si>
  <si>
    <t>cg10021539</t>
  </si>
  <si>
    <t>cg10023101</t>
  </si>
  <si>
    <t>cg10034364</t>
  </si>
  <si>
    <t>cg10039500</t>
  </si>
  <si>
    <t>cg10068417</t>
  </si>
  <si>
    <t>cg10071824</t>
  </si>
  <si>
    <t>cg10093265</t>
  </si>
  <si>
    <t>cg10118210</t>
  </si>
  <si>
    <t>cg10223989</t>
  </si>
  <si>
    <t>cg10234841</t>
  </si>
  <si>
    <t>cg10243348</t>
  </si>
  <si>
    <t>cg10245910</t>
  </si>
  <si>
    <t>cg10283958</t>
  </si>
  <si>
    <t>cg10298859</t>
  </si>
  <si>
    <t>cg10305311</t>
  </si>
  <si>
    <t>cg10359157</t>
  </si>
  <si>
    <t>cg10362742</t>
  </si>
  <si>
    <t>cg10369444</t>
  </si>
  <si>
    <t>cg10372485</t>
  </si>
  <si>
    <t>cg10375964</t>
  </si>
  <si>
    <t>cg10381113</t>
  </si>
  <si>
    <t>cg10411590</t>
  </si>
  <si>
    <t>cg10435235</t>
  </si>
  <si>
    <t>cg10436026</t>
  </si>
  <si>
    <t>cg10438011</t>
  </si>
  <si>
    <t>cg10464656</t>
  </si>
  <si>
    <t>cg10471356</t>
  </si>
  <si>
    <t>cg10474284</t>
  </si>
  <si>
    <t>cg10507582</t>
  </si>
  <si>
    <t>cg10533161</t>
  </si>
  <si>
    <t>cg10548038</t>
  </si>
  <si>
    <t>cg10552385</t>
  </si>
  <si>
    <t>cg10627737</t>
  </si>
  <si>
    <t>cg10632429</t>
  </si>
  <si>
    <t>cg10667201</t>
  </si>
  <si>
    <t>cg10668926</t>
  </si>
  <si>
    <t>cg10673248</t>
  </si>
  <si>
    <t>cg10713773</t>
  </si>
  <si>
    <t>cg10728214</t>
  </si>
  <si>
    <t>cg10733978</t>
  </si>
  <si>
    <t>cg10767312</t>
  </si>
  <si>
    <t>cg10774877</t>
  </si>
  <si>
    <t>cg10782297</t>
  </si>
  <si>
    <t>cg10786087</t>
  </si>
  <si>
    <t>cg10788210</t>
  </si>
  <si>
    <t>cg10795666</t>
  </si>
  <si>
    <t>cg10805850</t>
  </si>
  <si>
    <t>cg10872447</t>
  </si>
  <si>
    <t>cg10872847</t>
  </si>
  <si>
    <t>cg10883266</t>
  </si>
  <si>
    <t>cg10905736</t>
  </si>
  <si>
    <t>cg10909163</t>
  </si>
  <si>
    <t>cg10910055</t>
  </si>
  <si>
    <t>cg10972431</t>
  </si>
  <si>
    <t>cg10979631</t>
  </si>
  <si>
    <t>cg10982460</t>
  </si>
  <si>
    <t>cg10983056</t>
  </si>
  <si>
    <t>cg11001665</t>
  </si>
  <si>
    <t>cg11012078</t>
  </si>
  <si>
    <t>cg11021200</t>
  </si>
  <si>
    <t>cg11030811</t>
  </si>
  <si>
    <t>cg11034168</t>
  </si>
  <si>
    <t>cg11056224</t>
  </si>
  <si>
    <t>cg11061559</t>
  </si>
  <si>
    <t>cg11105980</t>
  </si>
  <si>
    <t>cg11122148</t>
  </si>
  <si>
    <t>cg11179286</t>
  </si>
  <si>
    <t>cg11182893</t>
  </si>
  <si>
    <t>cg11199428</t>
  </si>
  <si>
    <t>cg11203293</t>
  </si>
  <si>
    <t>cg11213248</t>
  </si>
  <si>
    <t>cg11243656</t>
  </si>
  <si>
    <t>cg11244340</t>
  </si>
  <si>
    <t>cg11275620</t>
  </si>
  <si>
    <t>cg11294084</t>
  </si>
  <si>
    <t>cg11312353</t>
  </si>
  <si>
    <t>cg11342910</t>
  </si>
  <si>
    <t>cg11350504</t>
  </si>
  <si>
    <t>cg11354629</t>
  </si>
  <si>
    <t>cg11357670</t>
  </si>
  <si>
    <t>cg11361121</t>
  </si>
  <si>
    <t>cg11379222</t>
  </si>
  <si>
    <t>cg11381282</t>
  </si>
  <si>
    <t>cg11408952</t>
  </si>
  <si>
    <t>cg11423130</t>
  </si>
  <si>
    <t>cg11436817</t>
  </si>
  <si>
    <t>cg11437784</t>
  </si>
  <si>
    <t>cg11444278</t>
  </si>
  <si>
    <t>cg11448996</t>
  </si>
  <si>
    <t>cg11450541</t>
  </si>
  <si>
    <t>cg11462099</t>
  </si>
  <si>
    <t>cg11478100</t>
  </si>
  <si>
    <t>cg11502555</t>
  </si>
  <si>
    <t>cg11547828</t>
  </si>
  <si>
    <t>cg11564275</t>
  </si>
  <si>
    <t>cg11605771</t>
  </si>
  <si>
    <t>cg11668133</t>
  </si>
  <si>
    <t>cg11678027</t>
  </si>
  <si>
    <t>cg11687679</t>
  </si>
  <si>
    <t>cg11733266</t>
  </si>
  <si>
    <t>cg11784564</t>
  </si>
  <si>
    <t>cg11800383</t>
  </si>
  <si>
    <t>cg11800577</t>
  </si>
  <si>
    <t>cg11845486</t>
  </si>
  <si>
    <t>cg11859845</t>
  </si>
  <si>
    <t>cg11861206</t>
  </si>
  <si>
    <t>cg11893488</t>
  </si>
  <si>
    <t>cg11912948</t>
  </si>
  <si>
    <t>cg11955762</t>
  </si>
  <si>
    <t>cg11973886</t>
  </si>
  <si>
    <t>cg11987576</t>
  </si>
  <si>
    <t>cg11992426</t>
  </si>
  <si>
    <t>cg11997708</t>
  </si>
  <si>
    <t>cg12066905</t>
  </si>
  <si>
    <t>cg12084760</t>
  </si>
  <si>
    <t>cg12093775</t>
  </si>
  <si>
    <t>cg12121446</t>
  </si>
  <si>
    <t>cg12159259</t>
  </si>
  <si>
    <t>cg12194594</t>
  </si>
  <si>
    <t>cg12228659</t>
  </si>
  <si>
    <t>cg12247968</t>
  </si>
  <si>
    <t>cg12271981</t>
  </si>
  <si>
    <t>cg12334911</t>
  </si>
  <si>
    <t>cg12340381</t>
  </si>
  <si>
    <t>cg12346592</t>
  </si>
  <si>
    <t>cg12348997</t>
  </si>
  <si>
    <t>cg12355835</t>
  </si>
  <si>
    <t>cg12367389</t>
  </si>
  <si>
    <t>cg12378722</t>
  </si>
  <si>
    <t>cg12379940</t>
  </si>
  <si>
    <t>cg12380458</t>
  </si>
  <si>
    <t>cg12394800</t>
  </si>
  <si>
    <t>cg12405258</t>
  </si>
  <si>
    <t>cg12444736</t>
  </si>
  <si>
    <t>cg12448989</t>
  </si>
  <si>
    <t>cg12482305</t>
  </si>
  <si>
    <t>cg12518535</t>
  </si>
  <si>
    <t>cg12552766</t>
  </si>
  <si>
    <t>cg12573705</t>
  </si>
  <si>
    <t>cg12578287</t>
  </si>
  <si>
    <t>cg12581627</t>
  </si>
  <si>
    <t>cg12588256</t>
  </si>
  <si>
    <t>cg12593431</t>
  </si>
  <si>
    <t>cg12611296</t>
  </si>
  <si>
    <t>cg12634080</t>
  </si>
  <si>
    <t>cg12678562</t>
  </si>
  <si>
    <t>cg12680424</t>
  </si>
  <si>
    <t>cg12684360</t>
  </si>
  <si>
    <t>cg12701674</t>
  </si>
  <si>
    <t>cg12721730</t>
  </si>
  <si>
    <t>cg12744758</t>
  </si>
  <si>
    <t>cg12760327</t>
  </si>
  <si>
    <t>cg12772435</t>
  </si>
  <si>
    <t>cg12775884</t>
  </si>
  <si>
    <t>cg12778065</t>
  </si>
  <si>
    <t>cg12790874</t>
  </si>
  <si>
    <t>cg12795731</t>
  </si>
  <si>
    <t>cg12813253</t>
  </si>
  <si>
    <t>cg12813482</t>
  </si>
  <si>
    <t>cg12832498</t>
  </si>
  <si>
    <t>cg12855461</t>
  </si>
  <si>
    <t>cg12863717</t>
  </si>
  <si>
    <t>cg12876349</t>
  </si>
  <si>
    <t>cg12886066</t>
  </si>
  <si>
    <t>cg12891195</t>
  </si>
  <si>
    <t>cg12907379</t>
  </si>
  <si>
    <t>cg12917718</t>
  </si>
  <si>
    <t>cg12938068</t>
  </si>
  <si>
    <t>cg12939436</t>
  </si>
  <si>
    <t>cg12939648</t>
  </si>
  <si>
    <t>cg12947224</t>
  </si>
  <si>
    <t>cg12953095</t>
  </si>
  <si>
    <t>cg12963096</t>
  </si>
  <si>
    <t>cg12984905</t>
  </si>
  <si>
    <t>cg12988843</t>
  </si>
  <si>
    <t>cg13023133</t>
  </si>
  <si>
    <t>cg13031171</t>
  </si>
  <si>
    <t>cg13041531</t>
  </si>
  <si>
    <t>cg13081381</t>
  </si>
  <si>
    <t>cg13086424</t>
  </si>
  <si>
    <t>cg13108194</t>
  </si>
  <si>
    <t>cg13128937</t>
  </si>
  <si>
    <t>cg13147013</t>
  </si>
  <si>
    <t>cg13197560</t>
  </si>
  <si>
    <t>cg13233929</t>
  </si>
  <si>
    <t>cg13254979</t>
  </si>
  <si>
    <t>cg13255538</t>
  </si>
  <si>
    <t>cg13271632</t>
  </si>
  <si>
    <t>cg13319488</t>
  </si>
  <si>
    <t>cg13361007</t>
  </si>
  <si>
    <t>cg13375462</t>
  </si>
  <si>
    <t>cg13389575</t>
  </si>
  <si>
    <t>cg13394990</t>
  </si>
  <si>
    <t>cg13411506</t>
  </si>
  <si>
    <t>cg13424209</t>
  </si>
  <si>
    <t>cg13436155</t>
  </si>
  <si>
    <t>cg13457360</t>
  </si>
  <si>
    <t>cg13485756</t>
  </si>
  <si>
    <t>cg13521672</t>
  </si>
  <si>
    <t>cg13530621</t>
  </si>
  <si>
    <t>cg13538685</t>
  </si>
  <si>
    <t>cg13549719</t>
  </si>
  <si>
    <t>cg13557773</t>
  </si>
  <si>
    <t>cg13580710</t>
  </si>
  <si>
    <t>cg13582072</t>
  </si>
  <si>
    <t>cg13614409</t>
  </si>
  <si>
    <t>cg13622068</t>
  </si>
  <si>
    <t>cg13644852</t>
  </si>
  <si>
    <t>cg13668930</t>
  </si>
  <si>
    <t>cg13677111</t>
  </si>
  <si>
    <t>cg13692446</t>
  </si>
  <si>
    <t>cg13714437</t>
  </si>
  <si>
    <t>cg13717880</t>
  </si>
  <si>
    <t>cg13726563</t>
  </si>
  <si>
    <t>cg13743393</t>
  </si>
  <si>
    <t>cg13758543</t>
  </si>
  <si>
    <t>cg13760807</t>
  </si>
  <si>
    <t>cg13791594</t>
  </si>
  <si>
    <t>cg13792460</t>
  </si>
  <si>
    <t>cg13804476</t>
  </si>
  <si>
    <t>cg13807343</t>
  </si>
  <si>
    <t>cg13812879</t>
  </si>
  <si>
    <t>cg13827127</t>
  </si>
  <si>
    <t>cg13846270</t>
  </si>
  <si>
    <t>cg13859183</t>
  </si>
  <si>
    <t>cg13877944</t>
  </si>
  <si>
    <t>cg13892474</t>
  </si>
  <si>
    <t>cg13903179</t>
  </si>
  <si>
    <t>cg13917662</t>
  </si>
  <si>
    <t>cg13922111</t>
  </si>
  <si>
    <t>cg13926468</t>
  </si>
  <si>
    <t>cg13928257</t>
  </si>
  <si>
    <t>cg13930683</t>
  </si>
  <si>
    <t>cg13941474</t>
  </si>
  <si>
    <t>cg13974192</t>
  </si>
  <si>
    <t>cg13980446</t>
  </si>
  <si>
    <t>cg13982823</t>
  </si>
  <si>
    <t>cg13990092</t>
  </si>
  <si>
    <t>cg13996405</t>
  </si>
  <si>
    <t>cg14001871</t>
  </si>
  <si>
    <t>cg14003621</t>
  </si>
  <si>
    <t>cg14089267</t>
  </si>
  <si>
    <t>cg14106250</t>
  </si>
  <si>
    <t>cg14145477</t>
  </si>
  <si>
    <t>cg14160449</t>
  </si>
  <si>
    <t>cg14168923</t>
  </si>
  <si>
    <t>cg14189621</t>
  </si>
  <si>
    <t>cg14199148</t>
  </si>
  <si>
    <t>cg14210620</t>
  </si>
  <si>
    <t>cg14270789</t>
  </si>
  <si>
    <t>cg14290855</t>
  </si>
  <si>
    <t>cg14293633</t>
  </si>
  <si>
    <t>cg14337526</t>
  </si>
  <si>
    <t>cg14339867</t>
  </si>
  <si>
    <t>cg14341579</t>
  </si>
  <si>
    <t>cg14363981</t>
  </si>
  <si>
    <t>cg14365785</t>
  </si>
  <si>
    <t>cg14375923</t>
  </si>
  <si>
    <t>cg14385231</t>
  </si>
  <si>
    <t>cg14467488</t>
  </si>
  <si>
    <t>cg14470869</t>
  </si>
  <si>
    <t>cg14472366</t>
  </si>
  <si>
    <t>cg14486372</t>
  </si>
  <si>
    <t>cg14493678</t>
  </si>
  <si>
    <t>cg14498074</t>
  </si>
  <si>
    <t>cg14518261</t>
  </si>
  <si>
    <t>cg14533206</t>
  </si>
  <si>
    <t>cg14550076</t>
  </si>
  <si>
    <t>cg14597726</t>
  </si>
  <si>
    <t>cg14597930</t>
  </si>
  <si>
    <t>cg14609106</t>
  </si>
  <si>
    <t>cg14616881</t>
  </si>
  <si>
    <t>cg14622533</t>
  </si>
  <si>
    <t>cg14626375</t>
  </si>
  <si>
    <t>cg14640736</t>
  </si>
  <si>
    <t>cg14641315</t>
  </si>
  <si>
    <t>cg14660007</t>
  </si>
  <si>
    <t>cg14660839</t>
  </si>
  <si>
    <t>cg14700609</t>
  </si>
  <si>
    <t>cg14703784</t>
  </si>
  <si>
    <t>cg14709833</t>
  </si>
  <si>
    <t>cg14756202</t>
  </si>
  <si>
    <t>cg14777817</t>
  </si>
  <si>
    <t>cg14782152</t>
  </si>
  <si>
    <t>cg14806867</t>
  </si>
  <si>
    <t>cg14823967</t>
  </si>
  <si>
    <t>cg14835113</t>
  </si>
  <si>
    <t>cg14835392</t>
  </si>
  <si>
    <t>cg14876325</t>
  </si>
  <si>
    <t>cg14880499</t>
  </si>
  <si>
    <t>cg14883717</t>
  </si>
  <si>
    <t>cg14888176</t>
  </si>
  <si>
    <t>cg14888445</t>
  </si>
  <si>
    <t>cg14893690</t>
  </si>
  <si>
    <t>cg14904115</t>
  </si>
  <si>
    <t>cg14908186</t>
  </si>
  <si>
    <t>cg14925260</t>
  </si>
  <si>
    <t>cg14929266</t>
  </si>
  <si>
    <t>cg14932124</t>
  </si>
  <si>
    <t>cg14945790</t>
  </si>
  <si>
    <t>cg14966220</t>
  </si>
  <si>
    <t>cg14982133</t>
  </si>
  <si>
    <t>cg14985583</t>
  </si>
  <si>
    <t>cg15020568</t>
  </si>
  <si>
    <t>cg15021585</t>
  </si>
  <si>
    <t>cg15064916</t>
  </si>
  <si>
    <t>cg15074709</t>
  </si>
  <si>
    <t>cg15108048</t>
  </si>
  <si>
    <t>cg15123817</t>
  </si>
  <si>
    <t>cg15126179</t>
  </si>
  <si>
    <t>cg15144817</t>
  </si>
  <si>
    <t>cg15158045</t>
  </si>
  <si>
    <t>cg15161047</t>
  </si>
  <si>
    <t>cg15205527</t>
  </si>
  <si>
    <t>cg15227275</t>
  </si>
  <si>
    <t>cg15228928</t>
  </si>
  <si>
    <t>cg15235798</t>
  </si>
  <si>
    <t>cg15269148</t>
  </si>
  <si>
    <t>cg15272312</t>
  </si>
  <si>
    <t>cg15296644</t>
  </si>
  <si>
    <t>cg15352185</t>
  </si>
  <si>
    <t>cg15388598</t>
  </si>
  <si>
    <t>cg15396799</t>
  </si>
  <si>
    <t>cg15402399</t>
  </si>
  <si>
    <t>cg15415452</t>
  </si>
  <si>
    <t>cg15426006</t>
  </si>
  <si>
    <t>cg15466862</t>
  </si>
  <si>
    <t>cg15471063</t>
  </si>
  <si>
    <t>cg15477845</t>
  </si>
  <si>
    <t>cg15491131</t>
  </si>
  <si>
    <t>cg15495091</t>
  </si>
  <si>
    <t>cg15515258</t>
  </si>
  <si>
    <t>cg15545871</t>
  </si>
  <si>
    <t>cg15593366</t>
  </si>
  <si>
    <t>cg15608786</t>
  </si>
  <si>
    <t>cg15627078</t>
  </si>
  <si>
    <t>cg15647527</t>
  </si>
  <si>
    <t>cg15653173</t>
  </si>
  <si>
    <t>cg15660684</t>
  </si>
  <si>
    <t>cg15669183</t>
  </si>
  <si>
    <t>cg15672437</t>
  </si>
  <si>
    <t>cg15695106</t>
  </si>
  <si>
    <t>cg15696906</t>
  </si>
  <si>
    <t>cg15699226</t>
  </si>
  <si>
    <t>cg15736169</t>
  </si>
  <si>
    <t>cg15741083</t>
  </si>
  <si>
    <t>cg15756319</t>
  </si>
  <si>
    <t>cg15760556</t>
  </si>
  <si>
    <t>cg15786732</t>
  </si>
  <si>
    <t>cg15798516</t>
  </si>
  <si>
    <t>cg15803050</t>
  </si>
  <si>
    <t>cg15820660</t>
  </si>
  <si>
    <t>cg15905579</t>
  </si>
  <si>
    <t>cg15906151</t>
  </si>
  <si>
    <t>cg15910685</t>
  </si>
  <si>
    <t>cg15928068</t>
  </si>
  <si>
    <t>cg15934607</t>
  </si>
  <si>
    <t>cg15936439</t>
  </si>
  <si>
    <t>cg15972148</t>
  </si>
  <si>
    <t>cg15972331</t>
  </si>
  <si>
    <t>cg15988970</t>
  </si>
  <si>
    <t>cg16068263</t>
  </si>
  <si>
    <t>cg16120460</t>
  </si>
  <si>
    <t>cg16122370</t>
  </si>
  <si>
    <t>cg16123774</t>
  </si>
  <si>
    <t>cg16134678</t>
  </si>
  <si>
    <t>cg16139401</t>
  </si>
  <si>
    <t>cg16161848</t>
  </si>
  <si>
    <t>cg16183813</t>
  </si>
  <si>
    <t>cg16188984</t>
  </si>
  <si>
    <t>cg16201038</t>
  </si>
  <si>
    <t>cg16201674</t>
  </si>
  <si>
    <t>cg16204710</t>
  </si>
  <si>
    <t>cg16206504</t>
  </si>
  <si>
    <t>cg16206743</t>
  </si>
  <si>
    <t>cg16258721</t>
  </si>
  <si>
    <t>cg16275739</t>
  </si>
  <si>
    <t>cg16276564</t>
  </si>
  <si>
    <t>cg16277139</t>
  </si>
  <si>
    <t>cg16300300</t>
  </si>
  <si>
    <t>cg16304412</t>
  </si>
  <si>
    <t>cg16327410</t>
  </si>
  <si>
    <t>cg16333971</t>
  </si>
  <si>
    <t>cg16374953</t>
  </si>
  <si>
    <t>cg16382482</t>
  </si>
  <si>
    <t>cg16437134</t>
  </si>
  <si>
    <t>cg16476991</t>
  </si>
  <si>
    <t>cg16505056</t>
  </si>
  <si>
    <t>cg16505464</t>
  </si>
  <si>
    <t>cg16519487</t>
  </si>
  <si>
    <t>cg16532362</t>
  </si>
  <si>
    <t>cg16555595</t>
  </si>
  <si>
    <t>cg16556145</t>
  </si>
  <si>
    <t>cg16571983</t>
  </si>
  <si>
    <t>cg16572375</t>
  </si>
  <si>
    <t>cg16583279</t>
  </si>
  <si>
    <t>cg16602799</t>
  </si>
  <si>
    <t>cg16605982</t>
  </si>
  <si>
    <t>cg16611858</t>
  </si>
  <si>
    <t>cg16622613</t>
  </si>
  <si>
    <t>cg16650292</t>
  </si>
  <si>
    <t>cg16655383</t>
  </si>
  <si>
    <t>cg16678346</t>
  </si>
  <si>
    <t>cg16681130</t>
  </si>
  <si>
    <t>cg16686654</t>
  </si>
  <si>
    <t>cg16691989</t>
  </si>
  <si>
    <t>cg16711828</t>
  </si>
  <si>
    <t>cg16735881</t>
  </si>
  <si>
    <t>cg16741041</t>
  </si>
  <si>
    <t>cg16747564</t>
  </si>
  <si>
    <t>cg16753167</t>
  </si>
  <si>
    <t>cg16757992</t>
  </si>
  <si>
    <t>cg16758970</t>
  </si>
  <si>
    <t>cg16763574</t>
  </si>
  <si>
    <t>cg16774946</t>
  </si>
  <si>
    <t>cg16792202</t>
  </si>
  <si>
    <t>cg16821446</t>
  </si>
  <si>
    <t>cg16872841</t>
  </si>
  <si>
    <t>cg16904781</t>
  </si>
  <si>
    <t>cg16919246</t>
  </si>
  <si>
    <t>cg16921285</t>
  </si>
  <si>
    <t>cg16922763</t>
  </si>
  <si>
    <t>cg16928293</t>
  </si>
  <si>
    <t>cg16940809</t>
  </si>
  <si>
    <t>cg16944820</t>
  </si>
  <si>
    <t>cg16948199</t>
  </si>
  <si>
    <t>cg16976910</t>
  </si>
  <si>
    <t>cg16977570</t>
  </si>
  <si>
    <t>cg17002771</t>
  </si>
  <si>
    <t>cg17002851</t>
  </si>
  <si>
    <t>cg17004212</t>
  </si>
  <si>
    <t>cg17021376</t>
  </si>
  <si>
    <t>cg17049889</t>
  </si>
  <si>
    <t>cg17070338</t>
  </si>
  <si>
    <t>cg17070611</t>
  </si>
  <si>
    <t>cg17095167</t>
  </si>
  <si>
    <t>cg17106222</t>
  </si>
  <si>
    <t>cg17116694</t>
  </si>
  <si>
    <t>cg17121140</t>
  </si>
  <si>
    <t>cg17147484</t>
  </si>
  <si>
    <t>cg17148379</t>
  </si>
  <si>
    <t>cg17191933</t>
  </si>
  <si>
    <t>cg17194154</t>
  </si>
  <si>
    <t>cg17194243</t>
  </si>
  <si>
    <t>cg17200768</t>
  </si>
  <si>
    <t>cg17208973</t>
  </si>
  <si>
    <t>cg17218041</t>
  </si>
  <si>
    <t>cg17221143</t>
  </si>
  <si>
    <t>cg17241776</t>
  </si>
  <si>
    <t>cg17247435</t>
  </si>
  <si>
    <t>cg17258727</t>
  </si>
  <si>
    <t>cg17303445</t>
  </si>
  <si>
    <t>cg17435266</t>
  </si>
  <si>
    <t>cg17444493</t>
  </si>
  <si>
    <t>cg17454427</t>
  </si>
  <si>
    <t>cg17457156</t>
  </si>
  <si>
    <t>cg17495627</t>
  </si>
  <si>
    <t>cg17495912</t>
  </si>
  <si>
    <t>cg17505155</t>
  </si>
  <si>
    <t>cg17506739</t>
  </si>
  <si>
    <t>cg17523461</t>
  </si>
  <si>
    <t>cg17535595</t>
  </si>
  <si>
    <t>cg17541290</t>
  </si>
  <si>
    <t>cg17549366</t>
  </si>
  <si>
    <t>cg17601191</t>
  </si>
  <si>
    <t>cg17607368</t>
  </si>
  <si>
    <t>cg17615682</t>
  </si>
  <si>
    <t>cg17629796</t>
  </si>
  <si>
    <t>cg17632299</t>
  </si>
  <si>
    <t>cg17655970</t>
  </si>
  <si>
    <t>cg17664485</t>
  </si>
  <si>
    <t>cg17675639</t>
  </si>
  <si>
    <t>cg17710545</t>
  </si>
  <si>
    <t>cg17715222</t>
  </si>
  <si>
    <t>cg17771610</t>
  </si>
  <si>
    <t>cg17775765</t>
  </si>
  <si>
    <t>cg17806623</t>
  </si>
  <si>
    <t>cg17811919</t>
  </si>
  <si>
    <t>cg17843563</t>
  </si>
  <si>
    <t>cg17864516</t>
  </si>
  <si>
    <t>cg17890984</t>
  </si>
  <si>
    <t>cg17902007</t>
  </si>
  <si>
    <t>cg17912633</t>
  </si>
  <si>
    <t>cg17919152</t>
  </si>
  <si>
    <t>cg17926458</t>
  </si>
  <si>
    <t>cg17928152</t>
  </si>
  <si>
    <t>cg17932484</t>
  </si>
  <si>
    <t>cg17934871</t>
  </si>
  <si>
    <t>cg17949189</t>
  </si>
  <si>
    <t>cg17967059</t>
  </si>
  <si>
    <t>cg17967577</t>
  </si>
  <si>
    <t>cg17991430</t>
  </si>
  <si>
    <t>cg18008019</t>
  </si>
  <si>
    <t>cg18028711</t>
  </si>
  <si>
    <t>cg18030732</t>
  </si>
  <si>
    <t>cg18032190</t>
  </si>
  <si>
    <t>cg18032744</t>
  </si>
  <si>
    <t>cg18043078</t>
  </si>
  <si>
    <t>cg18058689</t>
  </si>
  <si>
    <t>cg18064631</t>
  </si>
  <si>
    <t>cg18072522</t>
  </si>
  <si>
    <t>cg18090489</t>
  </si>
  <si>
    <t>cg18091046</t>
  </si>
  <si>
    <t>cg18098400</t>
  </si>
  <si>
    <t>cg18115507</t>
  </si>
  <si>
    <t>cg18159740</t>
  </si>
  <si>
    <t>cg18161327</t>
  </si>
  <si>
    <t>cg18187762</t>
  </si>
  <si>
    <t>cg18188062</t>
  </si>
  <si>
    <t>cg18215217</t>
  </si>
  <si>
    <t>cg18221128</t>
  </si>
  <si>
    <t>cg18307928</t>
  </si>
  <si>
    <t>cg18313340</t>
  </si>
  <si>
    <t>cg18342744</t>
  </si>
  <si>
    <t>cg18348647</t>
  </si>
  <si>
    <t>cg18386632</t>
  </si>
  <si>
    <t>cg18387839</t>
  </si>
  <si>
    <t>cg18400088</t>
  </si>
  <si>
    <t>cg18430222</t>
  </si>
  <si>
    <t>cg18431324</t>
  </si>
  <si>
    <t>cg18437365</t>
  </si>
  <si>
    <t>cg18446069</t>
  </si>
  <si>
    <t>cg18474108</t>
  </si>
  <si>
    <t>cg18474152</t>
  </si>
  <si>
    <t>cg18476049</t>
  </si>
  <si>
    <t>cg18478319</t>
  </si>
  <si>
    <t>cg18492839</t>
  </si>
  <si>
    <t>cg18540305</t>
  </si>
  <si>
    <t>cg18541421</t>
  </si>
  <si>
    <t>cg18543610</t>
  </si>
  <si>
    <t>cg18546689</t>
  </si>
  <si>
    <t>cg18563258</t>
  </si>
  <si>
    <t>cg18563561</t>
  </si>
  <si>
    <t>cg18565702</t>
  </si>
  <si>
    <t>cg18582260</t>
  </si>
  <si>
    <t>cg18583910</t>
  </si>
  <si>
    <t>cg18588768</t>
  </si>
  <si>
    <t>cg18648570</t>
  </si>
  <si>
    <t>cg18656829</t>
  </si>
  <si>
    <t>cg18656860</t>
  </si>
  <si>
    <t>cg18665036</t>
  </si>
  <si>
    <t>cg18682423</t>
  </si>
  <si>
    <t>cg18761450</t>
  </si>
  <si>
    <t>cg18771357</t>
  </si>
  <si>
    <t>cg18781764</t>
  </si>
  <si>
    <t>cg18796523</t>
  </si>
  <si>
    <t>cg18805367</t>
  </si>
  <si>
    <t>cg18830978</t>
  </si>
  <si>
    <t>cg18865445</t>
  </si>
  <si>
    <t>cg18890751</t>
  </si>
  <si>
    <t>cg18899220</t>
  </si>
  <si>
    <t>cg18913687</t>
  </si>
  <si>
    <t>cg18954371</t>
  </si>
  <si>
    <t>cg18973457</t>
  </si>
  <si>
    <t>cg18992706</t>
  </si>
  <si>
    <t>cg18995031</t>
  </si>
  <si>
    <t>cg19001789</t>
  </si>
  <si>
    <t>cg19037327</t>
  </si>
  <si>
    <t>cg19068510</t>
  </si>
  <si>
    <t>cg19071460</t>
  </si>
  <si>
    <t>cg19075377</t>
  </si>
  <si>
    <t>cg19088635</t>
  </si>
  <si>
    <t>cg19100884</t>
  </si>
  <si>
    <t>cg19107655</t>
  </si>
  <si>
    <t>cg19154858</t>
  </si>
  <si>
    <t>cg19180546</t>
  </si>
  <si>
    <t>cg19185339</t>
  </si>
  <si>
    <t>cg19188899</t>
  </si>
  <si>
    <t>cg19199483</t>
  </si>
  <si>
    <t>cg19210306</t>
  </si>
  <si>
    <t>cg19256121</t>
  </si>
  <si>
    <t>cg19263575</t>
  </si>
  <si>
    <t>cg19275632</t>
  </si>
  <si>
    <t>cg19278827</t>
  </si>
  <si>
    <t>cg19300307</t>
  </si>
  <si>
    <t>cg19325220</t>
  </si>
  <si>
    <t>cg19329160</t>
  </si>
  <si>
    <t>cg19352193</t>
  </si>
  <si>
    <t>cg19356117</t>
  </si>
  <si>
    <t>cg19442730</t>
  </si>
  <si>
    <t>cg19454239</t>
  </si>
  <si>
    <t>cg19456164</t>
  </si>
  <si>
    <t>cg19463665</t>
  </si>
  <si>
    <t>cg19474239</t>
  </si>
  <si>
    <t>cg19505760</t>
  </si>
  <si>
    <t>cg19508437</t>
  </si>
  <si>
    <t>cg19512693</t>
  </si>
  <si>
    <t>cg19529146</t>
  </si>
  <si>
    <t>cg19535358</t>
  </si>
  <si>
    <t>cg19544026</t>
  </si>
  <si>
    <t>cg19557340</t>
  </si>
  <si>
    <t>cg19561609</t>
  </si>
  <si>
    <t>cg19565241</t>
  </si>
  <si>
    <t>cg19606731</t>
  </si>
  <si>
    <t>cg19620975</t>
  </si>
  <si>
    <t>cg19665289</t>
  </si>
  <si>
    <t>cg19666287</t>
  </si>
  <si>
    <t>cg19696317</t>
  </si>
  <si>
    <t>cg19712603</t>
  </si>
  <si>
    <t>cg19716887</t>
  </si>
  <si>
    <t>cg19737787</t>
  </si>
  <si>
    <t>cg19751179</t>
  </si>
  <si>
    <t>cg19813030</t>
  </si>
  <si>
    <t>cg19815871</t>
  </si>
  <si>
    <t>cg19824907</t>
  </si>
  <si>
    <t>cg19825525</t>
  </si>
  <si>
    <t>cg19837259</t>
  </si>
  <si>
    <t>cg19839798</t>
  </si>
  <si>
    <t>cg19855366</t>
  </si>
  <si>
    <t>cg19890264</t>
  </si>
  <si>
    <t>cg19905137</t>
  </si>
  <si>
    <t>cg19907331</t>
  </si>
  <si>
    <t>cg19937061</t>
  </si>
  <si>
    <t>cg19938422</t>
  </si>
  <si>
    <t>cg19965868</t>
  </si>
  <si>
    <t>cg19968692</t>
  </si>
  <si>
    <t>cg19975936</t>
  </si>
  <si>
    <t>cg20001219</t>
  </si>
  <si>
    <t>cg20011604</t>
  </si>
  <si>
    <t>cg20018561</t>
  </si>
  <si>
    <t>cg20053329</t>
  </si>
  <si>
    <t>cg20062806</t>
  </si>
  <si>
    <t>cg20069115</t>
  </si>
  <si>
    <t>cg20086523</t>
  </si>
  <si>
    <t>cg20096419</t>
  </si>
  <si>
    <t>cg20097507</t>
  </si>
  <si>
    <t>cg20111703</t>
  </si>
  <si>
    <t>cg20116300</t>
  </si>
  <si>
    <t>cg20165520</t>
  </si>
  <si>
    <t>cg20165694</t>
  </si>
  <si>
    <t>cg20194314</t>
  </si>
  <si>
    <t>cg20212336</t>
  </si>
  <si>
    <t>cg20219457</t>
  </si>
  <si>
    <t>cg20237707</t>
  </si>
  <si>
    <t>cg20259674</t>
  </si>
  <si>
    <t>cg20293942</t>
  </si>
  <si>
    <t>cg20298978</t>
  </si>
  <si>
    <t>cg20359042</t>
  </si>
  <si>
    <t>cg20370505</t>
  </si>
  <si>
    <t>cg20375836</t>
  </si>
  <si>
    <t>cg20381767</t>
  </si>
  <si>
    <t>cg20402552</t>
  </si>
  <si>
    <t>cg20421914</t>
  </si>
  <si>
    <t>cg20483324</t>
  </si>
  <si>
    <t>cg20491397</t>
  </si>
  <si>
    <t>cg20510745</t>
  </si>
  <si>
    <t>cg20512924</t>
  </si>
  <si>
    <t>cg20524211</t>
  </si>
  <si>
    <t>cg20524972</t>
  </si>
  <si>
    <t>cg20606340</t>
  </si>
  <si>
    <t>cg20631254</t>
  </si>
  <si>
    <t>cg20634967</t>
  </si>
  <si>
    <t>cg20638357</t>
  </si>
  <si>
    <t>cg20658100</t>
  </si>
  <si>
    <t>cg20664468</t>
  </si>
  <si>
    <t>cg20665002</t>
  </si>
  <si>
    <t>cg20705908</t>
  </si>
  <si>
    <t>cg20711408</t>
  </si>
  <si>
    <t>cg20742385</t>
  </si>
  <si>
    <t>cg20749916</t>
  </si>
  <si>
    <t>cg20750606</t>
  </si>
  <si>
    <t>cg20752818</t>
  </si>
  <si>
    <t>cg20759595</t>
  </si>
  <si>
    <t>cg20773729</t>
  </si>
  <si>
    <t>cg20784263</t>
  </si>
  <si>
    <t>cg20840706</t>
  </si>
  <si>
    <t>cg20870372</t>
  </si>
  <si>
    <t>cg20876030</t>
  </si>
  <si>
    <t>cg20894110</t>
  </si>
  <si>
    <t>cg20960277</t>
  </si>
  <si>
    <t>cg20985450</t>
  </si>
  <si>
    <t>cg21004366</t>
  </si>
  <si>
    <t>cg21025488</t>
  </si>
  <si>
    <t>cg21028760</t>
  </si>
  <si>
    <t>cg21044577</t>
  </si>
  <si>
    <t>cg21046874</t>
  </si>
  <si>
    <t>cg21067709</t>
  </si>
  <si>
    <t>cg21074631</t>
  </si>
  <si>
    <t>cg21100077</t>
  </si>
  <si>
    <t>cg21115608</t>
  </si>
  <si>
    <t>cg21125037</t>
  </si>
  <si>
    <t>cg21186053</t>
  </si>
  <si>
    <t>cg21197066</t>
  </si>
  <si>
    <t>cg21216204</t>
  </si>
  <si>
    <t>cg21218053</t>
  </si>
  <si>
    <t>cg21253692</t>
  </si>
  <si>
    <t>cg21273366</t>
  </si>
  <si>
    <t>cg21278806</t>
  </si>
  <si>
    <t>cg21287597</t>
  </si>
  <si>
    <t>cg21341928</t>
  </si>
  <si>
    <t>cg21356837</t>
  </si>
  <si>
    <t>cg21358429</t>
  </si>
  <si>
    <t>cg21364828</t>
  </si>
  <si>
    <t>cg21418534</t>
  </si>
  <si>
    <t>cg21446692</t>
  </si>
  <si>
    <t>cg21448145</t>
  </si>
  <si>
    <t>cg21454386</t>
  </si>
  <si>
    <t>cg21461300</t>
  </si>
  <si>
    <t>cg21469707</t>
  </si>
  <si>
    <t>cg21476299</t>
  </si>
  <si>
    <t>cg21480165</t>
  </si>
  <si>
    <t>cg21482472</t>
  </si>
  <si>
    <t>cg21495568</t>
  </si>
  <si>
    <t>cg21514086</t>
  </si>
  <si>
    <t>cg21518151</t>
  </si>
  <si>
    <t>cg21543150</t>
  </si>
  <si>
    <t>cg21548464</t>
  </si>
  <si>
    <t>cg21565496</t>
  </si>
  <si>
    <t>cg21587637</t>
  </si>
  <si>
    <t>cg21609154</t>
  </si>
  <si>
    <t>cg21613549</t>
  </si>
  <si>
    <t>cg21622536</t>
  </si>
  <si>
    <t>cg21627865</t>
  </si>
  <si>
    <t>cg21662160</t>
  </si>
  <si>
    <t>cg21664614</t>
  </si>
  <si>
    <t>cg21683590</t>
  </si>
  <si>
    <t>cg21714557</t>
  </si>
  <si>
    <t>cg21719492</t>
  </si>
  <si>
    <t>cg21726079</t>
  </si>
  <si>
    <t>cg21727907</t>
  </si>
  <si>
    <t>cg21752167</t>
  </si>
  <si>
    <t>cg21780859</t>
  </si>
  <si>
    <t>cg21794428</t>
  </si>
  <si>
    <t>cg21845654</t>
  </si>
  <si>
    <t>cg21849393</t>
  </si>
  <si>
    <t>cg21849844</t>
  </si>
  <si>
    <t>cg21851351</t>
  </si>
  <si>
    <t>cg21865039</t>
  </si>
  <si>
    <t>cg21868636</t>
  </si>
  <si>
    <t>cg21897676</t>
  </si>
  <si>
    <t>cg21912653</t>
  </si>
  <si>
    <t>cg21938123</t>
  </si>
  <si>
    <t>cg21938148</t>
  </si>
  <si>
    <t>cg21952419</t>
  </si>
  <si>
    <t>cg21962013</t>
  </si>
  <si>
    <t>cg21963436</t>
  </si>
  <si>
    <t>cg21970626</t>
  </si>
  <si>
    <t>cg21974350</t>
  </si>
  <si>
    <t>cg21975824</t>
  </si>
  <si>
    <t>cg22010909</t>
  </si>
  <si>
    <t>cg22022001</t>
  </si>
  <si>
    <t>cg22052291</t>
  </si>
  <si>
    <t>cg22053796</t>
  </si>
  <si>
    <t>cg22091297</t>
  </si>
  <si>
    <t>cg22092111</t>
  </si>
  <si>
    <t>cg22114393</t>
  </si>
  <si>
    <t>cg22118944</t>
  </si>
  <si>
    <t>cg22135109</t>
  </si>
  <si>
    <t>cg22148297</t>
  </si>
  <si>
    <t>cg22176353</t>
  </si>
  <si>
    <t>cg22191606</t>
  </si>
  <si>
    <t>cg22203300</t>
  </si>
  <si>
    <t>cg22219254</t>
  </si>
  <si>
    <t>cg22238152</t>
  </si>
  <si>
    <t>cg22248917</t>
  </si>
  <si>
    <t>cg22255690</t>
  </si>
  <si>
    <t>cg22284043</t>
  </si>
  <si>
    <t>cg22286732</t>
  </si>
  <si>
    <t>cg22301418</t>
  </si>
  <si>
    <t>cg22307230</t>
  </si>
  <si>
    <t>cg22308382</t>
  </si>
  <si>
    <t>cg22310279</t>
  </si>
  <si>
    <t>cg22321089</t>
  </si>
  <si>
    <t>cg22331106</t>
  </si>
  <si>
    <t>cg22356063</t>
  </si>
  <si>
    <t>cg22379574</t>
  </si>
  <si>
    <t>cg22415594</t>
  </si>
  <si>
    <t>cg22421417</t>
  </si>
  <si>
    <t>cg22423294</t>
  </si>
  <si>
    <t>cg22432041</t>
  </si>
  <si>
    <t>cg22488462</t>
  </si>
  <si>
    <t>cg22489321</t>
  </si>
  <si>
    <t>cg22508203</t>
  </si>
  <si>
    <t>cg22528556</t>
  </si>
  <si>
    <t>cg22535790</t>
  </si>
  <si>
    <t>cg22538664</t>
  </si>
  <si>
    <t>cg22574825</t>
  </si>
  <si>
    <t>cg22578843</t>
  </si>
  <si>
    <t>cg22583065</t>
  </si>
  <si>
    <t>cg22591465</t>
  </si>
  <si>
    <t>cg22612765</t>
  </si>
  <si>
    <t>cg22620274</t>
  </si>
  <si>
    <t>cg22625347</t>
  </si>
  <si>
    <t>cg22655154</t>
  </si>
  <si>
    <t>cg22655975</t>
  </si>
  <si>
    <t>cg22682213</t>
  </si>
  <si>
    <t>cg22687511</t>
  </si>
  <si>
    <t>cg22721998</t>
  </si>
  <si>
    <t>cg22723675</t>
  </si>
  <si>
    <t>cg22757824</t>
  </si>
  <si>
    <t>cg22763718</t>
  </si>
  <si>
    <t>cg22766818</t>
  </si>
  <si>
    <t>cg22768612</t>
  </si>
  <si>
    <t>cg22782070</t>
  </si>
  <si>
    <t>cg22782268</t>
  </si>
  <si>
    <t>cg22798287</t>
  </si>
  <si>
    <t>cg22825979</t>
  </si>
  <si>
    <t>cg22827060</t>
  </si>
  <si>
    <t>cg22900415</t>
  </si>
  <si>
    <t>cg22958188</t>
  </si>
  <si>
    <t>cg22999268</t>
  </si>
  <si>
    <t>cg23008352</t>
  </si>
  <si>
    <t>cg23041109</t>
  </si>
  <si>
    <t>cg23049429</t>
  </si>
  <si>
    <t>cg23101910</t>
  </si>
  <si>
    <t>cg23107916</t>
  </si>
  <si>
    <t>cg23118561</t>
  </si>
  <si>
    <t>cg23125200</t>
  </si>
  <si>
    <t>cg23128025</t>
  </si>
  <si>
    <t>cg23132774</t>
  </si>
  <si>
    <t>cg23139173</t>
  </si>
  <si>
    <t>cg23187886</t>
  </si>
  <si>
    <t>cg23197628</t>
  </si>
  <si>
    <t>cg23206311</t>
  </si>
  <si>
    <t>cg23215275</t>
  </si>
  <si>
    <t>cg23272193</t>
  </si>
  <si>
    <t>cg23281529</t>
  </si>
  <si>
    <t>cg23284178</t>
  </si>
  <si>
    <t>cg23288962</t>
  </si>
  <si>
    <t>cg23299476</t>
  </si>
  <si>
    <t>cg23312375</t>
  </si>
  <si>
    <t>cg23354260</t>
  </si>
  <si>
    <t>cg23391171</t>
  </si>
  <si>
    <t>cg23439141</t>
  </si>
  <si>
    <t>cg23460137</t>
  </si>
  <si>
    <t>cg23471777</t>
  </si>
  <si>
    <t>cg23484948</t>
  </si>
  <si>
    <t>cg23513591</t>
  </si>
  <si>
    <t>cg23538344</t>
  </si>
  <si>
    <t>cg23543263</t>
  </si>
  <si>
    <t>cg23552509</t>
  </si>
  <si>
    <t>cg23553119</t>
  </si>
  <si>
    <t>cg23598424</t>
  </si>
  <si>
    <t>cg23602849</t>
  </si>
  <si>
    <t>cg23604584</t>
  </si>
  <si>
    <t>cg23619365</t>
  </si>
  <si>
    <t>cg23672291</t>
  </si>
  <si>
    <t>cg23706268</t>
  </si>
  <si>
    <t>cg23737049</t>
  </si>
  <si>
    <t>cg23739746</t>
  </si>
  <si>
    <t>cg23760687</t>
  </si>
  <si>
    <t>cg23792383</t>
  </si>
  <si>
    <t>cg23809442</t>
  </si>
  <si>
    <t>cg23820302</t>
  </si>
  <si>
    <t>cg23823879</t>
  </si>
  <si>
    <t>cg23833352</t>
  </si>
  <si>
    <t>cg23833588</t>
  </si>
  <si>
    <t>cg23839631</t>
  </si>
  <si>
    <t>cg23848624</t>
  </si>
  <si>
    <t>cg23875597</t>
  </si>
  <si>
    <t>cg23884690</t>
  </si>
  <si>
    <t>cg23934404</t>
  </si>
  <si>
    <t>cg23934533</t>
  </si>
  <si>
    <t>cg24014143</t>
  </si>
  <si>
    <t>cg24030614</t>
  </si>
  <si>
    <t>cg24079361</t>
  </si>
  <si>
    <t>cg24084363</t>
  </si>
  <si>
    <t>cg24089600</t>
  </si>
  <si>
    <t>cg24098938</t>
  </si>
  <si>
    <t>cg24108286</t>
  </si>
  <si>
    <t>cg24121069</t>
  </si>
  <si>
    <t>cg24136205</t>
  </si>
  <si>
    <t>cg24146100</t>
  </si>
  <si>
    <t>cg24148133</t>
  </si>
  <si>
    <t>cg24199463</t>
  </si>
  <si>
    <t>cg24205289</t>
  </si>
  <si>
    <t>cg24221648</t>
  </si>
  <si>
    <t>cg24226219</t>
  </si>
  <si>
    <t>cg24228800</t>
  </si>
  <si>
    <t>cg24236409</t>
  </si>
  <si>
    <t>cg24242429</t>
  </si>
  <si>
    <t>cg24311251</t>
  </si>
  <si>
    <t>cg24328944</t>
  </si>
  <si>
    <t>cg24330522</t>
  </si>
  <si>
    <t>cg24334591</t>
  </si>
  <si>
    <t>cg24342013</t>
  </si>
  <si>
    <t>cg24375287</t>
  </si>
  <si>
    <t>cg24388789</t>
  </si>
  <si>
    <t>cg24425021</t>
  </si>
  <si>
    <t>cg24426691</t>
  </si>
  <si>
    <t>cg24430034</t>
  </si>
  <si>
    <t>cg24436446</t>
  </si>
  <si>
    <t>cg24479859</t>
  </si>
  <si>
    <t>cg24492140</t>
  </si>
  <si>
    <t>cg24511341</t>
  </si>
  <si>
    <t>cg24515054</t>
  </si>
  <si>
    <t>cg24524735</t>
  </si>
  <si>
    <t>cg24531141</t>
  </si>
  <si>
    <t>cg24534742</t>
  </si>
  <si>
    <t>cg24545961</t>
  </si>
  <si>
    <t>cg24560494</t>
  </si>
  <si>
    <t>cg24565742</t>
  </si>
  <si>
    <t>cg24567424</t>
  </si>
  <si>
    <t>cg24582137</t>
  </si>
  <si>
    <t>cg24590788</t>
  </si>
  <si>
    <t>cg24592527</t>
  </si>
  <si>
    <t>cg24604013</t>
  </si>
  <si>
    <t>cg24659858</t>
  </si>
  <si>
    <t>cg24725640</t>
  </si>
  <si>
    <t>cg24734865</t>
  </si>
  <si>
    <t>cg24746106</t>
  </si>
  <si>
    <t>cg24771121</t>
  </si>
  <si>
    <t>cg24823623</t>
  </si>
  <si>
    <t>cg24847937</t>
  </si>
  <si>
    <t>cg24852565</t>
  </si>
  <si>
    <t>cg24856064</t>
  </si>
  <si>
    <t>cg24867720</t>
  </si>
  <si>
    <t>cg24882875</t>
  </si>
  <si>
    <t>cg24890222</t>
  </si>
  <si>
    <t>cg24909466</t>
  </si>
  <si>
    <t>cg24911754</t>
  </si>
  <si>
    <t>cg24913154</t>
  </si>
  <si>
    <t>cg24913168</t>
  </si>
  <si>
    <t>cg24915592</t>
  </si>
  <si>
    <t>cg24931584</t>
  </si>
  <si>
    <t>cg24971349</t>
  </si>
  <si>
    <t>cg24974423</t>
  </si>
  <si>
    <t>cg24983523</t>
  </si>
  <si>
    <t>cg24984523</t>
  </si>
  <si>
    <t>cg24988884</t>
  </si>
  <si>
    <t>cg24995008</t>
  </si>
  <si>
    <t>cg25012919</t>
  </si>
  <si>
    <t>cg25015652</t>
  </si>
  <si>
    <t>cg25019044</t>
  </si>
  <si>
    <t>cg25032595</t>
  </si>
  <si>
    <t>cg25047058</t>
  </si>
  <si>
    <t>cg25065097</t>
  </si>
  <si>
    <t>cg25066583</t>
  </si>
  <si>
    <t>cg25072733</t>
  </si>
  <si>
    <t>cg25081106</t>
  </si>
  <si>
    <t>cg25082959</t>
  </si>
  <si>
    <t>cg25112414</t>
  </si>
  <si>
    <t>cg25120999</t>
  </si>
  <si>
    <t>cg25128696</t>
  </si>
  <si>
    <t>cg25153726</t>
  </si>
  <si>
    <t>cg25178781</t>
  </si>
  <si>
    <t>cg25181749</t>
  </si>
  <si>
    <t>cg25212763</t>
  </si>
  <si>
    <t>cg25257709</t>
  </si>
  <si>
    <t>cg25258291</t>
  </si>
  <si>
    <t>cg25264081</t>
  </si>
  <si>
    <t>cg25277509</t>
  </si>
  <si>
    <t>cg25299201</t>
  </si>
  <si>
    <t>cg25308542</t>
  </si>
  <si>
    <t>cg25309292</t>
  </si>
  <si>
    <t>cg25317585</t>
  </si>
  <si>
    <t>cg25319564</t>
  </si>
  <si>
    <t>cg25335349</t>
  </si>
  <si>
    <t>cg25362525</t>
  </si>
  <si>
    <t>cg25365958</t>
  </si>
  <si>
    <t>cg25366582</t>
  </si>
  <si>
    <t>cg25369560</t>
  </si>
  <si>
    <t>cg25402685</t>
  </si>
  <si>
    <t>cg25404263</t>
  </si>
  <si>
    <t>cg25410896</t>
  </si>
  <si>
    <t>cg25415650</t>
  </si>
  <si>
    <t>cg25432738</t>
  </si>
  <si>
    <t>cg25444236</t>
  </si>
  <si>
    <t>cg25457007</t>
  </si>
  <si>
    <t>cg25457815</t>
  </si>
  <si>
    <t>cg25461801</t>
  </si>
  <si>
    <t>cg25463470</t>
  </si>
  <si>
    <t>cg25481474</t>
  </si>
  <si>
    <t>cg25486571</t>
  </si>
  <si>
    <t>cg25494665</t>
  </si>
  <si>
    <t>cg25524962</t>
  </si>
  <si>
    <t>cg25527618</t>
  </si>
  <si>
    <t>cg25530246</t>
  </si>
  <si>
    <t>cg25537293</t>
  </si>
  <si>
    <t>cg25542053</t>
  </si>
  <si>
    <t>cg25546248</t>
  </si>
  <si>
    <t>cg25549747</t>
  </si>
  <si>
    <t>cg25550913</t>
  </si>
  <si>
    <t>cg25556204</t>
  </si>
  <si>
    <t>cg25629572</t>
  </si>
  <si>
    <t>cg25642880</t>
  </si>
  <si>
    <t>cg25660358</t>
  </si>
  <si>
    <t>cg25670685</t>
  </si>
  <si>
    <t>cg25678491</t>
  </si>
  <si>
    <t>cg25682299</t>
  </si>
  <si>
    <t>cg25691728</t>
  </si>
  <si>
    <t>cg25695424</t>
  </si>
  <si>
    <t>cg25698935</t>
  </si>
  <si>
    <t>cg25699218</t>
  </si>
  <si>
    <t>cg25701710</t>
  </si>
  <si>
    <t>cg25702335</t>
  </si>
  <si>
    <t>cg25703552</t>
  </si>
  <si>
    <t>cg25717994</t>
  </si>
  <si>
    <t>cg25724283</t>
  </si>
  <si>
    <t>cg25740451</t>
  </si>
  <si>
    <t>cg25745379</t>
  </si>
  <si>
    <t>cg25752797</t>
  </si>
  <si>
    <t>cg25780806</t>
  </si>
  <si>
    <t>cg25794571</t>
  </si>
  <si>
    <t>cg25798122</t>
  </si>
  <si>
    <t>cg25806261</t>
  </si>
  <si>
    <t>cg25808926</t>
  </si>
  <si>
    <t>cg25816806</t>
  </si>
  <si>
    <t>cg25835954</t>
  </si>
  <si>
    <t>cg25849038</t>
  </si>
  <si>
    <t>cg25868675</t>
  </si>
  <si>
    <t>cg25871696</t>
  </si>
  <si>
    <t>cg25886382</t>
  </si>
  <si>
    <t>cg25895961</t>
  </si>
  <si>
    <t>cg25918510</t>
  </si>
  <si>
    <t>cg25919922</t>
  </si>
  <si>
    <t>cg25926358</t>
  </si>
  <si>
    <t>cg25927529</t>
  </si>
  <si>
    <t>cg25939203</t>
  </si>
  <si>
    <t>cg25943503</t>
  </si>
  <si>
    <t>cg25955899</t>
  </si>
  <si>
    <t>cg25961205</t>
  </si>
  <si>
    <t>cg25968569</t>
  </si>
  <si>
    <t>cg25985659</t>
  </si>
  <si>
    <t>cg25989856</t>
  </si>
  <si>
    <t>cg25991569</t>
  </si>
  <si>
    <t>cg25999486</t>
  </si>
  <si>
    <t>cg26022015</t>
  </si>
  <si>
    <t>cg26053697</t>
  </si>
  <si>
    <t>cg26058420</t>
  </si>
  <si>
    <t>cg26076960</t>
  </si>
  <si>
    <t>cg26081974</t>
  </si>
  <si>
    <t>cg26094185</t>
  </si>
  <si>
    <t>cg26097011</t>
  </si>
  <si>
    <t>cg26110710</t>
  </si>
  <si>
    <t>cg26128977</t>
  </si>
  <si>
    <t>cg26132774</t>
  </si>
  <si>
    <t>cg26169320</t>
  </si>
  <si>
    <t>cg26181622</t>
  </si>
  <si>
    <t>cg26224173</t>
  </si>
  <si>
    <t>cg26224671</t>
  </si>
  <si>
    <t>cg26224712</t>
  </si>
  <si>
    <t>cg26243475</t>
  </si>
  <si>
    <t>cg26272616</t>
  </si>
  <si>
    <t>cg26299169</t>
  </si>
  <si>
    <t>cg26311944</t>
  </si>
  <si>
    <t>cg26350803</t>
  </si>
  <si>
    <t>cg26384036</t>
  </si>
  <si>
    <t>cg26410311</t>
  </si>
  <si>
    <t>cg26444528</t>
  </si>
  <si>
    <t>cg26465101</t>
  </si>
  <si>
    <t>cg26475688</t>
  </si>
  <si>
    <t>cg26489080</t>
  </si>
  <si>
    <t>cg26490949</t>
  </si>
  <si>
    <t>cg26503153</t>
  </si>
  <si>
    <t>cg26509146</t>
  </si>
  <si>
    <t>cg26559770</t>
  </si>
  <si>
    <t>cg26573274</t>
  </si>
  <si>
    <t>cg26574265</t>
  </si>
  <si>
    <t>cg26597603</t>
  </si>
  <si>
    <t>cg26609631</t>
  </si>
  <si>
    <t>cg26630231</t>
  </si>
  <si>
    <t>cg26673436</t>
  </si>
  <si>
    <t>cg26678970</t>
  </si>
  <si>
    <t>cg26685941</t>
  </si>
  <si>
    <t>cg26744490</t>
  </si>
  <si>
    <t>cg26847093</t>
  </si>
  <si>
    <t>cg26851608</t>
  </si>
  <si>
    <t>cg26859593</t>
  </si>
  <si>
    <t>cg26886381</t>
  </si>
  <si>
    <t>cg26894684</t>
  </si>
  <si>
    <t>cg26897297</t>
  </si>
  <si>
    <t>cg26984343</t>
  </si>
  <si>
    <t>cg26998274</t>
  </si>
  <si>
    <t>cg27005484</t>
  </si>
  <si>
    <t>cg27017630</t>
  </si>
  <si>
    <t>cg27021514</t>
  </si>
  <si>
    <t>cg27026786</t>
  </si>
  <si>
    <t>cg27031448</t>
  </si>
  <si>
    <t>cg27040463</t>
  </si>
  <si>
    <t>cg27040976</t>
  </si>
  <si>
    <t>cg27053299</t>
  </si>
  <si>
    <t>cg27072251</t>
  </si>
  <si>
    <t>cg27075939</t>
  </si>
  <si>
    <t>cg27079232</t>
  </si>
  <si>
    <t>cg27106230</t>
  </si>
  <si>
    <t>cg27127272</t>
  </si>
  <si>
    <t>cg27134816</t>
  </si>
  <si>
    <t>cg27152219</t>
  </si>
  <si>
    <t>cg27163431</t>
  </si>
  <si>
    <t>cg27234864</t>
  </si>
  <si>
    <t>cg27243603</t>
  </si>
  <si>
    <t>cg27248581</t>
  </si>
  <si>
    <t>cg27256523</t>
  </si>
  <si>
    <t>cg27260867</t>
  </si>
  <si>
    <t>cg27275677</t>
  </si>
  <si>
    <t>cg27359668</t>
  </si>
  <si>
    <t>cg27360326</t>
  </si>
  <si>
    <t>cg27378358</t>
  </si>
  <si>
    <t>cg27380292</t>
  </si>
  <si>
    <t>cg27385126</t>
  </si>
  <si>
    <t>cg27398263</t>
  </si>
  <si>
    <t>cg27435467</t>
  </si>
  <si>
    <t>cg27442308</t>
  </si>
  <si>
    <t>cg27447219</t>
  </si>
  <si>
    <t>cg27481208</t>
  </si>
  <si>
    <t>cg27486715</t>
  </si>
  <si>
    <t>cg27490101</t>
  </si>
  <si>
    <t>cg27510257</t>
  </si>
  <si>
    <t>cg27513935</t>
  </si>
  <si>
    <t>cg27513979</t>
  </si>
  <si>
    <t>cg27518375</t>
  </si>
  <si>
    <t>cg27537306</t>
  </si>
  <si>
    <t>cg27539482</t>
  </si>
  <si>
    <t>cg27648567</t>
  </si>
  <si>
    <t>cg27657439</t>
  </si>
  <si>
    <t>cg27664182</t>
  </si>
  <si>
    <t>cg00007300</t>
  </si>
  <si>
    <t>cg00009364</t>
  </si>
  <si>
    <t>cg00012992</t>
  </si>
  <si>
    <t>cg00021108</t>
  </si>
  <si>
    <t>cg00025138</t>
  </si>
  <si>
    <t>cg00176863</t>
  </si>
  <si>
    <t>cg00355673</t>
  </si>
  <si>
    <t>cg00680572</t>
  </si>
  <si>
    <t>cg00681462</t>
  </si>
  <si>
    <t>cg00682653</t>
  </si>
  <si>
    <t>cg00685291</t>
  </si>
  <si>
    <t>cg00687612</t>
  </si>
  <si>
    <t>cg00697668</t>
  </si>
  <si>
    <t>cg00699996</t>
  </si>
  <si>
    <t>cg00705661</t>
  </si>
  <si>
    <t>cg00724018</t>
  </si>
  <si>
    <t>cg00730794</t>
  </si>
  <si>
    <t>cg00733005</t>
  </si>
  <si>
    <t>cg00734512</t>
  </si>
  <si>
    <t>cg00742472</t>
  </si>
  <si>
    <t>cg00754740</t>
  </si>
  <si>
    <t>cg00760812</t>
  </si>
  <si>
    <t>cg00761861</t>
  </si>
  <si>
    <t>cg00762160</t>
  </si>
  <si>
    <t>cg00763768</t>
  </si>
  <si>
    <t>cg00764369</t>
  </si>
  <si>
    <t>cg00773696</t>
  </si>
  <si>
    <t>cg00776119</t>
  </si>
  <si>
    <t>cg00779065</t>
  </si>
  <si>
    <t>cg00793719</t>
  </si>
  <si>
    <t>cg00797602</t>
  </si>
  <si>
    <t>cg00800229</t>
  </si>
  <si>
    <t>cg00801636</t>
  </si>
  <si>
    <t>cg00813162</t>
  </si>
  <si>
    <t>cg00818899</t>
  </si>
  <si>
    <t>cg00832547</t>
  </si>
  <si>
    <t>cg00841968</t>
  </si>
  <si>
    <t>cg00841988</t>
  </si>
  <si>
    <t>cg00845775</t>
  </si>
  <si>
    <t>cg00847043</t>
  </si>
  <si>
    <t>cg00858417</t>
  </si>
  <si>
    <t>cg00861277</t>
  </si>
  <si>
    <t>cg00867080</t>
  </si>
  <si>
    <t>cg00867446</t>
  </si>
  <si>
    <t>cg00871698</t>
  </si>
  <si>
    <t>cg00872726</t>
  </si>
  <si>
    <t>cg00875191</t>
  </si>
  <si>
    <t>cg00878827</t>
  </si>
  <si>
    <t>cg00903010</t>
  </si>
  <si>
    <t>cg00905584</t>
  </si>
  <si>
    <t>cg00912722</t>
  </si>
  <si>
    <t>cg00914777</t>
  </si>
  <si>
    <t>cg00929411</t>
  </si>
  <si>
    <t>cg00931925</t>
  </si>
  <si>
    <t>cg00932156</t>
  </si>
  <si>
    <t>cg00934997</t>
  </si>
  <si>
    <t>cg00940261</t>
  </si>
  <si>
    <t>cg00946243</t>
  </si>
  <si>
    <t>cg00946921</t>
  </si>
  <si>
    <t>cg00962125</t>
  </si>
  <si>
    <t>cg00968038</t>
  </si>
  <si>
    <t>cg00970313</t>
  </si>
  <si>
    <t>cg00974835</t>
  </si>
  <si>
    <t>cg00999865</t>
  </si>
  <si>
    <t>cg01004144</t>
  </si>
  <si>
    <t>cg01011425</t>
  </si>
  <si>
    <t>cg01015652</t>
  </si>
  <si>
    <t>cg01019876</t>
  </si>
  <si>
    <t>cg01021847</t>
  </si>
  <si>
    <t>cg01044883</t>
  </si>
  <si>
    <t>cg01045612</t>
  </si>
  <si>
    <t>cg01046287</t>
  </si>
  <si>
    <t>cg01055824</t>
  </si>
  <si>
    <t>cg01064918</t>
  </si>
  <si>
    <t>cg01078871</t>
  </si>
  <si>
    <t>cg01079307</t>
  </si>
  <si>
    <t>cg01080375</t>
  </si>
  <si>
    <t>cg01096546</t>
  </si>
  <si>
    <t>cg01102847</t>
  </si>
  <si>
    <t>cg01117833</t>
  </si>
  <si>
    <t>cg01117925</t>
  </si>
  <si>
    <t>cg01119169</t>
  </si>
  <si>
    <t>cg01121022</t>
  </si>
  <si>
    <t>cg01140616</t>
  </si>
  <si>
    <t>cg01141043</t>
  </si>
  <si>
    <t>cg01145559</t>
  </si>
  <si>
    <t>cg01147465</t>
  </si>
  <si>
    <t>cg01149132</t>
  </si>
  <si>
    <t>cg01155023</t>
  </si>
  <si>
    <t>cg01163842</t>
  </si>
  <si>
    <t>cg01168865</t>
  </si>
  <si>
    <t>cg01176748</t>
  </si>
  <si>
    <t>cg01181307</t>
  </si>
  <si>
    <t>cg01182555</t>
  </si>
  <si>
    <t>cg01186240</t>
  </si>
  <si>
    <t>cg01188396</t>
  </si>
  <si>
    <t>cg01230508</t>
  </si>
  <si>
    <t>cg01233722</t>
  </si>
  <si>
    <t>cg01237565</t>
  </si>
  <si>
    <t>cg01240047</t>
  </si>
  <si>
    <t>cg01241986</t>
  </si>
  <si>
    <t>cg01242348</t>
  </si>
  <si>
    <t>cg01245129</t>
  </si>
  <si>
    <t>cg01255754</t>
  </si>
  <si>
    <t>cg01267274</t>
  </si>
  <si>
    <t>cg01267709</t>
  </si>
  <si>
    <t>cg01270593</t>
  </si>
  <si>
    <t>cg01272668</t>
  </si>
  <si>
    <t>cg01290580</t>
  </si>
  <si>
    <t>cg01293050</t>
  </si>
  <si>
    <t>cg01363714</t>
  </si>
  <si>
    <t>cg01485704</t>
  </si>
  <si>
    <t>cg01491656</t>
  </si>
  <si>
    <t>cg01495663</t>
  </si>
  <si>
    <t>cg01511804</t>
  </si>
  <si>
    <t>cg01513714</t>
  </si>
  <si>
    <t>cg01518508</t>
  </si>
  <si>
    <t>cg01520867</t>
  </si>
  <si>
    <t>cg01529538</t>
  </si>
  <si>
    <t>cg01533258</t>
  </si>
  <si>
    <t>cg01538305</t>
  </si>
  <si>
    <t>cg01545587</t>
  </si>
  <si>
    <t>cg01546046</t>
  </si>
  <si>
    <t>cg01556502</t>
  </si>
  <si>
    <t>cg01557297</t>
  </si>
  <si>
    <t>cg01561368</t>
  </si>
  <si>
    <t>cg01574694</t>
  </si>
  <si>
    <t>cg01586072</t>
  </si>
  <si>
    <t>cg01612220</t>
  </si>
  <si>
    <t>cg01627823</t>
  </si>
  <si>
    <t>cg01632188</t>
  </si>
  <si>
    <t>cg01637870</t>
  </si>
  <si>
    <t>cg01638312</t>
  </si>
  <si>
    <t>cg01640606</t>
  </si>
  <si>
    <t>cg01644623</t>
  </si>
  <si>
    <t>cg01651570</t>
  </si>
  <si>
    <t>cg01652953</t>
  </si>
  <si>
    <t>cg01655777</t>
  </si>
  <si>
    <t>cg01657796</t>
  </si>
  <si>
    <t>cg01658563</t>
  </si>
  <si>
    <t>cg01662117</t>
  </si>
  <si>
    <t>cg01662769</t>
  </si>
  <si>
    <t>cg01664864</t>
  </si>
  <si>
    <t>cg01672820</t>
  </si>
  <si>
    <t>cg01672943</t>
  </si>
  <si>
    <t>cg01673865</t>
  </si>
  <si>
    <t>cg01676105</t>
  </si>
  <si>
    <t>cg01677545</t>
  </si>
  <si>
    <t>cg01678172</t>
  </si>
  <si>
    <t>cg01678790</t>
  </si>
  <si>
    <t>cg01680773</t>
  </si>
  <si>
    <t>cg01680839</t>
  </si>
  <si>
    <t>cg01685521</t>
  </si>
  <si>
    <t>cg01687037</t>
  </si>
  <si>
    <t>cg01691255</t>
  </si>
  <si>
    <t>cg01692626</t>
  </si>
  <si>
    <t>cg01693026</t>
  </si>
  <si>
    <t>cg01700524</t>
  </si>
  <si>
    <t>cg01712976</t>
  </si>
  <si>
    <t>cg01718254</t>
  </si>
  <si>
    <t>cg01724067</t>
  </si>
  <si>
    <t>cg01733928</t>
  </si>
  <si>
    <t>cg01736164</t>
  </si>
  <si>
    <t>cg01739569</t>
  </si>
  <si>
    <t>cg01739725</t>
  </si>
  <si>
    <t>cg01747222</t>
  </si>
  <si>
    <t>cg01749142</t>
  </si>
  <si>
    <t>cg01762070</t>
  </si>
  <si>
    <t>cg01767544</t>
  </si>
  <si>
    <t>cg01773059</t>
  </si>
  <si>
    <t>cg01775802</t>
  </si>
  <si>
    <t>cg01777403</t>
  </si>
  <si>
    <t>cg01782227</t>
  </si>
  <si>
    <t>cg01790464</t>
  </si>
  <si>
    <t>cg01796166</t>
  </si>
  <si>
    <t>cg01797567</t>
  </si>
  <si>
    <t>cg01801200</t>
  </si>
  <si>
    <t>cg01802258</t>
  </si>
  <si>
    <t>cg01813877</t>
  </si>
  <si>
    <t>cg01820213</t>
  </si>
  <si>
    <t>cg01821553</t>
  </si>
  <si>
    <t>cg01823956</t>
  </si>
  <si>
    <t>cg01824511</t>
  </si>
  <si>
    <t>cg01834776</t>
  </si>
  <si>
    <t>cg01836137</t>
  </si>
  <si>
    <t>cg01837320</t>
  </si>
  <si>
    <t>cg01840183</t>
  </si>
  <si>
    <t>cg01843946</t>
  </si>
  <si>
    <t>cg01850934</t>
  </si>
  <si>
    <t>cg01851809</t>
  </si>
  <si>
    <t>cg01853367</t>
  </si>
  <si>
    <t>cg01857342</t>
  </si>
  <si>
    <t>cg01858923</t>
  </si>
  <si>
    <t>cg01863808</t>
  </si>
  <si>
    <t>cg01866038</t>
  </si>
  <si>
    <t>cg01868016</t>
  </si>
  <si>
    <t>cg01873886</t>
  </si>
  <si>
    <t>cg01874360</t>
  </si>
  <si>
    <t>cg01882866</t>
  </si>
  <si>
    <t>cg01885071</t>
  </si>
  <si>
    <t>cg01892516</t>
  </si>
  <si>
    <t>cg01894498</t>
  </si>
  <si>
    <t>cg01917416</t>
  </si>
  <si>
    <t>cg01919011</t>
  </si>
  <si>
    <t>cg01933329</t>
  </si>
  <si>
    <t>cg01935149</t>
  </si>
  <si>
    <t>cg01936970</t>
  </si>
  <si>
    <t>cg01937701</t>
  </si>
  <si>
    <t>cg01947482</t>
  </si>
  <si>
    <t>cg01948210</t>
  </si>
  <si>
    <t>cg01963061</t>
  </si>
  <si>
    <t>cg01972418</t>
  </si>
  <si>
    <t>cg01974091</t>
  </si>
  <si>
    <t>cg01974100</t>
  </si>
  <si>
    <t>cg01976176</t>
  </si>
  <si>
    <t>cg01987417</t>
  </si>
  <si>
    <t>cg01987536</t>
  </si>
  <si>
    <t>cg01989461</t>
  </si>
  <si>
    <t>cg01992424</t>
  </si>
  <si>
    <t>cg01994290</t>
  </si>
  <si>
    <t>cg01994542</t>
  </si>
  <si>
    <t>cg01997272</t>
  </si>
  <si>
    <t>cg02003818</t>
  </si>
  <si>
    <t>cg02007493</t>
  </si>
  <si>
    <t>cg02008727</t>
  </si>
  <si>
    <t>cg02022488</t>
  </si>
  <si>
    <t>cg02032696</t>
  </si>
  <si>
    <t>cg02036261</t>
  </si>
  <si>
    <t>cg02039234</t>
  </si>
  <si>
    <t>cg02039485</t>
  </si>
  <si>
    <t>cg02042393</t>
  </si>
  <si>
    <t>cg02043769</t>
  </si>
  <si>
    <t>cg02048807</t>
  </si>
  <si>
    <t>cg02067639</t>
  </si>
  <si>
    <t>cg02072813</t>
  </si>
  <si>
    <t>cg02077085</t>
  </si>
  <si>
    <t>cg02082203</t>
  </si>
  <si>
    <t>cg02086174</t>
  </si>
  <si>
    <t>cg02086467</t>
  </si>
  <si>
    <t>cg02091593</t>
  </si>
  <si>
    <t>cg02098786</t>
  </si>
  <si>
    <t>cg02101808</t>
  </si>
  <si>
    <t>cg02114084</t>
  </si>
  <si>
    <t>cg02136725</t>
  </si>
  <si>
    <t>cg02145101</t>
  </si>
  <si>
    <t>cg02150867</t>
  </si>
  <si>
    <t>cg02155796</t>
  </si>
  <si>
    <t>cg02167732</t>
  </si>
  <si>
    <t>cg02171093</t>
  </si>
  <si>
    <t>cg02191312</t>
  </si>
  <si>
    <t>cg02196912</t>
  </si>
  <si>
    <t>cg02198617</t>
  </si>
  <si>
    <t>cg02201215</t>
  </si>
  <si>
    <t>cg02203311</t>
  </si>
  <si>
    <t>cg02207779</t>
  </si>
  <si>
    <t>cg02210934</t>
  </si>
  <si>
    <t>cg02213260</t>
  </si>
  <si>
    <t>cg02217035</t>
  </si>
  <si>
    <t>cg02221143</t>
  </si>
  <si>
    <t>cg02224314</t>
  </si>
  <si>
    <t>cg02225520</t>
  </si>
  <si>
    <t>cg02237629</t>
  </si>
  <si>
    <t>cg02246180</t>
  </si>
  <si>
    <t>cg02247823</t>
  </si>
  <si>
    <t>cg02248320</t>
  </si>
  <si>
    <t>cg02252340</t>
  </si>
  <si>
    <t>cg02256455</t>
  </si>
  <si>
    <t>cg02259047</t>
  </si>
  <si>
    <t>cg02268225</t>
  </si>
  <si>
    <t>cg02269643</t>
  </si>
  <si>
    <t>cg02271180</t>
  </si>
  <si>
    <t>cg02277999</t>
  </si>
  <si>
    <t>cg02282120</t>
  </si>
  <si>
    <t>cg02285115</t>
  </si>
  <si>
    <t>cg02287710</t>
  </si>
  <si>
    <t>cg02298881</t>
  </si>
  <si>
    <t>cg02299497</t>
  </si>
  <si>
    <t>cg02305242</t>
  </si>
  <si>
    <t>cg02308192</t>
  </si>
  <si>
    <t>cg02313552</t>
  </si>
  <si>
    <t>cg02315508</t>
  </si>
  <si>
    <t>cg02325318</t>
  </si>
  <si>
    <t>cg02325951</t>
  </si>
  <si>
    <t>cg02609127</t>
  </si>
  <si>
    <t>cg02617132</t>
  </si>
  <si>
    <t>cg02850003</t>
  </si>
  <si>
    <t>cg02852670</t>
  </si>
  <si>
    <t>cg02854229</t>
  </si>
  <si>
    <t>cg02873700</t>
  </si>
  <si>
    <t>cg02874376</t>
  </si>
  <si>
    <t>cg02881082</t>
  </si>
  <si>
    <t>cg02888166</t>
  </si>
  <si>
    <t>cg02889909</t>
  </si>
  <si>
    <t>cg02890030</t>
  </si>
  <si>
    <t>cg02894204</t>
  </si>
  <si>
    <t>cg02899219</t>
  </si>
  <si>
    <t>cg02902480</t>
  </si>
  <si>
    <t>cg02917917</t>
  </si>
  <si>
    <t>cg02921269</t>
  </si>
  <si>
    <t>cg02921350</t>
  </si>
  <si>
    <t>cg02924619</t>
  </si>
  <si>
    <t>cg02947021</t>
  </si>
  <si>
    <t>cg02947276</t>
  </si>
  <si>
    <t>cg02951568</t>
  </si>
  <si>
    <t>cg02951971</t>
  </si>
  <si>
    <t>cg02957340</t>
  </si>
  <si>
    <t>cg02958133</t>
  </si>
  <si>
    <t>cg02965039</t>
  </si>
  <si>
    <t>cg02970735</t>
  </si>
  <si>
    <t>cg02973354</t>
  </si>
  <si>
    <t>cg02980823</t>
  </si>
  <si>
    <t>cg02982237</t>
  </si>
  <si>
    <t>cg02991338</t>
  </si>
  <si>
    <t>cg02993259</t>
  </si>
  <si>
    <t>cg02995680</t>
  </si>
  <si>
    <t>cg03035871</t>
  </si>
  <si>
    <t>cg03045764</t>
  </si>
  <si>
    <t>cg03047785</t>
  </si>
  <si>
    <t>cg03051374</t>
  </si>
  <si>
    <t>cg03056863</t>
  </si>
  <si>
    <t>cg03062665</t>
  </si>
  <si>
    <t>cg03366677</t>
  </si>
  <si>
    <t>cg03451296</t>
  </si>
  <si>
    <t>cg03468541</t>
  </si>
  <si>
    <t>cg03471895</t>
  </si>
  <si>
    <t>cg03475665</t>
  </si>
  <si>
    <t>cg03479710</t>
  </si>
  <si>
    <t>cg03485262</t>
  </si>
  <si>
    <t>cg03490759</t>
  </si>
  <si>
    <t>cg03495832</t>
  </si>
  <si>
    <t>cg03498048</t>
  </si>
  <si>
    <t>cg03506640</t>
  </si>
  <si>
    <t>cg03509329</t>
  </si>
  <si>
    <t>cg03509965</t>
  </si>
  <si>
    <t>cg03512643</t>
  </si>
  <si>
    <t>cg03513752</t>
  </si>
  <si>
    <t>cg03518390</t>
  </si>
  <si>
    <t>cg03520401</t>
  </si>
  <si>
    <t>cg03533123</t>
  </si>
  <si>
    <t>cg03536686</t>
  </si>
  <si>
    <t>cg03540606</t>
  </si>
  <si>
    <t>cg03546505</t>
  </si>
  <si>
    <t>cg03546712</t>
  </si>
  <si>
    <t>cg03548062</t>
  </si>
  <si>
    <t>cg03550773</t>
  </si>
  <si>
    <t>cg03575765</t>
  </si>
  <si>
    <t>cg03576530</t>
  </si>
  <si>
    <t>cg03577460</t>
  </si>
  <si>
    <t>cg03848637</t>
  </si>
  <si>
    <t>cg03882923</t>
  </si>
  <si>
    <t>cg04114473</t>
  </si>
  <si>
    <t>cg04115307</t>
  </si>
  <si>
    <t>cg04121555</t>
  </si>
  <si>
    <t>cg04122773</t>
  </si>
  <si>
    <t>cg04131153</t>
  </si>
  <si>
    <t>cg04134240</t>
  </si>
  <si>
    <t>cg04139849</t>
  </si>
  <si>
    <t>cg04147372</t>
  </si>
  <si>
    <t>cg04149335</t>
  </si>
  <si>
    <t>cg04159993</t>
  </si>
  <si>
    <t>cg04164499</t>
  </si>
  <si>
    <t>cg04166070</t>
  </si>
  <si>
    <t>cg04166500</t>
  </si>
  <si>
    <t>cg04167819</t>
  </si>
  <si>
    <t>cg04168939</t>
  </si>
  <si>
    <t>cg04182912</t>
  </si>
  <si>
    <t>cg04184208</t>
  </si>
  <si>
    <t>cg04184232</t>
  </si>
  <si>
    <t>cg04186360</t>
  </si>
  <si>
    <t>cg04193970</t>
  </si>
  <si>
    <t>cg04200643</t>
  </si>
  <si>
    <t>cg04201675</t>
  </si>
  <si>
    <t>cg04213900</t>
  </si>
  <si>
    <t>cg04216395</t>
  </si>
  <si>
    <t>cg04224064</t>
  </si>
  <si>
    <t>cg04227701</t>
  </si>
  <si>
    <t>cg04234680</t>
  </si>
  <si>
    <t>cg04236079</t>
  </si>
  <si>
    <t>cg04239629</t>
  </si>
  <si>
    <t>cg04245645</t>
  </si>
  <si>
    <t>cg04246008</t>
  </si>
  <si>
    <t>cg04247814</t>
  </si>
  <si>
    <t>cg04257913</t>
  </si>
  <si>
    <t>cg04265227</t>
  </si>
  <si>
    <t>cg04265957</t>
  </si>
  <si>
    <t>cg04267345</t>
  </si>
  <si>
    <t>cg04274978</t>
  </si>
  <si>
    <t>cg04276484</t>
  </si>
  <si>
    <t>cg04281464</t>
  </si>
  <si>
    <t>cg04284169</t>
  </si>
  <si>
    <t>cg04285855</t>
  </si>
  <si>
    <t>cg04290510</t>
  </si>
  <si>
    <t>cg04293325</t>
  </si>
  <si>
    <t>cg04297264</t>
  </si>
  <si>
    <t>cg04297664</t>
  </si>
  <si>
    <t>cg04301104</t>
  </si>
  <si>
    <t>cg04304932</t>
  </si>
  <si>
    <t>cg04307553</t>
  </si>
  <si>
    <t>cg04310006</t>
  </si>
  <si>
    <t>cg04313756</t>
  </si>
  <si>
    <t>cg04318602</t>
  </si>
  <si>
    <t>cg04324727</t>
  </si>
  <si>
    <t>cg04329125</t>
  </si>
  <si>
    <t>cg04330513</t>
  </si>
  <si>
    <t>cg04333867</t>
  </si>
  <si>
    <t>cg04343459</t>
  </si>
  <si>
    <t>cg04346672</t>
  </si>
  <si>
    <t>cg04347874</t>
  </si>
  <si>
    <t>cg04357225</t>
  </si>
  <si>
    <t>cg04365942</t>
  </si>
  <si>
    <t>cg04368094</t>
  </si>
  <si>
    <t>cg04370737</t>
  </si>
  <si>
    <t>cg04378287</t>
  </si>
  <si>
    <t>cg04384181</t>
  </si>
  <si>
    <t>cg04387418</t>
  </si>
  <si>
    <t>cg04392578</t>
  </si>
  <si>
    <t>cg04408225</t>
  </si>
  <si>
    <t>cg04411052</t>
  </si>
  <si>
    <t>cg04414295</t>
  </si>
  <si>
    <t>cg04415798</t>
  </si>
  <si>
    <t>cg04422991</t>
  </si>
  <si>
    <t>cg04425614</t>
  </si>
  <si>
    <t>cg04426862</t>
  </si>
  <si>
    <t>cg04436646</t>
  </si>
  <si>
    <t>cg04509559</t>
  </si>
  <si>
    <t>cg04510871</t>
  </si>
  <si>
    <t>cg04517524</t>
  </si>
  <si>
    <t>cg04525757</t>
  </si>
  <si>
    <t>cg04527220</t>
  </si>
  <si>
    <t>cg04542325</t>
  </si>
  <si>
    <t>cg04545963</t>
  </si>
  <si>
    <t>cg04547723</t>
  </si>
  <si>
    <t>cg04556542</t>
  </si>
  <si>
    <t>cg04562396</t>
  </si>
  <si>
    <t>cg04570283</t>
  </si>
  <si>
    <t>cg04571965</t>
  </si>
  <si>
    <t>cg04573078</t>
  </si>
  <si>
    <t>cg04576764</t>
  </si>
  <si>
    <t>cg04577910</t>
  </si>
  <si>
    <t>cg04699566</t>
  </si>
  <si>
    <t>cg04707327</t>
  </si>
  <si>
    <t>cg04717240</t>
  </si>
  <si>
    <t>cg04723401</t>
  </si>
  <si>
    <t>cg04725566</t>
  </si>
  <si>
    <t>cg04749771</t>
  </si>
  <si>
    <t>cg04759648</t>
  </si>
  <si>
    <t>cg04769705</t>
  </si>
  <si>
    <t>cg04796763</t>
  </si>
  <si>
    <t>cg04810007</t>
  </si>
  <si>
    <t>cg04817113</t>
  </si>
  <si>
    <t>cg04818710</t>
  </si>
  <si>
    <t>cg04822973</t>
  </si>
  <si>
    <t>cg04835431</t>
  </si>
  <si>
    <t>cg04839289</t>
  </si>
  <si>
    <t>cg04842215</t>
  </si>
  <si>
    <t>cg04843851</t>
  </si>
  <si>
    <t>cg04846648</t>
  </si>
  <si>
    <t>cg04849769</t>
  </si>
  <si>
    <t>cg04872848</t>
  </si>
  <si>
    <t>cg04880732</t>
  </si>
  <si>
    <t>cg04884481</t>
  </si>
  <si>
    <t>cg04884842</t>
  </si>
  <si>
    <t>cg04900565</t>
  </si>
  <si>
    <t>cg04900915</t>
  </si>
  <si>
    <t>cg04903883</t>
  </si>
  <si>
    <t>cg04908325</t>
  </si>
  <si>
    <t>cg04910921</t>
  </si>
  <si>
    <t>cg04921109</t>
  </si>
  <si>
    <t>cg04925858</t>
  </si>
  <si>
    <t>cg04926361</t>
  </si>
  <si>
    <t>cg04932340</t>
  </si>
  <si>
    <t>cg04935666</t>
  </si>
  <si>
    <t>cg04937184</t>
  </si>
  <si>
    <t>cg04937402</t>
  </si>
  <si>
    <t>cg04947339</t>
  </si>
  <si>
    <t>cg04948941</t>
  </si>
  <si>
    <t>cg04952072</t>
  </si>
  <si>
    <t>cg04971812</t>
  </si>
  <si>
    <t>cg04977951</t>
  </si>
  <si>
    <t>cg04977983</t>
  </si>
  <si>
    <t>cg04980793</t>
  </si>
  <si>
    <t>cg04985324</t>
  </si>
  <si>
    <t>cg05001882</t>
  </si>
  <si>
    <t>cg05004405</t>
  </si>
  <si>
    <t>cg05007022</t>
  </si>
  <si>
    <t>cg05007375</t>
  </si>
  <si>
    <t>cg05011265</t>
  </si>
  <si>
    <t>cg05011838</t>
  </si>
  <si>
    <t>cg05012125</t>
  </si>
  <si>
    <t>cg05019381</t>
  </si>
  <si>
    <t>cg05037628</t>
  </si>
  <si>
    <t>cg05038469</t>
  </si>
  <si>
    <t>cg05041045</t>
  </si>
  <si>
    <t>cg05049361</t>
  </si>
  <si>
    <t>cg05057720</t>
  </si>
  <si>
    <t>cg05076167</t>
  </si>
  <si>
    <t>cg05076775</t>
  </si>
  <si>
    <t>cg05081006</t>
  </si>
  <si>
    <t>cg05105845</t>
  </si>
  <si>
    <t>cg05108179</t>
  </si>
  <si>
    <t>cg05133370</t>
  </si>
  <si>
    <t>cg05134015</t>
  </si>
  <si>
    <t>cg05134026</t>
  </si>
  <si>
    <t>cg05137386</t>
  </si>
  <si>
    <t>cg05152925</t>
  </si>
  <si>
    <t>cg05157912</t>
  </si>
  <si>
    <t>cg05158362</t>
  </si>
  <si>
    <t>cg05160963</t>
  </si>
  <si>
    <t>cg05164916</t>
  </si>
  <si>
    <t>cg05165665</t>
  </si>
  <si>
    <t>cg05170515</t>
  </si>
  <si>
    <t>cg05173737</t>
  </si>
  <si>
    <t>cg05185038</t>
  </si>
  <si>
    <t>cg05186666</t>
  </si>
  <si>
    <t>cg05195393</t>
  </si>
  <si>
    <t>cg05199950</t>
  </si>
  <si>
    <t>cg05203671</t>
  </si>
  <si>
    <t>cg05217962</t>
  </si>
  <si>
    <t>cg05218346</t>
  </si>
  <si>
    <t>cg05219996</t>
  </si>
  <si>
    <t>cg05224827</t>
  </si>
  <si>
    <t>cg05241355</t>
  </si>
  <si>
    <t>cg05245430</t>
  </si>
  <si>
    <t>cg05246507</t>
  </si>
  <si>
    <t>cg05250969</t>
  </si>
  <si>
    <t>cg05252161</t>
  </si>
  <si>
    <t>cg05274755</t>
  </si>
  <si>
    <t>cg05277122</t>
  </si>
  <si>
    <t>cg05278500</t>
  </si>
  <si>
    <t>cg05283551</t>
  </si>
  <si>
    <t>cg05295557</t>
  </si>
  <si>
    <t>cg05305304</t>
  </si>
  <si>
    <t>cg05306587</t>
  </si>
  <si>
    <t>cg05321721</t>
  </si>
  <si>
    <t>cg05327971</t>
  </si>
  <si>
    <t>cg05330297</t>
  </si>
  <si>
    <t>cg05330668</t>
  </si>
  <si>
    <t>cg05334032</t>
  </si>
  <si>
    <t>cg05338577</t>
  </si>
  <si>
    <t>cg05342987</t>
  </si>
  <si>
    <t>cg05344955</t>
  </si>
  <si>
    <t>cg05345448</t>
  </si>
  <si>
    <t>cg05354594</t>
  </si>
  <si>
    <t>cg05362320</t>
  </si>
  <si>
    <t>cg05366401</t>
  </si>
  <si>
    <t>cg05369327</t>
  </si>
  <si>
    <t>cg05372242</t>
  </si>
  <si>
    <t>cg05376465</t>
  </si>
  <si>
    <t>cg05384282</t>
  </si>
  <si>
    <t>cg05391946</t>
  </si>
  <si>
    <t>cg05402891</t>
  </si>
  <si>
    <t>cg05406635</t>
  </si>
  <si>
    <t>cg05410609</t>
  </si>
  <si>
    <t>cg05711886</t>
  </si>
  <si>
    <t>cg05831673</t>
  </si>
  <si>
    <t>cg05836965</t>
  </si>
  <si>
    <t>cg05842348</t>
  </si>
  <si>
    <t>cg05844852</t>
  </si>
  <si>
    <t>cg05848389</t>
  </si>
  <si>
    <t>cg05854694</t>
  </si>
  <si>
    <t>cg05855039</t>
  </si>
  <si>
    <t>cg05857941</t>
  </si>
  <si>
    <t>cg05917460</t>
  </si>
  <si>
    <t>cg05922925</t>
  </si>
  <si>
    <t>cg05923197</t>
  </si>
  <si>
    <t>cg05928290</t>
  </si>
  <si>
    <t>cg05931439</t>
  </si>
  <si>
    <t>cg05933224</t>
  </si>
  <si>
    <t>cg05940971</t>
  </si>
  <si>
    <t>cg05942963</t>
  </si>
  <si>
    <t>cg05978187</t>
  </si>
  <si>
    <t>cg06204735</t>
  </si>
  <si>
    <t>cg06588247</t>
  </si>
  <si>
    <t>cg06594395</t>
  </si>
  <si>
    <t>cg06596719</t>
  </si>
  <si>
    <t>cg06603377</t>
  </si>
  <si>
    <t>cg06604447</t>
  </si>
  <si>
    <t>cg06609295</t>
  </si>
  <si>
    <t>cg06609390</t>
  </si>
  <si>
    <t>cg06611606</t>
  </si>
  <si>
    <t>cg06616512</t>
  </si>
  <si>
    <t>cg06617636</t>
  </si>
  <si>
    <t>cg06623560</t>
  </si>
  <si>
    <t>cg06633543</t>
  </si>
  <si>
    <t>cg06634473</t>
  </si>
  <si>
    <t>cg06726056</t>
  </si>
  <si>
    <t>cg06730555</t>
  </si>
  <si>
    <t>cg06737484</t>
  </si>
  <si>
    <t>cg06738356</t>
  </si>
  <si>
    <t>cg06744057</t>
  </si>
  <si>
    <t>cg06747322</t>
  </si>
  <si>
    <t>cg06752558</t>
  </si>
  <si>
    <t>cg06755612</t>
  </si>
  <si>
    <t>cg06763671</t>
  </si>
  <si>
    <t>cg06765217</t>
  </si>
  <si>
    <t>cg06765552</t>
  </si>
  <si>
    <t>cg06768599</t>
  </si>
  <si>
    <t>cg06776201</t>
  </si>
  <si>
    <t>cg06776588</t>
  </si>
  <si>
    <t>cg06778680</t>
  </si>
  <si>
    <t>cg06779110</t>
  </si>
  <si>
    <t>cg06782686</t>
  </si>
  <si>
    <t>cg06785999</t>
  </si>
  <si>
    <t>cg06796435</t>
  </si>
  <si>
    <t>cg06798572</t>
  </si>
  <si>
    <t>cg06802658</t>
  </si>
  <si>
    <t>cg06804177</t>
  </si>
  <si>
    <t>cg06815153</t>
  </si>
  <si>
    <t>cg06816718</t>
  </si>
  <si>
    <t>cg06820586</t>
  </si>
  <si>
    <t>cg06823034</t>
  </si>
  <si>
    <t>cg06826120</t>
  </si>
  <si>
    <t>cg06830503</t>
  </si>
  <si>
    <t>cg06834434</t>
  </si>
  <si>
    <t>cg06840699</t>
  </si>
  <si>
    <t>cg06846512</t>
  </si>
  <si>
    <t>cg06848865</t>
  </si>
  <si>
    <t>cg06861087</t>
  </si>
  <si>
    <t>cg06867623</t>
  </si>
  <si>
    <t>cg06868247</t>
  </si>
  <si>
    <t>cg06876107</t>
  </si>
  <si>
    <t>cg06883544</t>
  </si>
  <si>
    <t>cg06891164</t>
  </si>
  <si>
    <t>cg06891663</t>
  </si>
  <si>
    <t>cg06892141</t>
  </si>
  <si>
    <t>cg06892679</t>
  </si>
  <si>
    <t>cg06893389</t>
  </si>
  <si>
    <t>cg06894464</t>
  </si>
  <si>
    <t>cg06895316</t>
  </si>
  <si>
    <t>cg06908244</t>
  </si>
  <si>
    <t>cg06913516</t>
  </si>
  <si>
    <t>cg06916894</t>
  </si>
  <si>
    <t>cg06932612</t>
  </si>
  <si>
    <t>cg06937409</t>
  </si>
  <si>
    <t>cg06943981</t>
  </si>
  <si>
    <t>cg06948630</t>
  </si>
  <si>
    <t>cg06955040</t>
  </si>
  <si>
    <t>cg06956232</t>
  </si>
  <si>
    <t>cg06957447</t>
  </si>
  <si>
    <t>cg06961065</t>
  </si>
  <si>
    <t>cg06963648</t>
  </si>
  <si>
    <t>cg06966811</t>
  </si>
  <si>
    <t>cg06966817</t>
  </si>
  <si>
    <t>cg06992688</t>
  </si>
  <si>
    <t>cg06998137</t>
  </si>
  <si>
    <t>cg07001734</t>
  </si>
  <si>
    <t>cg07012189</t>
  </si>
  <si>
    <t>cg07015803</t>
  </si>
  <si>
    <t>cg07017275</t>
  </si>
  <si>
    <t>cg07035145</t>
  </si>
  <si>
    <t>cg07046399</t>
  </si>
  <si>
    <t>cg07058639</t>
  </si>
  <si>
    <t>cg07067672</t>
  </si>
  <si>
    <t>cg07071491</t>
  </si>
  <si>
    <t>cg07081388</t>
  </si>
  <si>
    <t>cg07095997</t>
  </si>
  <si>
    <t>cg07098966</t>
  </si>
  <si>
    <t>cg07099479</t>
  </si>
  <si>
    <t>cg07112091</t>
  </si>
  <si>
    <t>cg07114013</t>
  </si>
  <si>
    <t>cg07115542</t>
  </si>
  <si>
    <t>cg07115626</t>
  </si>
  <si>
    <t>cg07125947</t>
  </si>
  <si>
    <t>cg07127103</t>
  </si>
  <si>
    <t>cg07139509</t>
  </si>
  <si>
    <t>cg07141622</t>
  </si>
  <si>
    <t>cg07159958</t>
  </si>
  <si>
    <t>cg07160630</t>
  </si>
  <si>
    <t>cg07163389</t>
  </si>
  <si>
    <t>cg07166601</t>
  </si>
  <si>
    <t>cg07167192</t>
  </si>
  <si>
    <t>cg07188233</t>
  </si>
  <si>
    <t>cg07193553</t>
  </si>
  <si>
    <t>cg07197515</t>
  </si>
  <si>
    <t>cg07199999</t>
  </si>
  <si>
    <t>cg07435445</t>
  </si>
  <si>
    <t>cg07444779</t>
  </si>
  <si>
    <t>cg07453322</t>
  </si>
  <si>
    <t>cg07458849</t>
  </si>
  <si>
    <t>cg07469408</t>
  </si>
  <si>
    <t>cg07484315</t>
  </si>
  <si>
    <t>cg07490276</t>
  </si>
  <si>
    <t>cg07490394</t>
  </si>
  <si>
    <t>cg07490447</t>
  </si>
  <si>
    <t>cg07505932</t>
  </si>
  <si>
    <t>cg07509935</t>
  </si>
  <si>
    <t>cg07512313</t>
  </si>
  <si>
    <t>cg07513231</t>
  </si>
  <si>
    <t>cg07515865</t>
  </si>
  <si>
    <t>cg07530063</t>
  </si>
  <si>
    <t>cg07544748</t>
  </si>
  <si>
    <t>cg07550554</t>
  </si>
  <si>
    <t>cg07554939</t>
  </si>
  <si>
    <t>cg07559273</t>
  </si>
  <si>
    <t>cg07571970</t>
  </si>
  <si>
    <t>cg07573727</t>
  </si>
  <si>
    <t>cg07575478</t>
  </si>
  <si>
    <t>cg07576894</t>
  </si>
  <si>
    <t>cg07580718</t>
  </si>
  <si>
    <t>cg07586081</t>
  </si>
  <si>
    <t>cg07828276</t>
  </si>
  <si>
    <t>cg07913044</t>
  </si>
  <si>
    <t>cg07928551</t>
  </si>
  <si>
    <t>cg07940072</t>
  </si>
  <si>
    <t>cg07943633</t>
  </si>
  <si>
    <t>cg07948245</t>
  </si>
  <si>
    <t>cg07950798</t>
  </si>
  <si>
    <t>cg07958169</t>
  </si>
  <si>
    <t>cg07958385</t>
  </si>
  <si>
    <t>cg07971674</t>
  </si>
  <si>
    <t>cg07973507</t>
  </si>
  <si>
    <t>cg07974643</t>
  </si>
  <si>
    <t>cg08017956</t>
  </si>
  <si>
    <t>cg08039791</t>
  </si>
  <si>
    <t>cg08041364</t>
  </si>
  <si>
    <t>cg08046044</t>
  </si>
  <si>
    <t>cg08050006</t>
  </si>
  <si>
    <t>cg08050663</t>
  </si>
  <si>
    <t>cg08054244</t>
  </si>
  <si>
    <t>cg08056835</t>
  </si>
  <si>
    <t>cg08068101</t>
  </si>
  <si>
    <t>cg08081708</t>
  </si>
  <si>
    <t>cg08085208</t>
  </si>
  <si>
    <t>cg08086724</t>
  </si>
  <si>
    <t>cg08092393</t>
  </si>
  <si>
    <t>cg08106184</t>
  </si>
  <si>
    <t>cg08112354</t>
  </si>
  <si>
    <t>cg08115597</t>
  </si>
  <si>
    <t>cg08142571</t>
  </si>
  <si>
    <t>cg08157575</t>
  </si>
  <si>
    <t>cg08162372</t>
  </si>
  <si>
    <t>cg08163906</t>
  </si>
  <si>
    <t>cg08168689</t>
  </si>
  <si>
    <t>cg08169020</t>
  </si>
  <si>
    <t>cg08169864</t>
  </si>
  <si>
    <t>cg08170119</t>
  </si>
  <si>
    <t>cg08175591</t>
  </si>
  <si>
    <t>cg08175935</t>
  </si>
  <si>
    <t>cg08182193</t>
  </si>
  <si>
    <t>cg08185576</t>
  </si>
  <si>
    <t>cg08186508</t>
  </si>
  <si>
    <t>cg08190125</t>
  </si>
  <si>
    <t>cg08190942</t>
  </si>
  <si>
    <t>cg08194979</t>
  </si>
  <si>
    <t>cg08201755</t>
  </si>
  <si>
    <t>cg08208595</t>
  </si>
  <si>
    <t>cg08212772</t>
  </si>
  <si>
    <t>cg08215453</t>
  </si>
  <si>
    <t>cg08219213</t>
  </si>
  <si>
    <t>cg08219991</t>
  </si>
  <si>
    <t>cg08226111</t>
  </si>
  <si>
    <t>cg08228703</t>
  </si>
  <si>
    <t>cg08235161</t>
  </si>
  <si>
    <t>cg08236045</t>
  </si>
  <si>
    <t>cg08243827</t>
  </si>
  <si>
    <t>cg08244848</t>
  </si>
  <si>
    <t>cg08252855</t>
  </si>
  <si>
    <t>cg08265644</t>
  </si>
  <si>
    <t>cg08266712</t>
  </si>
  <si>
    <t>cg08268254</t>
  </si>
  <si>
    <t>cg08271153</t>
  </si>
  <si>
    <t>cg08273502</t>
  </si>
  <si>
    <t>cg08292286</t>
  </si>
  <si>
    <t>cg08308934</t>
  </si>
  <si>
    <t>cg08315174</t>
  </si>
  <si>
    <t>cg08315283</t>
  </si>
  <si>
    <t>cg08541933</t>
  </si>
  <si>
    <t>cg08653874</t>
  </si>
  <si>
    <t>cg08707819</t>
  </si>
  <si>
    <t>cg08790491</t>
  </si>
  <si>
    <t>cg08991391</t>
  </si>
  <si>
    <t>cg08999486</t>
  </si>
  <si>
    <t>cg09184192</t>
  </si>
  <si>
    <t>cg09185829</t>
  </si>
  <si>
    <t>cg09197895</t>
  </si>
  <si>
    <t>cg09209510</t>
  </si>
  <si>
    <t>cg09211893</t>
  </si>
  <si>
    <t>cg09224393</t>
  </si>
  <si>
    <t>cg09227765</t>
  </si>
  <si>
    <t>cg09238801</t>
  </si>
  <si>
    <t>cg09241243</t>
  </si>
  <si>
    <t>cg09256131</t>
  </si>
  <si>
    <t>cg09258240</t>
  </si>
  <si>
    <t>cg09270514</t>
  </si>
  <si>
    <t>cg09272629</t>
  </si>
  <si>
    <t>cg09274104</t>
  </si>
  <si>
    <t>cg09276158</t>
  </si>
  <si>
    <t>cg09280770</t>
  </si>
  <si>
    <t>cg09284026</t>
  </si>
  <si>
    <t>cg09290941</t>
  </si>
  <si>
    <t>cg09294077</t>
  </si>
  <si>
    <t>cg09298313</t>
  </si>
  <si>
    <t>cg09303715</t>
  </si>
  <si>
    <t>cg09312564</t>
  </si>
  <si>
    <t>cg09314734</t>
  </si>
  <si>
    <t>cg09316713</t>
  </si>
  <si>
    <t>cg09320993</t>
  </si>
  <si>
    <t>cg09321747</t>
  </si>
  <si>
    <t>cg09342330</t>
  </si>
  <si>
    <t>cg09350880</t>
  </si>
  <si>
    <t>cg09356193</t>
  </si>
  <si>
    <t>cg09360748</t>
  </si>
  <si>
    <t>cg09367046</t>
  </si>
  <si>
    <t>cg09376238</t>
  </si>
  <si>
    <t>cg09382430</t>
  </si>
  <si>
    <t>cg09385936</t>
  </si>
  <si>
    <t>cg09399131</t>
  </si>
  <si>
    <t>cg09399850</t>
  </si>
  <si>
    <t>cg09400281</t>
  </si>
  <si>
    <t>cg09694403</t>
  </si>
  <si>
    <t>cg09809618</t>
  </si>
  <si>
    <t>cg09829636</t>
  </si>
  <si>
    <t>cg09837748</t>
  </si>
  <si>
    <t>cg09841842</t>
  </si>
  <si>
    <t>cg09848218</t>
  </si>
  <si>
    <t>cg09858692</t>
  </si>
  <si>
    <t>cg09911485</t>
  </si>
  <si>
    <t>cg09913109</t>
  </si>
  <si>
    <t>cg09922188</t>
  </si>
  <si>
    <t>cg09925855</t>
  </si>
  <si>
    <t>cg09939831</t>
  </si>
  <si>
    <t>cg09941202</t>
  </si>
  <si>
    <t>cg09944325</t>
  </si>
  <si>
    <t>cg09944697</t>
  </si>
  <si>
    <t>cg09947795</t>
  </si>
  <si>
    <t>cg09951570</t>
  </si>
  <si>
    <t>cg09953239</t>
  </si>
  <si>
    <t>cg09956302</t>
  </si>
  <si>
    <t>cg09968817</t>
  </si>
  <si>
    <t>cg09972424</t>
  </si>
  <si>
    <t>cg09978105</t>
  </si>
  <si>
    <t>cg09980195</t>
  </si>
  <si>
    <t>cg09990421</t>
  </si>
  <si>
    <t>cg09990596</t>
  </si>
  <si>
    <t>cg09991769</t>
  </si>
  <si>
    <t>cg10002178</t>
  </si>
  <si>
    <t>cg10004481</t>
  </si>
  <si>
    <t>cg10010922</t>
  </si>
  <si>
    <t>cg10013142</t>
  </si>
  <si>
    <t>cg10024437</t>
  </si>
  <si>
    <t>cg10027270</t>
  </si>
  <si>
    <t>cg10036402</t>
  </si>
  <si>
    <t>cg10037448</t>
  </si>
  <si>
    <t>cg10038250</t>
  </si>
  <si>
    <t>cg10042799</t>
  </si>
  <si>
    <t>cg10043376</t>
  </si>
  <si>
    <t>cg10050157</t>
  </si>
  <si>
    <t>cg10051299</t>
  </si>
  <si>
    <t>cg10058779</t>
  </si>
  <si>
    <t>cg10059536</t>
  </si>
  <si>
    <t>cg10063260</t>
  </si>
  <si>
    <t>cg10064886</t>
  </si>
  <si>
    <t>cg10070185</t>
  </si>
  <si>
    <t>cg10071848</t>
  </si>
  <si>
    <t>cg10077239</t>
  </si>
  <si>
    <t>cg10083996</t>
  </si>
  <si>
    <t>cg10090757</t>
  </si>
  <si>
    <t>cg10093103</t>
  </si>
  <si>
    <t>cg10099709</t>
  </si>
  <si>
    <t>cg10100747</t>
  </si>
  <si>
    <t>cg10100767</t>
  </si>
  <si>
    <t>cg10101773</t>
  </si>
  <si>
    <t>cg10112672</t>
  </si>
  <si>
    <t>cg10118784</t>
  </si>
  <si>
    <t>cg10119705</t>
  </si>
  <si>
    <t>cg10122474</t>
  </si>
  <si>
    <t>cg10124651</t>
  </si>
  <si>
    <t>cg10130426</t>
  </si>
  <si>
    <t>cg10137231</t>
  </si>
  <si>
    <t>cg10147410</t>
  </si>
  <si>
    <t>cg10158614</t>
  </si>
  <si>
    <t>cg10159349</t>
  </si>
  <si>
    <t>cg10162522</t>
  </si>
  <si>
    <t>cg10168722</t>
  </si>
  <si>
    <t>cg10183714</t>
  </si>
  <si>
    <t>cg10188284</t>
  </si>
  <si>
    <t>cg10190698</t>
  </si>
  <si>
    <t>cg10192949</t>
  </si>
  <si>
    <t>cg10193721</t>
  </si>
  <si>
    <t>cg10196163</t>
  </si>
  <si>
    <t>cg10204999</t>
  </si>
  <si>
    <t>cg10208649</t>
  </si>
  <si>
    <t>cg10209752</t>
  </si>
  <si>
    <t>cg10212517</t>
  </si>
  <si>
    <t>cg10212537</t>
  </si>
  <si>
    <t>cg10243591</t>
  </si>
  <si>
    <t>cg10257302</t>
  </si>
  <si>
    <t>cg10261416</t>
  </si>
  <si>
    <t>cg10266098</t>
  </si>
  <si>
    <t>cg10268144</t>
  </si>
  <si>
    <t>cg10274099</t>
  </si>
  <si>
    <t>cg10281977</t>
  </si>
  <si>
    <t>cg10282345</t>
  </si>
  <si>
    <t>cg10285466</t>
  </si>
  <si>
    <t>cg10290767</t>
  </si>
  <si>
    <t>cg10291119</t>
  </si>
  <si>
    <t>cg10297165</t>
  </si>
  <si>
    <t>cg10305780</t>
  </si>
  <si>
    <t>cg10318510</t>
  </si>
  <si>
    <t>cg10335543</t>
  </si>
  <si>
    <t>cg10345522</t>
  </si>
  <si>
    <t>cg10347759</t>
  </si>
  <si>
    <t>cg10348368</t>
  </si>
  <si>
    <t>cg10363885</t>
  </si>
  <si>
    <t>cg10378898</t>
  </si>
  <si>
    <t>cg10400174</t>
  </si>
  <si>
    <t>cg10407001</t>
  </si>
  <si>
    <t>cg10408178</t>
  </si>
  <si>
    <t>cg10409043</t>
  </si>
  <si>
    <t>cg10418626</t>
  </si>
  <si>
    <t>cg10420398</t>
  </si>
  <si>
    <t>cg10422233</t>
  </si>
  <si>
    <t>cg10496350</t>
  </si>
  <si>
    <t>cg10500579</t>
  </si>
  <si>
    <t>cg10501093</t>
  </si>
  <si>
    <t>cg10501704</t>
  </si>
  <si>
    <t>cg10503284</t>
  </si>
  <si>
    <t>cg10504545</t>
  </si>
  <si>
    <t>cg10505973</t>
  </si>
  <si>
    <t>cg10510891</t>
  </si>
  <si>
    <t>cg10513480</t>
  </si>
  <si>
    <t>cg10527285</t>
  </si>
  <si>
    <t>cg10527288</t>
  </si>
  <si>
    <t>cg10528576</t>
  </si>
  <si>
    <t>cg10533694</t>
  </si>
  <si>
    <t>cg10536303</t>
  </si>
  <si>
    <t>cg10538494</t>
  </si>
  <si>
    <t>cg10550320</t>
  </si>
  <si>
    <t>cg10559742</t>
  </si>
  <si>
    <t>cg10563643</t>
  </si>
  <si>
    <t>cg10576725</t>
  </si>
  <si>
    <t>cg10723146</t>
  </si>
  <si>
    <t>cg10726559</t>
  </si>
  <si>
    <t>cg10729557</t>
  </si>
  <si>
    <t>cg10740573</t>
  </si>
  <si>
    <t>cg10741025</t>
  </si>
  <si>
    <t>cg10741333</t>
  </si>
  <si>
    <t>cg10755235</t>
  </si>
  <si>
    <t>cg10755375</t>
  </si>
  <si>
    <t>cg10756125</t>
  </si>
  <si>
    <t>cg10758227</t>
  </si>
  <si>
    <t>cg10762939</t>
  </si>
  <si>
    <t>cg10764541</t>
  </si>
  <si>
    <t>cg10769343</t>
  </si>
  <si>
    <t>cg10771480</t>
  </si>
  <si>
    <t>cg10771489</t>
  </si>
  <si>
    <t>cg10771695</t>
  </si>
  <si>
    <t>cg10772210</t>
  </si>
  <si>
    <t>cg10774018</t>
  </si>
  <si>
    <t>cg10777679</t>
  </si>
  <si>
    <t>cg10780191</t>
  </si>
  <si>
    <t>cg10787120</t>
  </si>
  <si>
    <t>cg10793390</t>
  </si>
  <si>
    <t>cg10796078</t>
  </si>
  <si>
    <t>cg10800989</t>
  </si>
  <si>
    <t>cg10801634</t>
  </si>
  <si>
    <t>cg10805229</t>
  </si>
  <si>
    <t>cg10805645</t>
  </si>
  <si>
    <t>cg10807698</t>
  </si>
  <si>
    <t>cg10811681</t>
  </si>
  <si>
    <t>cg10820926</t>
  </si>
  <si>
    <t>cg10836978</t>
  </si>
  <si>
    <t>cg10836986</t>
  </si>
  <si>
    <t>cg10840007</t>
  </si>
  <si>
    <t>cg10844118</t>
  </si>
  <si>
    <t>cg10848272</t>
  </si>
  <si>
    <t>cg10853137</t>
  </si>
  <si>
    <t>cg10858480</t>
  </si>
  <si>
    <t>cg10859966</t>
  </si>
  <si>
    <t>cg10872521</t>
  </si>
  <si>
    <t>cg10885471</t>
  </si>
  <si>
    <t>cg10892416</t>
  </si>
  <si>
    <t>cg10900643</t>
  </si>
  <si>
    <t>cg10925350</t>
  </si>
  <si>
    <t>cg10930260</t>
  </si>
  <si>
    <t>cg10937652</t>
  </si>
  <si>
    <t>cg10938556</t>
  </si>
  <si>
    <t>cg10939650</t>
  </si>
  <si>
    <t>cg10940217</t>
  </si>
  <si>
    <t>cg10941822</t>
  </si>
  <si>
    <t>cg10943842</t>
  </si>
  <si>
    <t>cg10960632</t>
  </si>
  <si>
    <t>cg10963192</t>
  </si>
  <si>
    <t>cg10970272</t>
  </si>
  <si>
    <t>cg10973146</t>
  </si>
  <si>
    <t>cg10977643</t>
  </si>
  <si>
    <t>cg10982443</t>
  </si>
  <si>
    <t>cg10983327</t>
  </si>
  <si>
    <t>cg10984327</t>
  </si>
  <si>
    <t>cg10989300</t>
  </si>
  <si>
    <t>cg11029736</t>
  </si>
  <si>
    <t>cg11031180</t>
  </si>
  <si>
    <t>cg11038340</t>
  </si>
  <si>
    <t>cg11053496</t>
  </si>
  <si>
    <t>cg11057457</t>
  </si>
  <si>
    <t>cg11058576</t>
  </si>
  <si>
    <t>cg11065634</t>
  </si>
  <si>
    <t>cg11078810</t>
  </si>
  <si>
    <t>cg11080530</t>
  </si>
  <si>
    <t>cg11082362</t>
  </si>
  <si>
    <t>cg11086982</t>
  </si>
  <si>
    <t>cg11097388</t>
  </si>
  <si>
    <t>cg11101800</t>
  </si>
  <si>
    <t>cg11107524</t>
  </si>
  <si>
    <t>cg11108269</t>
  </si>
  <si>
    <t>cg11112791</t>
  </si>
  <si>
    <t>cg11115622</t>
  </si>
  <si>
    <t>cg11122939</t>
  </si>
  <si>
    <t>cg11130317</t>
  </si>
  <si>
    <t>cg11132536</t>
  </si>
  <si>
    <t>cg11133161</t>
  </si>
  <si>
    <t>cg11135612</t>
  </si>
  <si>
    <t>cg11141711</t>
  </si>
  <si>
    <t>cg11143148</t>
  </si>
  <si>
    <t>cg11144753</t>
  </si>
  <si>
    <t>cg11145633</t>
  </si>
  <si>
    <t>cg11146173</t>
  </si>
  <si>
    <t>cg11155414</t>
  </si>
  <si>
    <t>cg11176924</t>
  </si>
  <si>
    <t>cg11177179</t>
  </si>
  <si>
    <t>cg11178371</t>
  </si>
  <si>
    <t>cg11188516</t>
  </si>
  <si>
    <t>cg11188679</t>
  </si>
  <si>
    <t>cg11191049</t>
  </si>
  <si>
    <t>cg11196175</t>
  </si>
  <si>
    <t>cg11199642</t>
  </si>
  <si>
    <t>cg11206032</t>
  </si>
  <si>
    <t>cg11305077</t>
  </si>
  <si>
    <t>cg11658304</t>
  </si>
  <si>
    <t>cg11697159</t>
  </si>
  <si>
    <t>cg11717552</t>
  </si>
  <si>
    <t>cg11719635</t>
  </si>
  <si>
    <t>cg11723795</t>
  </si>
  <si>
    <t>cg11723850</t>
  </si>
  <si>
    <t>cg11724557</t>
  </si>
  <si>
    <t>cg11725265</t>
  </si>
  <si>
    <t>cg11730703</t>
  </si>
  <si>
    <t>cg11737232</t>
  </si>
  <si>
    <t>cg11739225</t>
  </si>
  <si>
    <t>cg11741956</t>
  </si>
  <si>
    <t>cg11759121</t>
  </si>
  <si>
    <t>cg11760593</t>
  </si>
  <si>
    <t>cg11775391</t>
  </si>
  <si>
    <t>cg11782714</t>
  </si>
  <si>
    <t>cg11792470</t>
  </si>
  <si>
    <t>cg11795222</t>
  </si>
  <si>
    <t>cg11817993</t>
  </si>
  <si>
    <t>cg11827998</t>
  </si>
  <si>
    <t>cg11832221</t>
  </si>
  <si>
    <t>cg11836154</t>
  </si>
  <si>
    <t>cg11836171</t>
  </si>
  <si>
    <t>cg11840125</t>
  </si>
  <si>
    <t>cg11851456</t>
  </si>
  <si>
    <t>cg11869215</t>
  </si>
  <si>
    <t>cg11869747</t>
  </si>
  <si>
    <t>cg11872076</t>
  </si>
  <si>
    <t>cg11874976</t>
  </si>
  <si>
    <t>cg11880727</t>
  </si>
  <si>
    <t>cg11884385</t>
  </si>
  <si>
    <t>cg11886511</t>
  </si>
  <si>
    <t>cg11886880</t>
  </si>
  <si>
    <t>cg11887124</t>
  </si>
  <si>
    <t>cg11887721</t>
  </si>
  <si>
    <t>cg11889692</t>
  </si>
  <si>
    <t>cg12009759</t>
  </si>
  <si>
    <t>cg12026629</t>
  </si>
  <si>
    <t>cg12027153</t>
  </si>
  <si>
    <t>cg12032228</t>
  </si>
  <si>
    <t>cg12042503</t>
  </si>
  <si>
    <t>cg12060499</t>
  </si>
  <si>
    <t>cg12066592</t>
  </si>
  <si>
    <t>cg12072028</t>
  </si>
  <si>
    <t>cg12076012</t>
  </si>
  <si>
    <t>cg12077344</t>
  </si>
  <si>
    <t>cg12077685</t>
  </si>
  <si>
    <t>cg12079353</t>
  </si>
  <si>
    <t>cg12087797</t>
  </si>
  <si>
    <t>cg12095507</t>
  </si>
  <si>
    <t>cg12096447</t>
  </si>
  <si>
    <t>cg12097080</t>
  </si>
  <si>
    <t>cg12100463</t>
  </si>
  <si>
    <t>cg12116939</t>
  </si>
  <si>
    <t>cg12125332</t>
  </si>
  <si>
    <t>cg12150817</t>
  </si>
  <si>
    <t>cg12151785</t>
  </si>
  <si>
    <t>cg12157045</t>
  </si>
  <si>
    <t>cg12170917</t>
  </si>
  <si>
    <t>cg12177793</t>
  </si>
  <si>
    <t>cg12180372</t>
  </si>
  <si>
    <t>cg12188268</t>
  </si>
  <si>
    <t>cg12190105</t>
  </si>
  <si>
    <t>cg12195230</t>
  </si>
  <si>
    <t>cg12200038</t>
  </si>
  <si>
    <t>cg12341060</t>
  </si>
  <si>
    <t>cg12685200</t>
  </si>
  <si>
    <t>cg12771281</t>
  </si>
  <si>
    <t>cg12773368</t>
  </si>
  <si>
    <t>cg12777448</t>
  </si>
  <si>
    <t>cg12790592</t>
  </si>
  <si>
    <t>cg12795255</t>
  </si>
  <si>
    <t>cg12798040</t>
  </si>
  <si>
    <t>cg12807293</t>
  </si>
  <si>
    <t>cg12811449</t>
  </si>
  <si>
    <t>cg12825804</t>
  </si>
  <si>
    <t>cg12827637</t>
  </si>
  <si>
    <t>cg12838644</t>
  </si>
  <si>
    <t>cg12838676</t>
  </si>
  <si>
    <t>cg12842013</t>
  </si>
  <si>
    <t>cg12853633</t>
  </si>
  <si>
    <t>cg12853742</t>
  </si>
  <si>
    <t>cg12853981</t>
  </si>
  <si>
    <t>cg12858895</t>
  </si>
  <si>
    <t>cg12859720</t>
  </si>
  <si>
    <t>cg12861651</t>
  </si>
  <si>
    <t>cg12866103</t>
  </si>
  <si>
    <t>cg12874792</t>
  </si>
  <si>
    <t>cg12882762</t>
  </si>
  <si>
    <t>cg12882804</t>
  </si>
  <si>
    <t>cg12914689</t>
  </si>
  <si>
    <t>cg12924430</t>
  </si>
  <si>
    <t>cg12934804</t>
  </si>
  <si>
    <t>cg12953657</t>
  </si>
  <si>
    <t>cg12965198</t>
  </si>
  <si>
    <t>cg12970695</t>
  </si>
  <si>
    <t>cg12972290</t>
  </si>
  <si>
    <t>cg13005708</t>
  </si>
  <si>
    <t>cg13008879</t>
  </si>
  <si>
    <t>cg13009711</t>
  </si>
  <si>
    <t>cg13011388</t>
  </si>
  <si>
    <t>cg13012899</t>
  </si>
  <si>
    <t>cg13012916</t>
  </si>
  <si>
    <t>cg13019491</t>
  </si>
  <si>
    <t>cg13019568</t>
  </si>
  <si>
    <t>cg13019878</t>
  </si>
  <si>
    <t>cg13022888</t>
  </si>
  <si>
    <t>cg13023623</t>
  </si>
  <si>
    <t>cg13023870</t>
  </si>
  <si>
    <t>cg13042536</t>
  </si>
  <si>
    <t>cg13046832</t>
  </si>
  <si>
    <t>cg13052102</t>
  </si>
  <si>
    <t>cg13073773</t>
  </si>
  <si>
    <t>cg13076940</t>
  </si>
  <si>
    <t>cg13082157</t>
  </si>
  <si>
    <t>cg13089154</t>
  </si>
  <si>
    <t>cg13091707</t>
  </si>
  <si>
    <t>cg13093793</t>
  </si>
  <si>
    <t>cg13097719</t>
  </si>
  <si>
    <t>cg13108289</t>
  </si>
  <si>
    <t>cg13109558</t>
  </si>
  <si>
    <t>cg13126315</t>
  </si>
  <si>
    <t>cg13126530</t>
  </si>
  <si>
    <t>cg13141192</t>
  </si>
  <si>
    <t>cg13175385</t>
  </si>
  <si>
    <t>cg13181604</t>
  </si>
  <si>
    <t>cg13185030</t>
  </si>
  <si>
    <t>cg13188382</t>
  </si>
  <si>
    <t>cg13209455</t>
  </si>
  <si>
    <t>cg13209481</t>
  </si>
  <si>
    <t>cg13225565</t>
  </si>
  <si>
    <t>cg13231302</t>
  </si>
  <si>
    <t>cg13232119</t>
  </si>
  <si>
    <t>cg13243638</t>
  </si>
  <si>
    <t>cg13252700</t>
  </si>
  <si>
    <t>cg13255208</t>
  </si>
  <si>
    <t>cg13256308</t>
  </si>
  <si>
    <t>cg13257690</t>
  </si>
  <si>
    <t>cg13267368</t>
  </si>
  <si>
    <t>cg13271939</t>
  </si>
  <si>
    <t>cg13272430</t>
  </si>
  <si>
    <t>cg13276428</t>
  </si>
  <si>
    <t>cg13276896</t>
  </si>
  <si>
    <t>cg13499371</t>
  </si>
  <si>
    <t>cg13503583</t>
  </si>
  <si>
    <t>cg13504000</t>
  </si>
  <si>
    <t>cg13504570</t>
  </si>
  <si>
    <t>cg13510114</t>
  </si>
  <si>
    <t>cg13517974</t>
  </si>
  <si>
    <t>cg13520315</t>
  </si>
  <si>
    <t>cg13521097</t>
  </si>
  <si>
    <t>cg13531234</t>
  </si>
  <si>
    <t>cg13531588</t>
  </si>
  <si>
    <t>cg13539424</t>
  </si>
  <si>
    <t>cg13539545</t>
  </si>
  <si>
    <t>cg13540852</t>
  </si>
  <si>
    <t>cg13546414</t>
  </si>
  <si>
    <t>cg13560408</t>
  </si>
  <si>
    <t>cg13565866</t>
  </si>
  <si>
    <t>cg13575339</t>
  </si>
  <si>
    <t>cg13578465</t>
  </si>
  <si>
    <t>cg13582960</t>
  </si>
  <si>
    <t>cg13583309</t>
  </si>
  <si>
    <t>cg13588403</t>
  </si>
  <si>
    <t>cg13590711</t>
  </si>
  <si>
    <t>cg13592399</t>
  </si>
  <si>
    <t>cg13599499</t>
  </si>
  <si>
    <t>cg13600489</t>
  </si>
  <si>
    <t>cg13611173</t>
  </si>
  <si>
    <t>cg13617301</t>
  </si>
  <si>
    <t>cg13617534</t>
  </si>
  <si>
    <t>cg13617904</t>
  </si>
  <si>
    <t>cg13619891</t>
  </si>
  <si>
    <t>cg13631572</t>
  </si>
  <si>
    <t>cg13633669</t>
  </si>
  <si>
    <t>cg13634296</t>
  </si>
  <si>
    <t>cg13635455</t>
  </si>
  <si>
    <t>cg13639602</t>
  </si>
  <si>
    <t>cg13640769</t>
  </si>
  <si>
    <t>cg13646470</t>
  </si>
  <si>
    <t>cg13651690</t>
  </si>
  <si>
    <t>cg13652513</t>
  </si>
  <si>
    <t>cg13658186</t>
  </si>
  <si>
    <t>cg13665174</t>
  </si>
  <si>
    <t>cg13673833</t>
  </si>
  <si>
    <t>cg13674316</t>
  </si>
  <si>
    <t>cg13674574</t>
  </si>
  <si>
    <t>cg13676204</t>
  </si>
  <si>
    <t>cg13678112</t>
  </si>
  <si>
    <t>cg13684115</t>
  </si>
  <si>
    <t>cg13692222</t>
  </si>
  <si>
    <t>cg13714067</t>
  </si>
  <si>
    <t>cg13717541</t>
  </si>
  <si>
    <t>cg13723853</t>
  </si>
  <si>
    <t>cg13731605</t>
  </si>
  <si>
    <t>cg13735453</t>
  </si>
  <si>
    <t>cg13755373</t>
  </si>
  <si>
    <t>cg13763345</t>
  </si>
  <si>
    <t>cg13776560</t>
  </si>
  <si>
    <t>cg13782781</t>
  </si>
  <si>
    <t>cg13790268</t>
  </si>
  <si>
    <t>cg13795234</t>
  </si>
  <si>
    <t>cg13797019</t>
  </si>
  <si>
    <t>cg13797425</t>
  </si>
  <si>
    <t>cg13798721</t>
  </si>
  <si>
    <t>cg13802772</t>
  </si>
  <si>
    <t>cg13805951</t>
  </si>
  <si>
    <t>cg13809815</t>
  </si>
  <si>
    <t>cg13809864</t>
  </si>
  <si>
    <t>cg13819586</t>
  </si>
  <si>
    <t>cg13826459</t>
  </si>
  <si>
    <t>cg13826890</t>
  </si>
  <si>
    <t>cg13837097</t>
  </si>
  <si>
    <t>cg13837942</t>
  </si>
  <si>
    <t>cg13905388</t>
  </si>
  <si>
    <t>cg13970204</t>
  </si>
  <si>
    <t>cg13973472</t>
  </si>
  <si>
    <t>cg13980399</t>
  </si>
  <si>
    <t>cg13980454</t>
  </si>
  <si>
    <t>cg13981329</t>
  </si>
  <si>
    <t>cg13987704</t>
  </si>
  <si>
    <t>cg13997647</t>
  </si>
  <si>
    <t>cg13998850</t>
  </si>
  <si>
    <t>cg14005139</t>
  </si>
  <si>
    <t>cg14005246</t>
  </si>
  <si>
    <t>cg14010914</t>
  </si>
  <si>
    <t>cg14017904</t>
  </si>
  <si>
    <t>cg14020326</t>
  </si>
  <si>
    <t>cg14020846</t>
  </si>
  <si>
    <t>cg14022570</t>
  </si>
  <si>
    <t>cg14030882</t>
  </si>
  <si>
    <t>cg14046757</t>
  </si>
  <si>
    <t>cg14056412</t>
  </si>
  <si>
    <t>cg14058100</t>
  </si>
  <si>
    <t>cg14058476</t>
  </si>
  <si>
    <t>cg14060296</t>
  </si>
  <si>
    <t>cg14062589</t>
  </si>
  <si>
    <t>cg14066207</t>
  </si>
  <si>
    <t>cg14067014</t>
  </si>
  <si>
    <t>cg14070323</t>
  </si>
  <si>
    <t>cg14071922</t>
  </si>
  <si>
    <t>cg14076496</t>
  </si>
  <si>
    <t>cg14089728</t>
  </si>
  <si>
    <t>cg14093553</t>
  </si>
  <si>
    <t>cg14094681</t>
  </si>
  <si>
    <t>cg14109799</t>
  </si>
  <si>
    <t>cg14116388</t>
  </si>
  <si>
    <t>cg14119337</t>
  </si>
  <si>
    <t>cg14121301</t>
  </si>
  <si>
    <t>cg14123048</t>
  </si>
  <si>
    <t>cg14124894</t>
  </si>
  <si>
    <t>cg14132884</t>
  </si>
  <si>
    <t>cg14152268</t>
  </si>
  <si>
    <t>cg14159970</t>
  </si>
  <si>
    <t>cg14162681</t>
  </si>
  <si>
    <t>cg14171369</t>
  </si>
  <si>
    <t>cg14174099</t>
  </si>
  <si>
    <t>cg14178967</t>
  </si>
  <si>
    <t>cg14181169</t>
  </si>
  <si>
    <t>cg14182682</t>
  </si>
  <si>
    <t>cg14190943</t>
  </si>
  <si>
    <t>cg14202910</t>
  </si>
  <si>
    <t>cg14204600</t>
  </si>
  <si>
    <t>cg14210789</t>
  </si>
  <si>
    <t>cg14214323</t>
  </si>
  <si>
    <t>cg14220764</t>
  </si>
  <si>
    <t>cg14229688</t>
  </si>
  <si>
    <t>cg14235723</t>
  </si>
  <si>
    <t>cg14237158</t>
  </si>
  <si>
    <t>cg14238081</t>
  </si>
  <si>
    <t>cg14246859</t>
  </si>
  <si>
    <t>cg14248715</t>
  </si>
  <si>
    <t>cg14258857</t>
  </si>
  <si>
    <t>cg14272338</t>
  </si>
  <si>
    <t>cg14275340</t>
  </si>
  <si>
    <t>cg14277917</t>
  </si>
  <si>
    <t>cg14279842</t>
  </si>
  <si>
    <t>cg14280533</t>
  </si>
  <si>
    <t>cg14280583</t>
  </si>
  <si>
    <t>cg14285142</t>
  </si>
  <si>
    <t>cg14288330</t>
  </si>
  <si>
    <t>cg14294629</t>
  </si>
  <si>
    <t>cg14299483</t>
  </si>
  <si>
    <t>cg14305454</t>
  </si>
  <si>
    <t>cg14310034</t>
  </si>
  <si>
    <t>cg14314026</t>
  </si>
  <si>
    <t>cg14318489</t>
  </si>
  <si>
    <t>cg14345980</t>
  </si>
  <si>
    <t>cg14347088</t>
  </si>
  <si>
    <t>cg14361409</t>
  </si>
  <si>
    <t>cg14361526</t>
  </si>
  <si>
    <t>cg14365570</t>
  </si>
  <si>
    <t>cg14370314</t>
  </si>
  <si>
    <t>cg14370961</t>
  </si>
  <si>
    <t>cg14376917</t>
  </si>
  <si>
    <t>cg14377205</t>
  </si>
  <si>
    <t>cg14383238</t>
  </si>
  <si>
    <t>cg14400498</t>
  </si>
  <si>
    <t>cg14409023</t>
  </si>
  <si>
    <t>cg14417458</t>
  </si>
  <si>
    <t>cg14421348</t>
  </si>
  <si>
    <t>cg14421490</t>
  </si>
  <si>
    <t>cg14427563</t>
  </si>
  <si>
    <t>cg14440640</t>
  </si>
  <si>
    <t>cg14452706</t>
  </si>
  <si>
    <t>cg14454073</t>
  </si>
  <si>
    <t>cg14462485</t>
  </si>
  <si>
    <t>cg14468513</t>
  </si>
  <si>
    <t>cg14471727</t>
  </si>
  <si>
    <t>cg14472251</t>
  </si>
  <si>
    <t>cg14500250</t>
  </si>
  <si>
    <t>cg14507337</t>
  </si>
  <si>
    <t>cg14508122</t>
  </si>
  <si>
    <t>cg14513822</t>
  </si>
  <si>
    <t>cg14527456</t>
  </si>
  <si>
    <t>cg14531093</t>
  </si>
  <si>
    <t>cg14536353</t>
  </si>
  <si>
    <t>cg14542196</t>
  </si>
  <si>
    <t>cg14544289</t>
  </si>
  <si>
    <t>cg14777972</t>
  </si>
  <si>
    <t>cg14844848</t>
  </si>
  <si>
    <t>cg14847688</t>
  </si>
  <si>
    <t>cg14851770</t>
  </si>
  <si>
    <t>cg14866863</t>
  </si>
  <si>
    <t>cg14867604</t>
  </si>
  <si>
    <t>cg14868663</t>
  </si>
  <si>
    <t>cg14870958</t>
  </si>
  <si>
    <t>cg14873488</t>
  </si>
  <si>
    <t>cg14881284</t>
  </si>
  <si>
    <t>cg14883547</t>
  </si>
  <si>
    <t>cg14897833</t>
  </si>
  <si>
    <t>cg14906010</t>
  </si>
  <si>
    <t>cg14906110</t>
  </si>
  <si>
    <t>cg14916095</t>
  </si>
  <si>
    <t>cg14916274</t>
  </si>
  <si>
    <t>cg14920289</t>
  </si>
  <si>
    <t>cg14926717</t>
  </si>
  <si>
    <t>cg14938431</t>
  </si>
  <si>
    <t>cg14945867</t>
  </si>
  <si>
    <t>cg14947789</t>
  </si>
  <si>
    <t>cg14962447</t>
  </si>
  <si>
    <t>cg14966496</t>
  </si>
  <si>
    <t>cg14975009</t>
  </si>
  <si>
    <t>cg14976660</t>
  </si>
  <si>
    <t>cg14977279</t>
  </si>
  <si>
    <t>cg14977707</t>
  </si>
  <si>
    <t>cg14983993</t>
  </si>
  <si>
    <t>cg14987354</t>
  </si>
  <si>
    <t>cg15046735</t>
  </si>
  <si>
    <t>cg15078479</t>
  </si>
  <si>
    <t>cg15247031</t>
  </si>
  <si>
    <t>cg15268803</t>
  </si>
  <si>
    <t>cg15318690</t>
  </si>
  <si>
    <t>cg15319502</t>
  </si>
  <si>
    <t>cg15326801</t>
  </si>
  <si>
    <t>cg15341124</t>
  </si>
  <si>
    <t>cg15346168</t>
  </si>
  <si>
    <t>cg15346917</t>
  </si>
  <si>
    <t>cg15358052</t>
  </si>
  <si>
    <t>cg15363464</t>
  </si>
  <si>
    <t>cg15365367</t>
  </si>
  <si>
    <t>cg15375704</t>
  </si>
  <si>
    <t>cg15377113</t>
  </si>
  <si>
    <t>cg15384598</t>
  </si>
  <si>
    <t>cg15389183</t>
  </si>
  <si>
    <t>cg15394648</t>
  </si>
  <si>
    <t>cg15409616</t>
  </si>
  <si>
    <t>cg15412228</t>
  </si>
  <si>
    <t>cg15412728</t>
  </si>
  <si>
    <t>cg15416735</t>
  </si>
  <si>
    <t>cg15418581</t>
  </si>
  <si>
    <t>cg15419911</t>
  </si>
  <si>
    <t>cg15421321</t>
  </si>
  <si>
    <t>cg15428435</t>
  </si>
  <si>
    <t>cg15440688</t>
  </si>
  <si>
    <t>cg15443535</t>
  </si>
  <si>
    <t>cg15444192</t>
  </si>
  <si>
    <t>cg15449975</t>
  </si>
  <si>
    <t>cg15456646</t>
  </si>
  <si>
    <t>cg15466177</t>
  </si>
  <si>
    <t>cg15473751</t>
  </si>
  <si>
    <t>cg15476528</t>
  </si>
  <si>
    <t>cg15482623</t>
  </si>
  <si>
    <t>cg15483436</t>
  </si>
  <si>
    <t>cg15489250</t>
  </si>
  <si>
    <t>cg15533434</t>
  </si>
  <si>
    <t>cg15534086</t>
  </si>
  <si>
    <t>cg15534501</t>
  </si>
  <si>
    <t>cg15541609</t>
  </si>
  <si>
    <t>cg15820818</t>
  </si>
  <si>
    <t>cg15827387</t>
  </si>
  <si>
    <t>cg15827779</t>
  </si>
  <si>
    <t>cg15830544</t>
  </si>
  <si>
    <t>cg15831296</t>
  </si>
  <si>
    <t>cg15832201</t>
  </si>
  <si>
    <t>cg15843009</t>
  </si>
  <si>
    <t>cg15848561</t>
  </si>
  <si>
    <t>cg15854934</t>
  </si>
  <si>
    <t>cg15855401</t>
  </si>
  <si>
    <t>cg15869718</t>
  </si>
  <si>
    <t>cg15883154</t>
  </si>
  <si>
    <t>cg15890143</t>
  </si>
  <si>
    <t>cg15895213</t>
  </si>
  <si>
    <t>cg15895543</t>
  </si>
  <si>
    <t>cg15897970</t>
  </si>
  <si>
    <t>cg15901216</t>
  </si>
  <si>
    <t>cg15902874</t>
  </si>
  <si>
    <t>cg15904664</t>
  </si>
  <si>
    <t>cg15912732</t>
  </si>
  <si>
    <t>cg15914828</t>
  </si>
  <si>
    <t>cg15925940</t>
  </si>
  <si>
    <t>cg15926671</t>
  </si>
  <si>
    <t>cg15928534</t>
  </si>
  <si>
    <t>cg15928900</t>
  </si>
  <si>
    <t>cg15929587</t>
  </si>
  <si>
    <t>cg15930145</t>
  </si>
  <si>
    <t>cg15941465</t>
  </si>
  <si>
    <t>cg15942720</t>
  </si>
  <si>
    <t>cg15945019</t>
  </si>
  <si>
    <t>cg15982991</t>
  </si>
  <si>
    <t>cg15996043</t>
  </si>
  <si>
    <t>cg16002378</t>
  </si>
  <si>
    <t>cg16007090</t>
  </si>
  <si>
    <t>cg16037096</t>
  </si>
  <si>
    <t>cg16040900</t>
  </si>
  <si>
    <t>cg16041123</t>
  </si>
  <si>
    <t>cg16043990</t>
  </si>
  <si>
    <t>cg16056611</t>
  </si>
  <si>
    <t>cg16062483</t>
  </si>
  <si>
    <t>cg16066696</t>
  </si>
  <si>
    <t>cg16075268</t>
  </si>
  <si>
    <t>cg16075775</t>
  </si>
  <si>
    <t>cg16075951</t>
  </si>
  <si>
    <t>cg16082166</t>
  </si>
  <si>
    <t>cg16082606</t>
  </si>
  <si>
    <t>cg16086620</t>
  </si>
  <si>
    <t>cg16089443</t>
  </si>
  <si>
    <t>cg16090885</t>
  </si>
  <si>
    <t>cg16094511</t>
  </si>
  <si>
    <t>cg16098762</t>
  </si>
  <si>
    <t>cg16101572</t>
  </si>
  <si>
    <t>cg16105117</t>
  </si>
  <si>
    <t>cg16108059</t>
  </si>
  <si>
    <t>cg16117273</t>
  </si>
  <si>
    <t>cg16125397</t>
  </si>
  <si>
    <t>cg16162970</t>
  </si>
  <si>
    <t>cg16208672</t>
  </si>
  <si>
    <t>cg16209303</t>
  </si>
  <si>
    <t>cg16213072</t>
  </si>
  <si>
    <t>cg16221841</t>
  </si>
  <si>
    <t>cg16238815</t>
  </si>
  <si>
    <t>cg16239257</t>
  </si>
  <si>
    <t>cg16239826</t>
  </si>
  <si>
    <t>cg16241861</t>
  </si>
  <si>
    <t>cg16247931</t>
  </si>
  <si>
    <t>cg16258017</t>
  </si>
  <si>
    <t>cg16260727</t>
  </si>
  <si>
    <t>cg16262963</t>
  </si>
  <si>
    <t>cg16274899</t>
  </si>
  <si>
    <t>cg16278496</t>
  </si>
  <si>
    <t>cg16280098</t>
  </si>
  <si>
    <t>cg16285701</t>
  </si>
  <si>
    <t>cg16290720</t>
  </si>
  <si>
    <t>cg16295401</t>
  </si>
  <si>
    <t>cg16299131</t>
  </si>
  <si>
    <t>cg16321116</t>
  </si>
  <si>
    <t>cg16322149</t>
  </si>
  <si>
    <t>cg16323892</t>
  </si>
  <si>
    <t>cg16326609</t>
  </si>
  <si>
    <t>cg16330146</t>
  </si>
  <si>
    <t>cg16338060</t>
  </si>
  <si>
    <t>cg16342550</t>
  </si>
  <si>
    <t>cg16345507</t>
  </si>
  <si>
    <t>cg16347828</t>
  </si>
  <si>
    <t>cg16351352</t>
  </si>
  <si>
    <t>cg16360182</t>
  </si>
  <si>
    <t>cg16366843</t>
  </si>
  <si>
    <t>cg16369911</t>
  </si>
  <si>
    <t>cg16371477</t>
  </si>
  <si>
    <t>cg16374328</t>
  </si>
  <si>
    <t>cg16389901</t>
  </si>
  <si>
    <t>cg16396954</t>
  </si>
  <si>
    <t>cg16398761</t>
  </si>
  <si>
    <t>cg16401850</t>
  </si>
  <si>
    <t>cg16403659</t>
  </si>
  <si>
    <t>cg16409562</t>
  </si>
  <si>
    <t>cg16409840</t>
  </si>
  <si>
    <t>cg16413619</t>
  </si>
  <si>
    <t>cg16420310</t>
  </si>
  <si>
    <t>cg16422365</t>
  </si>
  <si>
    <t>cg16425038</t>
  </si>
  <si>
    <t>cg16427743</t>
  </si>
  <si>
    <t>cg16438722</t>
  </si>
  <si>
    <t>cg16451355</t>
  </si>
  <si>
    <t>cg16467628</t>
  </si>
  <si>
    <t>cg16468183</t>
  </si>
  <si>
    <t>cg16479323</t>
  </si>
  <si>
    <t>cg16488300</t>
  </si>
  <si>
    <t>cg16491506</t>
  </si>
  <si>
    <t>cg16494252</t>
  </si>
  <si>
    <t>cg16497661</t>
  </si>
  <si>
    <t>cg16499677</t>
  </si>
  <si>
    <t>cg16504335</t>
  </si>
  <si>
    <t>cg16506172</t>
  </si>
  <si>
    <t>cg16517186</t>
  </si>
  <si>
    <t>cg16517838</t>
  </si>
  <si>
    <t>cg16527327</t>
  </si>
  <si>
    <t>cg16527491</t>
  </si>
  <si>
    <t>cg16528022</t>
  </si>
  <si>
    <t>cg16535717</t>
  </si>
  <si>
    <t>cg16550282</t>
  </si>
  <si>
    <t>cg16559695</t>
  </si>
  <si>
    <t>cg16560861</t>
  </si>
  <si>
    <t>cg16561543</t>
  </si>
  <si>
    <t>cg16581536</t>
  </si>
  <si>
    <t>cg16587158</t>
  </si>
  <si>
    <t>cg16600432</t>
  </si>
  <si>
    <t>cg16628119</t>
  </si>
  <si>
    <t>cg16682385</t>
  </si>
  <si>
    <t>cg16706374</t>
  </si>
  <si>
    <t>cg16716659</t>
  </si>
  <si>
    <t>cg16717713</t>
  </si>
  <si>
    <t>cg16723134</t>
  </si>
  <si>
    <t>cg16735021</t>
  </si>
  <si>
    <t>cg16739845</t>
  </si>
  <si>
    <t>cg16755598</t>
  </si>
  <si>
    <t>cg16757886</t>
  </si>
  <si>
    <t>cg16761754</t>
  </si>
  <si>
    <t>cg16763443</t>
  </si>
  <si>
    <t>cg16766249</t>
  </si>
  <si>
    <t>cg16768261</t>
  </si>
  <si>
    <t>cg16776006</t>
  </si>
  <si>
    <t>cg16777910</t>
  </si>
  <si>
    <t>cg16780562</t>
  </si>
  <si>
    <t>cg16781205</t>
  </si>
  <si>
    <t>cg16784943</t>
  </si>
  <si>
    <t>cg16785755</t>
  </si>
  <si>
    <t>cg16788179</t>
  </si>
  <si>
    <t>cg16793394</t>
  </si>
  <si>
    <t>cg16799965</t>
  </si>
  <si>
    <t>cg16803085</t>
  </si>
  <si>
    <t>cg16961092</t>
  </si>
  <si>
    <t>cg16968672</t>
  </si>
  <si>
    <t>cg16993582</t>
  </si>
  <si>
    <t>cg16995290</t>
  </si>
  <si>
    <t>cg16999661</t>
  </si>
  <si>
    <t>cg17003293</t>
  </si>
  <si>
    <t>cg17007640</t>
  </si>
  <si>
    <t>cg17011080</t>
  </si>
  <si>
    <t>cg17261830</t>
  </si>
  <si>
    <t>cg17306261</t>
  </si>
  <si>
    <t>cg17308661</t>
  </si>
  <si>
    <t>cg17319007</t>
  </si>
  <si>
    <t>cg17324588</t>
  </si>
  <si>
    <t>cg17331554</t>
  </si>
  <si>
    <t>cg17338368</t>
  </si>
  <si>
    <t>cg17339258</t>
  </si>
  <si>
    <t>cg17346559</t>
  </si>
  <si>
    <t>cg17410236</t>
  </si>
  <si>
    <t>cg17412258</t>
  </si>
  <si>
    <t>cg17466535</t>
  </si>
  <si>
    <t>cg17641252</t>
  </si>
  <si>
    <t>cg17916407</t>
  </si>
  <si>
    <t>cg17918285</t>
  </si>
  <si>
    <t>cg18070079</t>
  </si>
  <si>
    <t>cg18070676</t>
  </si>
  <si>
    <t>cg18077083</t>
  </si>
  <si>
    <t>cg18077249</t>
  </si>
  <si>
    <t>cg18089426</t>
  </si>
  <si>
    <t>cg18090147</t>
  </si>
  <si>
    <t>cg18092977</t>
  </si>
  <si>
    <t>cg18095720</t>
  </si>
  <si>
    <t>cg18103730</t>
  </si>
  <si>
    <t>cg18112005</t>
  </si>
  <si>
    <t>cg18122767</t>
  </si>
  <si>
    <t>cg18124009</t>
  </si>
  <si>
    <t>cg18129961</t>
  </si>
  <si>
    <t>cg18141386</t>
  </si>
  <si>
    <t>cg18162670</t>
  </si>
  <si>
    <t>cg18163342</t>
  </si>
  <si>
    <t>cg18165031</t>
  </si>
  <si>
    <t>cg18167179</t>
  </si>
  <si>
    <t>cg18177243</t>
  </si>
  <si>
    <t>cg18184147</t>
  </si>
  <si>
    <t>cg18184349</t>
  </si>
  <si>
    <t>cg18186235</t>
  </si>
  <si>
    <t>cg18205205</t>
  </si>
  <si>
    <t>cg18207091</t>
  </si>
  <si>
    <t>cg18224798</t>
  </si>
  <si>
    <t>cg18225536</t>
  </si>
  <si>
    <t>cg18225582</t>
  </si>
  <si>
    <t>cg18229107</t>
  </si>
  <si>
    <t>cg18229521</t>
  </si>
  <si>
    <t>cg18238374</t>
  </si>
  <si>
    <t>cg18247042</t>
  </si>
  <si>
    <t>cg18252039</t>
  </si>
  <si>
    <t>cg18259400</t>
  </si>
  <si>
    <t>cg18262260</t>
  </si>
  <si>
    <t>cg18264298</t>
  </si>
  <si>
    <t>cg18264638</t>
  </si>
  <si>
    <t>cg18277960</t>
  </si>
  <si>
    <t>cg18280830</t>
  </si>
  <si>
    <t>cg18283712</t>
  </si>
  <si>
    <t>cg18287067</t>
  </si>
  <si>
    <t>cg18294691</t>
  </si>
  <si>
    <t>cg18297369</t>
  </si>
  <si>
    <t>cg18298706</t>
  </si>
  <si>
    <t>cg18299778</t>
  </si>
  <si>
    <t>cg18301891</t>
  </si>
  <si>
    <t>cg18302582</t>
  </si>
  <si>
    <t>cg18306861</t>
  </si>
  <si>
    <t>cg18311516</t>
  </si>
  <si>
    <t>cg18315834</t>
  </si>
  <si>
    <t>cg18318415</t>
  </si>
  <si>
    <t>cg18324600</t>
  </si>
  <si>
    <t>cg18326365</t>
  </si>
  <si>
    <t>cg18327049</t>
  </si>
  <si>
    <t>cg18329187</t>
  </si>
  <si>
    <t>cg18337826</t>
  </si>
  <si>
    <t>cg18341634</t>
  </si>
  <si>
    <t>cg18348434</t>
  </si>
  <si>
    <t>cg18356760</t>
  </si>
  <si>
    <t>cg18358952</t>
  </si>
  <si>
    <t>cg18362509</t>
  </si>
  <si>
    <t>cg18365806</t>
  </si>
  <si>
    <t>cg18366782</t>
  </si>
  <si>
    <t>cg18374393</t>
  </si>
  <si>
    <t>cg18380353</t>
  </si>
  <si>
    <t>cg18389845</t>
  </si>
  <si>
    <t>cg18392604</t>
  </si>
  <si>
    <t>cg18397450</t>
  </si>
  <si>
    <t>cg18405536</t>
  </si>
  <si>
    <t>cg18408962</t>
  </si>
  <si>
    <t>cg18413305</t>
  </si>
  <si>
    <t>cg18414021</t>
  </si>
  <si>
    <t>cg18422654</t>
  </si>
  <si>
    <t>cg18424115</t>
  </si>
  <si>
    <t>cg18425377</t>
  </si>
  <si>
    <t>cg18425696</t>
  </si>
  <si>
    <t>cg18427987</t>
  </si>
  <si>
    <t>cg18431813</t>
  </si>
  <si>
    <t>cg18438442</t>
  </si>
  <si>
    <t>cg18440188</t>
  </si>
  <si>
    <t>cg18442587</t>
  </si>
  <si>
    <t>cg18443253</t>
  </si>
  <si>
    <t>cg18444589</t>
  </si>
  <si>
    <t>cg18454133</t>
  </si>
  <si>
    <t>cg18458993</t>
  </si>
  <si>
    <t>cg18466859</t>
  </si>
  <si>
    <t>cg18468354</t>
  </si>
  <si>
    <t>cg18468511</t>
  </si>
  <si>
    <t>cg18471460</t>
  </si>
  <si>
    <t>cg18474185</t>
  </si>
  <si>
    <t>cg18477204</t>
  </si>
  <si>
    <t>cg18484507</t>
  </si>
  <si>
    <t>cg18489346</t>
  </si>
  <si>
    <t>cg18492803</t>
  </si>
  <si>
    <t>cg18503615</t>
  </si>
  <si>
    <t>cg18503742</t>
  </si>
  <si>
    <t>cg18505593</t>
  </si>
  <si>
    <t>cg18511526</t>
  </si>
  <si>
    <t>cg18513551</t>
  </si>
  <si>
    <t>cg18514065</t>
  </si>
  <si>
    <t>cg18519050</t>
  </si>
  <si>
    <t>cg18526161</t>
  </si>
  <si>
    <t>cg18530766</t>
  </si>
  <si>
    <t>cg18531164</t>
  </si>
  <si>
    <t>cg18535437</t>
  </si>
  <si>
    <t>cg18538961</t>
  </si>
  <si>
    <t>cg18548208</t>
  </si>
  <si>
    <t>cg18554485</t>
  </si>
  <si>
    <t>cg18556834</t>
  </si>
  <si>
    <t>cg18559344</t>
  </si>
  <si>
    <t>cg18561899</t>
  </si>
  <si>
    <t>cg18564448</t>
  </si>
  <si>
    <t>cg18572214</t>
  </si>
  <si>
    <t>cg18576588</t>
  </si>
  <si>
    <t>cg18587137</t>
  </si>
  <si>
    <t>cg18599117</t>
  </si>
  <si>
    <t>cg18604419</t>
  </si>
  <si>
    <t>cg18611777</t>
  </si>
  <si>
    <t>cg18617527</t>
  </si>
  <si>
    <t>cg18622084</t>
  </si>
  <si>
    <t>cg18627235</t>
  </si>
  <si>
    <t>cg18630178</t>
  </si>
  <si>
    <t>cg18631948</t>
  </si>
  <si>
    <t>cg18638769</t>
  </si>
  <si>
    <t>cg18648343</t>
  </si>
  <si>
    <t>cg18655384</t>
  </si>
  <si>
    <t>cg18655441</t>
  </si>
  <si>
    <t>cg18655522</t>
  </si>
  <si>
    <t>cg18658371</t>
  </si>
  <si>
    <t>cg18658397</t>
  </si>
  <si>
    <t>cg18679299</t>
  </si>
  <si>
    <t>cg18679920</t>
  </si>
  <si>
    <t>cg18683604</t>
  </si>
  <si>
    <t>cg18687675</t>
  </si>
  <si>
    <t>cg18693395</t>
  </si>
  <si>
    <t>cg18703003</t>
  </si>
  <si>
    <t>cg18703493</t>
  </si>
  <si>
    <t>cg18706864</t>
  </si>
  <si>
    <t>cg18706879</t>
  </si>
  <si>
    <t>cg18711899</t>
  </si>
  <si>
    <t>cg18729886</t>
  </si>
  <si>
    <t>cg18732064</t>
  </si>
  <si>
    <t>cg18804615</t>
  </si>
  <si>
    <t>cg18805027</t>
  </si>
  <si>
    <t>cg18806378</t>
  </si>
  <si>
    <t>cg18806438</t>
  </si>
  <si>
    <t>cg18810737</t>
  </si>
  <si>
    <t>cg18812130</t>
  </si>
  <si>
    <t>cg18823007</t>
  </si>
  <si>
    <t>cg18831841</t>
  </si>
  <si>
    <t>cg18844144</t>
  </si>
  <si>
    <t>cg18844176</t>
  </si>
  <si>
    <t>cg18844382</t>
  </si>
  <si>
    <t>cg18846554</t>
  </si>
  <si>
    <t>cg18853010</t>
  </si>
  <si>
    <t>cg18854679</t>
  </si>
  <si>
    <t>cg18857951</t>
  </si>
  <si>
    <t>cg18862641</t>
  </si>
  <si>
    <t>cg18864926</t>
  </si>
  <si>
    <t>cg18866806</t>
  </si>
  <si>
    <t>cg18867321</t>
  </si>
  <si>
    <t>cg18875274</t>
  </si>
  <si>
    <t>cg18875631</t>
  </si>
  <si>
    <t>cg18876990</t>
  </si>
  <si>
    <t>cg18877233</t>
  </si>
  <si>
    <t>cg18877361</t>
  </si>
  <si>
    <t>cg18882971</t>
  </si>
  <si>
    <t>cg18885865</t>
  </si>
  <si>
    <t>cg18901895</t>
  </si>
  <si>
    <t>cg18905461</t>
  </si>
  <si>
    <t>cg18907582</t>
  </si>
  <si>
    <t>cg18909698</t>
  </si>
  <si>
    <t>cg18912855</t>
  </si>
  <si>
    <t>cg18912965</t>
  </si>
  <si>
    <t>cg18913310</t>
  </si>
  <si>
    <t>cg18927255</t>
  </si>
  <si>
    <t>cg18938469</t>
  </si>
  <si>
    <t>cg18939596</t>
  </si>
  <si>
    <t>cg18941085</t>
  </si>
  <si>
    <t>cg18945335</t>
  </si>
  <si>
    <t>cg18948967</t>
  </si>
  <si>
    <t>cg18952599</t>
  </si>
  <si>
    <t>cg18954339</t>
  </si>
  <si>
    <t>cg18958585</t>
  </si>
  <si>
    <t>cg18978324</t>
  </si>
  <si>
    <t>cg18985109</t>
  </si>
  <si>
    <t>cg18985581</t>
  </si>
  <si>
    <t>cg18986330</t>
  </si>
  <si>
    <t>cg18996663</t>
  </si>
  <si>
    <t>cg18996808</t>
  </si>
  <si>
    <t>cg18997422</t>
  </si>
  <si>
    <t>cg19003626</t>
  </si>
  <si>
    <t>cg19009471</t>
  </si>
  <si>
    <t>cg19011001</t>
  </si>
  <si>
    <t>cg19062112</t>
  </si>
  <si>
    <t>cg19099850</t>
  </si>
  <si>
    <t>cg19330592</t>
  </si>
  <si>
    <t>cg19453488</t>
  </si>
  <si>
    <t>cg19456540</t>
  </si>
  <si>
    <t>cg19461519</t>
  </si>
  <si>
    <t>cg19489699</t>
  </si>
  <si>
    <t>cg19495714</t>
  </si>
  <si>
    <t>cg19506794</t>
  </si>
  <si>
    <t>cg19508458</t>
  </si>
  <si>
    <t>cg19509763</t>
  </si>
  <si>
    <t>cg19512521</t>
  </si>
  <si>
    <t>cg19515081</t>
  </si>
  <si>
    <t>cg19525780</t>
  </si>
  <si>
    <t>cg19530576</t>
  </si>
  <si>
    <t>cg19540430</t>
  </si>
  <si>
    <t>cg19550904</t>
  </si>
  <si>
    <t>cg19556814</t>
  </si>
  <si>
    <t>cg19558860</t>
  </si>
  <si>
    <t>cg19567295</t>
  </si>
  <si>
    <t>cg19567689</t>
  </si>
  <si>
    <t>cg19568649</t>
  </si>
  <si>
    <t>cg19571360</t>
  </si>
  <si>
    <t>cg19577984</t>
  </si>
  <si>
    <t>cg19578835</t>
  </si>
  <si>
    <t>cg19580880</t>
  </si>
  <si>
    <t>cg19592071</t>
  </si>
  <si>
    <t>cg19597960</t>
  </si>
  <si>
    <t>cg19604444</t>
  </si>
  <si>
    <t>cg19605749</t>
  </si>
  <si>
    <t>cg19610529</t>
  </si>
  <si>
    <t>cg19610848</t>
  </si>
  <si>
    <t>cg19611441</t>
  </si>
  <si>
    <t>cg19612634</t>
  </si>
  <si>
    <t>cg19614698</t>
  </si>
  <si>
    <t>cg19619721</t>
  </si>
  <si>
    <t>cg19624425</t>
  </si>
  <si>
    <t>cg19628934</t>
  </si>
  <si>
    <t>cg19630102</t>
  </si>
  <si>
    <t>cg19630520</t>
  </si>
  <si>
    <t>cg19631264</t>
  </si>
  <si>
    <t>cg19632805</t>
  </si>
  <si>
    <t>cg19634332</t>
  </si>
  <si>
    <t>cg19635505</t>
  </si>
  <si>
    <t>cg19643097</t>
  </si>
  <si>
    <t>cg19643211</t>
  </si>
  <si>
    <t>cg19664185</t>
  </si>
  <si>
    <t>cg19669785</t>
  </si>
  <si>
    <t>cg19672997</t>
  </si>
  <si>
    <t>cg19673233</t>
  </si>
  <si>
    <t>cg19675664</t>
  </si>
  <si>
    <t>cg19681716</t>
  </si>
  <si>
    <t>cg19687152</t>
  </si>
  <si>
    <t>cg19695565</t>
  </si>
  <si>
    <t>cg19700746</t>
  </si>
  <si>
    <t>cg19704070</t>
  </si>
  <si>
    <t>cg19706320</t>
  </si>
  <si>
    <t>cg19710444</t>
  </si>
  <si>
    <t>cg19716433</t>
  </si>
  <si>
    <t>cg19720077</t>
  </si>
  <si>
    <t>cg19730687</t>
  </si>
  <si>
    <t>cg19732469</t>
  </si>
  <si>
    <t>cg19735627</t>
  </si>
  <si>
    <t>cg19737468</t>
  </si>
  <si>
    <t>cg19741455</t>
  </si>
  <si>
    <t>cg19741660</t>
  </si>
  <si>
    <t>cg19745541</t>
  </si>
  <si>
    <t>cg19759454</t>
  </si>
  <si>
    <t>cg19769147</t>
  </si>
  <si>
    <t>cg19772317</t>
  </si>
  <si>
    <t>cg19775206</t>
  </si>
  <si>
    <t>cg19775898</t>
  </si>
  <si>
    <t>cg19777001</t>
  </si>
  <si>
    <t>cg19777396</t>
  </si>
  <si>
    <t>cg19780993</t>
  </si>
  <si>
    <t>cg19794361</t>
  </si>
  <si>
    <t>cg19802865</t>
  </si>
  <si>
    <t>cg19811786</t>
  </si>
  <si>
    <t>cg19811934</t>
  </si>
  <si>
    <t>cg19819203</t>
  </si>
  <si>
    <t>cg19821582</t>
  </si>
  <si>
    <t>cg19831386</t>
  </si>
  <si>
    <t>cg19839347</t>
  </si>
  <si>
    <t>cg19841859</t>
  </si>
  <si>
    <t>cg19843991</t>
  </si>
  <si>
    <t>cg19865237</t>
  </si>
  <si>
    <t>cg19867410</t>
  </si>
  <si>
    <t>cg19870698</t>
  </si>
  <si>
    <t>cg19870898</t>
  </si>
  <si>
    <t>cg19871940</t>
  </si>
  <si>
    <t>cg19874428</t>
  </si>
  <si>
    <t>cg19891517</t>
  </si>
  <si>
    <t>cg19893664</t>
  </si>
  <si>
    <t>cg19894588</t>
  </si>
  <si>
    <t>cg19898668</t>
  </si>
  <si>
    <t>cg19900371</t>
  </si>
  <si>
    <t>cg19916330</t>
  </si>
  <si>
    <t>cg19926434</t>
  </si>
  <si>
    <t>cg19937979</t>
  </si>
  <si>
    <t>cg19941270</t>
  </si>
  <si>
    <t>cg19941370</t>
  </si>
  <si>
    <t>cg19944840</t>
  </si>
  <si>
    <t>cg19949955</t>
  </si>
  <si>
    <t>cg19958009</t>
  </si>
  <si>
    <t>cg19971102</t>
  </si>
  <si>
    <t>cg19982658</t>
  </si>
  <si>
    <t>cg19983597</t>
  </si>
  <si>
    <t>cg19989295</t>
  </si>
  <si>
    <t>cg19992808</t>
  </si>
  <si>
    <t>cg20005934</t>
  </si>
  <si>
    <t>cg20015168</t>
  </si>
  <si>
    <t>cg20017797</t>
  </si>
  <si>
    <t>cg20018912</t>
  </si>
  <si>
    <t>cg20023155</t>
  </si>
  <si>
    <t>cg20029725</t>
  </si>
  <si>
    <t>cg20031032</t>
  </si>
  <si>
    <t>cg20040285</t>
  </si>
  <si>
    <t>cg20052933</t>
  </si>
  <si>
    <t>cg20055841</t>
  </si>
  <si>
    <t>cg20056914</t>
  </si>
  <si>
    <t>cg20065569</t>
  </si>
  <si>
    <t>cg20066347</t>
  </si>
  <si>
    <t>cg20066602</t>
  </si>
  <si>
    <t>cg20069681</t>
  </si>
  <si>
    <t>cg20071051</t>
  </si>
  <si>
    <t>cg20072528</t>
  </si>
  <si>
    <t>cg20088756</t>
  </si>
  <si>
    <t>cg20197358</t>
  </si>
  <si>
    <t>cg20242499</t>
  </si>
  <si>
    <t>cg20250396</t>
  </si>
  <si>
    <t>cg20257916</t>
  </si>
  <si>
    <t>cg20263096</t>
  </si>
  <si>
    <t>cg20278291</t>
  </si>
  <si>
    <t>cg20291925</t>
  </si>
  <si>
    <t>cg20299151</t>
  </si>
  <si>
    <t>cg20310894</t>
  </si>
  <si>
    <t>cg20330566</t>
  </si>
  <si>
    <t>cg20337385</t>
  </si>
  <si>
    <t>cg20448748</t>
  </si>
  <si>
    <t>cg20454158</t>
  </si>
  <si>
    <t>cg20454520</t>
  </si>
  <si>
    <t>cg20454620</t>
  </si>
  <si>
    <t>cg20459430</t>
  </si>
  <si>
    <t>cg20463862</t>
  </si>
  <si>
    <t>cg20471297</t>
  </si>
  <si>
    <t>cg20474699</t>
  </si>
  <si>
    <t>cg20478129</t>
  </si>
  <si>
    <t>cg20480233</t>
  </si>
  <si>
    <t>cg20489582</t>
  </si>
  <si>
    <t>cg20493901</t>
  </si>
  <si>
    <t>cg20496061</t>
  </si>
  <si>
    <t>cg20513833</t>
  </si>
  <si>
    <t>cg20517615</t>
  </si>
  <si>
    <t>cg20552688</t>
  </si>
  <si>
    <t>cg20553058</t>
  </si>
  <si>
    <t>cg20554312</t>
  </si>
  <si>
    <t>cg20556675</t>
  </si>
  <si>
    <t>cg20557595</t>
  </si>
  <si>
    <t>cg20560169</t>
  </si>
  <si>
    <t>cg20562220</t>
  </si>
  <si>
    <t>cg20575761</t>
  </si>
  <si>
    <t>cg20578850</t>
  </si>
  <si>
    <t>cg20579065</t>
  </si>
  <si>
    <t>cg20581874</t>
  </si>
  <si>
    <t>cg20649047</t>
  </si>
  <si>
    <t>cg20908276</t>
  </si>
  <si>
    <t>cg20916066</t>
  </si>
  <si>
    <t>cg20916237</t>
  </si>
  <si>
    <t>cg20923444</t>
  </si>
  <si>
    <t>cg20927695</t>
  </si>
  <si>
    <t>cg20932692</t>
  </si>
  <si>
    <t>cg20936013</t>
  </si>
  <si>
    <t>cg20937016</t>
  </si>
  <si>
    <t>cg20945376</t>
  </si>
  <si>
    <t>cg20952167</t>
  </si>
  <si>
    <t>cg20964023</t>
  </si>
  <si>
    <t>cg20965743</t>
  </si>
  <si>
    <t>cg20978937</t>
  </si>
  <si>
    <t>cg20980960</t>
  </si>
  <si>
    <t>cg20981086</t>
  </si>
  <si>
    <t>cg20999565</t>
  </si>
  <si>
    <t>cg20999932</t>
  </si>
  <si>
    <t>cg21007509</t>
  </si>
  <si>
    <t>cg21012729</t>
  </si>
  <si>
    <t>cg21013866</t>
  </si>
  <si>
    <t>cg21017887</t>
  </si>
  <si>
    <t>cg21026830</t>
  </si>
  <si>
    <t>cg21029451</t>
  </si>
  <si>
    <t>cg21029932</t>
  </si>
  <si>
    <t>cg21032728</t>
  </si>
  <si>
    <t>cg21035222</t>
  </si>
  <si>
    <t>cg21036096</t>
  </si>
  <si>
    <t>cg21039708</t>
  </si>
  <si>
    <t>cg21045636</t>
  </si>
  <si>
    <t>cg21051907</t>
  </si>
  <si>
    <t>cg21057907</t>
  </si>
  <si>
    <t>cg21058987</t>
  </si>
  <si>
    <t>cg21059366</t>
  </si>
  <si>
    <t>cg21061067</t>
  </si>
  <si>
    <t>cg21063480</t>
  </si>
  <si>
    <t>cg21095811</t>
  </si>
  <si>
    <t>cg21095982</t>
  </si>
  <si>
    <t>cg21101356</t>
  </si>
  <si>
    <t>cg21102227</t>
  </si>
  <si>
    <t>cg21107197</t>
  </si>
  <si>
    <t>cg21107203</t>
  </si>
  <si>
    <t>cg21116579</t>
  </si>
  <si>
    <t>cg21123519</t>
  </si>
  <si>
    <t>cg21135682</t>
  </si>
  <si>
    <t>cg21139941</t>
  </si>
  <si>
    <t>cg21146229</t>
  </si>
  <si>
    <t>cg21149595</t>
  </si>
  <si>
    <t>cg21157519</t>
  </si>
  <si>
    <t>cg21164440</t>
  </si>
  <si>
    <t>cg21171130</t>
  </si>
  <si>
    <t>cg21174533</t>
  </si>
  <si>
    <t>cg21176127</t>
  </si>
  <si>
    <t>cg21182196</t>
  </si>
  <si>
    <t>cg21184075</t>
  </si>
  <si>
    <t>cg21188491</t>
  </si>
  <si>
    <t>cg21192376</t>
  </si>
  <si>
    <t>cg21210994</t>
  </si>
  <si>
    <t>cg21218820</t>
  </si>
  <si>
    <t>cg21227253</t>
  </si>
  <si>
    <t>cg21229135</t>
  </si>
  <si>
    <t>cg21233517</t>
  </si>
  <si>
    <t>cg21241291</t>
  </si>
  <si>
    <t>cg21485150</t>
  </si>
  <si>
    <t>cg21485704</t>
  </si>
  <si>
    <t>cg21490485</t>
  </si>
  <si>
    <t>cg21492832</t>
  </si>
  <si>
    <t>cg21495139</t>
  </si>
  <si>
    <t>cg21495612</t>
  </si>
  <si>
    <t>cg21498220</t>
  </si>
  <si>
    <t>cg21512075</t>
  </si>
  <si>
    <t>cg21512124</t>
  </si>
  <si>
    <t>cg21517792</t>
  </si>
  <si>
    <t>cg21526750</t>
  </si>
  <si>
    <t>cg21542248</t>
  </si>
  <si>
    <t>cg21543123</t>
  </si>
  <si>
    <t>cg21548869</t>
  </si>
  <si>
    <t>cg21562656</t>
  </si>
  <si>
    <t>cg21570168</t>
  </si>
  <si>
    <t>cg21575078</t>
  </si>
  <si>
    <t>cg21600563</t>
  </si>
  <si>
    <t>cg21803245</t>
  </si>
  <si>
    <t>cg21805221</t>
  </si>
  <si>
    <t>cg21815781</t>
  </si>
  <si>
    <t>cg21817075</t>
  </si>
  <si>
    <t>cg21817833</t>
  </si>
  <si>
    <t>cg21820652</t>
  </si>
  <si>
    <t>cg21822834</t>
  </si>
  <si>
    <t>cg21834982</t>
  </si>
  <si>
    <t>cg21841682</t>
  </si>
  <si>
    <t>cg21845957</t>
  </si>
  <si>
    <t>cg21851151</t>
  </si>
  <si>
    <t>cg21854512</t>
  </si>
  <si>
    <t>cg21859216</t>
  </si>
  <si>
    <t>cg21868779</t>
  </si>
  <si>
    <t>cg21871407</t>
  </si>
  <si>
    <t>cg21872383</t>
  </si>
  <si>
    <t>cg21875274</t>
  </si>
  <si>
    <t>cg21878393</t>
  </si>
  <si>
    <t>cg21883802</t>
  </si>
  <si>
    <t>cg21899473</t>
  </si>
  <si>
    <t>cg21903221</t>
  </si>
  <si>
    <t>cg21903378</t>
  </si>
  <si>
    <t>cg21909286</t>
  </si>
  <si>
    <t>cg21912093</t>
  </si>
  <si>
    <t>cg21915647</t>
  </si>
  <si>
    <t>cg21918126</t>
  </si>
  <si>
    <t>cg21923884</t>
  </si>
  <si>
    <t>cg21927177</t>
  </si>
  <si>
    <t>cg21931419</t>
  </si>
  <si>
    <t>cg22392276</t>
  </si>
  <si>
    <t>cg22393360</t>
  </si>
  <si>
    <t>cg22763181</t>
  </si>
  <si>
    <t>cg22766368</t>
  </si>
  <si>
    <t>cg22779765</t>
  </si>
  <si>
    <t>cg22780612</t>
  </si>
  <si>
    <t>cg22784964</t>
  </si>
  <si>
    <t>cg22785750</t>
  </si>
  <si>
    <t>cg22785805</t>
  </si>
  <si>
    <t>cg22790142</t>
  </si>
  <si>
    <t>cg22792063</t>
  </si>
  <si>
    <t>cg22792862</t>
  </si>
  <si>
    <t>cg22794378</t>
  </si>
  <si>
    <t>cg22796749</t>
  </si>
  <si>
    <t>cg22798984</t>
  </si>
  <si>
    <t>cg22809626</t>
  </si>
  <si>
    <t>cg22812030</t>
  </si>
  <si>
    <t>cg22813326</t>
  </si>
  <si>
    <t>cg22815785</t>
  </si>
  <si>
    <t>cg22817198</t>
  </si>
  <si>
    <t>cg22817421</t>
  </si>
  <si>
    <t>cg22819502</t>
  </si>
  <si>
    <t>cg22822219</t>
  </si>
  <si>
    <t>cg22832061</t>
  </si>
  <si>
    <t>cg22836535</t>
  </si>
  <si>
    <t>cg22837342</t>
  </si>
  <si>
    <t>cg22837406</t>
  </si>
  <si>
    <t>cg22838003</t>
  </si>
  <si>
    <t>cg22841635</t>
  </si>
  <si>
    <t>cg22843395</t>
  </si>
  <si>
    <t>cg22856434</t>
  </si>
  <si>
    <t>cg22857553</t>
  </si>
  <si>
    <t>cg22864613</t>
  </si>
  <si>
    <t>cg22865908</t>
  </si>
  <si>
    <t>cg22870899</t>
  </si>
  <si>
    <t>cg22895601</t>
  </si>
  <si>
    <t>cg22901337</t>
  </si>
  <si>
    <t>cg22903286</t>
  </si>
  <si>
    <t>cg22903735</t>
  </si>
  <si>
    <t>cg22916722</t>
  </si>
  <si>
    <t>cg22917801</t>
  </si>
  <si>
    <t>cg22922226</t>
  </si>
  <si>
    <t>cg22926526</t>
  </si>
  <si>
    <t>cg22926554</t>
  </si>
  <si>
    <t>cg22931362</t>
  </si>
  <si>
    <t>cg22933154</t>
  </si>
  <si>
    <t>cg22944932</t>
  </si>
  <si>
    <t>cg22947154</t>
  </si>
  <si>
    <t>cg22947196</t>
  </si>
  <si>
    <t>cg22951408</t>
  </si>
  <si>
    <t>cg22953865</t>
  </si>
  <si>
    <t>cg22959063</t>
  </si>
  <si>
    <t>cg22965663</t>
  </si>
  <si>
    <t>cg22967233</t>
  </si>
  <si>
    <t>cg22971028</t>
  </si>
  <si>
    <t>cg22976313</t>
  </si>
  <si>
    <t>cg22983534</t>
  </si>
  <si>
    <t>cg22986084</t>
  </si>
  <si>
    <t>cg22988483</t>
  </si>
  <si>
    <t>cg22990158</t>
  </si>
  <si>
    <t>cg22995959</t>
  </si>
  <si>
    <t>cg23008646</t>
  </si>
  <si>
    <t>cg23031518</t>
  </si>
  <si>
    <t>cg23033759</t>
  </si>
  <si>
    <t>cg23045371</t>
  </si>
  <si>
    <t>cg23050178</t>
  </si>
  <si>
    <t>cg23051349</t>
  </si>
  <si>
    <t>cg23052830</t>
  </si>
  <si>
    <t>cg23076370</t>
  </si>
  <si>
    <t>cg23106158</t>
  </si>
  <si>
    <t>cg23112821</t>
  </si>
  <si>
    <t>cg23136008</t>
  </si>
  <si>
    <t>cg23138608</t>
  </si>
  <si>
    <t>cg23138678</t>
  </si>
  <si>
    <t>cg23138682</t>
  </si>
  <si>
    <t>cg23142396</t>
  </si>
  <si>
    <t>cg23151295</t>
  </si>
  <si>
    <t>cg23173032</t>
  </si>
  <si>
    <t>cg23179456</t>
  </si>
  <si>
    <t>cg23189698</t>
  </si>
  <si>
    <t>cg23191956</t>
  </si>
  <si>
    <t>cg23200509</t>
  </si>
  <si>
    <t>cg23201883</t>
  </si>
  <si>
    <t>cg23201907</t>
  </si>
  <si>
    <t>cg23205818</t>
  </si>
  <si>
    <t>cg23206622</t>
  </si>
  <si>
    <t>cg23209098</t>
  </si>
  <si>
    <t>cg23212324</t>
  </si>
  <si>
    <t>cg23217097</t>
  </si>
  <si>
    <t>cg23241781</t>
  </si>
  <si>
    <t>cg23248887</t>
  </si>
  <si>
    <t>cg23251248</t>
  </si>
  <si>
    <t>cg23252261</t>
  </si>
  <si>
    <t>cg23256480</t>
  </si>
  <si>
    <t>cg23262020</t>
  </si>
  <si>
    <t>cg23268892</t>
  </si>
  <si>
    <t>cg23272632</t>
  </si>
  <si>
    <t>cg23285774</t>
  </si>
  <si>
    <t>cg23291305</t>
  </si>
  <si>
    <t>cg23295454</t>
  </si>
  <si>
    <t>cg23295647</t>
  </si>
  <si>
    <t>cg23302284</t>
  </si>
  <si>
    <t>cg23302649</t>
  </si>
  <si>
    <t>cg23304605</t>
  </si>
  <si>
    <t>cg23305899</t>
  </si>
  <si>
    <t>cg23310502</t>
  </si>
  <si>
    <t>cg23317906</t>
  </si>
  <si>
    <t>cg23318063</t>
  </si>
  <si>
    <t>cg23319601</t>
  </si>
  <si>
    <t>cg23322933</t>
  </si>
  <si>
    <t>cg23327070</t>
  </si>
  <si>
    <t>cg23327992</t>
  </si>
  <si>
    <t>cg23335124</t>
  </si>
  <si>
    <t>cg23346107</t>
  </si>
  <si>
    <t>cg23347987</t>
  </si>
  <si>
    <t>cg23348582</t>
  </si>
  <si>
    <t>cg23354716</t>
  </si>
  <si>
    <t>cg23376870</t>
  </si>
  <si>
    <t>cg23387377</t>
  </si>
  <si>
    <t>cg23388020</t>
  </si>
  <si>
    <t>cg23393637</t>
  </si>
  <si>
    <t>cg23394480</t>
  </si>
  <si>
    <t>cg23398318</t>
  </si>
  <si>
    <t>cg23409613</t>
  </si>
  <si>
    <t>cg23410220</t>
  </si>
  <si>
    <t>cg23411440</t>
  </si>
  <si>
    <t>cg23411728</t>
  </si>
  <si>
    <t>cg23411981</t>
  </si>
  <si>
    <t>cg23418097</t>
  </si>
  <si>
    <t>cg23418208</t>
  </si>
  <si>
    <t>cg23418339</t>
  </si>
  <si>
    <t>cg23425316</t>
  </si>
  <si>
    <t>cg23426054</t>
  </si>
  <si>
    <t>cg23428725</t>
  </si>
  <si>
    <t>cg23467713</t>
  </si>
  <si>
    <t>cg23479730</t>
  </si>
  <si>
    <t>cg23486580</t>
  </si>
  <si>
    <t>cg23491424</t>
  </si>
  <si>
    <t>cg23494957</t>
  </si>
  <si>
    <t>cg23509564</t>
  </si>
  <si>
    <t>cg23520688</t>
  </si>
  <si>
    <t>cg23522522</t>
  </si>
  <si>
    <t>cg23522852</t>
  </si>
  <si>
    <t>cg23525241</t>
  </si>
  <si>
    <t>cg23535322</t>
  </si>
  <si>
    <t>cg23541019</t>
  </si>
  <si>
    <t>cg23552977</t>
  </si>
  <si>
    <t>cg23555340</t>
  </si>
  <si>
    <t>cg23564255</t>
  </si>
  <si>
    <t>cg23564928</t>
  </si>
  <si>
    <t>cg23567369</t>
  </si>
  <si>
    <t>cg23568912</t>
  </si>
  <si>
    <t>cg23570471</t>
  </si>
  <si>
    <t>cg23572578</t>
  </si>
  <si>
    <t>cg23575063</t>
  </si>
  <si>
    <t>cg23576507</t>
  </si>
  <si>
    <t>cg23580410</t>
  </si>
  <si>
    <t>cg23602684</t>
  </si>
  <si>
    <t>cg23603076</t>
  </si>
  <si>
    <t>cg23606751</t>
  </si>
  <si>
    <t>cg23609571</t>
  </si>
  <si>
    <t>cg23621631</t>
  </si>
  <si>
    <t>cg23627301</t>
  </si>
  <si>
    <t>cg23654002</t>
  </si>
  <si>
    <t>cg23656707</t>
  </si>
  <si>
    <t>cg23660866</t>
  </si>
  <si>
    <t>cg23664459</t>
  </si>
  <si>
    <t>cg23665216</t>
  </si>
  <si>
    <t>cg23667592</t>
  </si>
  <si>
    <t>cg23683588</t>
  </si>
  <si>
    <t>cg23695485</t>
  </si>
  <si>
    <t>cg23695707</t>
  </si>
  <si>
    <t>cg23702321</t>
  </si>
  <si>
    <t>cg23702412</t>
  </si>
  <si>
    <t>cg23702868</t>
  </si>
  <si>
    <t>cg23703963</t>
  </si>
  <si>
    <t>cg23706497</t>
  </si>
  <si>
    <t>cg23706824</t>
  </si>
  <si>
    <t>cg23721031</t>
  </si>
  <si>
    <t>cg23873398</t>
  </si>
  <si>
    <t>cg23886551</t>
  </si>
  <si>
    <t>cg23892535</t>
  </si>
  <si>
    <t>cg23894571</t>
  </si>
  <si>
    <t>cg23900681</t>
  </si>
  <si>
    <t>cg23900774</t>
  </si>
  <si>
    <t>cg23905618</t>
  </si>
  <si>
    <t>cg23906738</t>
  </si>
  <si>
    <t>cg23915314</t>
  </si>
  <si>
    <t>cg23918580</t>
  </si>
  <si>
    <t>cg23920953</t>
  </si>
  <si>
    <t>cg23922560</t>
  </si>
  <si>
    <t>cg23928824</t>
  </si>
  <si>
    <t>cg23929344</t>
  </si>
  <si>
    <t>cg23929628</t>
  </si>
  <si>
    <t>cg23934503</t>
  </si>
  <si>
    <t>cg23934700</t>
  </si>
  <si>
    <t>cg23938483</t>
  </si>
  <si>
    <t>cg23938542</t>
  </si>
  <si>
    <t>cg23940655</t>
  </si>
  <si>
    <t>cg23944440</t>
  </si>
  <si>
    <t>cg23948080</t>
  </si>
  <si>
    <t>cg23948756</t>
  </si>
  <si>
    <t>cg23951198</t>
  </si>
  <si>
    <t>cg23960324</t>
  </si>
  <si>
    <t>cg23962342</t>
  </si>
  <si>
    <t>cg23965429</t>
  </si>
  <si>
    <t>cg23980196</t>
  </si>
  <si>
    <t>cg23985941</t>
  </si>
  <si>
    <t>cg23998119</t>
  </si>
  <si>
    <t>cg24011198</t>
  </si>
  <si>
    <t>cg24015081</t>
  </si>
  <si>
    <t>cg24029028</t>
  </si>
  <si>
    <t>cg24033067</t>
  </si>
  <si>
    <t>cg24033503</t>
  </si>
  <si>
    <t>cg24034005</t>
  </si>
  <si>
    <t>cg24034629</t>
  </si>
  <si>
    <t>cg24037673</t>
  </si>
  <si>
    <t>cg24039603</t>
  </si>
  <si>
    <t>cg24040725</t>
  </si>
  <si>
    <t>cg24041036</t>
  </si>
  <si>
    <t>cg24043286</t>
  </si>
  <si>
    <t>cg24045810</t>
  </si>
  <si>
    <t>cg24047259</t>
  </si>
  <si>
    <t>cg24054649</t>
  </si>
  <si>
    <t>cg24061125</t>
  </si>
  <si>
    <t>cg24069815</t>
  </si>
  <si>
    <t>cg24072283</t>
  </si>
  <si>
    <t>cg24078363</t>
  </si>
  <si>
    <t>cg24079591</t>
  </si>
  <si>
    <t>cg24089118</t>
  </si>
  <si>
    <t>cg24093176</t>
  </si>
  <si>
    <t>cg24094374</t>
  </si>
  <si>
    <t>cg24101492</t>
  </si>
  <si>
    <t>cg24112221</t>
  </si>
  <si>
    <t>cg24123355</t>
  </si>
  <si>
    <t>cg24123563</t>
  </si>
  <si>
    <t>cg24127506</t>
  </si>
  <si>
    <t>cg24127861</t>
  </si>
  <si>
    <t>cg24128590</t>
  </si>
  <si>
    <t>cg24129873</t>
  </si>
  <si>
    <t>cg24131747</t>
  </si>
  <si>
    <t>cg24131748</t>
  </si>
  <si>
    <t>cg24151229</t>
  </si>
  <si>
    <t>cg24153199</t>
  </si>
  <si>
    <t>cg24160582</t>
  </si>
  <si>
    <t>cg24160662</t>
  </si>
  <si>
    <t>cg24169669</t>
  </si>
  <si>
    <t>cg24172989</t>
  </si>
  <si>
    <t>cg24183741</t>
  </si>
  <si>
    <t>cg24361212</t>
  </si>
  <si>
    <t>cg24663971</t>
  </si>
  <si>
    <t>cg24665290</t>
  </si>
  <si>
    <t>cg24698488</t>
  </si>
  <si>
    <t>cg24708350</t>
  </si>
  <si>
    <t>cg24708831</t>
  </si>
  <si>
    <t>cg24709703</t>
  </si>
  <si>
    <t>cg24720580</t>
  </si>
  <si>
    <t>cg24722950</t>
  </si>
  <si>
    <t>cg24748769</t>
  </si>
  <si>
    <t>cg24753200</t>
  </si>
  <si>
    <t>cg24755459</t>
  </si>
  <si>
    <t>cg24773418</t>
  </si>
  <si>
    <t>cg24879595</t>
  </si>
  <si>
    <t>cg24973585</t>
  </si>
  <si>
    <t>cg24986058</t>
  </si>
  <si>
    <t>cg24988789</t>
  </si>
  <si>
    <t>cg24989962</t>
  </si>
  <si>
    <t>cg24995657</t>
  </si>
  <si>
    <t>cg24996930</t>
  </si>
  <si>
    <t>cg25002044</t>
  </si>
  <si>
    <t>cg25005422</t>
  </si>
  <si>
    <t>cg25006509</t>
  </si>
  <si>
    <t>cg25007781</t>
  </si>
  <si>
    <t>cg25023215</t>
  </si>
  <si>
    <t>cg25023709</t>
  </si>
  <si>
    <t>cg25028996</t>
  </si>
  <si>
    <t>cg25030467</t>
  </si>
  <si>
    <t>cg25034766</t>
  </si>
  <si>
    <t>cg25039902</t>
  </si>
  <si>
    <t>cg25061048</t>
  </si>
  <si>
    <t>cg25062778</t>
  </si>
  <si>
    <t>cg25062812</t>
  </si>
  <si>
    <t>cg25074426</t>
  </si>
  <si>
    <t>cg25076767</t>
  </si>
  <si>
    <t>cg25079799</t>
  </si>
  <si>
    <t>cg25088009</t>
  </si>
  <si>
    <t>cg25088409</t>
  </si>
  <si>
    <t>cg25092838</t>
  </si>
  <si>
    <t>cg25096582</t>
  </si>
  <si>
    <t>cg25102206</t>
  </si>
  <si>
    <t>cg25120290</t>
  </si>
  <si>
    <t>cg25121810</t>
  </si>
  <si>
    <t>cg25122402</t>
  </si>
  <si>
    <t>cg25125441</t>
  </si>
  <si>
    <t>cg25134081</t>
  </si>
  <si>
    <t>cg25159376</t>
  </si>
  <si>
    <t>cg25564554</t>
  </si>
  <si>
    <t>cg25570278</t>
  </si>
  <si>
    <t>cg25571197</t>
  </si>
  <si>
    <t>cg25577023</t>
  </si>
  <si>
    <t>cg25582185</t>
  </si>
  <si>
    <t>cg25582488</t>
  </si>
  <si>
    <t>cg25595571</t>
  </si>
  <si>
    <t>cg25610245</t>
  </si>
  <si>
    <t>cg25820971</t>
  </si>
  <si>
    <t>cg25939020</t>
  </si>
  <si>
    <t>cg25946216</t>
  </si>
  <si>
    <t>cg25951811</t>
  </si>
  <si>
    <t>cg25952096</t>
  </si>
  <si>
    <t>cg25953012</t>
  </si>
  <si>
    <t>cg25967745</t>
  </si>
  <si>
    <t>cg25974380</t>
  </si>
  <si>
    <t>cg25975379</t>
  </si>
  <si>
    <t>cg25989719</t>
  </si>
  <si>
    <t>cg25996119</t>
  </si>
  <si>
    <t>cg26007049</t>
  </si>
  <si>
    <t>cg26009486</t>
  </si>
  <si>
    <t>cg26023303</t>
  </si>
  <si>
    <t>cg26035522</t>
  </si>
  <si>
    <t>cg26046968</t>
  </si>
  <si>
    <t>cg26053795</t>
  </si>
  <si>
    <t>cg26062476</t>
  </si>
  <si>
    <t>cg26069353</t>
  </si>
  <si>
    <t>cg26071680</t>
  </si>
  <si>
    <t>cg26071963</t>
  </si>
  <si>
    <t>cg26081613</t>
  </si>
  <si>
    <t>cg26082174</t>
  </si>
  <si>
    <t>cg26085285</t>
  </si>
  <si>
    <t>cg26085966</t>
  </si>
  <si>
    <t>cg26094789</t>
  </si>
  <si>
    <t>cg26099766</t>
  </si>
  <si>
    <t>cg26100130</t>
  </si>
  <si>
    <t>cg26101466</t>
  </si>
  <si>
    <t>cg26102435</t>
  </si>
  <si>
    <t>cg26110883</t>
  </si>
  <si>
    <t>cg26112846</t>
  </si>
  <si>
    <t>cg26116969</t>
  </si>
  <si>
    <t>cg26120093</t>
  </si>
  <si>
    <t>cg26126052</t>
  </si>
  <si>
    <t>cg26135414</t>
  </si>
  <si>
    <t>cg26142058</t>
  </si>
  <si>
    <t>cg26143820</t>
  </si>
  <si>
    <t>cg26147351</t>
  </si>
  <si>
    <t>cg26151910</t>
  </si>
  <si>
    <t>cg26157386</t>
  </si>
  <si>
    <t>cg26158983</t>
  </si>
  <si>
    <t>cg26159651</t>
  </si>
  <si>
    <t>cg26163843</t>
  </si>
  <si>
    <t>cg26165041</t>
  </si>
  <si>
    <t>cg26168469</t>
  </si>
  <si>
    <t>cg26172862</t>
  </si>
  <si>
    <t>cg26180612</t>
  </si>
  <si>
    <t>cg26181907</t>
  </si>
  <si>
    <t>cg26188131</t>
  </si>
  <si>
    <t>cg26191576</t>
  </si>
  <si>
    <t>cg26195482</t>
  </si>
  <si>
    <t>cg26195829</t>
  </si>
  <si>
    <t>cg26199225</t>
  </si>
  <si>
    <t>cg26206910</t>
  </si>
  <si>
    <t>cg26207909</t>
  </si>
  <si>
    <t>cg26224339</t>
  </si>
  <si>
    <t>cg26228241</t>
  </si>
  <si>
    <t>cg26234721</t>
  </si>
  <si>
    <t>cg26235434</t>
  </si>
  <si>
    <t>cg26235861</t>
  </si>
  <si>
    <t>cg26238180</t>
  </si>
  <si>
    <t>cg26238975</t>
  </si>
  <si>
    <t>cg26241174</t>
  </si>
  <si>
    <t>cg26245531</t>
  </si>
  <si>
    <t>cg26254637</t>
  </si>
  <si>
    <t>cg26255560</t>
  </si>
  <si>
    <t>cg26255649</t>
  </si>
  <si>
    <t>cg26257676</t>
  </si>
  <si>
    <t>cg26260369</t>
  </si>
  <si>
    <t>cg26264429</t>
  </si>
  <si>
    <t>cg26271086</t>
  </si>
  <si>
    <t>cg26281789</t>
  </si>
  <si>
    <t>cg26286082</t>
  </si>
  <si>
    <t>cg26286805</t>
  </si>
  <si>
    <t>cg26286937</t>
  </si>
  <si>
    <t>cg26299089</t>
  </si>
  <si>
    <t>cg26310551</t>
  </si>
  <si>
    <t>cg26320760</t>
  </si>
  <si>
    <t>cg26328058</t>
  </si>
  <si>
    <t>cg26338030</t>
  </si>
  <si>
    <t>cg26354128</t>
  </si>
  <si>
    <t>cg26365847</t>
  </si>
  <si>
    <t>cg26382848</t>
  </si>
  <si>
    <t>cg26392828</t>
  </si>
  <si>
    <t>cg26393294</t>
  </si>
  <si>
    <t>cg26396443</t>
  </si>
  <si>
    <t>cg26398408</t>
  </si>
  <si>
    <t>cg26403748</t>
  </si>
  <si>
    <t>cg26404748</t>
  </si>
  <si>
    <t>cg26424149</t>
  </si>
  <si>
    <t>cg26429530</t>
  </si>
  <si>
    <t>cg26432256</t>
  </si>
  <si>
    <t>cg26579556</t>
  </si>
  <si>
    <t>cg26673609</t>
  </si>
  <si>
    <t>cg26678575</t>
  </si>
  <si>
    <t>cg26681354</t>
  </si>
  <si>
    <t>cg26682510</t>
  </si>
  <si>
    <t>cg26916470</t>
  </si>
  <si>
    <t>cg26916576</t>
  </si>
  <si>
    <t>cg26924400</t>
  </si>
  <si>
    <t>cg26928080</t>
  </si>
  <si>
    <t>cg26932586</t>
  </si>
  <si>
    <t>cg26965915</t>
  </si>
  <si>
    <t>cg26967100</t>
  </si>
  <si>
    <t>cg26971989</t>
  </si>
  <si>
    <t>cg26976046</t>
  </si>
  <si>
    <t>cg26986731</t>
  </si>
  <si>
    <t>cg27004639</t>
  </si>
  <si>
    <t>cg27006650</t>
  </si>
  <si>
    <t>cg27018380</t>
  </si>
  <si>
    <t>cg27019801</t>
  </si>
  <si>
    <t>cg27029403</t>
  </si>
  <si>
    <t>cg27039821</t>
  </si>
  <si>
    <t>cg27055481</t>
  </si>
  <si>
    <t>cg27077050</t>
  </si>
  <si>
    <t>cg27077132</t>
  </si>
  <si>
    <t>cg27099500</t>
  </si>
  <si>
    <t>cg27110177</t>
  </si>
  <si>
    <t>cg27113548</t>
  </si>
  <si>
    <t>cg27114727</t>
  </si>
  <si>
    <t>cg27123256</t>
  </si>
  <si>
    <t>cg27134659</t>
  </si>
  <si>
    <t>cg27150010</t>
  </si>
  <si>
    <t>cg27156542</t>
  </si>
  <si>
    <t>cg27161702</t>
  </si>
  <si>
    <t>cg27162464</t>
  </si>
  <si>
    <t>cg27165794</t>
  </si>
  <si>
    <t>cg27165867</t>
  </si>
  <si>
    <t>cg27165954</t>
  </si>
  <si>
    <t>cg27170268</t>
  </si>
  <si>
    <t>cg27266176</t>
  </si>
  <si>
    <t>cg27267198</t>
  </si>
  <si>
    <t>cg27278526</t>
  </si>
  <si>
    <t>cg27278953</t>
  </si>
  <si>
    <t>cg27279301</t>
  </si>
  <si>
    <t>cg27280296</t>
  </si>
  <si>
    <t>cg27288725</t>
  </si>
  <si>
    <t>cg27294268</t>
  </si>
  <si>
    <t>cg27302507</t>
  </si>
  <si>
    <t>cg27302539</t>
  </si>
  <si>
    <t>cg27310761</t>
  </si>
  <si>
    <t>cg27317046</t>
  </si>
  <si>
    <t>cg27317218</t>
  </si>
  <si>
    <t>cg27559343</t>
  </si>
  <si>
    <t>cg27653399</t>
  </si>
  <si>
    <t>cg27654482</t>
  </si>
  <si>
    <t>cg27656486</t>
  </si>
  <si>
    <t>cg27662123</t>
  </si>
  <si>
    <t>cg00000622</t>
  </si>
  <si>
    <t>cg00023695</t>
  </si>
  <si>
    <t>cg00029822</t>
  </si>
  <si>
    <t>cg00032912</t>
  </si>
  <si>
    <t>cg00040007</t>
  </si>
  <si>
    <t>cg00040945</t>
  </si>
  <si>
    <t>cg00059024</t>
  </si>
  <si>
    <t>cg00063471</t>
  </si>
  <si>
    <t>cg00063649</t>
  </si>
  <si>
    <t>cg00066468</t>
  </si>
  <si>
    <t>cg00077281</t>
  </si>
  <si>
    <t>cg00079638</t>
  </si>
  <si>
    <t>cg00116412</t>
  </si>
  <si>
    <t>cg00120210</t>
  </si>
  <si>
    <t>cg00128171</t>
  </si>
  <si>
    <t>cg00128805</t>
  </si>
  <si>
    <t>cg00142266</t>
  </si>
  <si>
    <t>cg00149947</t>
  </si>
  <si>
    <t>cg00155593</t>
  </si>
  <si>
    <t>cg00202454</t>
  </si>
  <si>
    <t>cg00204501</t>
  </si>
  <si>
    <t>cg00210562</t>
  </si>
  <si>
    <t>cg00213123</t>
  </si>
  <si>
    <t>cg00215587</t>
  </si>
  <si>
    <t>cg00218146</t>
  </si>
  <si>
    <t>cg00221709</t>
  </si>
  <si>
    <t>cg00235260</t>
  </si>
  <si>
    <t>cg00235645</t>
  </si>
  <si>
    <t>cg00288376</t>
  </si>
  <si>
    <t>cg00293616</t>
  </si>
  <si>
    <t>cg00294852</t>
  </si>
  <si>
    <t>cg00304072</t>
  </si>
  <si>
    <t>cg00330492</t>
  </si>
  <si>
    <t>cg00332155</t>
  </si>
  <si>
    <t>cg00336555</t>
  </si>
  <si>
    <t>cg00351210</t>
  </si>
  <si>
    <t>cg00353139</t>
  </si>
  <si>
    <t>cg00357503</t>
  </si>
  <si>
    <t>cg00366471</t>
  </si>
  <si>
    <t>cg00367532</t>
  </si>
  <si>
    <t>cg00368989</t>
  </si>
  <si>
    <t>cg00378007</t>
  </si>
  <si>
    <t>cg00392242</t>
  </si>
  <si>
    <t>cg00394793</t>
  </si>
  <si>
    <t>cg00400810</t>
  </si>
  <si>
    <t>cg00409183</t>
  </si>
  <si>
    <t>cg00414561</t>
  </si>
  <si>
    <t>cg00451642</t>
  </si>
  <si>
    <t>cg00456868</t>
  </si>
  <si>
    <t>cg00462168</t>
  </si>
  <si>
    <t>cg00465476</t>
  </si>
  <si>
    <t>cg00480356</t>
  </si>
  <si>
    <t>cg00481239</t>
  </si>
  <si>
    <t>cg00481644</t>
  </si>
  <si>
    <t>cg00484555</t>
  </si>
  <si>
    <t>cg00499859</t>
  </si>
  <si>
    <t>cg00502209</t>
  </si>
  <si>
    <t>cg00508195</t>
  </si>
  <si>
    <t>cg00511731</t>
  </si>
  <si>
    <t>cg00516515</t>
  </si>
  <si>
    <t>cg00544449</t>
  </si>
  <si>
    <t>cg00597555</t>
  </si>
  <si>
    <t>cg00605859</t>
  </si>
  <si>
    <t>cg00607797</t>
  </si>
  <si>
    <t>cg00608534</t>
  </si>
  <si>
    <t>cg00624799</t>
  </si>
  <si>
    <t>cg00630237</t>
  </si>
  <si>
    <t>cg00631609</t>
  </si>
  <si>
    <t>cg00635674</t>
  </si>
  <si>
    <t>cg00637058</t>
  </si>
  <si>
    <t>cg00643896</t>
  </si>
  <si>
    <t>cg00646019</t>
  </si>
  <si>
    <t>cg00646185</t>
  </si>
  <si>
    <t>cg00655071</t>
  </si>
  <si>
    <t>cg00683980</t>
  </si>
  <si>
    <t>cg00691830</t>
  </si>
  <si>
    <t>cg00692971</t>
  </si>
  <si>
    <t>cg00718470</t>
  </si>
  <si>
    <t>cg00721530</t>
  </si>
  <si>
    <t>cg00751156</t>
  </si>
  <si>
    <t>cg00752778</t>
  </si>
  <si>
    <t>cg00763096</t>
  </si>
  <si>
    <t>cg00776558</t>
  </si>
  <si>
    <t>cg00781110</t>
  </si>
  <si>
    <t>cg00785856</t>
  </si>
  <si>
    <t>cg00786747</t>
  </si>
  <si>
    <t>cg00791024</t>
  </si>
  <si>
    <t>cg00793843</t>
  </si>
  <si>
    <t>cg00796416</t>
  </si>
  <si>
    <t>cg00798029</t>
  </si>
  <si>
    <t>cg00801568</t>
  </si>
  <si>
    <t>cg00837838</t>
  </si>
  <si>
    <t>cg00848167</t>
  </si>
  <si>
    <t>cg00852705</t>
  </si>
  <si>
    <t>cg00870269</t>
  </si>
  <si>
    <t>cg00928393</t>
  </si>
  <si>
    <t>cg00944808</t>
  </si>
  <si>
    <t>cg01021488</t>
  </si>
  <si>
    <t>cg01087294</t>
  </si>
  <si>
    <t>cg01107006</t>
  </si>
  <si>
    <t>cg01142576</t>
  </si>
  <si>
    <t>cg01145430</t>
  </si>
  <si>
    <t>cg01151365</t>
  </si>
  <si>
    <t>cg01172640</t>
  </si>
  <si>
    <t>cg01176271</t>
  </si>
  <si>
    <t>cg01176433</t>
  </si>
  <si>
    <t>cg01178680</t>
  </si>
  <si>
    <t>cg01182386</t>
  </si>
  <si>
    <t>cg01184271</t>
  </si>
  <si>
    <t>cg01185138</t>
  </si>
  <si>
    <t>cg01191259</t>
  </si>
  <si>
    <t>cg01209271</t>
  </si>
  <si>
    <t>cg01211349</t>
  </si>
  <si>
    <t>cg01216438</t>
  </si>
  <si>
    <t>cg01224063</t>
  </si>
  <si>
    <t>cg01228339</t>
  </si>
  <si>
    <t>cg01244124</t>
  </si>
  <si>
    <t>cg01247628</t>
  </si>
  <si>
    <t>cg01279378</t>
  </si>
  <si>
    <t>cg01288322</t>
  </si>
  <si>
    <t>cg01324349</t>
  </si>
  <si>
    <t>cg01331649</t>
  </si>
  <si>
    <t>cg01332054</t>
  </si>
  <si>
    <t>cg01338957</t>
  </si>
  <si>
    <t>cg01341976</t>
  </si>
  <si>
    <t>cg01349190</t>
  </si>
  <si>
    <t>cg01349309</t>
  </si>
  <si>
    <t>cg01351037</t>
  </si>
  <si>
    <t>cg01351822</t>
  </si>
  <si>
    <t>cg01360333</t>
  </si>
  <si>
    <t>cg01361068</t>
  </si>
  <si>
    <t>cg01367393</t>
  </si>
  <si>
    <t>cg01370181</t>
  </si>
  <si>
    <t>cg01382649</t>
  </si>
  <si>
    <t>cg01383668</t>
  </si>
  <si>
    <t>cg01385157</t>
  </si>
  <si>
    <t>cg01385168</t>
  </si>
  <si>
    <t>cg01388144</t>
  </si>
  <si>
    <t>cg01392184</t>
  </si>
  <si>
    <t>cg01393327</t>
  </si>
  <si>
    <t>cg01438056</t>
  </si>
  <si>
    <t>cg01454487</t>
  </si>
  <si>
    <t>cg01618114</t>
  </si>
  <si>
    <t>cg01645753</t>
  </si>
  <si>
    <t>cg01647632</t>
  </si>
  <si>
    <t>cg01659099</t>
  </si>
  <si>
    <t>cg01663018</t>
  </si>
  <si>
    <t>cg01667646</t>
  </si>
  <si>
    <t>cg01671587</t>
  </si>
  <si>
    <t>cg01678317</t>
  </si>
  <si>
    <t>cg01710432</t>
  </si>
  <si>
    <t>cg01717276</t>
  </si>
  <si>
    <t>cg01718733</t>
  </si>
  <si>
    <t>cg01743617</t>
  </si>
  <si>
    <t>cg01744160</t>
  </si>
  <si>
    <t>cg01756461</t>
  </si>
  <si>
    <t>cg01763821</t>
  </si>
  <si>
    <t>cg01780092</t>
  </si>
  <si>
    <t>cg01786994</t>
  </si>
  <si>
    <t>cg01791034</t>
  </si>
  <si>
    <t>cg01808706</t>
  </si>
  <si>
    <t>cg01818121</t>
  </si>
  <si>
    <t>cg01837657</t>
  </si>
  <si>
    <t>cg01837661</t>
  </si>
  <si>
    <t>cg01858300</t>
  </si>
  <si>
    <t>cg01861349</t>
  </si>
  <si>
    <t>cg01882870</t>
  </si>
  <si>
    <t>cg01888129</t>
  </si>
  <si>
    <t>cg01889020</t>
  </si>
  <si>
    <t>cg01889112</t>
  </si>
  <si>
    <t>cg01897796</t>
  </si>
  <si>
    <t>cg01906442</t>
  </si>
  <si>
    <t>cg01908660</t>
  </si>
  <si>
    <t>cg01910249</t>
  </si>
  <si>
    <t>cg01919118</t>
  </si>
  <si>
    <t>cg01926877</t>
  </si>
  <si>
    <t>cg01934296</t>
  </si>
  <si>
    <t>cg01936319</t>
  </si>
  <si>
    <t>cg01944087</t>
  </si>
  <si>
    <t>cg01947585</t>
  </si>
  <si>
    <t>cg01950845</t>
  </si>
  <si>
    <t>cg01953658</t>
  </si>
  <si>
    <t>cg01966599</t>
  </si>
  <si>
    <t>cg02015876</t>
  </si>
  <si>
    <t>cg02016786</t>
  </si>
  <si>
    <t>cg02018277</t>
  </si>
  <si>
    <t>cg02019051</t>
  </si>
  <si>
    <t>cg02063551</t>
  </si>
  <si>
    <t>cg02066621</t>
  </si>
  <si>
    <t>cg02093732</t>
  </si>
  <si>
    <t>cg02106306</t>
  </si>
  <si>
    <t>cg02113521</t>
  </si>
  <si>
    <t>cg02119938</t>
  </si>
  <si>
    <t>cg02122467</t>
  </si>
  <si>
    <t>cg02144389</t>
  </si>
  <si>
    <t>cg02155528</t>
  </si>
  <si>
    <t>cg02183105</t>
  </si>
  <si>
    <t>cg02231729</t>
  </si>
  <si>
    <t>cg02239209</t>
  </si>
  <si>
    <t>cg02250241</t>
  </si>
  <si>
    <t>cg02260363</t>
  </si>
  <si>
    <t>cg02263999</t>
  </si>
  <si>
    <t>cg02273617</t>
  </si>
  <si>
    <t>cg02277326</t>
  </si>
  <si>
    <t>cg02281680</t>
  </si>
  <si>
    <t>cg02287939</t>
  </si>
  <si>
    <t>cg02291224</t>
  </si>
  <si>
    <t>cg02312175</t>
  </si>
  <si>
    <t>cg02314835</t>
  </si>
  <si>
    <t>cg02318926</t>
  </si>
  <si>
    <t>cg02319990</t>
  </si>
  <si>
    <t>cg02326806</t>
  </si>
  <si>
    <t>cg02330494</t>
  </si>
  <si>
    <t>cg02352107</t>
  </si>
  <si>
    <t>cg02358172</t>
  </si>
  <si>
    <t>cg02360980</t>
  </si>
  <si>
    <t>cg02365967</t>
  </si>
  <si>
    <t>cg02376269</t>
  </si>
  <si>
    <t>cg02377544</t>
  </si>
  <si>
    <t>cg02378847</t>
  </si>
  <si>
    <t>cg02395127</t>
  </si>
  <si>
    <t>cg02427443</t>
  </si>
  <si>
    <t>cg02430385</t>
  </si>
  <si>
    <t>cg02432159</t>
  </si>
  <si>
    <t>cg02454053</t>
  </si>
  <si>
    <t>cg02473288</t>
  </si>
  <si>
    <t>cg02478956</t>
  </si>
  <si>
    <t>cg02479296</t>
  </si>
  <si>
    <t>cg02479871</t>
  </si>
  <si>
    <t>cg02486855</t>
  </si>
  <si>
    <t>cg02487020</t>
  </si>
  <si>
    <t>cg02538562</t>
  </si>
  <si>
    <t>cg02558424</t>
  </si>
  <si>
    <t>cg02564847</t>
  </si>
  <si>
    <t>cg02573468</t>
  </si>
  <si>
    <t>cg02585886</t>
  </si>
  <si>
    <t>cg02587988</t>
  </si>
  <si>
    <t>cg02596190</t>
  </si>
  <si>
    <t>cg02597199</t>
  </si>
  <si>
    <t>cg02597493</t>
  </si>
  <si>
    <t>cg02607059</t>
  </si>
  <si>
    <t>cg02609028</t>
  </si>
  <si>
    <t>cg02611892</t>
  </si>
  <si>
    <t>cg02613418</t>
  </si>
  <si>
    <t>cg02614024</t>
  </si>
  <si>
    <t>cg02630553</t>
  </si>
  <si>
    <t>cg02630829</t>
  </si>
  <si>
    <t>cg02635567</t>
  </si>
  <si>
    <t>cg02641983</t>
  </si>
  <si>
    <t>cg02700714</t>
  </si>
  <si>
    <t>cg02705800</t>
  </si>
  <si>
    <t>cg02709205</t>
  </si>
  <si>
    <t>cg02710224</t>
  </si>
  <si>
    <t>cg02734408</t>
  </si>
  <si>
    <t>cg02738049</t>
  </si>
  <si>
    <t>cg02755390</t>
  </si>
  <si>
    <t>cg02756768</t>
  </si>
  <si>
    <t>cg02760164</t>
  </si>
  <si>
    <t>cg02760766</t>
  </si>
  <si>
    <t>cg02763968</t>
  </si>
  <si>
    <t>cg02787387</t>
  </si>
  <si>
    <t>cg02788419</t>
  </si>
  <si>
    <t>cg02788597</t>
  </si>
  <si>
    <t>cg02791765</t>
  </si>
  <si>
    <t>cg02806912</t>
  </si>
  <si>
    <t>cg02852238</t>
  </si>
  <si>
    <t>cg02878040</t>
  </si>
  <si>
    <t>cg02882448</t>
  </si>
  <si>
    <t>cg02888046</t>
  </si>
  <si>
    <t>cg02888867</t>
  </si>
  <si>
    <t>cg02893493</t>
  </si>
  <si>
    <t>cg02917792</t>
  </si>
  <si>
    <t>cg02923145</t>
  </si>
  <si>
    <t>cg02952686</t>
  </si>
  <si>
    <t>cg02953927</t>
  </si>
  <si>
    <t>cg02965870</t>
  </si>
  <si>
    <t>cg02968429</t>
  </si>
  <si>
    <t>cg02984193</t>
  </si>
  <si>
    <t>cg02988814</t>
  </si>
  <si>
    <t>cg03016189</t>
  </si>
  <si>
    <t>cg03028236</t>
  </si>
  <si>
    <t>cg03034103</t>
  </si>
  <si>
    <t>cg03040420</t>
  </si>
  <si>
    <t>cg03043296</t>
  </si>
  <si>
    <t>cg03049323</t>
  </si>
  <si>
    <t>cg03050687</t>
  </si>
  <si>
    <t>cg03051384</t>
  </si>
  <si>
    <t>cg03059131</t>
  </si>
  <si>
    <t>cg03061682</t>
  </si>
  <si>
    <t>cg03062549</t>
  </si>
  <si>
    <t>cg03092550</t>
  </si>
  <si>
    <t>cg03148231</t>
  </si>
  <si>
    <t>cg03180768</t>
  </si>
  <si>
    <t>cg03184679</t>
  </si>
  <si>
    <t>cg03188200</t>
  </si>
  <si>
    <t>cg03196627</t>
  </si>
  <si>
    <t>cg03209642</t>
  </si>
  <si>
    <t>cg03237412</t>
  </si>
  <si>
    <t>cg03256884</t>
  </si>
  <si>
    <t>cg03256963</t>
  </si>
  <si>
    <t>cg03278514</t>
  </si>
  <si>
    <t>cg03288461</t>
  </si>
  <si>
    <t>cg03289416</t>
  </si>
  <si>
    <t>cg03290511</t>
  </si>
  <si>
    <t>cg03297593</t>
  </si>
  <si>
    <t>cg03299095</t>
  </si>
  <si>
    <t>cg03307893</t>
  </si>
  <si>
    <t>cg03312289</t>
  </si>
  <si>
    <t>cg03321553</t>
  </si>
  <si>
    <t>cg03330558</t>
  </si>
  <si>
    <t>cg03337277</t>
  </si>
  <si>
    <t>cg03337578</t>
  </si>
  <si>
    <t>cg03338933</t>
  </si>
  <si>
    <t>cg03347215</t>
  </si>
  <si>
    <t>cg03350042</t>
  </si>
  <si>
    <t>cg03353812</t>
  </si>
  <si>
    <t>cg03355298</t>
  </si>
  <si>
    <t>cg03370588</t>
  </si>
  <si>
    <t>cg03379200</t>
  </si>
  <si>
    <t>cg03388569</t>
  </si>
  <si>
    <t>cg03399028</t>
  </si>
  <si>
    <t>cg03403298</t>
  </si>
  <si>
    <t>cg03414644</t>
  </si>
  <si>
    <t>cg03414764</t>
  </si>
  <si>
    <t>cg03417342</t>
  </si>
  <si>
    <t>cg03418136</t>
  </si>
  <si>
    <t>cg03418154</t>
  </si>
  <si>
    <t>cg03419058</t>
  </si>
  <si>
    <t>cg03420286</t>
  </si>
  <si>
    <t>cg03421485</t>
  </si>
  <si>
    <t>cg03431705</t>
  </si>
  <si>
    <t>cg03436208</t>
  </si>
  <si>
    <t>cg03436619</t>
  </si>
  <si>
    <t>cg03442712</t>
  </si>
  <si>
    <t>cg03455316</t>
  </si>
  <si>
    <t>cg03457729</t>
  </si>
  <si>
    <t>cg03461725</t>
  </si>
  <si>
    <t>cg03466331</t>
  </si>
  <si>
    <t>cg03466432</t>
  </si>
  <si>
    <t>cg03475179</t>
  </si>
  <si>
    <t>cg03479535</t>
  </si>
  <si>
    <t>cg03484612</t>
  </si>
  <si>
    <t>cg03532957</t>
  </si>
  <si>
    <t>cg03624661</t>
  </si>
  <si>
    <t>cg03628374</t>
  </si>
  <si>
    <t>cg03648457</t>
  </si>
  <si>
    <t>cg03703707</t>
  </si>
  <si>
    <t>cg03712579</t>
  </si>
  <si>
    <t>cg03728457</t>
  </si>
  <si>
    <t>cg03760457</t>
  </si>
  <si>
    <t>cg03764088</t>
  </si>
  <si>
    <t>cg03766449</t>
  </si>
  <si>
    <t>cg03799283</t>
  </si>
  <si>
    <t>cg03827375</t>
  </si>
  <si>
    <t>cg03834947</t>
  </si>
  <si>
    <t>cg03842258</t>
  </si>
  <si>
    <t>cg03844762</t>
  </si>
  <si>
    <t>cg03844894</t>
  </si>
  <si>
    <t>cg03846129</t>
  </si>
  <si>
    <t>cg03848381</t>
  </si>
  <si>
    <t>cg03849685</t>
  </si>
  <si>
    <t>cg03859732</t>
  </si>
  <si>
    <t>cg03929531</t>
  </si>
  <si>
    <t>cg03945322</t>
  </si>
  <si>
    <t>cg03951603</t>
  </si>
  <si>
    <t>cg03953482</t>
  </si>
  <si>
    <t>cg03954442</t>
  </si>
  <si>
    <t>cg03981352</t>
  </si>
  <si>
    <t>cg03991106</t>
  </si>
  <si>
    <t>cg04004345</t>
  </si>
  <si>
    <t>cg04009254</t>
  </si>
  <si>
    <t>cg04022063</t>
  </si>
  <si>
    <t>cg04058937</t>
  </si>
  <si>
    <t>cg04091209</t>
  </si>
  <si>
    <t>cg04093349</t>
  </si>
  <si>
    <t>cg04094107</t>
  </si>
  <si>
    <t>cg04096986</t>
  </si>
  <si>
    <t>cg04097963</t>
  </si>
  <si>
    <t>cg04123941</t>
  </si>
  <si>
    <t>cg04124789</t>
  </si>
  <si>
    <t>cg04125371</t>
  </si>
  <si>
    <t>cg04125765</t>
  </si>
  <si>
    <t>cg04129282</t>
  </si>
  <si>
    <t>cg04132917</t>
  </si>
  <si>
    <t>cg04135091</t>
  </si>
  <si>
    <t>cg04140663</t>
  </si>
  <si>
    <t>cg04142555</t>
  </si>
  <si>
    <t>cg04170294</t>
  </si>
  <si>
    <t>cg04171853</t>
  </si>
  <si>
    <t>cg04184836</t>
  </si>
  <si>
    <t>cg04187814</t>
  </si>
  <si>
    <t>cg04188862</t>
  </si>
  <si>
    <t>cg04201563</t>
  </si>
  <si>
    <t>cg04222582</t>
  </si>
  <si>
    <t>cg04258919</t>
  </si>
  <si>
    <t>cg04278026</t>
  </si>
  <si>
    <t>cg04283162</t>
  </si>
  <si>
    <t>cg04301719</t>
  </si>
  <si>
    <t>cg04308337</t>
  </si>
  <si>
    <t>cg04317492</t>
  </si>
  <si>
    <t>cg04330371</t>
  </si>
  <si>
    <t>cg04339246</t>
  </si>
  <si>
    <t>cg04345034</t>
  </si>
  <si>
    <t>cg04426326</t>
  </si>
  <si>
    <t>cg04437662</t>
  </si>
  <si>
    <t>cg04456666</t>
  </si>
  <si>
    <t>cg04460361</t>
  </si>
  <si>
    <t>cg04460984</t>
  </si>
  <si>
    <t>cg04482879</t>
  </si>
  <si>
    <t>cg04484842</t>
  </si>
  <si>
    <t>cg04515913</t>
  </si>
  <si>
    <t>cg04518384</t>
  </si>
  <si>
    <t>cg04519487</t>
  </si>
  <si>
    <t>cg04619800</t>
  </si>
  <si>
    <t>cg04622775</t>
  </si>
  <si>
    <t>cg04627496</t>
  </si>
  <si>
    <t>cg04630879</t>
  </si>
  <si>
    <t>cg04638667</t>
  </si>
  <si>
    <t>cg04640920</t>
  </si>
  <si>
    <t>cg04646113</t>
  </si>
  <si>
    <t>cg04667719</t>
  </si>
  <si>
    <t>cg04671614</t>
  </si>
  <si>
    <t>cg04718342</t>
  </si>
  <si>
    <t>cg04723632</t>
  </si>
  <si>
    <t>cg04784546</t>
  </si>
  <si>
    <t>cg04788288</t>
  </si>
  <si>
    <t>cg04792065</t>
  </si>
  <si>
    <t>cg04798397</t>
  </si>
  <si>
    <t>cg04803843</t>
  </si>
  <si>
    <t>cg04805181</t>
  </si>
  <si>
    <t>cg04807108</t>
  </si>
  <si>
    <t>cg04816434</t>
  </si>
  <si>
    <t>cg04819351</t>
  </si>
  <si>
    <t>cg04821794</t>
  </si>
  <si>
    <t>cg04822808</t>
  </si>
  <si>
    <t>cg04823168</t>
  </si>
  <si>
    <t>cg04828458</t>
  </si>
  <si>
    <t>cg04829853</t>
  </si>
  <si>
    <t>cg04832360</t>
  </si>
  <si>
    <t>cg04833011</t>
  </si>
  <si>
    <t>cg04861263</t>
  </si>
  <si>
    <t>cg04861869</t>
  </si>
  <si>
    <t>cg04865659</t>
  </si>
  <si>
    <t>cg04875128</t>
  </si>
  <si>
    <t>cg04885935</t>
  </si>
  <si>
    <t>cg04886934</t>
  </si>
  <si>
    <t>cg04888085</t>
  </si>
  <si>
    <t>cg04896013</t>
  </si>
  <si>
    <t>cg04910470</t>
  </si>
  <si>
    <t>cg04913160</t>
  </si>
  <si>
    <t>cg04919081</t>
  </si>
  <si>
    <t>cg04946603</t>
  </si>
  <si>
    <t>cg04963523</t>
  </si>
  <si>
    <t>cg04963535</t>
  </si>
  <si>
    <t>cg04966888</t>
  </si>
  <si>
    <t>cg04988187</t>
  </si>
  <si>
    <t>cg04988206</t>
  </si>
  <si>
    <t>cg04988487</t>
  </si>
  <si>
    <t>cg05009389</t>
  </si>
  <si>
    <t>cg05010179</t>
  </si>
  <si>
    <t>cg05013483</t>
  </si>
  <si>
    <t>cg05019168</t>
  </si>
  <si>
    <t>cg05019826</t>
  </si>
  <si>
    <t>cg05027458</t>
  </si>
  <si>
    <t>cg05036032</t>
  </si>
  <si>
    <t>cg05039583</t>
  </si>
  <si>
    <t>cg05042213</t>
  </si>
  <si>
    <t>cg05044185</t>
  </si>
  <si>
    <t>cg05065669</t>
  </si>
  <si>
    <t>cg05068428</t>
  </si>
  <si>
    <t>cg05072473</t>
  </si>
  <si>
    <t>cg05085816</t>
  </si>
  <si>
    <t>cg05104048</t>
  </si>
  <si>
    <t>cg05106892</t>
  </si>
  <si>
    <t>cg05127369</t>
  </si>
  <si>
    <t>cg05142942</t>
  </si>
  <si>
    <t>cg05143860</t>
  </si>
  <si>
    <t>cg05149085</t>
  </si>
  <si>
    <t>cg05151241</t>
  </si>
  <si>
    <t>cg05153851</t>
  </si>
  <si>
    <t>cg05166508</t>
  </si>
  <si>
    <t>cg05197690</t>
  </si>
  <si>
    <t>cg05198670</t>
  </si>
  <si>
    <t>cg05199503</t>
  </si>
  <si>
    <t>cg05201477</t>
  </si>
  <si>
    <t>cg05211768</t>
  </si>
  <si>
    <t>cg05235392</t>
  </si>
  <si>
    <t>cg05236879</t>
  </si>
  <si>
    <t>cg05254078</t>
  </si>
  <si>
    <t>cg05257397</t>
  </si>
  <si>
    <t>cg05270290</t>
  </si>
  <si>
    <t>cg05312278</t>
  </si>
  <si>
    <t>cg05328667</t>
  </si>
  <si>
    <t>cg05375668</t>
  </si>
  <si>
    <t>cg05378199</t>
  </si>
  <si>
    <t>cg05384413</t>
  </si>
  <si>
    <t>cg05392364</t>
  </si>
  <si>
    <t>cg05402319</t>
  </si>
  <si>
    <t>cg05404715</t>
  </si>
  <si>
    <t>cg05406088</t>
  </si>
  <si>
    <t>cg05414026</t>
  </si>
  <si>
    <t>cg05414235</t>
  </si>
  <si>
    <t>cg05414835</t>
  </si>
  <si>
    <t>cg05421555</t>
  </si>
  <si>
    <t>cg05426702</t>
  </si>
  <si>
    <t>cg05450629</t>
  </si>
  <si>
    <t>cg05452354</t>
  </si>
  <si>
    <t>cg05457264</t>
  </si>
  <si>
    <t>cg05458079</t>
  </si>
  <si>
    <t>cg05469396</t>
  </si>
  <si>
    <t>cg05493495</t>
  </si>
  <si>
    <t>cg05497857</t>
  </si>
  <si>
    <t>cg05503460</t>
  </si>
  <si>
    <t>cg05506908</t>
  </si>
  <si>
    <t>cg05538151</t>
  </si>
  <si>
    <t>cg05539174</t>
  </si>
  <si>
    <t>cg05547778</t>
  </si>
  <si>
    <t>cg05572153</t>
  </si>
  <si>
    <t>cg05596267</t>
  </si>
  <si>
    <t>cg05622550</t>
  </si>
  <si>
    <t>cg05624510</t>
  </si>
  <si>
    <t>cg05638059</t>
  </si>
  <si>
    <t>cg05642024</t>
  </si>
  <si>
    <t>cg05642379</t>
  </si>
  <si>
    <t>cg05677467</t>
  </si>
  <si>
    <t>cg05678749</t>
  </si>
  <si>
    <t>cg05718146</t>
  </si>
  <si>
    <t>cg05718884</t>
  </si>
  <si>
    <t>cg05719672</t>
  </si>
  <si>
    <t>cg05728786</t>
  </si>
  <si>
    <t>cg05731183</t>
  </si>
  <si>
    <t>cg05732956</t>
  </si>
  <si>
    <t>cg05749577</t>
  </si>
  <si>
    <t>cg05754688</t>
  </si>
  <si>
    <t>cg05784847</t>
  </si>
  <si>
    <t>cg05785653</t>
  </si>
  <si>
    <t>cg05790451</t>
  </si>
  <si>
    <t>cg05792169</t>
  </si>
  <si>
    <t>cg05804220</t>
  </si>
  <si>
    <t>cg05804863</t>
  </si>
  <si>
    <t>cg05805038</t>
  </si>
  <si>
    <t>cg05852231</t>
  </si>
  <si>
    <t>cg05880817</t>
  </si>
  <si>
    <t>cg05898113</t>
  </si>
  <si>
    <t>cg05901579</t>
  </si>
  <si>
    <t>cg05905176</t>
  </si>
  <si>
    <t>cg05922972</t>
  </si>
  <si>
    <t>cg05923854</t>
  </si>
  <si>
    <t>cg05924647</t>
  </si>
  <si>
    <t>cg05925327</t>
  </si>
  <si>
    <t>cg05926586</t>
  </si>
  <si>
    <t>cg05929132</t>
  </si>
  <si>
    <t>cg05953781</t>
  </si>
  <si>
    <t>cg05968145</t>
  </si>
  <si>
    <t>cg05983247</t>
  </si>
  <si>
    <t>cg05990579</t>
  </si>
  <si>
    <t>cg06022179</t>
  </si>
  <si>
    <t>cg06022664</t>
  </si>
  <si>
    <t>cg06034771</t>
  </si>
  <si>
    <t>cg06043109</t>
  </si>
  <si>
    <t>cg06070291</t>
  </si>
  <si>
    <t>cg06100807</t>
  </si>
  <si>
    <t>cg06130371</t>
  </si>
  <si>
    <t>cg06134546</t>
  </si>
  <si>
    <t>cg06135755</t>
  </si>
  <si>
    <t>cg06188683</t>
  </si>
  <si>
    <t>cg06227920</t>
  </si>
  <si>
    <t>cg06233328</t>
  </si>
  <si>
    <t>cg06237353</t>
  </si>
  <si>
    <t>cg06270244</t>
  </si>
  <si>
    <t>cg06271970</t>
  </si>
  <si>
    <t>cg06273763</t>
  </si>
  <si>
    <t>cg06283368</t>
  </si>
  <si>
    <t>cg06285648</t>
  </si>
  <si>
    <t>cg06289967</t>
  </si>
  <si>
    <t>cg06316897</t>
  </si>
  <si>
    <t>cg06322639</t>
  </si>
  <si>
    <t>cg06332339</t>
  </si>
  <si>
    <t>cg06333492</t>
  </si>
  <si>
    <t>cg06336613</t>
  </si>
  <si>
    <t>cg06376992</t>
  </si>
  <si>
    <t>cg06484986</t>
  </si>
  <si>
    <t>cg06523224</t>
  </si>
  <si>
    <t>cg06526753</t>
  </si>
  <si>
    <t>cg06532379</t>
  </si>
  <si>
    <t>cg06602594</t>
  </si>
  <si>
    <t>cg06603997</t>
  </si>
  <si>
    <t>cg06613755</t>
  </si>
  <si>
    <t>cg06616029</t>
  </si>
  <si>
    <t>cg06618322</t>
  </si>
  <si>
    <t>cg06671139</t>
  </si>
  <si>
    <t>cg06675190</t>
  </si>
  <si>
    <t>cg06679538</t>
  </si>
  <si>
    <t>cg06687846</t>
  </si>
  <si>
    <t>cg06706398</t>
  </si>
  <si>
    <t>cg06732117</t>
  </si>
  <si>
    <t>cg06739505</t>
  </si>
  <si>
    <t>cg06741043</t>
  </si>
  <si>
    <t>cg06756169</t>
  </si>
  <si>
    <t>cg06756227</t>
  </si>
  <si>
    <t>cg06757784</t>
  </si>
  <si>
    <t>cg06776898</t>
  </si>
  <si>
    <t>cg06786153</t>
  </si>
  <si>
    <t>cg06788172</t>
  </si>
  <si>
    <t>cg06799422</t>
  </si>
  <si>
    <t>cg06812586</t>
  </si>
  <si>
    <t>cg06815419</t>
  </si>
  <si>
    <t>cg06817516</t>
  </si>
  <si>
    <t>cg06818804</t>
  </si>
  <si>
    <t>cg06826115</t>
  </si>
  <si>
    <t>cg06826278</t>
  </si>
  <si>
    <t>cg06829968</t>
  </si>
  <si>
    <t>cg06840283</t>
  </si>
  <si>
    <t>cg06842781</t>
  </si>
  <si>
    <t>cg06844932</t>
  </si>
  <si>
    <t>cg06867543</t>
  </si>
  <si>
    <t>cg06870531</t>
  </si>
  <si>
    <t>cg06870609</t>
  </si>
  <si>
    <t>cg06915472</t>
  </si>
  <si>
    <t>cg06922772</t>
  </si>
  <si>
    <t>cg06926934</t>
  </si>
  <si>
    <t>cg06959053</t>
  </si>
  <si>
    <t>cg06992665</t>
  </si>
  <si>
    <t>cg07000955</t>
  </si>
  <si>
    <t>cg07007674</t>
  </si>
  <si>
    <t>cg07015368</t>
  </si>
  <si>
    <t>cg07016184</t>
  </si>
  <si>
    <t>cg07016258</t>
  </si>
  <si>
    <t>cg07017175</t>
  </si>
  <si>
    <t>cg07023915</t>
  </si>
  <si>
    <t>cg07030339</t>
  </si>
  <si>
    <t>cg07042267</t>
  </si>
  <si>
    <t>cg07044032</t>
  </si>
  <si>
    <t>cg07044708</t>
  </si>
  <si>
    <t>cg07050602</t>
  </si>
  <si>
    <t>cg07054040</t>
  </si>
  <si>
    <t>cg07057074</t>
  </si>
  <si>
    <t>cg07057579</t>
  </si>
  <si>
    <t>cg07060006</t>
  </si>
  <si>
    <t>cg07061914</t>
  </si>
  <si>
    <t>cg07062711</t>
  </si>
  <si>
    <t>cg07114024</t>
  </si>
  <si>
    <t>cg07116712</t>
  </si>
  <si>
    <t>cg07120314</t>
  </si>
  <si>
    <t>cg07121980</t>
  </si>
  <si>
    <t>cg07124017</t>
  </si>
  <si>
    <t>cg07142954</t>
  </si>
  <si>
    <t>cg07148167</t>
  </si>
  <si>
    <t>cg07151039</t>
  </si>
  <si>
    <t>cg07199524</t>
  </si>
  <si>
    <t>cg07224454</t>
  </si>
  <si>
    <t>cg07276078</t>
  </si>
  <si>
    <t>cg07279214</t>
  </si>
  <si>
    <t>cg07281959</t>
  </si>
  <si>
    <t>cg07297039</t>
  </si>
  <si>
    <t>cg07307426</t>
  </si>
  <si>
    <t>cg07324702</t>
  </si>
  <si>
    <t>cg07325092</t>
  </si>
  <si>
    <t>cg07335806</t>
  </si>
  <si>
    <t>cg07344528</t>
  </si>
  <si>
    <t>cg07344583</t>
  </si>
  <si>
    <t>cg07381778</t>
  </si>
  <si>
    <t>cg07387335</t>
  </si>
  <si>
    <t>cg07393586</t>
  </si>
  <si>
    <t>cg07394446</t>
  </si>
  <si>
    <t>cg07432526</t>
  </si>
  <si>
    <t>cg07433663</t>
  </si>
  <si>
    <t>cg07467323</t>
  </si>
  <si>
    <t>cg07479864</t>
  </si>
  <si>
    <t>cg07483413</t>
  </si>
  <si>
    <t>cg07484326</t>
  </si>
  <si>
    <t>cg07491495</t>
  </si>
  <si>
    <t>cg07501391</t>
  </si>
  <si>
    <t>cg07517287</t>
  </si>
  <si>
    <t>cg07517944</t>
  </si>
  <si>
    <t>cg07523536</t>
  </si>
  <si>
    <t>cg07525857</t>
  </si>
  <si>
    <t>cg07562079</t>
  </si>
  <si>
    <t>cg07576135</t>
  </si>
  <si>
    <t>cg07576222</t>
  </si>
  <si>
    <t>cg07577668</t>
  </si>
  <si>
    <t>cg07581460</t>
  </si>
  <si>
    <t>cg07617384</t>
  </si>
  <si>
    <t>cg07621075</t>
  </si>
  <si>
    <t>cg07626637</t>
  </si>
  <si>
    <t>cg07626874</t>
  </si>
  <si>
    <t>cg07688779</t>
  </si>
  <si>
    <t>cg07693058</t>
  </si>
  <si>
    <t>cg07699351</t>
  </si>
  <si>
    <t>cg07701166</t>
  </si>
  <si>
    <t>cg07709080</t>
  </si>
  <si>
    <t>cg07713120</t>
  </si>
  <si>
    <t>cg07714565</t>
  </si>
  <si>
    <t>cg07721203</t>
  </si>
  <si>
    <t>cg07726456</t>
  </si>
  <si>
    <t>cg07729059</t>
  </si>
  <si>
    <t>cg07757959</t>
  </si>
  <si>
    <t>cg07764386</t>
  </si>
  <si>
    <t>cg07772128</t>
  </si>
  <si>
    <t>cg07774964</t>
  </si>
  <si>
    <t>cg07776087</t>
  </si>
  <si>
    <t>cg07779120</t>
  </si>
  <si>
    <t>cg07818826</t>
  </si>
  <si>
    <t>cg07822775</t>
  </si>
  <si>
    <t>cg07880431</t>
  </si>
  <si>
    <t>cg07883956</t>
  </si>
  <si>
    <t>cg07893813</t>
  </si>
  <si>
    <t>cg07898632</t>
  </si>
  <si>
    <t>cg07918776</t>
  </si>
  <si>
    <t>cg07923379</t>
  </si>
  <si>
    <t>cg07928083</t>
  </si>
  <si>
    <t>cg07935500</t>
  </si>
  <si>
    <t>cg07945425</t>
  </si>
  <si>
    <t>cg07967632</t>
  </si>
  <si>
    <t>cg07973140</t>
  </si>
  <si>
    <t>cg08036346</t>
  </si>
  <si>
    <t>cg08036502</t>
  </si>
  <si>
    <t>cg08060512</t>
  </si>
  <si>
    <t>cg08076924</t>
  </si>
  <si>
    <t>cg08084502</t>
  </si>
  <si>
    <t>cg08095196</t>
  </si>
  <si>
    <t>cg08107945</t>
  </si>
  <si>
    <t>cg08109516</t>
  </si>
  <si>
    <t>cg08112929</t>
  </si>
  <si>
    <t>cg08113454</t>
  </si>
  <si>
    <t>cg08113526</t>
  </si>
  <si>
    <t>cg08125401</t>
  </si>
  <si>
    <t>cg08128680</t>
  </si>
  <si>
    <t>cg08162257</t>
  </si>
  <si>
    <t>cg08177359</t>
  </si>
  <si>
    <t>cg08180952</t>
  </si>
  <si>
    <t>cg08196090</t>
  </si>
  <si>
    <t>cg08198488</t>
  </si>
  <si>
    <t>cg08254913</t>
  </si>
  <si>
    <t>cg08267442</t>
  </si>
  <si>
    <t>cg08272286</t>
  </si>
  <si>
    <t>cg08274589</t>
  </si>
  <si>
    <t>cg08291539</t>
  </si>
  <si>
    <t>cg08293531</t>
  </si>
  <si>
    <t>cg08294373</t>
  </si>
  <si>
    <t>cg08294721</t>
  </si>
  <si>
    <t>cg08303978</t>
  </si>
  <si>
    <t>cg08304887</t>
  </si>
  <si>
    <t>cg08317694</t>
  </si>
  <si>
    <t>cg08318283</t>
  </si>
  <si>
    <t>cg08323201</t>
  </si>
  <si>
    <t>cg08326075</t>
  </si>
  <si>
    <t>cg08328777</t>
  </si>
  <si>
    <t>cg08330183</t>
  </si>
  <si>
    <t>cg08331842</t>
  </si>
  <si>
    <t>cg08340572</t>
  </si>
  <si>
    <t>cg08348496</t>
  </si>
  <si>
    <t>cg08354309</t>
  </si>
  <si>
    <t>cg08354699</t>
  </si>
  <si>
    <t>cg08359200</t>
  </si>
  <si>
    <t>cg08363605</t>
  </si>
  <si>
    <t>cg08364767</t>
  </si>
  <si>
    <t>cg08370718</t>
  </si>
  <si>
    <t>cg08375808</t>
  </si>
  <si>
    <t>cg08413060</t>
  </si>
  <si>
    <t>cg08414676</t>
  </si>
  <si>
    <t>cg08415838</t>
  </si>
  <si>
    <t>cg08424930</t>
  </si>
  <si>
    <t>cg08426047</t>
  </si>
  <si>
    <t>cg08433504</t>
  </si>
  <si>
    <t>cg08438435</t>
  </si>
  <si>
    <t>cg08445263</t>
  </si>
  <si>
    <t>cg08450752</t>
  </si>
  <si>
    <t>cg08459087</t>
  </si>
  <si>
    <t>cg08484839</t>
  </si>
  <si>
    <t>cg08484934</t>
  </si>
  <si>
    <t>cg08495115</t>
  </si>
  <si>
    <t>cg08557928</t>
  </si>
  <si>
    <t>cg08592761</t>
  </si>
  <si>
    <t>cg08594606</t>
  </si>
  <si>
    <t>cg08595182</t>
  </si>
  <si>
    <t>cg08628601</t>
  </si>
  <si>
    <t>cg08631504</t>
  </si>
  <si>
    <t>cg08633850</t>
  </si>
  <si>
    <t>cg08634079</t>
  </si>
  <si>
    <t>cg08640790</t>
  </si>
  <si>
    <t>cg08680048</t>
  </si>
  <si>
    <t>cg08680417</t>
  </si>
  <si>
    <t>cg08704250</t>
  </si>
  <si>
    <t>cg08728613</t>
  </si>
  <si>
    <t>cg08762449</t>
  </si>
  <si>
    <t>cg08765811</t>
  </si>
  <si>
    <t>cg08769966</t>
  </si>
  <si>
    <t>cg08779207</t>
  </si>
  <si>
    <t>cg08782897</t>
  </si>
  <si>
    <t>cg08802097</t>
  </si>
  <si>
    <t>cg08871809</t>
  </si>
  <si>
    <t>cg08876490</t>
  </si>
  <si>
    <t>cg08876912</t>
  </si>
  <si>
    <t>cg08885647</t>
  </si>
  <si>
    <t>cg08887356</t>
  </si>
  <si>
    <t>cg08889009</t>
  </si>
  <si>
    <t>cg08892705</t>
  </si>
  <si>
    <t>cg08908331</t>
  </si>
  <si>
    <t>cg08939095</t>
  </si>
  <si>
    <t>cg08942929</t>
  </si>
  <si>
    <t>cg08948898</t>
  </si>
  <si>
    <t>cg08949621</t>
  </si>
  <si>
    <t>cg09086835</t>
  </si>
  <si>
    <t>cg09093388</t>
  </si>
  <si>
    <t>cg09157727</t>
  </si>
  <si>
    <t>cg09159619</t>
  </si>
  <si>
    <t>cg09164206</t>
  </si>
  <si>
    <t>cg09170903</t>
  </si>
  <si>
    <t>cg09178700</t>
  </si>
  <si>
    <t>cg09180512</t>
  </si>
  <si>
    <t>cg09190051</t>
  </si>
  <si>
    <t>cg09193347</t>
  </si>
  <si>
    <t>cg09200738</t>
  </si>
  <si>
    <t>cg09201151</t>
  </si>
  <si>
    <t>cg09205538</t>
  </si>
  <si>
    <t>cg09212610</t>
  </si>
  <si>
    <t>cg09214243</t>
  </si>
  <si>
    <t>cg09215936</t>
  </si>
  <si>
    <t>cg09230442</t>
  </si>
  <si>
    <t>cg09230903</t>
  </si>
  <si>
    <t>cg09233429</t>
  </si>
  <si>
    <t>cg09234378</t>
  </si>
  <si>
    <t>cg09234567</t>
  </si>
  <si>
    <t>cg09235138</t>
  </si>
  <si>
    <t>cg09254686</t>
  </si>
  <si>
    <t>cg09262369</t>
  </si>
  <si>
    <t>cg09264088</t>
  </si>
  <si>
    <t>cg09268982</t>
  </si>
  <si>
    <t>cg09272849</t>
  </si>
  <si>
    <t>cg09275910</t>
  </si>
  <si>
    <t>cg09291834</t>
  </si>
  <si>
    <t>cg09296044</t>
  </si>
  <si>
    <t>cg09369863</t>
  </si>
  <si>
    <t>cg09371439</t>
  </si>
  <si>
    <t>cg09392615</t>
  </si>
  <si>
    <t>cg09395572</t>
  </si>
  <si>
    <t>cg09397246</t>
  </si>
  <si>
    <t>cg09403165</t>
  </si>
  <si>
    <t>cg09410154</t>
  </si>
  <si>
    <t>cg09418493</t>
  </si>
  <si>
    <t>cg09420816</t>
  </si>
  <si>
    <t>cg09427354</t>
  </si>
  <si>
    <t>cg09438837</t>
  </si>
  <si>
    <t>cg09445988</t>
  </si>
  <si>
    <t>cg09453870</t>
  </si>
  <si>
    <t>cg09456081</t>
  </si>
  <si>
    <t>cg09463466</t>
  </si>
  <si>
    <t>cg09469663</t>
  </si>
  <si>
    <t>cg09471659</t>
  </si>
  <si>
    <t>cg09481404</t>
  </si>
  <si>
    <t>cg09490603</t>
  </si>
  <si>
    <t>cg09495418</t>
  </si>
  <si>
    <t>cg09498379</t>
  </si>
  <si>
    <t>cg09499482</t>
  </si>
  <si>
    <t>cg09500815</t>
  </si>
  <si>
    <t>cg09549240</t>
  </si>
  <si>
    <t>cg09552517</t>
  </si>
  <si>
    <t>cg09586459</t>
  </si>
  <si>
    <t>cg09613887</t>
  </si>
  <si>
    <t>cg09616463</t>
  </si>
  <si>
    <t>cg09626274</t>
  </si>
  <si>
    <t>cg09628962</t>
  </si>
  <si>
    <t>cg09629019</t>
  </si>
  <si>
    <t>cg09629092</t>
  </si>
  <si>
    <t>cg09630589</t>
  </si>
  <si>
    <t>cg09642777</t>
  </si>
  <si>
    <t>cg09654908</t>
  </si>
  <si>
    <t>cg09683350</t>
  </si>
  <si>
    <t>cg09706180</t>
  </si>
  <si>
    <t>cg09727046</t>
  </si>
  <si>
    <t>cg09732150</t>
  </si>
  <si>
    <t>cg09738947</t>
  </si>
  <si>
    <t>cg09739912</t>
  </si>
  <si>
    <t>cg09744435</t>
  </si>
  <si>
    <t>cg09762043</t>
  </si>
  <si>
    <t>cg09783693</t>
  </si>
  <si>
    <t>cg09785344</t>
  </si>
  <si>
    <t>cg09792204</t>
  </si>
  <si>
    <t>cg09813219</t>
  </si>
  <si>
    <t>cg09818081</t>
  </si>
  <si>
    <t>cg09827761</t>
  </si>
  <si>
    <t>cg09830037</t>
  </si>
  <si>
    <t>cg09840174</t>
  </si>
  <si>
    <t>cg09861958</t>
  </si>
  <si>
    <t>cg09887459</t>
  </si>
  <si>
    <t>cg09894605</t>
  </si>
  <si>
    <t>cg09902251</t>
  </si>
  <si>
    <t>cg09919901</t>
  </si>
  <si>
    <t>cg09926099</t>
  </si>
  <si>
    <t>cg09938408</t>
  </si>
  <si>
    <t>cg09948076</t>
  </si>
  <si>
    <t>cg09948179</t>
  </si>
  <si>
    <t>cg09951507</t>
  </si>
  <si>
    <t>cg09962198</t>
  </si>
  <si>
    <t>cg09969277</t>
  </si>
  <si>
    <t>cg09975316</t>
  </si>
  <si>
    <t>cg09984414</t>
  </si>
  <si>
    <t>cg10000843</t>
  </si>
  <si>
    <t>cg10011062</t>
  </si>
  <si>
    <t>cg10012627</t>
  </si>
  <si>
    <t>cg10013493</t>
  </si>
  <si>
    <t>cg10069155</t>
  </si>
  <si>
    <t>cg10077468</t>
  </si>
  <si>
    <t>cg10079107</t>
  </si>
  <si>
    <t>cg10097464</t>
  </si>
  <si>
    <t>cg10104482</t>
  </si>
  <si>
    <t>cg10131483</t>
  </si>
  <si>
    <t>cg10136576</t>
  </si>
  <si>
    <t>cg10137463</t>
  </si>
  <si>
    <t>cg10140728</t>
  </si>
  <si>
    <t>cg10146203</t>
  </si>
  <si>
    <t>cg10151685</t>
  </si>
  <si>
    <t>cg10154804</t>
  </si>
  <si>
    <t>cg10171357</t>
  </si>
  <si>
    <t>cg10174687</t>
  </si>
  <si>
    <t>cg10186131</t>
  </si>
  <si>
    <t>cg10188698</t>
  </si>
  <si>
    <t>cg10205045</t>
  </si>
  <si>
    <t>cg10212184</t>
  </si>
  <si>
    <t>cg10245488</t>
  </si>
  <si>
    <t>cg10253484</t>
  </si>
  <si>
    <t>cg10263973</t>
  </si>
  <si>
    <t>cg10272675</t>
  </si>
  <si>
    <t>cg10275315</t>
  </si>
  <si>
    <t>cg10294252</t>
  </si>
  <si>
    <t>cg10297971</t>
  </si>
  <si>
    <t>cg10298557</t>
  </si>
  <si>
    <t>cg10302736</t>
  </si>
  <si>
    <t>cg10307507</t>
  </si>
  <si>
    <t>cg10308906</t>
  </si>
  <si>
    <t>cg10310111</t>
  </si>
  <si>
    <t>cg10316525</t>
  </si>
  <si>
    <t>cg10327302</t>
  </si>
  <si>
    <t>cg10343233</t>
  </si>
  <si>
    <t>cg10345131</t>
  </si>
  <si>
    <t>cg10367244</t>
  </si>
  <si>
    <t>cg10372921</t>
  </si>
  <si>
    <t>cg10381071</t>
  </si>
  <si>
    <t>cg10386483</t>
  </si>
  <si>
    <t>cg10403171</t>
  </si>
  <si>
    <t>cg10403934</t>
  </si>
  <si>
    <t>cg10426464</t>
  </si>
  <si>
    <t>cg10426939</t>
  </si>
  <si>
    <t>cg10428279</t>
  </si>
  <si>
    <t>cg10429922</t>
  </si>
  <si>
    <t>cg10437377</t>
  </si>
  <si>
    <t>cg10437577</t>
  </si>
  <si>
    <t>cg10438487</t>
  </si>
  <si>
    <t>cg10453419</t>
  </si>
  <si>
    <t>cg10456710</t>
  </si>
  <si>
    <t>cg10457605</t>
  </si>
  <si>
    <t>cg10469659</t>
  </si>
  <si>
    <t>cg10473100</t>
  </si>
  <si>
    <t>cg10480343</t>
  </si>
  <si>
    <t>cg10480461</t>
  </si>
  <si>
    <t>cg10486227</t>
  </si>
  <si>
    <t>cg10496082</t>
  </si>
  <si>
    <t>cg10533331</t>
  </si>
  <si>
    <t>cg10534635</t>
  </si>
  <si>
    <t>cg10535933</t>
  </si>
  <si>
    <t>cg10548669</t>
  </si>
  <si>
    <t>cg10579128</t>
  </si>
  <si>
    <t>cg10580056</t>
  </si>
  <si>
    <t>cg10582045</t>
  </si>
  <si>
    <t>cg10582968</t>
  </si>
  <si>
    <t>cg10583297</t>
  </si>
  <si>
    <t>cg10583683</t>
  </si>
  <si>
    <t>cg10598356</t>
  </si>
  <si>
    <t>cg10599479</t>
  </si>
  <si>
    <t>cg10604258</t>
  </si>
  <si>
    <t>cg10631289</t>
  </si>
  <si>
    <t>cg10637512</t>
  </si>
  <si>
    <t>cg10643916</t>
  </si>
  <si>
    <t>cg10652393</t>
  </si>
  <si>
    <t>cg10655492</t>
  </si>
  <si>
    <t>cg10662643</t>
  </si>
  <si>
    <t>cg10715147</t>
  </si>
  <si>
    <t>cg10763234</t>
  </si>
  <si>
    <t>cg10778931</t>
  </si>
  <si>
    <t>cg10823473</t>
  </si>
  <si>
    <t>cg10832730</t>
  </si>
  <si>
    <t>cg10835172</t>
  </si>
  <si>
    <t>cg10837625</t>
  </si>
  <si>
    <t>cg10864878</t>
  </si>
  <si>
    <t>cg10884662</t>
  </si>
  <si>
    <t>cg10894566</t>
  </si>
  <si>
    <t>cg10981760</t>
  </si>
  <si>
    <t>cg11024027</t>
  </si>
  <si>
    <t>cg11077171</t>
  </si>
  <si>
    <t>cg11087736</t>
  </si>
  <si>
    <t>cg11108676</t>
  </si>
  <si>
    <t>cg11117234</t>
  </si>
  <si>
    <t>cg11147497</t>
  </si>
  <si>
    <t>cg11152012</t>
  </si>
  <si>
    <t>cg11157366</t>
  </si>
  <si>
    <t>cg11158959</t>
  </si>
  <si>
    <t>cg11164766</t>
  </si>
  <si>
    <t>cg11166299</t>
  </si>
  <si>
    <t>cg11183227</t>
  </si>
  <si>
    <t>cg11184154</t>
  </si>
  <si>
    <t>cg11184237</t>
  </si>
  <si>
    <t>cg11195291</t>
  </si>
  <si>
    <t>cg11266582</t>
  </si>
  <si>
    <t>cg11267410</t>
  </si>
  <si>
    <t>cg11267829</t>
  </si>
  <si>
    <t>cg11287660</t>
  </si>
  <si>
    <t>cg11315754</t>
  </si>
  <si>
    <t>cg11331988</t>
  </si>
  <si>
    <t>cg11332236</t>
  </si>
  <si>
    <t>cg11333007</t>
  </si>
  <si>
    <t>cg11383944</t>
  </si>
  <si>
    <t>cg11392877</t>
  </si>
  <si>
    <t>cg11397581</t>
  </si>
  <si>
    <t>cg11400650</t>
  </si>
  <si>
    <t>cg11405279</t>
  </si>
  <si>
    <t>cg11412582</t>
  </si>
  <si>
    <t>cg11413496</t>
  </si>
  <si>
    <t>cg11418813</t>
  </si>
  <si>
    <t>cg11429271</t>
  </si>
  <si>
    <t>cg11439308</t>
  </si>
  <si>
    <t>cg11439475</t>
  </si>
  <si>
    <t>cg11445122</t>
  </si>
  <si>
    <t>cg11466962</t>
  </si>
  <si>
    <t>cg11510839</t>
  </si>
  <si>
    <t>cg11520554</t>
  </si>
  <si>
    <t>cg11525120</t>
  </si>
  <si>
    <t>cg11525479</t>
  </si>
  <si>
    <t>cg11540553</t>
  </si>
  <si>
    <t>cg11579281</t>
  </si>
  <si>
    <t>cg11580493</t>
  </si>
  <si>
    <t>cg11592786</t>
  </si>
  <si>
    <t>cg11596845</t>
  </si>
  <si>
    <t>cg11597157</t>
  </si>
  <si>
    <t>cg11601252</t>
  </si>
  <si>
    <t>cg11652496</t>
  </si>
  <si>
    <t>cg11675409</t>
  </si>
  <si>
    <t>cg11682319</t>
  </si>
  <si>
    <t>cg11691393</t>
  </si>
  <si>
    <t>cg11698750</t>
  </si>
  <si>
    <t>cg11701759</t>
  </si>
  <si>
    <t>cg11709662</t>
  </si>
  <si>
    <t>cg11737246</t>
  </si>
  <si>
    <t>cg11775605</t>
  </si>
  <si>
    <t>cg11777390</t>
  </si>
  <si>
    <t>cg11794877</t>
  </si>
  <si>
    <t>cg11797222</t>
  </si>
  <si>
    <t>cg11804248</t>
  </si>
  <si>
    <t>cg11811131</t>
  </si>
  <si>
    <t>cg11821817</t>
  </si>
  <si>
    <t>cg11826663</t>
  </si>
  <si>
    <t>cg11827907</t>
  </si>
  <si>
    <t>cg11831431</t>
  </si>
  <si>
    <t>cg11831981</t>
  </si>
  <si>
    <t>cg11832990</t>
  </si>
  <si>
    <t>cg11837713</t>
  </si>
  <si>
    <t>cg11838640</t>
  </si>
  <si>
    <t>cg11846581</t>
  </si>
  <si>
    <t>cg11852674</t>
  </si>
  <si>
    <t>cg11854917</t>
  </si>
  <si>
    <t>cg11858252</t>
  </si>
  <si>
    <t>cg11862246</t>
  </si>
  <si>
    <t>cg11939465</t>
  </si>
  <si>
    <t>cg11942622</t>
  </si>
  <si>
    <t>cg11952604</t>
  </si>
  <si>
    <t>cg11972810</t>
  </si>
  <si>
    <t>cg11981744</t>
  </si>
  <si>
    <t>cg11990980</t>
  </si>
  <si>
    <t>cg11991866</t>
  </si>
  <si>
    <t>cg12002303</t>
  </si>
  <si>
    <t>cg12015851</t>
  </si>
  <si>
    <t>cg12017911</t>
  </si>
  <si>
    <t>cg12020433</t>
  </si>
  <si>
    <t>cg12027358</t>
  </si>
  <si>
    <t>cg12034791</t>
  </si>
  <si>
    <t>cg12043722</t>
  </si>
  <si>
    <t>cg12045511</t>
  </si>
  <si>
    <t>cg12049485</t>
  </si>
  <si>
    <t>cg12058947</t>
  </si>
  <si>
    <t>cg12062220</t>
  </si>
  <si>
    <t>cg12064201</t>
  </si>
  <si>
    <t>cg12067522</t>
  </si>
  <si>
    <t>cg12101586</t>
  </si>
  <si>
    <t>cg12118915</t>
  </si>
  <si>
    <t>cg12119383</t>
  </si>
  <si>
    <t>cg12120491</t>
  </si>
  <si>
    <t>cg12139329</t>
  </si>
  <si>
    <t>cg12165240</t>
  </si>
  <si>
    <t>cg12175172</t>
  </si>
  <si>
    <t>cg12176476</t>
  </si>
  <si>
    <t>cg12177010</t>
  </si>
  <si>
    <t>cg12217444</t>
  </si>
  <si>
    <t>cg12226028</t>
  </si>
  <si>
    <t>cg12228919</t>
  </si>
  <si>
    <t>cg12229505</t>
  </si>
  <si>
    <t>cg12230071</t>
  </si>
  <si>
    <t>cg12240975</t>
  </si>
  <si>
    <t>cg12251884</t>
  </si>
  <si>
    <t>cg12296218</t>
  </si>
  <si>
    <t>cg12304482</t>
  </si>
  <si>
    <t>cg12307764</t>
  </si>
  <si>
    <t>cg12307823</t>
  </si>
  <si>
    <t>cg12309516</t>
  </si>
  <si>
    <t>cg12309653</t>
  </si>
  <si>
    <t>cg12313215</t>
  </si>
  <si>
    <t>cg12313892</t>
  </si>
  <si>
    <t>cg12323089</t>
  </si>
  <si>
    <t>cg12323884</t>
  </si>
  <si>
    <t>cg12349571</t>
  </si>
  <si>
    <t>cg12352124</t>
  </si>
  <si>
    <t>cg12358698</t>
  </si>
  <si>
    <t>cg12363584</t>
  </si>
  <si>
    <t>cg12368188</t>
  </si>
  <si>
    <t>cg12379383</t>
  </si>
  <si>
    <t>cg12389767</t>
  </si>
  <si>
    <t>cg12400336</t>
  </si>
  <si>
    <t>cg12409361</t>
  </si>
  <si>
    <t>cg12414681</t>
  </si>
  <si>
    <t>cg12421755</t>
  </si>
  <si>
    <t>cg12422688</t>
  </si>
  <si>
    <t>cg12435359</t>
  </si>
  <si>
    <t>cg12439527</t>
  </si>
  <si>
    <t>cg12452298</t>
  </si>
  <si>
    <t>cg12467864</t>
  </si>
  <si>
    <t>cg12485185</t>
  </si>
  <si>
    <t>cg12487497</t>
  </si>
  <si>
    <t>cg12488346</t>
  </si>
  <si>
    <t>cg12491643</t>
  </si>
  <si>
    <t>cg12491805</t>
  </si>
  <si>
    <t>cg12495676</t>
  </si>
  <si>
    <t>cg12500876</t>
  </si>
  <si>
    <t>cg12502155</t>
  </si>
  <si>
    <t>cg12522049</t>
  </si>
  <si>
    <t>cg12522610</t>
  </si>
  <si>
    <t>cg12560020</t>
  </si>
  <si>
    <t>cg12580230</t>
  </si>
  <si>
    <t>cg12591491</t>
  </si>
  <si>
    <t>cg12593421</t>
  </si>
  <si>
    <t>cg12598048</t>
  </si>
  <si>
    <t>cg12598235</t>
  </si>
  <si>
    <t>cg12598371</t>
  </si>
  <si>
    <t>cg12599235</t>
  </si>
  <si>
    <t>cg12599581</t>
  </si>
  <si>
    <t>cg12604181</t>
  </si>
  <si>
    <t>cg12627454</t>
  </si>
  <si>
    <t>cg12627870</t>
  </si>
  <si>
    <t>cg12628659</t>
  </si>
  <si>
    <t>cg12635019</t>
  </si>
  <si>
    <t>cg12642414</t>
  </si>
  <si>
    <t>cg12645284</t>
  </si>
  <si>
    <t>cg12651851</t>
  </si>
  <si>
    <t>cg12661256</t>
  </si>
  <si>
    <t>cg12664207</t>
  </si>
  <si>
    <t>cg12664560</t>
  </si>
  <si>
    <t>cg12680957</t>
  </si>
  <si>
    <t>cg12685846</t>
  </si>
  <si>
    <t>cg12687343</t>
  </si>
  <si>
    <t>cg12698737</t>
  </si>
  <si>
    <t>cg12700439</t>
  </si>
  <si>
    <t>cg12711755</t>
  </si>
  <si>
    <t>cg12719753</t>
  </si>
  <si>
    <t>cg12725420</t>
  </si>
  <si>
    <t>cg12726354</t>
  </si>
  <si>
    <t>cg12735498</t>
  </si>
  <si>
    <t>cg12738347</t>
  </si>
  <si>
    <t>cg12766407</t>
  </si>
  <si>
    <t>cg12789522</t>
  </si>
  <si>
    <t>cg12793879</t>
  </si>
  <si>
    <t>cg12799119</t>
  </si>
  <si>
    <t>cg12848808</t>
  </si>
  <si>
    <t>cg12863693</t>
  </si>
  <si>
    <t>cg12866769</t>
  </si>
  <si>
    <t>cg12919135</t>
  </si>
  <si>
    <t>cg12925764</t>
  </si>
  <si>
    <t>cg12933431</t>
  </si>
  <si>
    <t>cg12934461</t>
  </si>
  <si>
    <t>cg12935497</t>
  </si>
  <si>
    <t>cg12946518</t>
  </si>
  <si>
    <t>cg12949483</t>
  </si>
  <si>
    <t>cg12954230</t>
  </si>
  <si>
    <t>cg13027404</t>
  </si>
  <si>
    <t>cg13027682</t>
  </si>
  <si>
    <t>cg13035254</t>
  </si>
  <si>
    <t>cg13039199</t>
  </si>
  <si>
    <t>cg13049881</t>
  </si>
  <si>
    <t>cg13051607</t>
  </si>
  <si>
    <t>cg13054224</t>
  </si>
  <si>
    <t>cg13062280</t>
  </si>
  <si>
    <t>cg13073261</t>
  </si>
  <si>
    <t>cg13078563</t>
  </si>
  <si>
    <t>cg13131908</t>
  </si>
  <si>
    <t>cg13136242</t>
  </si>
  <si>
    <t>cg13138954</t>
  </si>
  <si>
    <t>cg13151057</t>
  </si>
  <si>
    <t>cg13163521</t>
  </si>
  <si>
    <t>cg13170705</t>
  </si>
  <si>
    <t>cg13175736</t>
  </si>
  <si>
    <t>cg13181974</t>
  </si>
  <si>
    <t>cg13190924</t>
  </si>
  <si>
    <t>cg13191115</t>
  </si>
  <si>
    <t>cg13195266</t>
  </si>
  <si>
    <t>cg13210923</t>
  </si>
  <si>
    <t>cg13301155</t>
  </si>
  <si>
    <t>cg13316255</t>
  </si>
  <si>
    <t>cg13331179</t>
  </si>
  <si>
    <t>cg13331940</t>
  </si>
  <si>
    <t>cg13362147</t>
  </si>
  <si>
    <t>cg13369554</t>
  </si>
  <si>
    <t>cg13375624</t>
  </si>
  <si>
    <t>cg13401987</t>
  </si>
  <si>
    <t>cg13403719</t>
  </si>
  <si>
    <t>cg13417268</t>
  </si>
  <si>
    <t>cg13418632</t>
  </si>
  <si>
    <t>cg13434638</t>
  </si>
  <si>
    <t>cg13435833</t>
  </si>
  <si>
    <t>cg13436879</t>
  </si>
  <si>
    <t>cg13474370</t>
  </si>
  <si>
    <t>cg13481974</t>
  </si>
  <si>
    <t>cg13496862</t>
  </si>
  <si>
    <t>cg13512069</t>
  </si>
  <si>
    <t>cg13554708</t>
  </si>
  <si>
    <t>cg13556511</t>
  </si>
  <si>
    <t>cg13557411</t>
  </si>
  <si>
    <t>cg13557631</t>
  </si>
  <si>
    <t>cg13570656</t>
  </si>
  <si>
    <t>cg13578134</t>
  </si>
  <si>
    <t>cg13579205</t>
  </si>
  <si>
    <t>cg13579562</t>
  </si>
  <si>
    <t>cg13579574</t>
  </si>
  <si>
    <t>cg13581437</t>
  </si>
  <si>
    <t>cg13590336</t>
  </si>
  <si>
    <t>cg13594138</t>
  </si>
  <si>
    <t>cg13615036</t>
  </si>
  <si>
    <t>cg13615491</t>
  </si>
  <si>
    <t>cg13615592</t>
  </si>
  <si>
    <t>cg13617591</t>
  </si>
  <si>
    <t>cg13617889</t>
  </si>
  <si>
    <t>cg13619852</t>
  </si>
  <si>
    <t>cg13626505</t>
  </si>
  <si>
    <t>cg13627451</t>
  </si>
  <si>
    <t>cg13634501</t>
  </si>
  <si>
    <t>cg13707183</t>
  </si>
  <si>
    <t>cg13710595</t>
  </si>
  <si>
    <t>cg13714459</t>
  </si>
  <si>
    <t>cg13746315</t>
  </si>
  <si>
    <t>cg13747872</t>
  </si>
  <si>
    <t>cg13749070</t>
  </si>
  <si>
    <t>cg13754255</t>
  </si>
  <si>
    <t>cg13762474</t>
  </si>
  <si>
    <t>cg13771214</t>
  </si>
  <si>
    <t>cg13778201</t>
  </si>
  <si>
    <t>cg13778723</t>
  </si>
  <si>
    <t>cg13781197</t>
  </si>
  <si>
    <t>cg13784264</t>
  </si>
  <si>
    <t>cg13785221</t>
  </si>
  <si>
    <t>cg13789458</t>
  </si>
  <si>
    <t>cg13798146</t>
  </si>
  <si>
    <t>cg13799544</t>
  </si>
  <si>
    <t>cg13800209</t>
  </si>
  <si>
    <t>cg13812377</t>
  </si>
  <si>
    <t>cg13818726</t>
  </si>
  <si>
    <t>cg13823553</t>
  </si>
  <si>
    <t>cg13826167</t>
  </si>
  <si>
    <t>cg13834146</t>
  </si>
  <si>
    <t>cg13848981</t>
  </si>
  <si>
    <t>cg13892902</t>
  </si>
  <si>
    <t>cg13892980</t>
  </si>
  <si>
    <t>cg13904571</t>
  </si>
  <si>
    <t>cg13907424</t>
  </si>
  <si>
    <t>cg13909555</t>
  </si>
  <si>
    <t>cg13920440</t>
  </si>
  <si>
    <t>cg13940834</t>
  </si>
  <si>
    <t>cg13942157</t>
  </si>
  <si>
    <t>cg13958749</t>
  </si>
  <si>
    <t>cg13966878</t>
  </si>
  <si>
    <t>cg13980533</t>
  </si>
  <si>
    <t>cg14004161</t>
  </si>
  <si>
    <t>cg14005384</t>
  </si>
  <si>
    <t>cg14023999</t>
  </si>
  <si>
    <t>cg14076977</t>
  </si>
  <si>
    <t>cg14086642</t>
  </si>
  <si>
    <t>cg14136810</t>
  </si>
  <si>
    <t>cg14164908</t>
  </si>
  <si>
    <t>cg14169163</t>
  </si>
  <si>
    <t>cg14178714</t>
  </si>
  <si>
    <t>cg14179433</t>
  </si>
  <si>
    <t>cg14206962</t>
  </si>
  <si>
    <t>cg14209037</t>
  </si>
  <si>
    <t>cg14210607</t>
  </si>
  <si>
    <t>cg14212266</t>
  </si>
  <si>
    <t>cg14216870</t>
  </si>
  <si>
    <t>cg14218747</t>
  </si>
  <si>
    <t>cg14230666</t>
  </si>
  <si>
    <t>cg14292280</t>
  </si>
  <si>
    <t>cg14298792</t>
  </si>
  <si>
    <t>cg14344315</t>
  </si>
  <si>
    <t>cg14372171</t>
  </si>
  <si>
    <t>cg14394692</t>
  </si>
  <si>
    <t>cg14414515</t>
  </si>
  <si>
    <t>cg14418942</t>
  </si>
  <si>
    <t>cg14430441</t>
  </si>
  <si>
    <t>cg14431006</t>
  </si>
  <si>
    <t>cg14433497</t>
  </si>
  <si>
    <t>cg14478806</t>
  </si>
  <si>
    <t>cg14479947</t>
  </si>
  <si>
    <t>cg14480343</t>
  </si>
  <si>
    <t>cg14489817</t>
  </si>
  <si>
    <t>cg14494623</t>
  </si>
  <si>
    <t>cg14507132</t>
  </si>
  <si>
    <t>cg14508508</t>
  </si>
  <si>
    <t>cg14509581</t>
  </si>
  <si>
    <t>cg14510404</t>
  </si>
  <si>
    <t>cg14512563</t>
  </si>
  <si>
    <t>cg14519123</t>
  </si>
  <si>
    <t>cg14519850</t>
  </si>
  <si>
    <t>cg14522055</t>
  </si>
  <si>
    <t>cg14525688</t>
  </si>
  <si>
    <t>cg14527148</t>
  </si>
  <si>
    <t>cg14529224</t>
  </si>
  <si>
    <t>cg14554415</t>
  </si>
  <si>
    <t>cg14560311</t>
  </si>
  <si>
    <t>cg14562915</t>
  </si>
  <si>
    <t>cg14563868</t>
  </si>
  <si>
    <t>cg14576896</t>
  </si>
  <si>
    <t>cg14582220</t>
  </si>
  <si>
    <t>cg14592024</t>
  </si>
  <si>
    <t>cg14696396</t>
  </si>
  <si>
    <t>cg14722975</t>
  </si>
  <si>
    <t>cg14727192</t>
  </si>
  <si>
    <t>cg14772594</t>
  </si>
  <si>
    <t>cg14774557</t>
  </si>
  <si>
    <t>cg14785381</t>
  </si>
  <si>
    <t>cg14807837</t>
  </si>
  <si>
    <t>cg14811102</t>
  </si>
  <si>
    <t>cg14815086</t>
  </si>
  <si>
    <t>cg14826226</t>
  </si>
  <si>
    <t>cg14829155</t>
  </si>
  <si>
    <t>cg14831317</t>
  </si>
  <si>
    <t>cg14848666</t>
  </si>
  <si>
    <t>cg14851263</t>
  </si>
  <si>
    <t>cg14855334</t>
  </si>
  <si>
    <t>cg14859324</t>
  </si>
  <si>
    <t>cg14860120</t>
  </si>
  <si>
    <t>cg14868530</t>
  </si>
  <si>
    <t>cg14898822</t>
  </si>
  <si>
    <t>cg14902146</t>
  </si>
  <si>
    <t>cg14903685</t>
  </si>
  <si>
    <t>cg14909603</t>
  </si>
  <si>
    <t>cg14921757</t>
  </si>
  <si>
    <t>cg14926216</t>
  </si>
  <si>
    <t>cg15020732</t>
  </si>
  <si>
    <t>cg15025769</t>
  </si>
  <si>
    <t>cg15070718</t>
  </si>
  <si>
    <t>cg15190914</t>
  </si>
  <si>
    <t>cg15193953</t>
  </si>
  <si>
    <t>cg15198335</t>
  </si>
  <si>
    <t>cg15199301</t>
  </si>
  <si>
    <t>cg15269751</t>
  </si>
  <si>
    <t>cg15276331</t>
  </si>
  <si>
    <t>cg15278646</t>
  </si>
  <si>
    <t>cg15281774</t>
  </si>
  <si>
    <t>cg15289316</t>
  </si>
  <si>
    <t>cg15289517</t>
  </si>
  <si>
    <t>cg15324453</t>
  </si>
  <si>
    <t>cg15338603</t>
  </si>
  <si>
    <t>cg15383900</t>
  </si>
  <si>
    <t>cg15385562</t>
  </si>
  <si>
    <t>cg15391302</t>
  </si>
  <si>
    <t>cg15428578</t>
  </si>
  <si>
    <t>cg15441230</t>
  </si>
  <si>
    <t>cg15447787</t>
  </si>
  <si>
    <t>cg15453204</t>
  </si>
  <si>
    <t>cg15465548</t>
  </si>
  <si>
    <t>cg15465607</t>
  </si>
  <si>
    <t>cg15479073</t>
  </si>
  <si>
    <t>cg15491461</t>
  </si>
  <si>
    <t>cg15501674</t>
  </si>
  <si>
    <t>cg15546607</t>
  </si>
  <si>
    <t>cg15560586</t>
  </si>
  <si>
    <t>cg15565032</t>
  </si>
  <si>
    <t>cg15568960</t>
  </si>
  <si>
    <t>cg15581235</t>
  </si>
  <si>
    <t>cg15597821</t>
  </si>
  <si>
    <t>cg15605858</t>
  </si>
  <si>
    <t>cg15611336</t>
  </si>
  <si>
    <t>cg15628498</t>
  </si>
  <si>
    <t>cg15672331</t>
  </si>
  <si>
    <t>cg15674596</t>
  </si>
  <si>
    <t>cg15682717</t>
  </si>
  <si>
    <t>cg15721439</t>
  </si>
  <si>
    <t>cg15799226</t>
  </si>
  <si>
    <t>cg15805053</t>
  </si>
  <si>
    <t>cg15807180</t>
  </si>
  <si>
    <t>cg15815156</t>
  </si>
  <si>
    <t>cg15824707</t>
  </si>
  <si>
    <t>cg15825536</t>
  </si>
  <si>
    <t>cg15827677</t>
  </si>
  <si>
    <t>cg15832822</t>
  </si>
  <si>
    <t>cg15835988</t>
  </si>
  <si>
    <t>cg15851274</t>
  </si>
  <si>
    <t>cg15880762</t>
  </si>
  <si>
    <t>cg15886728</t>
  </si>
  <si>
    <t>cg15888849</t>
  </si>
  <si>
    <t>cg15889649</t>
  </si>
  <si>
    <t>cg15891644</t>
  </si>
  <si>
    <t>cg15899410</t>
  </si>
  <si>
    <t>cg15902390</t>
  </si>
  <si>
    <t>cg15904908</t>
  </si>
  <si>
    <t>cg15931471</t>
  </si>
  <si>
    <t>cg15933514</t>
  </si>
  <si>
    <t>cg16049391</t>
  </si>
  <si>
    <t>cg16054642</t>
  </si>
  <si>
    <t>cg16078685</t>
  </si>
  <si>
    <t>cg16086130</t>
  </si>
  <si>
    <t>cg16086559</t>
  </si>
  <si>
    <t>cg16092018</t>
  </si>
  <si>
    <t>cg16105309</t>
  </si>
  <si>
    <t>cg16108253</t>
  </si>
  <si>
    <t>cg16146501</t>
  </si>
  <si>
    <t>cg16149030</t>
  </si>
  <si>
    <t>cg16179740</t>
  </si>
  <si>
    <t>cg16203125</t>
  </si>
  <si>
    <t>cg16214653</t>
  </si>
  <si>
    <t>cg16219810</t>
  </si>
  <si>
    <t>cg16225804</t>
  </si>
  <si>
    <t>cg16237715</t>
  </si>
  <si>
    <t>cg16276982</t>
  </si>
  <si>
    <t>cg16278828</t>
  </si>
  <si>
    <t>cg16359406</t>
  </si>
  <si>
    <t>cg16374663</t>
  </si>
  <si>
    <t>cg16384496</t>
  </si>
  <si>
    <t>cg16389285</t>
  </si>
  <si>
    <t>cg16389560</t>
  </si>
  <si>
    <t>cg16389924</t>
  </si>
  <si>
    <t>cg16397021</t>
  </si>
  <si>
    <t>cg16408537</t>
  </si>
  <si>
    <t>cg16439512</t>
  </si>
  <si>
    <t>cg16442450</t>
  </si>
  <si>
    <t>cg16445139</t>
  </si>
  <si>
    <t>cg16452361</t>
  </si>
  <si>
    <t>cg16460359</t>
  </si>
  <si>
    <t>cg16470309</t>
  </si>
  <si>
    <t>cg16472060</t>
  </si>
  <si>
    <t>cg16477190</t>
  </si>
  <si>
    <t>cg16522107</t>
  </si>
  <si>
    <t>cg16526636</t>
  </si>
  <si>
    <t>cg16544768</t>
  </si>
  <si>
    <t>cg16553447</t>
  </si>
  <si>
    <t>cg16555165</t>
  </si>
  <si>
    <t>cg16586192</t>
  </si>
  <si>
    <t>cg16587794</t>
  </si>
  <si>
    <t>cg16611005</t>
  </si>
  <si>
    <t>cg16645202</t>
  </si>
  <si>
    <t>cg16648494</t>
  </si>
  <si>
    <t>cg16651732</t>
  </si>
  <si>
    <t>cg16656979</t>
  </si>
  <si>
    <t>cg16662919</t>
  </si>
  <si>
    <t>cg16670554</t>
  </si>
  <si>
    <t>cg16672830</t>
  </si>
  <si>
    <t>cg16701059</t>
  </si>
  <si>
    <t>cg16701105</t>
  </si>
  <si>
    <t>cg16711321</t>
  </si>
  <si>
    <t>cg16718263</t>
  </si>
  <si>
    <t>cg16727862</t>
  </si>
  <si>
    <t>cg16729415</t>
  </si>
  <si>
    <t>cg16754378</t>
  </si>
  <si>
    <t>cg16778156</t>
  </si>
  <si>
    <t>cg16778319</t>
  </si>
  <si>
    <t>cg16778527</t>
  </si>
  <si>
    <t>cg16782848</t>
  </si>
  <si>
    <t>cg16787025</t>
  </si>
  <si>
    <t>cg16791186</t>
  </si>
  <si>
    <t>cg16799785</t>
  </si>
  <si>
    <t>cg16803522</t>
  </si>
  <si>
    <t>cg16803846</t>
  </si>
  <si>
    <t>cg16896009</t>
  </si>
  <si>
    <t>cg16914151</t>
  </si>
  <si>
    <t>cg16920189</t>
  </si>
  <si>
    <t>cg16922275</t>
  </si>
  <si>
    <t>cg16926284</t>
  </si>
  <si>
    <t>cg16970734</t>
  </si>
  <si>
    <t>cg16973568</t>
  </si>
  <si>
    <t>cg16976547</t>
  </si>
  <si>
    <t>cg16993249</t>
  </si>
  <si>
    <t>cg16994330</t>
  </si>
  <si>
    <t>cg17010769</t>
  </si>
  <si>
    <t>cg17010968</t>
  </si>
  <si>
    <t>cg17046977</t>
  </si>
  <si>
    <t>cg17051704</t>
  </si>
  <si>
    <t>cg17057098</t>
  </si>
  <si>
    <t>cg17073392</t>
  </si>
  <si>
    <t>cg17095737</t>
  </si>
  <si>
    <t>cg17098829</t>
  </si>
  <si>
    <t>cg17121412</t>
  </si>
  <si>
    <t>cg17123237</t>
  </si>
  <si>
    <t>cg17124224</t>
  </si>
  <si>
    <t>cg17146558</t>
  </si>
  <si>
    <t>cg17147728</t>
  </si>
  <si>
    <t>cg17150474</t>
  </si>
  <si>
    <t>cg17161804</t>
  </si>
  <si>
    <t>cg17164781</t>
  </si>
  <si>
    <t>cg17169931</t>
  </si>
  <si>
    <t>cg17173187</t>
  </si>
  <si>
    <t>cg17173816</t>
  </si>
  <si>
    <t>cg17174180</t>
  </si>
  <si>
    <t>cg17176002</t>
  </si>
  <si>
    <t>cg17178280</t>
  </si>
  <si>
    <t>cg17178291</t>
  </si>
  <si>
    <t>cg17179314</t>
  </si>
  <si>
    <t>cg17190703</t>
  </si>
  <si>
    <t>cg17222755</t>
  </si>
  <si>
    <t>cg17233202</t>
  </si>
  <si>
    <t>cg17236576</t>
  </si>
  <si>
    <t>cg17239140</t>
  </si>
  <si>
    <t>cg17263974</t>
  </si>
  <si>
    <t>cg17269565</t>
  </si>
  <si>
    <t>cg17271180</t>
  </si>
  <si>
    <t>cg17272019</t>
  </si>
  <si>
    <t>cg17274072</t>
  </si>
  <si>
    <t>cg17279773</t>
  </si>
  <si>
    <t>cg17286244</t>
  </si>
  <si>
    <t>cg17296165</t>
  </si>
  <si>
    <t>cg17301980</t>
  </si>
  <si>
    <t>cg17350720</t>
  </si>
  <si>
    <t>cg17356280</t>
  </si>
  <si>
    <t>cg17359064</t>
  </si>
  <si>
    <t>cg17366378</t>
  </si>
  <si>
    <t>cg17366808</t>
  </si>
  <si>
    <t>cg17375167</t>
  </si>
  <si>
    <t>cg17377818</t>
  </si>
  <si>
    <t>cg17381754</t>
  </si>
  <si>
    <t>cg17386899</t>
  </si>
  <si>
    <t>cg17392866</t>
  </si>
  <si>
    <t>cg17393272</t>
  </si>
  <si>
    <t>cg17438432</t>
  </si>
  <si>
    <t>cg17447014</t>
  </si>
  <si>
    <t>cg17453840</t>
  </si>
  <si>
    <t>cg17456842</t>
  </si>
  <si>
    <t>cg17507573</t>
  </si>
  <si>
    <t>cg17509537</t>
  </si>
  <si>
    <t>cg17520942</t>
  </si>
  <si>
    <t>cg17632405</t>
  </si>
  <si>
    <t>cg17634490</t>
  </si>
  <si>
    <t>cg17707660</t>
  </si>
  <si>
    <t>cg17722664</t>
  </si>
  <si>
    <t>cg17726266</t>
  </si>
  <si>
    <t>cg17731981</t>
  </si>
  <si>
    <t>cg17744158</t>
  </si>
  <si>
    <t>cg17794241</t>
  </si>
  <si>
    <t>cg17794524</t>
  </si>
  <si>
    <t>cg17806437</t>
  </si>
  <si>
    <t>cg17823892</t>
  </si>
  <si>
    <t>cg17825070</t>
  </si>
  <si>
    <t>cg17836132</t>
  </si>
  <si>
    <t>cg17847044</t>
  </si>
  <si>
    <t>cg17855264</t>
  </si>
  <si>
    <t>cg17859659</t>
  </si>
  <si>
    <t>cg17864041</t>
  </si>
  <si>
    <t>cg17866680</t>
  </si>
  <si>
    <t>cg17874528</t>
  </si>
  <si>
    <t>cg17886038</t>
  </si>
  <si>
    <t>cg17895157</t>
  </si>
  <si>
    <t>cg17896636</t>
  </si>
  <si>
    <t>cg17896927</t>
  </si>
  <si>
    <t>cg17918544</t>
  </si>
  <si>
    <t>cg17926792</t>
  </si>
  <si>
    <t>cg17934940</t>
  </si>
  <si>
    <t>cg17935035</t>
  </si>
  <si>
    <t>cg17935677</t>
  </si>
  <si>
    <t>cg17967970</t>
  </si>
  <si>
    <t>cg17973394</t>
  </si>
  <si>
    <t>cg18013306</t>
  </si>
  <si>
    <t>cg18013711</t>
  </si>
  <si>
    <t>cg18021161</t>
  </si>
  <si>
    <t>cg18023640</t>
  </si>
  <si>
    <t>cg18064474</t>
  </si>
  <si>
    <t>cg18069309</t>
  </si>
  <si>
    <t>cg18077387</t>
  </si>
  <si>
    <t>cg18088242</t>
  </si>
  <si>
    <t>cg18088653</t>
  </si>
  <si>
    <t>cg18097281</t>
  </si>
  <si>
    <t>cg18115022</t>
  </si>
  <si>
    <t>cg18116373</t>
  </si>
  <si>
    <t>cg18117600</t>
  </si>
  <si>
    <t>cg18132228</t>
  </si>
  <si>
    <t>cg18136895</t>
  </si>
  <si>
    <t>cg18139053</t>
  </si>
  <si>
    <t>cg18144285</t>
  </si>
  <si>
    <t>cg18174569</t>
  </si>
  <si>
    <t>cg18175898</t>
  </si>
  <si>
    <t>cg18189994</t>
  </si>
  <si>
    <t>cg18194957</t>
  </si>
  <si>
    <t>cg18201393</t>
  </si>
  <si>
    <t>cg18202336</t>
  </si>
  <si>
    <t>cg18230627</t>
  </si>
  <si>
    <t>cg18235457</t>
  </si>
  <si>
    <t>cg18247172</t>
  </si>
  <si>
    <t>cg18253764</t>
  </si>
  <si>
    <t>cg18255240</t>
  </si>
  <si>
    <t>cg18256640</t>
  </si>
  <si>
    <t>cg18261205</t>
  </si>
  <si>
    <t>cg18262212</t>
  </si>
  <si>
    <t>cg18264548</t>
  </si>
  <si>
    <t>cg18266456</t>
  </si>
  <si>
    <t>cg18269826</t>
  </si>
  <si>
    <t>cg18283916</t>
  </si>
  <si>
    <t>cg18314140</t>
  </si>
  <si>
    <t>cg18329780</t>
  </si>
  <si>
    <t>cg18355120</t>
  </si>
  <si>
    <t>cg18363538</t>
  </si>
  <si>
    <t>cg18376860</t>
  </si>
  <si>
    <t>cg18384926</t>
  </si>
  <si>
    <t>cg18385233</t>
  </si>
  <si>
    <t>cg18388910</t>
  </si>
  <si>
    <t>cg18437068</t>
  </si>
  <si>
    <t>cg18456782</t>
  </si>
  <si>
    <t>cg18459189</t>
  </si>
  <si>
    <t>cg18468560</t>
  </si>
  <si>
    <t>cg18470710</t>
  </si>
  <si>
    <t>cg18471471</t>
  </si>
  <si>
    <t>cg18480781</t>
  </si>
  <si>
    <t>cg18498159</t>
  </si>
  <si>
    <t>cg18512515</t>
  </si>
  <si>
    <t>cg18541417</t>
  </si>
  <si>
    <t>cg18541904</t>
  </si>
  <si>
    <t>cg18542599</t>
  </si>
  <si>
    <t>cg18550509</t>
  </si>
  <si>
    <t>cg18556777</t>
  </si>
  <si>
    <t>cg18558647</t>
  </si>
  <si>
    <t>cg18560204</t>
  </si>
  <si>
    <t>cg18567174</t>
  </si>
  <si>
    <t>cg18568647</t>
  </si>
  <si>
    <t>cg18569141</t>
  </si>
  <si>
    <t>cg18570369</t>
  </si>
  <si>
    <t>cg18581777</t>
  </si>
  <si>
    <t>cg18582992</t>
  </si>
  <si>
    <t>cg18585642</t>
  </si>
  <si>
    <t>cg18586470</t>
  </si>
  <si>
    <t>cg18588027</t>
  </si>
  <si>
    <t>cg18588323</t>
  </si>
  <si>
    <t>cg18588504</t>
  </si>
  <si>
    <t>cg18612204</t>
  </si>
  <si>
    <t>cg18614379</t>
  </si>
  <si>
    <t>cg18648987</t>
  </si>
  <si>
    <t>cg18650670</t>
  </si>
  <si>
    <t>cg18699533</t>
  </si>
  <si>
    <t>cg18703910</t>
  </si>
  <si>
    <t>cg18704421</t>
  </si>
  <si>
    <t>cg18707780</t>
  </si>
  <si>
    <t>cg18712672</t>
  </si>
  <si>
    <t>cg18723873</t>
  </si>
  <si>
    <t>cg18724430</t>
  </si>
  <si>
    <t>cg18730841</t>
  </si>
  <si>
    <t>cg18734428</t>
  </si>
  <si>
    <t>cg18739950</t>
  </si>
  <si>
    <t>cg18741166</t>
  </si>
  <si>
    <t>cg18751306</t>
  </si>
  <si>
    <t>cg18755595</t>
  </si>
  <si>
    <t>cg18758906</t>
  </si>
  <si>
    <t>cg18809855</t>
  </si>
  <si>
    <t>cg18817426</t>
  </si>
  <si>
    <t>cg18821485</t>
  </si>
  <si>
    <t>cg18822411</t>
  </si>
  <si>
    <t>cg18831910</t>
  </si>
  <si>
    <t>cg18867004</t>
  </si>
  <si>
    <t>cg18926021</t>
  </si>
  <si>
    <t>cg18942022</t>
  </si>
  <si>
    <t>cg18958966</t>
  </si>
  <si>
    <t>cg18980554</t>
  </si>
  <si>
    <t>cg18993701</t>
  </si>
  <si>
    <t>cg19003904</t>
  </si>
  <si>
    <t>cg19009756</t>
  </si>
  <si>
    <t>cg19010490</t>
  </si>
  <si>
    <t>cg19010858</t>
  </si>
  <si>
    <t>cg19083363</t>
  </si>
  <si>
    <t>cg19084059</t>
  </si>
  <si>
    <t>cg19092105</t>
  </si>
  <si>
    <t>cg19099281</t>
  </si>
  <si>
    <t>cg19101460</t>
  </si>
  <si>
    <t>cg19107291</t>
  </si>
  <si>
    <t>cg19108952</t>
  </si>
  <si>
    <t>cg19136717</t>
  </si>
  <si>
    <t>cg19143959</t>
  </si>
  <si>
    <t>cg19157034</t>
  </si>
  <si>
    <t>cg19165854</t>
  </si>
  <si>
    <t>cg19168961</t>
  </si>
  <si>
    <t>cg19169023</t>
  </si>
  <si>
    <t>cg19170589</t>
  </si>
  <si>
    <t>cg19181244</t>
  </si>
  <si>
    <t>cg19198054</t>
  </si>
  <si>
    <t>cg19255991</t>
  </si>
  <si>
    <t>cg19268357</t>
  </si>
  <si>
    <t>cg19288904</t>
  </si>
  <si>
    <t>cg19295951</t>
  </si>
  <si>
    <t>cg19297845</t>
  </si>
  <si>
    <t>cg19318119</t>
  </si>
  <si>
    <t>cg19326023</t>
  </si>
  <si>
    <t>cg19331221</t>
  </si>
  <si>
    <t>cg19335742</t>
  </si>
  <si>
    <t>cg19374523</t>
  </si>
  <si>
    <t>cg19380303</t>
  </si>
  <si>
    <t>cg19380361</t>
  </si>
  <si>
    <t>cg19404757</t>
  </si>
  <si>
    <t>cg19405229</t>
  </si>
  <si>
    <t>cg19440278</t>
  </si>
  <si>
    <t>cg19444155</t>
  </si>
  <si>
    <t>cg19449227</t>
  </si>
  <si>
    <t>cg19464804</t>
  </si>
  <si>
    <t>cg19464917</t>
  </si>
  <si>
    <t>cg19556901</t>
  </si>
  <si>
    <t>cg19567193</t>
  </si>
  <si>
    <t>cg19571715</t>
  </si>
  <si>
    <t>cg19574017</t>
  </si>
  <si>
    <t>cg19580937</t>
  </si>
  <si>
    <t>cg19587654</t>
  </si>
  <si>
    <t>cg19592235</t>
  </si>
  <si>
    <t>cg19592671</t>
  </si>
  <si>
    <t>cg19610370</t>
  </si>
  <si>
    <t>cg19612823</t>
  </si>
  <si>
    <t>cg19613592</t>
  </si>
  <si>
    <t>cg19635897</t>
  </si>
  <si>
    <t>cg19640526</t>
  </si>
  <si>
    <t>cg19659210</t>
  </si>
  <si>
    <t>cg19680485</t>
  </si>
  <si>
    <t>cg19682013</t>
  </si>
  <si>
    <t>cg19687230</t>
  </si>
  <si>
    <t>cg19698348</t>
  </si>
  <si>
    <t>cg19698403</t>
  </si>
  <si>
    <t>cg19698416</t>
  </si>
  <si>
    <t>cg19708986</t>
  </si>
  <si>
    <t>cg19721211</t>
  </si>
  <si>
    <t>cg19726959</t>
  </si>
  <si>
    <t>cg19781376</t>
  </si>
  <si>
    <t>cg19817995</t>
  </si>
  <si>
    <t>cg19821713</t>
  </si>
  <si>
    <t>cg19832322</t>
  </si>
  <si>
    <t>cg19840226</t>
  </si>
  <si>
    <t>cg19850348</t>
  </si>
  <si>
    <t>cg19886951</t>
  </si>
  <si>
    <t>cg19889264</t>
  </si>
  <si>
    <t>cg19890277</t>
  </si>
  <si>
    <t>cg19896655</t>
  </si>
  <si>
    <t>cg19925445</t>
  </si>
  <si>
    <t>cg19941054</t>
  </si>
  <si>
    <t>cg19946085</t>
  </si>
  <si>
    <t>cg19947009</t>
  </si>
  <si>
    <t>cg19951424</t>
  </si>
  <si>
    <t>cg19963768</t>
  </si>
  <si>
    <t>cg19965221</t>
  </si>
  <si>
    <t>cg19966063</t>
  </si>
  <si>
    <t>cg19968840</t>
  </si>
  <si>
    <t>cg19969694</t>
  </si>
  <si>
    <t>cg19970425</t>
  </si>
  <si>
    <t>cg19979314</t>
  </si>
  <si>
    <t>cg19991916</t>
  </si>
  <si>
    <t>cg19993258</t>
  </si>
  <si>
    <t>cg19993316</t>
  </si>
  <si>
    <t>cg19995343</t>
  </si>
  <si>
    <t>cg19999645</t>
  </si>
  <si>
    <t>cg20006924</t>
  </si>
  <si>
    <t>cg20024192</t>
  </si>
  <si>
    <t>cg20029393</t>
  </si>
  <si>
    <t>cg20033557</t>
  </si>
  <si>
    <t>cg20037575</t>
  </si>
  <si>
    <t>cg20039407</t>
  </si>
  <si>
    <t>cg20041802</t>
  </si>
  <si>
    <t>cg20043291</t>
  </si>
  <si>
    <t>cg20046875</t>
  </si>
  <si>
    <t>cg20047447</t>
  </si>
  <si>
    <t>cg20056542</t>
  </si>
  <si>
    <t>cg20069584</t>
  </si>
  <si>
    <t>cg20072001</t>
  </si>
  <si>
    <t>cg20072245</t>
  </si>
  <si>
    <t>cg20074142</t>
  </si>
  <si>
    <t>cg20079298</t>
  </si>
  <si>
    <t>cg20081969</t>
  </si>
  <si>
    <t>cg20112330</t>
  </si>
  <si>
    <t>cg20114781</t>
  </si>
  <si>
    <t>cg20118134</t>
  </si>
  <si>
    <t>cg20118422</t>
  </si>
  <si>
    <t>cg20122925</t>
  </si>
  <si>
    <t>cg20124450</t>
  </si>
  <si>
    <t>cg20129994</t>
  </si>
  <si>
    <t>cg20238681</t>
  </si>
  <si>
    <t>cg20244295</t>
  </si>
  <si>
    <t>cg20246113</t>
  </si>
  <si>
    <t>cg20259401</t>
  </si>
  <si>
    <t>cg20268930</t>
  </si>
  <si>
    <t>cg20269997</t>
  </si>
  <si>
    <t>cg20272507</t>
  </si>
  <si>
    <t>cg20272979</t>
  </si>
  <si>
    <t>cg20309358</t>
  </si>
  <si>
    <t>cg20312821</t>
  </si>
  <si>
    <t>cg20314548</t>
  </si>
  <si>
    <t>cg20318166</t>
  </si>
  <si>
    <t>cg20334252</t>
  </si>
  <si>
    <t>cg20353227</t>
  </si>
  <si>
    <t>cg20353692</t>
  </si>
  <si>
    <t>cg20354502</t>
  </si>
  <si>
    <t>cg20357538</t>
  </si>
  <si>
    <t>cg20359524</t>
  </si>
  <si>
    <t>cg20370281</t>
  </si>
  <si>
    <t>cg20384325</t>
  </si>
  <si>
    <t>cg20468365</t>
  </si>
  <si>
    <t>cg20532999</t>
  </si>
  <si>
    <t>cg20547806</t>
  </si>
  <si>
    <t>cg20549688</t>
  </si>
  <si>
    <t>cg20559000</t>
  </si>
  <si>
    <t>cg20563447</t>
  </si>
  <si>
    <t>cg20577728</t>
  </si>
  <si>
    <t>cg20578175</t>
  </si>
  <si>
    <t>cg20581322</t>
  </si>
  <si>
    <t>cg20583797</t>
  </si>
  <si>
    <t>cg20585038</t>
  </si>
  <si>
    <t>cg20592017</t>
  </si>
  <si>
    <t>cg20611126</t>
  </si>
  <si>
    <t>cg20625967</t>
  </si>
  <si>
    <t>cg20636559</t>
  </si>
  <si>
    <t>cg20642189</t>
  </si>
  <si>
    <t>cg20647962</t>
  </si>
  <si>
    <t>cg20656856</t>
  </si>
  <si>
    <t>cg20658798</t>
  </si>
  <si>
    <t>cg20663376</t>
  </si>
  <si>
    <t>cg20664238</t>
  </si>
  <si>
    <t>cg20666492</t>
  </si>
  <si>
    <t>cg20696050</t>
  </si>
  <si>
    <t>cg20699899</t>
  </si>
  <si>
    <t>cg20703122</t>
  </si>
  <si>
    <t>cg20706599</t>
  </si>
  <si>
    <t>cg20707630</t>
  </si>
  <si>
    <t>cg20710266</t>
  </si>
  <si>
    <t>cg20713102</t>
  </si>
  <si>
    <t>cg20720553</t>
  </si>
  <si>
    <t>cg20721338</t>
  </si>
  <si>
    <t>cg20736847</t>
  </si>
  <si>
    <t>cg20738500</t>
  </si>
  <si>
    <t>cg20742182</t>
  </si>
  <si>
    <t>cg20747630</t>
  </si>
  <si>
    <t>cg20749283</t>
  </si>
  <si>
    <t>cg20764417</t>
  </si>
  <si>
    <t>cg20775702</t>
  </si>
  <si>
    <t>cg20792895</t>
  </si>
  <si>
    <t>cg20793089</t>
  </si>
  <si>
    <t>cg20801110</t>
  </si>
  <si>
    <t>cg20809087</t>
  </si>
  <si>
    <t>cg20823977</t>
  </si>
  <si>
    <t>cg20824569</t>
  </si>
  <si>
    <t>cg20824761</t>
  </si>
  <si>
    <t>cg20856453</t>
  </si>
  <si>
    <t>cg20889818</t>
  </si>
  <si>
    <t>cg20899253</t>
  </si>
  <si>
    <t>cg20900801</t>
  </si>
  <si>
    <t>cg20901246</t>
  </si>
  <si>
    <t>cg20916068</t>
  </si>
  <si>
    <t>cg20918730</t>
  </si>
  <si>
    <t>cg20922377</t>
  </si>
  <si>
    <t>cg20927731</t>
  </si>
  <si>
    <t>cg20941820</t>
  </si>
  <si>
    <t>cg20943039</t>
  </si>
  <si>
    <t>cg20971014</t>
  </si>
  <si>
    <t>cg20971159</t>
  </si>
  <si>
    <t>cg20973720</t>
  </si>
  <si>
    <t>cg20973743</t>
  </si>
  <si>
    <t>cg20977508</t>
  </si>
  <si>
    <t>cg20981286</t>
  </si>
  <si>
    <t>cg20985399</t>
  </si>
  <si>
    <t>cg20987924</t>
  </si>
  <si>
    <t>cg20997706</t>
  </si>
  <si>
    <t>cg21005756</t>
  </si>
  <si>
    <t>cg21005853</t>
  </si>
  <si>
    <t>cg21007089</t>
  </si>
  <si>
    <t>cg21033116</t>
  </si>
  <si>
    <t>cg21053602</t>
  </si>
  <si>
    <t>cg21057249</t>
  </si>
  <si>
    <t>cg21057613</t>
  </si>
  <si>
    <t>cg21064333</t>
  </si>
  <si>
    <t>cg21071989</t>
  </si>
  <si>
    <t>cg21107223</t>
  </si>
  <si>
    <t>cg21109038</t>
  </si>
  <si>
    <t>cg21115769</t>
  </si>
  <si>
    <t>cg21124552</t>
  </si>
  <si>
    <t>cg21145136</t>
  </si>
  <si>
    <t>cg21214455</t>
  </si>
  <si>
    <t>cg21220286</t>
  </si>
  <si>
    <t>cg21224834</t>
  </si>
  <si>
    <t>cg21243150</t>
  </si>
  <si>
    <t>cg21244086</t>
  </si>
  <si>
    <t>cg21268770</t>
  </si>
  <si>
    <t>cg21269806</t>
  </si>
  <si>
    <t>cg21272473</t>
  </si>
  <si>
    <t>cg21274857</t>
  </si>
  <si>
    <t>cg21276413</t>
  </si>
  <si>
    <t>cg21289995</t>
  </si>
  <si>
    <t>cg21292337</t>
  </si>
  <si>
    <t>cg21322819</t>
  </si>
  <si>
    <t>cg21323441</t>
  </si>
  <si>
    <t>cg21324211</t>
  </si>
  <si>
    <t>cg21325760</t>
  </si>
  <si>
    <t>cg21325941</t>
  </si>
  <si>
    <t>cg21339555</t>
  </si>
  <si>
    <t>cg21341008</t>
  </si>
  <si>
    <t>cg21345510</t>
  </si>
  <si>
    <t>cg21348997</t>
  </si>
  <si>
    <t>cg21385822</t>
  </si>
  <si>
    <t>cg21402921</t>
  </si>
  <si>
    <t>cg21404878</t>
  </si>
  <si>
    <t>cg21410276</t>
  </si>
  <si>
    <t>cg21411075</t>
  </si>
  <si>
    <t>cg21483999</t>
  </si>
  <si>
    <t>cg21484174</t>
  </si>
  <si>
    <t>cg21518432</t>
  </si>
  <si>
    <t>cg21523564</t>
  </si>
  <si>
    <t>cg21530087</t>
  </si>
  <si>
    <t>cg21541406</t>
  </si>
  <si>
    <t>cg21548719</t>
  </si>
  <si>
    <t>cg21552528</t>
  </si>
  <si>
    <t>cg21555471</t>
  </si>
  <si>
    <t>cg21555793</t>
  </si>
  <si>
    <t>cg21567504</t>
  </si>
  <si>
    <t>cg21581312</t>
  </si>
  <si>
    <t>cg21590616</t>
  </si>
  <si>
    <t>cg21591848</t>
  </si>
  <si>
    <t>cg21594646</t>
  </si>
  <si>
    <t>cg21595526</t>
  </si>
  <si>
    <t>cg21609684</t>
  </si>
  <si>
    <t>cg21613364</t>
  </si>
  <si>
    <t>cg21655969</t>
  </si>
  <si>
    <t>cg21664781</t>
  </si>
  <si>
    <t>cg21673646</t>
  </si>
  <si>
    <t>cg21694626</t>
  </si>
  <si>
    <t>cg21702011</t>
  </si>
  <si>
    <t>cg21704267</t>
  </si>
  <si>
    <t>cg21729159</t>
  </si>
  <si>
    <t>cg21733597</t>
  </si>
  <si>
    <t>cg21746425</t>
  </si>
  <si>
    <t>cg21751684</t>
  </si>
  <si>
    <t>cg21760666</t>
  </si>
  <si>
    <t>cg21791657</t>
  </si>
  <si>
    <t>cg21820656</t>
  </si>
  <si>
    <t>cg21825577</t>
  </si>
  <si>
    <t>cg21839138</t>
  </si>
  <si>
    <t>cg21860452</t>
  </si>
  <si>
    <t>cg21862903</t>
  </si>
  <si>
    <t>cg21883598</t>
  </si>
  <si>
    <t>cg21884421</t>
  </si>
  <si>
    <t>cg21885973</t>
  </si>
  <si>
    <t>cg21890726</t>
  </si>
  <si>
    <t>cg21897845</t>
  </si>
  <si>
    <t>cg21932368</t>
  </si>
  <si>
    <t>cg21932384</t>
  </si>
  <si>
    <t>cg21934878</t>
  </si>
  <si>
    <t>cg21948591</t>
  </si>
  <si>
    <t>cg21956337</t>
  </si>
  <si>
    <t>cg21956537</t>
  </si>
  <si>
    <t>cg21965820</t>
  </si>
  <si>
    <t>cg21976687</t>
  </si>
  <si>
    <t>cg22038124</t>
  </si>
  <si>
    <t>cg22044901</t>
  </si>
  <si>
    <t>cg22047825</t>
  </si>
  <si>
    <t>cg22054756</t>
  </si>
  <si>
    <t>cg22062265</t>
  </si>
  <si>
    <t>cg22063206</t>
  </si>
  <si>
    <t>cg22072825</t>
  </si>
  <si>
    <t>cg22083062</t>
  </si>
  <si>
    <t>cg22106607</t>
  </si>
  <si>
    <t>cg22111818</t>
  </si>
  <si>
    <t>cg22112179</t>
  </si>
  <si>
    <t>cg22112443</t>
  </si>
  <si>
    <t>cg22113930</t>
  </si>
  <si>
    <t>cg22117582</t>
  </si>
  <si>
    <t>cg22129639</t>
  </si>
  <si>
    <t>cg22136124</t>
  </si>
  <si>
    <t>cg22149355</t>
  </si>
  <si>
    <t>cg22159557</t>
  </si>
  <si>
    <t>cg22165360</t>
  </si>
  <si>
    <t>cg22178798</t>
  </si>
  <si>
    <t>cg22182016</t>
  </si>
  <si>
    <t>cg22198615</t>
  </si>
  <si>
    <t>cg22235407</t>
  </si>
  <si>
    <t>cg22242148</t>
  </si>
  <si>
    <t>cg22245494</t>
  </si>
  <si>
    <t>cg22253838</t>
  </si>
  <si>
    <t>cg22254072</t>
  </si>
  <si>
    <t>cg22261880</t>
  </si>
  <si>
    <t>cg22263434</t>
  </si>
  <si>
    <t>cg22288577</t>
  </si>
  <si>
    <t>cg22295383</t>
  </si>
  <si>
    <t>cg22296620</t>
  </si>
  <si>
    <t>cg22297146</t>
  </si>
  <si>
    <t>cg22298206</t>
  </si>
  <si>
    <t>cg22367246</t>
  </si>
  <si>
    <t>cg22369787</t>
  </si>
  <si>
    <t>cg22373415</t>
  </si>
  <si>
    <t>cg22375192</t>
  </si>
  <si>
    <t>cg22375623</t>
  </si>
  <si>
    <t>cg22381808</t>
  </si>
  <si>
    <t>cg22382455</t>
  </si>
  <si>
    <t>cg22382663</t>
  </si>
  <si>
    <t>cg22387369</t>
  </si>
  <si>
    <t>cg22389950</t>
  </si>
  <si>
    <t>cg22409276</t>
  </si>
  <si>
    <t>cg22410057</t>
  </si>
  <si>
    <t>cg22441973</t>
  </si>
  <si>
    <t>cg22444584</t>
  </si>
  <si>
    <t>cg22446491</t>
  </si>
  <si>
    <t>cg22448292</t>
  </si>
  <si>
    <t>cg22452230</t>
  </si>
  <si>
    <t>cg22454673</t>
  </si>
  <si>
    <t>cg22460896</t>
  </si>
  <si>
    <t>cg22464760</t>
  </si>
  <si>
    <t>cg22466459</t>
  </si>
  <si>
    <t>cg22488745</t>
  </si>
  <si>
    <t>cg22491225</t>
  </si>
  <si>
    <t>cg22494142</t>
  </si>
  <si>
    <t>cg22496377</t>
  </si>
  <si>
    <t>cg22498099</t>
  </si>
  <si>
    <t>cg22502206</t>
  </si>
  <si>
    <t>cg22509054</t>
  </si>
  <si>
    <t>cg22523852</t>
  </si>
  <si>
    <t>cg22526139</t>
  </si>
  <si>
    <t>cg22527415</t>
  </si>
  <si>
    <t>cg22532736</t>
  </si>
  <si>
    <t>cg22533681</t>
  </si>
  <si>
    <t>cg22535307</t>
  </si>
  <si>
    <t>cg22539069</t>
  </si>
  <si>
    <t>cg22546696</t>
  </si>
  <si>
    <t>cg22547737</t>
  </si>
  <si>
    <t>cg22549870</t>
  </si>
  <si>
    <t>cg22551145</t>
  </si>
  <si>
    <t>cg22558432</t>
  </si>
  <si>
    <t>cg22582617</t>
  </si>
  <si>
    <t>cg22672067</t>
  </si>
  <si>
    <t>cg22686731</t>
  </si>
  <si>
    <t>cg22689396</t>
  </si>
  <si>
    <t>cg22690294</t>
  </si>
  <si>
    <t>cg22692169</t>
  </si>
  <si>
    <t>cg22696438</t>
  </si>
  <si>
    <t>cg22699279</t>
  </si>
  <si>
    <t>cg22700091</t>
  </si>
  <si>
    <t>cg22706629</t>
  </si>
  <si>
    <t>cg22713356</t>
  </si>
  <si>
    <t>cg22715760</t>
  </si>
  <si>
    <t>cg22719913</t>
  </si>
  <si>
    <t>cg22731064</t>
  </si>
  <si>
    <t>cg22756356</t>
  </si>
  <si>
    <t>cg22759800</t>
  </si>
  <si>
    <t>cg22761315</t>
  </si>
  <si>
    <t>cg22805152</t>
  </si>
  <si>
    <t>cg22806587</t>
  </si>
  <si>
    <t>cg22810196</t>
  </si>
  <si>
    <t>cg22825002</t>
  </si>
  <si>
    <t>cg22825819</t>
  </si>
  <si>
    <t>cg22835709</t>
  </si>
  <si>
    <t>cg22838378</t>
  </si>
  <si>
    <t>cg22840361</t>
  </si>
  <si>
    <t>cg22888055</t>
  </si>
  <si>
    <t>cg22935921</t>
  </si>
  <si>
    <t>cg22936016</t>
  </si>
  <si>
    <t>cg22950153</t>
  </si>
  <si>
    <t>cg22952142</t>
  </si>
  <si>
    <t>cg22958262</t>
  </si>
  <si>
    <t>cg22963554</t>
  </si>
  <si>
    <t>cg22974505</t>
  </si>
  <si>
    <t>cg22975723</t>
  </si>
  <si>
    <t>cg23000765</t>
  </si>
  <si>
    <t>cg23005885</t>
  </si>
  <si>
    <t>cg23012703</t>
  </si>
  <si>
    <t>cg23023820</t>
  </si>
  <si>
    <t>cg23028349</t>
  </si>
  <si>
    <t>cg23029100</t>
  </si>
  <si>
    <t>cg23029628</t>
  </si>
  <si>
    <t>cg23030278</t>
  </si>
  <si>
    <t>cg23042706</t>
  </si>
  <si>
    <t>cg23044169</t>
  </si>
  <si>
    <t>cg23055839</t>
  </si>
  <si>
    <t>cg23056966</t>
  </si>
  <si>
    <t>cg23058194</t>
  </si>
  <si>
    <t>cg23063716</t>
  </si>
  <si>
    <t>cg23066057</t>
  </si>
  <si>
    <t>cg23116984</t>
  </si>
  <si>
    <t>cg23118086</t>
  </si>
  <si>
    <t>cg23120601</t>
  </si>
  <si>
    <t>cg23152885</t>
  </si>
  <si>
    <t>cg23160336</t>
  </si>
  <si>
    <t>cg23163531</t>
  </si>
  <si>
    <t>cg23171573</t>
  </si>
  <si>
    <t>cg23198793</t>
  </si>
  <si>
    <t>cg23205660</t>
  </si>
  <si>
    <t>cg23205878</t>
  </si>
  <si>
    <t>cg23217512</t>
  </si>
  <si>
    <t>cg23225193</t>
  </si>
  <si>
    <t>cg23256343</t>
  </si>
  <si>
    <t>cg23276238</t>
  </si>
  <si>
    <t>cg23299156</t>
  </si>
  <si>
    <t>cg23311628</t>
  </si>
  <si>
    <t>cg23318804</t>
  </si>
  <si>
    <t>cg23332699</t>
  </si>
  <si>
    <t>cg23386807</t>
  </si>
  <si>
    <t>cg23398335</t>
  </si>
  <si>
    <t>cg23411654</t>
  </si>
  <si>
    <t>cg23413924</t>
  </si>
  <si>
    <t>cg23478105</t>
  </si>
  <si>
    <t>cg23484655</t>
  </si>
  <si>
    <t>cg23506979</t>
  </si>
  <si>
    <t>cg23508591</t>
  </si>
  <si>
    <t>cg23511151</t>
  </si>
  <si>
    <t>cg23513966</t>
  </si>
  <si>
    <t>cg23516121</t>
  </si>
  <si>
    <t>cg23520458</t>
  </si>
  <si>
    <t>cg23535753</t>
  </si>
  <si>
    <t>cg23535768</t>
  </si>
  <si>
    <t>cg23596671</t>
  </si>
  <si>
    <t>cg23597015</t>
  </si>
  <si>
    <t>cg23597041</t>
  </si>
  <si>
    <t>cg23622695</t>
  </si>
  <si>
    <t>cg23627444</t>
  </si>
  <si>
    <t>cg23670599</t>
  </si>
  <si>
    <t>cg23677243</t>
  </si>
  <si>
    <t>cg23687437</t>
  </si>
  <si>
    <t>cg23690033</t>
  </si>
  <si>
    <t>cg23699879</t>
  </si>
  <si>
    <t>cg23719069</t>
  </si>
  <si>
    <t>cg23719130</t>
  </si>
  <si>
    <t>cg23731272</t>
  </si>
  <si>
    <t>cg23737062</t>
  </si>
  <si>
    <t>cg23742887</t>
  </si>
  <si>
    <t>cg23790326</t>
  </si>
  <si>
    <t>cg23850707</t>
  </si>
  <si>
    <t>cg23887623</t>
  </si>
  <si>
    <t>cg23887948</t>
  </si>
  <si>
    <t>cg23889301</t>
  </si>
  <si>
    <t>cg23894291</t>
  </si>
  <si>
    <t>cg23899628</t>
  </si>
  <si>
    <t>cg23905817</t>
  </si>
  <si>
    <t>cg23932011</t>
  </si>
  <si>
    <t>cg23934731</t>
  </si>
  <si>
    <t>cg23935006</t>
  </si>
  <si>
    <t>cg23937586</t>
  </si>
  <si>
    <t>cg23950688</t>
  </si>
  <si>
    <t>cg23969342</t>
  </si>
  <si>
    <t>cg23989963</t>
  </si>
  <si>
    <t>cg23999695</t>
  </si>
  <si>
    <t>cg24009358</t>
  </si>
  <si>
    <t>cg24025550</t>
  </si>
  <si>
    <t>cg24033558</t>
  </si>
  <si>
    <t>cg24033871</t>
  </si>
  <si>
    <t>cg24095889</t>
  </si>
  <si>
    <t>cg24120822</t>
  </si>
  <si>
    <t>cg24129947</t>
  </si>
  <si>
    <t>cg24139093</t>
  </si>
  <si>
    <t>cg24146288</t>
  </si>
  <si>
    <t>cg24152845</t>
  </si>
  <si>
    <t>cg24163563</t>
  </si>
  <si>
    <t>cg24167897</t>
  </si>
  <si>
    <t>cg24168641</t>
  </si>
  <si>
    <t>cg24170687</t>
  </si>
  <si>
    <t>cg24170947</t>
  </si>
  <si>
    <t>cg24177690</t>
  </si>
  <si>
    <t>cg24181188</t>
  </si>
  <si>
    <t>cg24190127</t>
  </si>
  <si>
    <t>cg24200445</t>
  </si>
  <si>
    <t>cg24202620</t>
  </si>
  <si>
    <t>cg24202638</t>
  </si>
  <si>
    <t>cg24213625</t>
  </si>
  <si>
    <t>cg24216889</t>
  </si>
  <si>
    <t>cg24219929</t>
  </si>
  <si>
    <t>cg24224304</t>
  </si>
  <si>
    <t>cg24231037</t>
  </si>
  <si>
    <t>cg24251942</t>
  </si>
  <si>
    <t>cg24252746</t>
  </si>
  <si>
    <t>cg24259688</t>
  </si>
  <si>
    <t>cg24262715</t>
  </si>
  <si>
    <t>cg24280607</t>
  </si>
  <si>
    <t>cg24312661</t>
  </si>
  <si>
    <t>cg24321039</t>
  </si>
  <si>
    <t>cg24327397</t>
  </si>
  <si>
    <t>cg24332921</t>
  </si>
  <si>
    <t>cg24342409</t>
  </si>
  <si>
    <t>cg24361265</t>
  </si>
  <si>
    <t>cg24365117</t>
  </si>
  <si>
    <t>cg24369989</t>
  </si>
  <si>
    <t>cg24373369</t>
  </si>
  <si>
    <t>cg24374861</t>
  </si>
  <si>
    <t>cg24382680</t>
  </si>
  <si>
    <t>cg24398956</t>
  </si>
  <si>
    <t>cg24401310</t>
  </si>
  <si>
    <t>cg24404479</t>
  </si>
  <si>
    <t>cg24449371</t>
  </si>
  <si>
    <t>cg24453123</t>
  </si>
  <si>
    <t>cg24476453</t>
  </si>
  <si>
    <t>cg24491553</t>
  </si>
  <si>
    <t>cg24495257</t>
  </si>
  <si>
    <t>cg24496154</t>
  </si>
  <si>
    <t>cg24498031</t>
  </si>
  <si>
    <t>cg24498754</t>
  </si>
  <si>
    <t>cg24504999</t>
  </si>
  <si>
    <t>cg24505618</t>
  </si>
  <si>
    <t>cg24511375</t>
  </si>
  <si>
    <t>cg24527973</t>
  </si>
  <si>
    <t>cg24529269</t>
  </si>
  <si>
    <t>cg24569447</t>
  </si>
  <si>
    <t>cg24569831</t>
  </si>
  <si>
    <t>cg24578679</t>
  </si>
  <si>
    <t>cg24583766</t>
  </si>
  <si>
    <t>cg24591761</t>
  </si>
  <si>
    <t>cg24596836</t>
  </si>
  <si>
    <t>cg24599861</t>
  </si>
  <si>
    <t>cg24621607</t>
  </si>
  <si>
    <t>cg24625084</t>
  </si>
  <si>
    <t>cg24630566</t>
  </si>
  <si>
    <t>cg24632582</t>
  </si>
  <si>
    <t>cg24652842</t>
  </si>
  <si>
    <t>cg24653100</t>
  </si>
  <si>
    <t>cg24666790</t>
  </si>
  <si>
    <t>cg24676486</t>
  </si>
  <si>
    <t>cg24682751</t>
  </si>
  <si>
    <t>cg24684336</t>
  </si>
  <si>
    <t>cg24686901</t>
  </si>
  <si>
    <t>cg24689585</t>
  </si>
  <si>
    <t>cg24700702</t>
  </si>
  <si>
    <t>cg24717159</t>
  </si>
  <si>
    <t>cg24719138</t>
  </si>
  <si>
    <t>cg24719901</t>
  </si>
  <si>
    <t>cg24720672</t>
  </si>
  <si>
    <t>cg24733262</t>
  </si>
  <si>
    <t>cg24737374</t>
  </si>
  <si>
    <t>cg24739513</t>
  </si>
  <si>
    <t>cg24740818</t>
  </si>
  <si>
    <t>cg24745316</t>
  </si>
  <si>
    <t>cg24750212</t>
  </si>
  <si>
    <t>cg24751836</t>
  </si>
  <si>
    <t>cg24773522</t>
  </si>
  <si>
    <t>cg24805728</t>
  </si>
  <si>
    <t>cg24856258</t>
  </si>
  <si>
    <t>cg24858140</t>
  </si>
  <si>
    <t>cg24867180</t>
  </si>
  <si>
    <t>cg24871165</t>
  </si>
  <si>
    <t>cg24880701</t>
  </si>
  <si>
    <t>cg24883642</t>
  </si>
  <si>
    <t>cg24922143</t>
  </si>
  <si>
    <t>cg24951800</t>
  </si>
  <si>
    <t>cg24990808</t>
  </si>
  <si>
    <t>cg24991780</t>
  </si>
  <si>
    <t>cg24999308</t>
  </si>
  <si>
    <t>cg25002056</t>
  </si>
  <si>
    <t>cg25004981</t>
  </si>
  <si>
    <t>cg25017403</t>
  </si>
  <si>
    <t>cg25047469</t>
  </si>
  <si>
    <t>cg25049597</t>
  </si>
  <si>
    <t>cg25050951</t>
  </si>
  <si>
    <t>cg25054736</t>
  </si>
  <si>
    <t>cg25114752</t>
  </si>
  <si>
    <t>cg25116125</t>
  </si>
  <si>
    <t>cg25118879</t>
  </si>
  <si>
    <t>cg25120797</t>
  </si>
  <si>
    <t>cg25129384</t>
  </si>
  <si>
    <t>cg25130390</t>
  </si>
  <si>
    <t>cg25137030</t>
  </si>
  <si>
    <t>cg25150243</t>
  </si>
  <si>
    <t>cg25165958</t>
  </si>
  <si>
    <t>cg25173464</t>
  </si>
  <si>
    <t>cg25175469</t>
  </si>
  <si>
    <t>cg25176742</t>
  </si>
  <si>
    <t>cg25189007</t>
  </si>
  <si>
    <t>cg25190465</t>
  </si>
  <si>
    <t>cg25202845</t>
  </si>
  <si>
    <t>cg25204272</t>
  </si>
  <si>
    <t>cg25208479</t>
  </si>
  <si>
    <t>cg25215329</t>
  </si>
  <si>
    <t>cg25217313</t>
  </si>
  <si>
    <t>cg25234324</t>
  </si>
  <si>
    <t>cg25236230</t>
  </si>
  <si>
    <t>cg25237056</t>
  </si>
  <si>
    <t>cg25237692</t>
  </si>
  <si>
    <t>cg25242556</t>
  </si>
  <si>
    <t>cg25254014</t>
  </si>
  <si>
    <t>cg25256669</t>
  </si>
  <si>
    <t>cg25266135</t>
  </si>
  <si>
    <t>cg25266621</t>
  </si>
  <si>
    <t>cg25271375</t>
  </si>
  <si>
    <t>cg25274052</t>
  </si>
  <si>
    <t>cg25331703</t>
  </si>
  <si>
    <t>cg25354169</t>
  </si>
  <si>
    <t>cg25356006</t>
  </si>
  <si>
    <t>cg25399963</t>
  </si>
  <si>
    <t>cg25404375</t>
  </si>
  <si>
    <t>cg25410318</t>
  </si>
  <si>
    <t>cg25454569</t>
  </si>
  <si>
    <t>cg25454647</t>
  </si>
  <si>
    <t>cg25489866</t>
  </si>
  <si>
    <t>cg25506127</t>
  </si>
  <si>
    <t>cg25508605</t>
  </si>
  <si>
    <t>cg25510609</t>
  </si>
  <si>
    <t>cg25548986</t>
  </si>
  <si>
    <t>cg25556225</t>
  </si>
  <si>
    <t>cg25560363</t>
  </si>
  <si>
    <t>cg25590798</t>
  </si>
  <si>
    <t>cg25609143</t>
  </si>
  <si>
    <t>cg25624328</t>
  </si>
  <si>
    <t>cg25624596</t>
  </si>
  <si>
    <t>cg25632853</t>
  </si>
  <si>
    <t>cg25637473</t>
  </si>
  <si>
    <t>cg25638626</t>
  </si>
  <si>
    <t>cg25644243</t>
  </si>
  <si>
    <t>cg25646046</t>
  </si>
  <si>
    <t>cg25649641</t>
  </si>
  <si>
    <t>cg25651615</t>
  </si>
  <si>
    <t>cg25653141</t>
  </si>
  <si>
    <t>cg25661992</t>
  </si>
  <si>
    <t>cg25663178</t>
  </si>
  <si>
    <t>cg25687358</t>
  </si>
  <si>
    <t>cg25690589</t>
  </si>
  <si>
    <t>cg25699759</t>
  </si>
  <si>
    <t>cg25705836</t>
  </si>
  <si>
    <t>cg25718467</t>
  </si>
  <si>
    <t>cg25726857</t>
  </si>
  <si>
    <t>cg25730732</t>
  </si>
  <si>
    <t>cg25744017</t>
  </si>
  <si>
    <t>cg25793027</t>
  </si>
  <si>
    <t>cg25794538</t>
  </si>
  <si>
    <t>cg25800118</t>
  </si>
  <si>
    <t>cg25808839</t>
  </si>
  <si>
    <t>cg25826226</t>
  </si>
  <si>
    <t>cg25840237</t>
  </si>
  <si>
    <t>cg25846302</t>
  </si>
  <si>
    <t>cg25846723</t>
  </si>
  <si>
    <t>cg25851597</t>
  </si>
  <si>
    <t>cg25857018</t>
  </si>
  <si>
    <t>cg25861169</t>
  </si>
  <si>
    <t>cg25861327</t>
  </si>
  <si>
    <t>cg25862684</t>
  </si>
  <si>
    <t>cg25864024</t>
  </si>
  <si>
    <t>cg25867650</t>
  </si>
  <si>
    <t>cg25868793</t>
  </si>
  <si>
    <t>cg25876975</t>
  </si>
  <si>
    <t>cg25894123</t>
  </si>
  <si>
    <t>cg25895948</t>
  </si>
  <si>
    <t>cg25902187</t>
  </si>
  <si>
    <t>cg25903779</t>
  </si>
  <si>
    <t>cg25913147</t>
  </si>
  <si>
    <t>cg25913761</t>
  </si>
  <si>
    <t>cg25925331</t>
  </si>
  <si>
    <t>cg25925833</t>
  </si>
  <si>
    <t>cg25933094</t>
  </si>
  <si>
    <t>cg25934863</t>
  </si>
  <si>
    <t>cg25936177</t>
  </si>
  <si>
    <t>cg25948154</t>
  </si>
  <si>
    <t>cg25950235</t>
  </si>
  <si>
    <t>cg25959239</t>
  </si>
  <si>
    <t>cg25959580</t>
  </si>
  <si>
    <t>cg25970266</t>
  </si>
  <si>
    <t>cg25990494</t>
  </si>
  <si>
    <t>cg26099834</t>
  </si>
  <si>
    <t>cg26158897</t>
  </si>
  <si>
    <t>cg26170245</t>
  </si>
  <si>
    <t>cg26173375</t>
  </si>
  <si>
    <t>cg26182254</t>
  </si>
  <si>
    <t>cg26186754</t>
  </si>
  <si>
    <t>cg26186901</t>
  </si>
  <si>
    <t>cg26196700</t>
  </si>
  <si>
    <t>cg26206990</t>
  </si>
  <si>
    <t>cg26215437</t>
  </si>
  <si>
    <t>cg26225847</t>
  </si>
  <si>
    <t>cg26229968</t>
  </si>
  <si>
    <t>cg26230285</t>
  </si>
  <si>
    <t>cg26249114</t>
  </si>
  <si>
    <t>cg26252350</t>
  </si>
  <si>
    <t>cg26261192</t>
  </si>
  <si>
    <t>cg26268621</t>
  </si>
  <si>
    <t>cg26277456</t>
  </si>
  <si>
    <t>cg26281728</t>
  </si>
  <si>
    <t>cg26284901</t>
  </si>
  <si>
    <t>cg26295328</t>
  </si>
  <si>
    <t>cg26312897</t>
  </si>
  <si>
    <t>cg26320946</t>
  </si>
  <si>
    <t>cg26326298</t>
  </si>
  <si>
    <t>cg26330116</t>
  </si>
  <si>
    <t>cg26338453</t>
  </si>
  <si>
    <t>cg26348910</t>
  </si>
  <si>
    <t>cg26386643</t>
  </si>
  <si>
    <t>cg26387956</t>
  </si>
  <si>
    <t>cg26396475</t>
  </si>
  <si>
    <t>cg26400300</t>
  </si>
  <si>
    <t>cg26411015</t>
  </si>
  <si>
    <t>cg26431595</t>
  </si>
  <si>
    <t>cg26434983</t>
  </si>
  <si>
    <t>cg26440355</t>
  </si>
  <si>
    <t>cg26459683</t>
  </si>
  <si>
    <t>cg26460092</t>
  </si>
  <si>
    <t>cg26478036</t>
  </si>
  <si>
    <t>cg26481355</t>
  </si>
  <si>
    <t>cg26481784</t>
  </si>
  <si>
    <t>cg26505663</t>
  </si>
  <si>
    <t>cg26509022</t>
  </si>
  <si>
    <t>cg26516004</t>
  </si>
  <si>
    <t>cg26516489</t>
  </si>
  <si>
    <t>cg26520844</t>
  </si>
  <si>
    <t>cg26528791</t>
  </si>
  <si>
    <t>cg26567344</t>
  </si>
  <si>
    <t>cg26576155</t>
  </si>
  <si>
    <t>cg26595336</t>
  </si>
  <si>
    <t>cg26653168</t>
  </si>
  <si>
    <t>cg26654798</t>
  </si>
  <si>
    <t>cg26672431</t>
  </si>
  <si>
    <t>cg26674943</t>
  </si>
  <si>
    <t>cg26678012</t>
  </si>
  <si>
    <t>cg26694487</t>
  </si>
  <si>
    <t>cg26703661</t>
  </si>
  <si>
    <t>cg26708220</t>
  </si>
  <si>
    <t>cg26725813</t>
  </si>
  <si>
    <t>cg26725891</t>
  </si>
  <si>
    <t>cg26727488</t>
  </si>
  <si>
    <t>cg26738606</t>
  </si>
  <si>
    <t>cg26739951</t>
  </si>
  <si>
    <t>cg26741667</t>
  </si>
  <si>
    <t>cg26769250</t>
  </si>
  <si>
    <t>cg26775369</t>
  </si>
  <si>
    <t>cg26787096</t>
  </si>
  <si>
    <t>cg26789400</t>
  </si>
  <si>
    <t>cg26795333</t>
  </si>
  <si>
    <t>cg26796135</t>
  </si>
  <si>
    <t>cg26811653</t>
  </si>
  <si>
    <t>cg26814396</t>
  </si>
  <si>
    <t>cg26815147</t>
  </si>
  <si>
    <t>cg26825751</t>
  </si>
  <si>
    <t>cg26830233</t>
  </si>
  <si>
    <t>cg26847753</t>
  </si>
  <si>
    <t>cg26851496</t>
  </si>
  <si>
    <t>cg26882224</t>
  </si>
  <si>
    <t>cg26884816</t>
  </si>
  <si>
    <t>cg26889367</t>
  </si>
  <si>
    <t>cg26889953</t>
  </si>
  <si>
    <t>cg26891150</t>
  </si>
  <si>
    <t>cg26892120</t>
  </si>
  <si>
    <t>cg26892618</t>
  </si>
  <si>
    <t>cg26893445</t>
  </si>
  <si>
    <t>cg26913446</t>
  </si>
  <si>
    <t>cg26942432</t>
  </si>
  <si>
    <t>cg26959990</t>
  </si>
  <si>
    <t>cg26971783</t>
  </si>
  <si>
    <t>cg27031435</t>
  </si>
  <si>
    <t>cg27034819</t>
  </si>
  <si>
    <t>cg27043547</t>
  </si>
  <si>
    <t>cg27051335</t>
  </si>
  <si>
    <t>cg27064981</t>
  </si>
  <si>
    <t>cg27071797</t>
  </si>
  <si>
    <t>cg27073142</t>
  </si>
  <si>
    <t>cg27118457</t>
  </si>
  <si>
    <t>cg27123691</t>
  </si>
  <si>
    <t>cg27127142</t>
  </si>
  <si>
    <t>cg27139077</t>
  </si>
  <si>
    <t>cg27140083</t>
  </si>
  <si>
    <t>cg27177196</t>
  </si>
  <si>
    <t>cg27181375</t>
  </si>
  <si>
    <t>cg27188447</t>
  </si>
  <si>
    <t>cg27190946</t>
  </si>
  <si>
    <t>cg27203917</t>
  </si>
  <si>
    <t>cg27209457</t>
  </si>
  <si>
    <t>cg27211204</t>
  </si>
  <si>
    <t>cg27227643</t>
  </si>
  <si>
    <t>cg27228563</t>
  </si>
  <si>
    <t>cg27276395</t>
  </si>
  <si>
    <t>cg27277367</t>
  </si>
  <si>
    <t>cg27280396</t>
  </si>
  <si>
    <t>cg27287791</t>
  </si>
  <si>
    <t>cg27293107</t>
  </si>
  <si>
    <t>cg27303986</t>
  </si>
  <si>
    <t>cg27304406</t>
  </si>
  <si>
    <t>cg27313857</t>
  </si>
  <si>
    <t>cg27320242</t>
  </si>
  <si>
    <t>cg27326431</t>
  </si>
  <si>
    <t>cg27338653</t>
  </si>
  <si>
    <t>cg27341045</t>
  </si>
  <si>
    <t>cg27341933</t>
  </si>
  <si>
    <t>cg27344022</t>
  </si>
  <si>
    <t>cg27351321</t>
  </si>
  <si>
    <t>cg27372452</t>
  </si>
  <si>
    <t>cg27373063</t>
  </si>
  <si>
    <t>cg27376339</t>
  </si>
  <si>
    <t>cg27388777</t>
  </si>
  <si>
    <t>cg27394814</t>
  </si>
  <si>
    <t>cg27406983</t>
  </si>
  <si>
    <t>cg27417717</t>
  </si>
  <si>
    <t>cg27419860</t>
  </si>
  <si>
    <t>cg27426425</t>
  </si>
  <si>
    <t>cg27428578</t>
  </si>
  <si>
    <t>cg27441689</t>
  </si>
  <si>
    <t>cg27449703</t>
  </si>
  <si>
    <t>cg27479571</t>
  </si>
  <si>
    <t>cg27506139</t>
  </si>
  <si>
    <t>cg27510007</t>
  </si>
  <si>
    <t>cg27514624</t>
  </si>
  <si>
    <t>cg27516774</t>
  </si>
  <si>
    <t>cg27522060</t>
  </si>
  <si>
    <t>cg27527993</t>
  </si>
  <si>
    <t>cg27542341</t>
  </si>
  <si>
    <t>cg27542466</t>
  </si>
  <si>
    <t>cg27549887</t>
  </si>
  <si>
    <t>cg27551169</t>
  </si>
  <si>
    <t>cg27552679</t>
  </si>
  <si>
    <t>cg27554954</t>
  </si>
  <si>
    <t>cg27559595</t>
  </si>
  <si>
    <t>cg27565406</t>
  </si>
  <si>
    <t>cg27569300</t>
  </si>
  <si>
    <t>cg27570249</t>
  </si>
  <si>
    <t>cg27578811</t>
  </si>
  <si>
    <t>cg27612665</t>
  </si>
  <si>
    <t>cg27629438</t>
  </si>
  <si>
    <t>cg27629948</t>
  </si>
  <si>
    <t>cg27634258</t>
  </si>
  <si>
    <t>cg27649239</t>
  </si>
  <si>
    <t>cg27665171</t>
  </si>
  <si>
    <t>cg00001687</t>
  </si>
  <si>
    <t>cg00002769</t>
  </si>
  <si>
    <t>cg00004883</t>
  </si>
  <si>
    <t>cg00005306</t>
  </si>
  <si>
    <t>cg00009796</t>
  </si>
  <si>
    <t>cg00010954</t>
  </si>
  <si>
    <t>cg00026230</t>
  </si>
  <si>
    <t>cg00026853</t>
  </si>
  <si>
    <t>cg00031340</t>
  </si>
  <si>
    <t>cg00033551</t>
  </si>
  <si>
    <t>cg00037223</t>
  </si>
  <si>
    <t>cg00039463</t>
  </si>
  <si>
    <t>cg00039505</t>
  </si>
  <si>
    <t>cg00046041</t>
  </si>
  <si>
    <t>cg00049033</t>
  </si>
  <si>
    <t>cg00049664</t>
  </si>
  <si>
    <t>cg00050555</t>
  </si>
  <si>
    <t>cg00054496</t>
  </si>
  <si>
    <t>cg00054525</t>
  </si>
  <si>
    <t>cg00058799</t>
  </si>
  <si>
    <t>cg00064051</t>
  </si>
  <si>
    <t>cg00064336</t>
  </si>
  <si>
    <t>cg00068684</t>
  </si>
  <si>
    <t>cg00076056</t>
  </si>
  <si>
    <t>cg00078759</t>
  </si>
  <si>
    <t>cg00082833</t>
  </si>
  <si>
    <t>cg00087906</t>
  </si>
  <si>
    <t>cg00089154</t>
  </si>
  <si>
    <t>cg00090800</t>
  </si>
  <si>
    <t>cg00092389</t>
  </si>
  <si>
    <t>cg00094063</t>
  </si>
  <si>
    <t>cg00096979</t>
  </si>
  <si>
    <t>cg00099091</t>
  </si>
  <si>
    <t>cg00102808</t>
  </si>
  <si>
    <t>cg00114312</t>
  </si>
  <si>
    <t>cg00118783</t>
  </si>
  <si>
    <t>cg00120998</t>
  </si>
  <si>
    <t>cg00122310</t>
  </si>
  <si>
    <t>cg00128386</t>
  </si>
  <si>
    <t>cg00129549</t>
  </si>
  <si>
    <t>cg00129981</t>
  </si>
  <si>
    <t>cg00130223</t>
  </si>
  <si>
    <t>cg00134812</t>
  </si>
  <si>
    <t>cg00137585</t>
  </si>
  <si>
    <t>cg00139807</t>
  </si>
  <si>
    <t>cg00140813</t>
  </si>
  <si>
    <t>cg00143387</t>
  </si>
  <si>
    <t>cg00144414</t>
  </si>
  <si>
    <t>cg00144465</t>
  </si>
  <si>
    <t>cg00147286</t>
  </si>
  <si>
    <t>cg00148666</t>
  </si>
  <si>
    <t>cg00150500</t>
  </si>
  <si>
    <t>cg00152175</t>
  </si>
  <si>
    <t>cg00154443</t>
  </si>
  <si>
    <t>cg00154549</t>
  </si>
  <si>
    <t>cg00157456</t>
  </si>
  <si>
    <t>cg00167684</t>
  </si>
  <si>
    <t>cg00172803</t>
  </si>
  <si>
    <t>cg00179196</t>
  </si>
  <si>
    <t>cg00187635</t>
  </si>
  <si>
    <t>cg00205198</t>
  </si>
  <si>
    <t>cg00206490</t>
  </si>
  <si>
    <t>cg00206853</t>
  </si>
  <si>
    <t>cg00213643</t>
  </si>
  <si>
    <t>cg00216831</t>
  </si>
  <si>
    <t>cg00218149</t>
  </si>
  <si>
    <t>cg00219956</t>
  </si>
  <si>
    <t>cg00220102</t>
  </si>
  <si>
    <t>cg00220955</t>
  </si>
  <si>
    <t>cg00222291</t>
  </si>
  <si>
    <t>cg00230899</t>
  </si>
  <si>
    <t>cg00232874</t>
  </si>
  <si>
    <t>cg00239353</t>
  </si>
  <si>
    <t>cg00241076</t>
  </si>
  <si>
    <t>cg00246366</t>
  </si>
  <si>
    <t>cg00246932</t>
  </si>
  <si>
    <t>cg00249383</t>
  </si>
  <si>
    <t>cg00255811</t>
  </si>
  <si>
    <t>cg00256081</t>
  </si>
  <si>
    <t>cg00262031</t>
  </si>
  <si>
    <t>cg00263677</t>
  </si>
  <si>
    <t>cg00265317</t>
  </si>
  <si>
    <t>cg00267373</t>
  </si>
  <si>
    <t>cg00270291</t>
  </si>
  <si>
    <t>cg00270654</t>
  </si>
  <si>
    <t>cg00270789</t>
  </si>
  <si>
    <t>cg00274365</t>
  </si>
  <si>
    <t>cg00281153</t>
  </si>
  <si>
    <t>cg00285314</t>
  </si>
  <si>
    <t>cg00286214</t>
  </si>
  <si>
    <t>cg00287829</t>
  </si>
  <si>
    <t>cg00299418</t>
  </si>
  <si>
    <t>cg00299737</t>
  </si>
  <si>
    <t>cg00300794</t>
  </si>
  <si>
    <t>cg00301396</t>
  </si>
  <si>
    <t>cg00305320</t>
  </si>
  <si>
    <t>cg00307501</t>
  </si>
  <si>
    <t>cg00307662</t>
  </si>
  <si>
    <t>cg00308659</t>
  </si>
  <si>
    <t>cg00310215</t>
  </si>
  <si>
    <t>cg00315391</t>
  </si>
  <si>
    <t>cg00318643</t>
  </si>
  <si>
    <t>cg00318897</t>
  </si>
  <si>
    <t>cg00319761</t>
  </si>
  <si>
    <t>cg00327106</t>
  </si>
  <si>
    <t>cg00329943</t>
  </si>
  <si>
    <t>cg00330936</t>
  </si>
  <si>
    <t>cg00334257</t>
  </si>
  <si>
    <t>cg00334820</t>
  </si>
  <si>
    <t>cg00335908</t>
  </si>
  <si>
    <t>cg00340847</t>
  </si>
  <si>
    <t>cg00346320</t>
  </si>
  <si>
    <t>cg00350441</t>
  </si>
  <si>
    <t>cg00352195</t>
  </si>
  <si>
    <t>cg00352652</t>
  </si>
  <si>
    <t>cg00355286</t>
  </si>
  <si>
    <t>cg00355360</t>
  </si>
  <si>
    <t>cg00355909</t>
  </si>
  <si>
    <t>cg00359511</t>
  </si>
  <si>
    <t>cg00362381</t>
  </si>
  <si>
    <t>cg00364644</t>
  </si>
  <si>
    <t>cg00366505</t>
  </si>
  <si>
    <t>cg00369414</t>
  </si>
  <si>
    <t>cg00369786</t>
  </si>
  <si>
    <t>cg00377849</t>
  </si>
  <si>
    <t>cg00380846</t>
  </si>
  <si>
    <t>cg00381442</t>
  </si>
  <si>
    <t>cg00381755</t>
  </si>
  <si>
    <t>cg00382632</t>
  </si>
  <si>
    <t>cg00382930</t>
  </si>
  <si>
    <t>cg00388471</t>
  </si>
  <si>
    <t>cg00388732</t>
  </si>
  <si>
    <t>cg00389577</t>
  </si>
  <si>
    <t>cg00393417</t>
  </si>
  <si>
    <t>cg00399115</t>
  </si>
  <si>
    <t>cg00400259</t>
  </si>
  <si>
    <t>cg00400262</t>
  </si>
  <si>
    <t>cg00400827</t>
  </si>
  <si>
    <t>cg00401552</t>
  </si>
  <si>
    <t>cg00401844</t>
  </si>
  <si>
    <t>cg00405060</t>
  </si>
  <si>
    <t>cg00408285</t>
  </si>
  <si>
    <t>cg00414058</t>
  </si>
  <si>
    <t>cg00418913</t>
  </si>
  <si>
    <t>cg00419333</t>
  </si>
  <si>
    <t>cg00423700</t>
  </si>
  <si>
    <t>cg00426425</t>
  </si>
  <si>
    <t>cg00431447</t>
  </si>
  <si>
    <t>cg00435723</t>
  </si>
  <si>
    <t>cg00436488</t>
  </si>
  <si>
    <t>cg00437985</t>
  </si>
  <si>
    <t>cg00439196</t>
  </si>
  <si>
    <t>cg00443946</t>
  </si>
  <si>
    <t>cg00446595</t>
  </si>
  <si>
    <t>cg00448143</t>
  </si>
  <si>
    <t>cg00449812</t>
  </si>
  <si>
    <t>cg00452393</t>
  </si>
  <si>
    <t>cg00452882</t>
  </si>
  <si>
    <t>cg00454856</t>
  </si>
  <si>
    <t>cg00454961</t>
  </si>
  <si>
    <t>cg00463982</t>
  </si>
  <si>
    <t>cg00467202</t>
  </si>
  <si>
    <t>cg00468846</t>
  </si>
  <si>
    <t>cg00469395</t>
  </si>
  <si>
    <t>cg00469995</t>
  </si>
  <si>
    <t>cg00471190</t>
  </si>
  <si>
    <t>cg00481259</t>
  </si>
  <si>
    <t>cg00482020</t>
  </si>
  <si>
    <t>cg00488734</t>
  </si>
  <si>
    <t>cg00489408</t>
  </si>
  <si>
    <t>cg00491180</t>
  </si>
  <si>
    <t>cg00491255</t>
  </si>
  <si>
    <t>cg00492741</t>
  </si>
  <si>
    <t>cg00492957</t>
  </si>
  <si>
    <t>cg00504756</t>
  </si>
  <si>
    <t>cg00504919</t>
  </si>
  <si>
    <t>cg00505936</t>
  </si>
  <si>
    <t>cg00509108</t>
  </si>
  <si>
    <t>cg00510552</t>
  </si>
  <si>
    <t>cg00511674</t>
  </si>
  <si>
    <t>cg00514665</t>
  </si>
  <si>
    <t>cg00518386</t>
  </si>
  <si>
    <t>cg00519002</t>
  </si>
  <si>
    <t>cg00519627</t>
  </si>
  <si>
    <t>cg00522384</t>
  </si>
  <si>
    <t>cg00524296</t>
  </si>
  <si>
    <t>cg00532901</t>
  </si>
  <si>
    <t>cg00535430</t>
  </si>
  <si>
    <t>cg00535576</t>
  </si>
  <si>
    <t>cg00536289</t>
  </si>
  <si>
    <t>cg00545796</t>
  </si>
  <si>
    <t>cg00546448</t>
  </si>
  <si>
    <t>cg00547727</t>
  </si>
  <si>
    <t>cg00548618</t>
  </si>
  <si>
    <t>cg00553527</t>
  </si>
  <si>
    <t>cg00554442</t>
  </si>
  <si>
    <t>cg00558315</t>
  </si>
  <si>
    <t>cg00559967</t>
  </si>
  <si>
    <t>cg00564759</t>
  </si>
  <si>
    <t>cg00570642</t>
  </si>
  <si>
    <t>cg00572487</t>
  </si>
  <si>
    <t>cg00580805</t>
  </si>
  <si>
    <t>cg00581595</t>
  </si>
  <si>
    <t>cg00582524</t>
  </si>
  <si>
    <t>cg00583426</t>
  </si>
  <si>
    <t>cg00585818</t>
  </si>
  <si>
    <t>cg00586537</t>
  </si>
  <si>
    <t>cg00588720</t>
  </si>
  <si>
    <t>cg00588858</t>
  </si>
  <si>
    <t>cg00594016</t>
  </si>
  <si>
    <t>cg00594300</t>
  </si>
  <si>
    <t>cg00598730</t>
  </si>
  <si>
    <t>cg00604454</t>
  </si>
  <si>
    <t>cg00604771</t>
  </si>
  <si>
    <t>cg00609966</t>
  </si>
  <si>
    <t>cg00610310</t>
  </si>
  <si>
    <t>cg00610508</t>
  </si>
  <si>
    <t>cg00614832</t>
  </si>
  <si>
    <t>cg00615811</t>
  </si>
  <si>
    <t>cg00615892</t>
  </si>
  <si>
    <t>cg00624589</t>
  </si>
  <si>
    <t>cg00625177</t>
  </si>
  <si>
    <t>cg00629117</t>
  </si>
  <si>
    <t>cg00630420</t>
  </si>
  <si>
    <t>cg00636172</t>
  </si>
  <si>
    <t>cg00638075</t>
  </si>
  <si>
    <t>cg00643111</t>
  </si>
  <si>
    <t>cg00647658</t>
  </si>
  <si>
    <t>cg00652332</t>
  </si>
  <si>
    <t>cg00654159</t>
  </si>
  <si>
    <t>cg00656264</t>
  </si>
  <si>
    <t>cg00656603</t>
  </si>
  <si>
    <t>cg00664609</t>
  </si>
  <si>
    <t>cg00668442</t>
  </si>
  <si>
    <t>cg00674415</t>
  </si>
  <si>
    <t>cg00675160</t>
  </si>
  <si>
    <t>cg00680808</t>
  </si>
  <si>
    <t>cg00683332</t>
  </si>
  <si>
    <t>cg00685614</t>
  </si>
  <si>
    <t>cg00686339</t>
  </si>
  <si>
    <t>cg00688539</t>
  </si>
  <si>
    <t>cg00692100</t>
  </si>
  <si>
    <t>cg00692277</t>
  </si>
  <si>
    <t>cg00697672</t>
  </si>
  <si>
    <t>cg00700436</t>
  </si>
  <si>
    <t>cg00702338</t>
  </si>
  <si>
    <t>cg00704652</t>
  </si>
  <si>
    <t>cg00710721</t>
  </si>
  <si>
    <t>cg00711896</t>
  </si>
  <si>
    <t>cg00712792</t>
  </si>
  <si>
    <t>cg00716961</t>
  </si>
  <si>
    <t>cg00719332</t>
  </si>
  <si>
    <t>cg00721125</t>
  </si>
  <si>
    <t>cg00732378</t>
  </si>
  <si>
    <t>cg00732538</t>
  </si>
  <si>
    <t>cg00736299</t>
  </si>
  <si>
    <t>cg00739667</t>
  </si>
  <si>
    <t>cg00742603</t>
  </si>
  <si>
    <t>cg00745606</t>
  </si>
  <si>
    <t>cg00747619</t>
  </si>
  <si>
    <t>cg00747859</t>
  </si>
  <si>
    <t>cg00748373</t>
  </si>
  <si>
    <t>cg00751633</t>
  </si>
  <si>
    <t>cg00758881</t>
  </si>
  <si>
    <t>cg00759807</t>
  </si>
  <si>
    <t>cg00760290</t>
  </si>
  <si>
    <t>cg00762468</t>
  </si>
  <si>
    <t>cg00762711</t>
  </si>
  <si>
    <t>cg00762830</t>
  </si>
  <si>
    <t>cg00764796</t>
  </si>
  <si>
    <t>cg00765783</t>
  </si>
  <si>
    <t>cg00767000</t>
  </si>
  <si>
    <t>cg00770784</t>
  </si>
  <si>
    <t>cg00776364</t>
  </si>
  <si>
    <t>cg00779056</t>
  </si>
  <si>
    <t>cg00782645</t>
  </si>
  <si>
    <t>cg00784051</t>
  </si>
  <si>
    <t>cg00797821</t>
  </si>
  <si>
    <t>cg00799748</t>
  </si>
  <si>
    <t>cg00805320</t>
  </si>
  <si>
    <t>cg00806214</t>
  </si>
  <si>
    <t>cg00808918</t>
  </si>
  <si>
    <t>cg00809164</t>
  </si>
  <si>
    <t>cg00814065</t>
  </si>
  <si>
    <t>cg00815862</t>
  </si>
  <si>
    <t>cg00820311</t>
  </si>
  <si>
    <t>cg00823783</t>
  </si>
  <si>
    <t>cg00830767</t>
  </si>
  <si>
    <t>cg00835825</t>
  </si>
  <si>
    <t>cg00840257</t>
  </si>
  <si>
    <t>cg00843236</t>
  </si>
  <si>
    <t>cg00846114</t>
  </si>
  <si>
    <t>cg00851389</t>
  </si>
  <si>
    <t>cg00853103</t>
  </si>
  <si>
    <t>cg00855299</t>
  </si>
  <si>
    <t>cg00862481</t>
  </si>
  <si>
    <t>cg00864293</t>
  </si>
  <si>
    <t>cg00864563</t>
  </si>
  <si>
    <t>cg00866976</t>
  </si>
  <si>
    <t>cg00867273</t>
  </si>
  <si>
    <t>cg00870753</t>
  </si>
  <si>
    <t>cg00870837</t>
  </si>
  <si>
    <t>cg00872270</t>
  </si>
  <si>
    <t>cg00874817</t>
  </si>
  <si>
    <t>cg00875804</t>
  </si>
  <si>
    <t>cg00876757</t>
  </si>
  <si>
    <t>cg00881185</t>
  </si>
  <si>
    <t>cg00883712</t>
  </si>
  <si>
    <t>cg00885266</t>
  </si>
  <si>
    <t>cg00885732</t>
  </si>
  <si>
    <t>cg00888336</t>
  </si>
  <si>
    <t>cg00894222</t>
  </si>
  <si>
    <t>cg00903154</t>
  </si>
  <si>
    <t>cg00904966</t>
  </si>
  <si>
    <t>cg00905951</t>
  </si>
  <si>
    <t>cg00908189</t>
  </si>
  <si>
    <t>cg00916884</t>
  </si>
  <si>
    <t>cg00917335</t>
  </si>
  <si>
    <t>cg00925722</t>
  </si>
  <si>
    <t>cg00927169</t>
  </si>
  <si>
    <t>cg00927231</t>
  </si>
  <si>
    <t>cg00928596</t>
  </si>
  <si>
    <t>cg00929336</t>
  </si>
  <si>
    <t>cg00930706</t>
  </si>
  <si>
    <t>cg00931124</t>
  </si>
  <si>
    <t>cg00932688</t>
  </si>
  <si>
    <t>cg00933696</t>
  </si>
  <si>
    <t>cg00938305</t>
  </si>
  <si>
    <t>cg00942219</t>
  </si>
  <si>
    <t>cg00942346</t>
  </si>
  <si>
    <t>cg00944421</t>
  </si>
  <si>
    <t>cg00950706</t>
  </si>
  <si>
    <t>cg00957223</t>
  </si>
  <si>
    <t>cg00957684</t>
  </si>
  <si>
    <t>cg00959027</t>
  </si>
  <si>
    <t>cg00959883</t>
  </si>
  <si>
    <t>cg00960050</t>
  </si>
  <si>
    <t>cg00961326</t>
  </si>
  <si>
    <t>cg00963305</t>
  </si>
  <si>
    <t>cg00964321</t>
  </si>
  <si>
    <t>cg00964484</t>
  </si>
  <si>
    <t>cg00964710</t>
  </si>
  <si>
    <t>cg00966098</t>
  </si>
  <si>
    <t>cg00966920</t>
  </si>
  <si>
    <t>cg00972522</t>
  </si>
  <si>
    <t>cg00973732</t>
  </si>
  <si>
    <t>cg00976658</t>
  </si>
  <si>
    <t>cg00977403</t>
  </si>
  <si>
    <t>cg00984694</t>
  </si>
  <si>
    <t>cg00986610</t>
  </si>
  <si>
    <t>cg00999644</t>
  </si>
  <si>
    <t>cg01001468</t>
  </si>
  <si>
    <t>cg01001744</t>
  </si>
  <si>
    <t>cg01003448</t>
  </si>
  <si>
    <t>cg01006802</t>
  </si>
  <si>
    <t>cg01007768</t>
  </si>
  <si>
    <t>cg01012308</t>
  </si>
  <si>
    <t>cg01017926</t>
  </si>
  <si>
    <t>cg01028389</t>
  </si>
  <si>
    <t>cg01032946</t>
  </si>
  <si>
    <t>cg01035068</t>
  </si>
  <si>
    <t>cg01035261</t>
  </si>
  <si>
    <t>cg01037989</t>
  </si>
  <si>
    <t>cg01038597</t>
  </si>
  <si>
    <t>cg01042287</t>
  </si>
  <si>
    <t>cg01042641</t>
  </si>
  <si>
    <t>cg01045337</t>
  </si>
  <si>
    <t>cg01046309</t>
  </si>
  <si>
    <t>cg01048244</t>
  </si>
  <si>
    <t>cg01050935</t>
  </si>
  <si>
    <t>cg01051701</t>
  </si>
  <si>
    <t>cg01052502</t>
  </si>
  <si>
    <t>cg01054502</t>
  </si>
  <si>
    <t>cg01055000</t>
  </si>
  <si>
    <t>cg01062937</t>
  </si>
  <si>
    <t>cg01064265</t>
  </si>
  <si>
    <t>cg01066274</t>
  </si>
  <si>
    <t>cg01067724</t>
  </si>
  <si>
    <t>cg01068601</t>
  </si>
  <si>
    <t>cg01079019</t>
  </si>
  <si>
    <t>cg01083598</t>
  </si>
  <si>
    <t>cg01085129</t>
  </si>
  <si>
    <t>cg01085853</t>
  </si>
  <si>
    <t>cg01091156</t>
  </si>
  <si>
    <t>cg01093319</t>
  </si>
  <si>
    <t>cg01095004</t>
  </si>
  <si>
    <t>cg01097180</t>
  </si>
  <si>
    <t>cg01100763</t>
  </si>
  <si>
    <t>cg01105356</t>
  </si>
  <si>
    <t>cg01106354</t>
  </si>
  <si>
    <t>cg01108697</t>
  </si>
  <si>
    <t>cg01110955</t>
  </si>
  <si>
    <t>cg01115990</t>
  </si>
  <si>
    <t>cg01118653</t>
  </si>
  <si>
    <t>cg01120509</t>
  </si>
  <si>
    <t>cg01120902</t>
  </si>
  <si>
    <t>cg01121712</t>
  </si>
  <si>
    <t>cg01122672</t>
  </si>
  <si>
    <t>cg01123518</t>
  </si>
  <si>
    <t>cg01124529</t>
  </si>
  <si>
    <t>cg01125333</t>
  </si>
  <si>
    <t>cg01128044</t>
  </si>
  <si>
    <t>cg01128460</t>
  </si>
  <si>
    <t>cg01130162</t>
  </si>
  <si>
    <t>cg01137955</t>
  </si>
  <si>
    <t>cg01138791</t>
  </si>
  <si>
    <t>cg01142152</t>
  </si>
  <si>
    <t>cg01142668</t>
  </si>
  <si>
    <t>cg01144921</t>
  </si>
  <si>
    <t>cg01149264</t>
  </si>
  <si>
    <t>cg01149677</t>
  </si>
  <si>
    <t>cg01155258</t>
  </si>
  <si>
    <t>cg01155930</t>
  </si>
  <si>
    <t>cg01157070</t>
  </si>
  <si>
    <t>cg01157883</t>
  </si>
  <si>
    <t>cg01157952</t>
  </si>
  <si>
    <t>cg01161629</t>
  </si>
  <si>
    <t>cg01161919</t>
  </si>
  <si>
    <t>cg01162915</t>
  </si>
  <si>
    <t>cg01163790</t>
  </si>
  <si>
    <t>cg01164326</t>
  </si>
  <si>
    <t>cg01167628</t>
  </si>
  <si>
    <t>cg01172785</t>
  </si>
  <si>
    <t>cg01174447</t>
  </si>
  <si>
    <t>cg01177907</t>
  </si>
  <si>
    <t>cg01179631</t>
  </si>
  <si>
    <t>cg01185350</t>
  </si>
  <si>
    <t>cg01190323</t>
  </si>
  <si>
    <t>cg01191058</t>
  </si>
  <si>
    <t>cg01195196</t>
  </si>
  <si>
    <t>cg01197871</t>
  </si>
  <si>
    <t>cg01205021</t>
  </si>
  <si>
    <t>cg01205832</t>
  </si>
  <si>
    <t>cg01208855</t>
  </si>
  <si>
    <t>cg01210372</t>
  </si>
  <si>
    <t>cg01214050</t>
  </si>
  <si>
    <t>cg01214054</t>
  </si>
  <si>
    <t>cg01214240</t>
  </si>
  <si>
    <t>cg01222133</t>
  </si>
  <si>
    <t>cg01222216</t>
  </si>
  <si>
    <t>cg01231543</t>
  </si>
  <si>
    <t>cg01232511</t>
  </si>
  <si>
    <t>cg01235963</t>
  </si>
  <si>
    <t>cg01237501</t>
  </si>
  <si>
    <t>cg01248460</t>
  </si>
  <si>
    <t>cg01249360</t>
  </si>
  <si>
    <t>cg01251360</t>
  </si>
  <si>
    <t>cg01252224</t>
  </si>
  <si>
    <t>cg01252526</t>
  </si>
  <si>
    <t>cg01255021</t>
  </si>
  <si>
    <t>cg01260085</t>
  </si>
  <si>
    <t>cg01261535</t>
  </si>
  <si>
    <t>cg01263631</t>
  </si>
  <si>
    <t>cg01267899</t>
  </si>
  <si>
    <t>cg01269537</t>
  </si>
  <si>
    <t>cg01272937</t>
  </si>
  <si>
    <t>cg01274753</t>
  </si>
  <si>
    <t>cg01277542</t>
  </si>
  <si>
    <t>cg01279418</t>
  </si>
  <si>
    <t>cg01282078</t>
  </si>
  <si>
    <t>cg01285522</t>
  </si>
  <si>
    <t>cg01288350</t>
  </si>
  <si>
    <t>cg01290421</t>
  </si>
  <si>
    <t>cg01290644</t>
  </si>
  <si>
    <t>cg01300778</t>
  </si>
  <si>
    <t>cg01302649</t>
  </si>
  <si>
    <t>cg01304182</t>
  </si>
  <si>
    <t>cg01305596</t>
  </si>
  <si>
    <t>cg01305745</t>
  </si>
  <si>
    <t>cg01306151</t>
  </si>
  <si>
    <t>cg01307442</t>
  </si>
  <si>
    <t>cg01315663</t>
  </si>
  <si>
    <t>cg01317217</t>
  </si>
  <si>
    <t>cg01319583</t>
  </si>
  <si>
    <t>cg01319959</t>
  </si>
  <si>
    <t>cg01329687</t>
  </si>
  <si>
    <t>cg01334783</t>
  </si>
  <si>
    <t>cg01337391</t>
  </si>
  <si>
    <t>cg01337429</t>
  </si>
  <si>
    <t>cg01342411</t>
  </si>
  <si>
    <t>cg01343729</t>
  </si>
  <si>
    <t>cg01347548</t>
  </si>
  <si>
    <t>cg01352882</t>
  </si>
  <si>
    <t>cg01353515</t>
  </si>
  <si>
    <t>cg01355476</t>
  </si>
  <si>
    <t>cg01356910</t>
  </si>
  <si>
    <t>cg01366354</t>
  </si>
  <si>
    <t>cg01367666</t>
  </si>
  <si>
    <t>cg01373691</t>
  </si>
  <si>
    <t>cg01386792</t>
  </si>
  <si>
    <t>cg01388260</t>
  </si>
  <si>
    <t>cg01389088</t>
  </si>
  <si>
    <t>cg01390039</t>
  </si>
  <si>
    <t>cg01395760</t>
  </si>
  <si>
    <t>cg01396387</t>
  </si>
  <si>
    <t>cg01397513</t>
  </si>
  <si>
    <t>cg01399477</t>
  </si>
  <si>
    <t>cg01399981</t>
  </si>
  <si>
    <t>cg01405684</t>
  </si>
  <si>
    <t>cg01407460</t>
  </si>
  <si>
    <t>cg01408860</t>
  </si>
  <si>
    <t>cg01416906</t>
  </si>
  <si>
    <t>cg01431873</t>
  </si>
  <si>
    <t>cg01433332</t>
  </si>
  <si>
    <t>cg01436634</t>
  </si>
  <si>
    <t>cg01439854</t>
  </si>
  <si>
    <t>cg01443718</t>
  </si>
  <si>
    <t>cg01447536</t>
  </si>
  <si>
    <t>cg01452438</t>
  </si>
  <si>
    <t>cg01459882</t>
  </si>
  <si>
    <t>cg01460814</t>
  </si>
  <si>
    <t>cg01466678</t>
  </si>
  <si>
    <t>cg01468171</t>
  </si>
  <si>
    <t>cg01471259</t>
  </si>
  <si>
    <t>cg01472538</t>
  </si>
  <si>
    <t>cg01482556</t>
  </si>
  <si>
    <t>cg01485157</t>
  </si>
  <si>
    <t>cg01489441</t>
  </si>
  <si>
    <t>cg01494303</t>
  </si>
  <si>
    <t>cg01496648</t>
  </si>
  <si>
    <t>cg01498468</t>
  </si>
  <si>
    <t>cg01502484</t>
  </si>
  <si>
    <t>cg01507019</t>
  </si>
  <si>
    <t>cg01511465</t>
  </si>
  <si>
    <t>cg01517364</t>
  </si>
  <si>
    <t>cg01519508</t>
  </si>
  <si>
    <t>cg01523759</t>
  </si>
  <si>
    <t>cg01527023</t>
  </si>
  <si>
    <t>cg01532206</t>
  </si>
  <si>
    <t>cg01532600</t>
  </si>
  <si>
    <t>cg01533539</t>
  </si>
  <si>
    <t>cg01533689</t>
  </si>
  <si>
    <t>cg01534572</t>
  </si>
  <si>
    <t>cg01540024</t>
  </si>
  <si>
    <t>cg01540102</t>
  </si>
  <si>
    <t>cg01540172</t>
  </si>
  <si>
    <t>cg01543795</t>
  </si>
  <si>
    <t>cg01544903</t>
  </si>
  <si>
    <t>cg01546397</t>
  </si>
  <si>
    <t>cg01550915</t>
  </si>
  <si>
    <t>cg01552792</t>
  </si>
  <si>
    <t>cg01558909</t>
  </si>
  <si>
    <t>cg01560140</t>
  </si>
  <si>
    <t>cg01560283</t>
  </si>
  <si>
    <t>cg01560407</t>
  </si>
  <si>
    <t>cg01570142</t>
  </si>
  <si>
    <t>cg01571169</t>
  </si>
  <si>
    <t>cg01571407</t>
  </si>
  <si>
    <t>cg01573650</t>
  </si>
  <si>
    <t>cg01574414</t>
  </si>
  <si>
    <t>cg01574513</t>
  </si>
  <si>
    <t>cg01574663</t>
  </si>
  <si>
    <t>cg01578585</t>
  </si>
  <si>
    <t>cg01586779</t>
  </si>
  <si>
    <t>cg01597373</t>
  </si>
  <si>
    <t>cg01601439</t>
  </si>
  <si>
    <t>cg01601926</t>
  </si>
  <si>
    <t>cg01603508</t>
  </si>
  <si>
    <t>cg01609171</t>
  </si>
  <si>
    <t>cg01615861</t>
  </si>
  <si>
    <t>cg01616967</t>
  </si>
  <si>
    <t>cg01617990</t>
  </si>
  <si>
    <t>cg01618130</t>
  </si>
  <si>
    <t>cg01619692</t>
  </si>
  <si>
    <t>cg01623343</t>
  </si>
  <si>
    <t>cg01624645</t>
  </si>
  <si>
    <t>cg01626569</t>
  </si>
  <si>
    <t>cg01629408</t>
  </si>
  <si>
    <t>cg01642579</t>
  </si>
  <si>
    <t>cg01643605</t>
  </si>
  <si>
    <t>cg01645998</t>
  </si>
  <si>
    <t>cg01648887</t>
  </si>
  <si>
    <t>cg01649317</t>
  </si>
  <si>
    <t>cg01650965</t>
  </si>
  <si>
    <t>cg01652078</t>
  </si>
  <si>
    <t>cg01655607</t>
  </si>
  <si>
    <t>cg01656168</t>
  </si>
  <si>
    <t>cg01660934</t>
  </si>
  <si>
    <t>cg01672455</t>
  </si>
  <si>
    <t>cg01676844</t>
  </si>
  <si>
    <t>cg01678415</t>
  </si>
  <si>
    <t>cg01679924</t>
  </si>
  <si>
    <t>cg01681367</t>
  </si>
  <si>
    <t>cg01682070</t>
  </si>
  <si>
    <t>cg01683948</t>
  </si>
  <si>
    <t>cg01684528</t>
  </si>
  <si>
    <t>cg01685246</t>
  </si>
  <si>
    <t>cg01686522</t>
  </si>
  <si>
    <t>cg01686861</t>
  </si>
  <si>
    <t>cg01686920</t>
  </si>
  <si>
    <t>cg01690119</t>
  </si>
  <si>
    <t>cg01691827</t>
  </si>
  <si>
    <t>cg01699600</t>
  </si>
  <si>
    <t>cg01700035</t>
  </si>
  <si>
    <t>cg01702744</t>
  </si>
  <si>
    <t>cg01705052</t>
  </si>
  <si>
    <t>cg01708693</t>
  </si>
  <si>
    <t>cg01709119</t>
  </si>
  <si>
    <t>cg01710580</t>
  </si>
  <si>
    <t>cg01712359</t>
  </si>
  <si>
    <t>cg01714383</t>
  </si>
  <si>
    <t>cg01717948</t>
  </si>
  <si>
    <t>cg01718742</t>
  </si>
  <si>
    <t>cg01719854</t>
  </si>
  <si>
    <t>cg01721429</t>
  </si>
  <si>
    <t>cg01725474</t>
  </si>
  <si>
    <t>cg01726902</t>
  </si>
  <si>
    <t>cg01728704</t>
  </si>
  <si>
    <t>cg01731704</t>
  </si>
  <si>
    <t>cg01731839</t>
  </si>
  <si>
    <t>cg01734140</t>
  </si>
  <si>
    <t>cg01735558</t>
  </si>
  <si>
    <t>cg01740650</t>
  </si>
  <si>
    <t>cg01744019</t>
  </si>
  <si>
    <t>cg01744215</t>
  </si>
  <si>
    <t>cg01747591</t>
  </si>
  <si>
    <t>cg01750847</t>
  </si>
  <si>
    <t>cg01753252</t>
  </si>
  <si>
    <t>cg01754713</t>
  </si>
  <si>
    <t>cg01755539</t>
  </si>
  <si>
    <t>cg01756421</t>
  </si>
  <si>
    <t>cg01762827</t>
  </si>
  <si>
    <t>cg01764370</t>
  </si>
  <si>
    <t>cg01766882</t>
  </si>
  <si>
    <t>cg01766908</t>
  </si>
  <si>
    <t>cg01767885</t>
  </si>
  <si>
    <t>cg01777765</t>
  </si>
  <si>
    <t>cg01780613</t>
  </si>
  <si>
    <t>cg01782247</t>
  </si>
  <si>
    <t>cg01789926</t>
  </si>
  <si>
    <t>cg01795660</t>
  </si>
  <si>
    <t>cg01799862</t>
  </si>
  <si>
    <t>cg01800816</t>
  </si>
  <si>
    <t>cg01802152</t>
  </si>
  <si>
    <t>cg01805920</t>
  </si>
  <si>
    <t>cg01809437</t>
  </si>
  <si>
    <t>cg01812463</t>
  </si>
  <si>
    <t>cg01820765</t>
  </si>
  <si>
    <t>cg01821058</t>
  </si>
  <si>
    <t>cg01821126</t>
  </si>
  <si>
    <t>cg01822102</t>
  </si>
  <si>
    <t>cg01826254</t>
  </si>
  <si>
    <t>cg01826858</t>
  </si>
  <si>
    <t>cg01829163</t>
  </si>
  <si>
    <t>cg01829817</t>
  </si>
  <si>
    <t>cg01832935</t>
  </si>
  <si>
    <t>cg01835576</t>
  </si>
  <si>
    <t>cg01838863</t>
  </si>
  <si>
    <t>cg01840591</t>
  </si>
  <si>
    <t>cg01849047</t>
  </si>
  <si>
    <t>cg01851968</t>
  </si>
  <si>
    <t>cg01852063</t>
  </si>
  <si>
    <t>cg01857829</t>
  </si>
  <si>
    <t>cg01862266</t>
  </si>
  <si>
    <t>cg01865066</t>
  </si>
  <si>
    <t>cg01866215</t>
  </si>
  <si>
    <t>cg01868213</t>
  </si>
  <si>
    <t>cg01869826</t>
  </si>
  <si>
    <t>cg01879870</t>
  </si>
  <si>
    <t>cg01881136</t>
  </si>
  <si>
    <t>cg01881308</t>
  </si>
  <si>
    <t>cg01882058</t>
  </si>
  <si>
    <t>cg01883025</t>
  </si>
  <si>
    <t>cg01886234</t>
  </si>
  <si>
    <t>cg01886460</t>
  </si>
  <si>
    <t>cg01888869</t>
  </si>
  <si>
    <t>cg01891002</t>
  </si>
  <si>
    <t>cg01892346</t>
  </si>
  <si>
    <t>cg01893560</t>
  </si>
  <si>
    <t>cg01898661</t>
  </si>
  <si>
    <t>cg01899542</t>
  </si>
  <si>
    <t>cg01900254</t>
  </si>
  <si>
    <t>cg01908690</t>
  </si>
  <si>
    <t>cg01910484</t>
  </si>
  <si>
    <t>cg01916446</t>
  </si>
  <si>
    <t>cg01920373</t>
  </si>
  <si>
    <t>cg01929285</t>
  </si>
  <si>
    <t>cg01932956</t>
  </si>
  <si>
    <t>cg01933576</t>
  </si>
  <si>
    <t>cg01936977</t>
  </si>
  <si>
    <t>cg01937601</t>
  </si>
  <si>
    <t>cg01939117</t>
  </si>
  <si>
    <t>cg01939212</t>
  </si>
  <si>
    <t>cg01945625</t>
  </si>
  <si>
    <t>cg01946510</t>
  </si>
  <si>
    <t>cg01947036</t>
  </si>
  <si>
    <t>cg01949614</t>
  </si>
  <si>
    <t>cg01951637</t>
  </si>
  <si>
    <t>cg01951879</t>
  </si>
  <si>
    <t>cg01954057</t>
  </si>
  <si>
    <t>cg01957400</t>
  </si>
  <si>
    <t>cg01961069</t>
  </si>
  <si>
    <t>cg01964685</t>
  </si>
  <si>
    <t>cg01966091</t>
  </si>
  <si>
    <t>cg01970638</t>
  </si>
  <si>
    <t>cg01971940</t>
  </si>
  <si>
    <t>cg01972875</t>
  </si>
  <si>
    <t>cg01973862</t>
  </si>
  <si>
    <t>cg01974761</t>
  </si>
  <si>
    <t>cg01978105</t>
  </si>
  <si>
    <t>cg01979489</t>
  </si>
  <si>
    <t>cg01984424</t>
  </si>
  <si>
    <t>cg01984854</t>
  </si>
  <si>
    <t>cg01985177</t>
  </si>
  <si>
    <t>cg01985186</t>
  </si>
  <si>
    <t>cg02000882</t>
  </si>
  <si>
    <t>cg02003041</t>
  </si>
  <si>
    <t>cg02007933</t>
  </si>
  <si>
    <t>cg02010963</t>
  </si>
  <si>
    <t>cg02015909</t>
  </si>
  <si>
    <t>cg02016178</t>
  </si>
  <si>
    <t>cg02024246</t>
  </si>
  <si>
    <t>cg02025435</t>
  </si>
  <si>
    <t>cg02025879</t>
  </si>
  <si>
    <t>cg02026475</t>
  </si>
  <si>
    <t>cg02028540</t>
  </si>
  <si>
    <t>cg02030929</t>
  </si>
  <si>
    <t>cg02032299</t>
  </si>
  <si>
    <t>cg02033182</t>
  </si>
  <si>
    <t>cg02036832</t>
  </si>
  <si>
    <t>cg02040433</t>
  </si>
  <si>
    <t>cg02043105</t>
  </si>
  <si>
    <t>cg02047547</t>
  </si>
  <si>
    <t>cg02049404</t>
  </si>
  <si>
    <t>cg02054479</t>
  </si>
  <si>
    <t>cg02056682</t>
  </si>
  <si>
    <t>cg02057305</t>
  </si>
  <si>
    <t>cg02059317</t>
  </si>
  <si>
    <t>cg02061047</t>
  </si>
  <si>
    <t>cg02061948</t>
  </si>
  <si>
    <t>cg02067405</t>
  </si>
  <si>
    <t>cg02070685</t>
  </si>
  <si>
    <t>cg02071267</t>
  </si>
  <si>
    <t>cg02071579</t>
  </si>
  <si>
    <t>cg02072992</t>
  </si>
  <si>
    <t>cg02073511</t>
  </si>
  <si>
    <t>cg02075099</t>
  </si>
  <si>
    <t>cg02077481</t>
  </si>
  <si>
    <t>cg02077558</t>
  </si>
  <si>
    <t>cg02081938</t>
  </si>
  <si>
    <t>cg02083539</t>
  </si>
  <si>
    <t>cg02085077</t>
  </si>
  <si>
    <t>cg02086457</t>
  </si>
  <si>
    <t>cg02087101</t>
  </si>
  <si>
    <t>cg02087356</t>
  </si>
  <si>
    <t>cg02089452</t>
  </si>
  <si>
    <t>cg02089929</t>
  </si>
  <si>
    <t>cg02091607</t>
  </si>
  <si>
    <t>cg02096434</t>
  </si>
  <si>
    <t>cg02101625</t>
  </si>
  <si>
    <t>cg02102533</t>
  </si>
  <si>
    <t>cg02102807</t>
  </si>
  <si>
    <t>cg02110701</t>
  </si>
  <si>
    <t>cg02115539</t>
  </si>
  <si>
    <t>cg02115850</t>
  </si>
  <si>
    <t>cg02126435</t>
  </si>
  <si>
    <t>cg02131512</t>
  </si>
  <si>
    <t>cg02132560</t>
  </si>
  <si>
    <t>cg02132702</t>
  </si>
  <si>
    <t>cg02136452</t>
  </si>
  <si>
    <t>cg02143404</t>
  </si>
  <si>
    <t>cg02147032</t>
  </si>
  <si>
    <t>cg02154436</t>
  </si>
  <si>
    <t>cg02155048</t>
  </si>
  <si>
    <t>cg02156899</t>
  </si>
  <si>
    <t>cg02167678</t>
  </si>
  <si>
    <t>cg02170312</t>
  </si>
  <si>
    <t>cg02170751</t>
  </si>
  <si>
    <t>cg02174252</t>
  </si>
  <si>
    <t>cg02174379</t>
  </si>
  <si>
    <t>cg02182803</t>
  </si>
  <si>
    <t>cg02184697</t>
  </si>
  <si>
    <t>cg02185464</t>
  </si>
  <si>
    <t>cg02187214</t>
  </si>
  <si>
    <t>cg02189786</t>
  </si>
  <si>
    <t>cg02190597</t>
  </si>
  <si>
    <t>cg02190678</t>
  </si>
  <si>
    <t>cg02192318</t>
  </si>
  <si>
    <t>cg02194243</t>
  </si>
  <si>
    <t>cg02194908</t>
  </si>
  <si>
    <t>cg02195680</t>
  </si>
  <si>
    <t>cg02196379</t>
  </si>
  <si>
    <t>cg02202600</t>
  </si>
  <si>
    <t>cg02202742</t>
  </si>
  <si>
    <t>cg02205746</t>
  </si>
  <si>
    <t>cg02213678</t>
  </si>
  <si>
    <t>cg02214595</t>
  </si>
  <si>
    <t>cg02216295</t>
  </si>
  <si>
    <t>cg02218809</t>
  </si>
  <si>
    <t>cg02221684</t>
  </si>
  <si>
    <t>cg02225054</t>
  </si>
  <si>
    <t>cg02227036</t>
  </si>
  <si>
    <t>cg02229097</t>
  </si>
  <si>
    <t>cg02230017</t>
  </si>
  <si>
    <t>cg02230103</t>
  </si>
  <si>
    <t>cg02230701</t>
  </si>
  <si>
    <t>cg02231601</t>
  </si>
  <si>
    <t>cg02232531</t>
  </si>
  <si>
    <t>cg02243714</t>
  </si>
  <si>
    <t>cg02244269</t>
  </si>
  <si>
    <t>cg02245280</t>
  </si>
  <si>
    <t>cg02246055</t>
  </si>
  <si>
    <t>cg02246063</t>
  </si>
  <si>
    <t>cg02247183</t>
  </si>
  <si>
    <t>cg02252795</t>
  </si>
  <si>
    <t>cg02256631</t>
  </si>
  <si>
    <t>cg02257714</t>
  </si>
  <si>
    <t>cg02258691</t>
  </si>
  <si>
    <t>cg02261047</t>
  </si>
  <si>
    <t>cg02261541</t>
  </si>
  <si>
    <t>cg02263479</t>
  </si>
  <si>
    <t>cg02263813</t>
  </si>
  <si>
    <t>cg02264079</t>
  </si>
  <si>
    <t>cg02264459</t>
  </si>
  <si>
    <t>cg02266878</t>
  </si>
  <si>
    <t>cg02267536</t>
  </si>
  <si>
    <t>cg02268354</t>
  </si>
  <si>
    <t>cg02270420</t>
  </si>
  <si>
    <t>cg02286008</t>
  </si>
  <si>
    <t>cg02286589</t>
  </si>
  <si>
    <t>cg02287056</t>
  </si>
  <si>
    <t>cg02296145</t>
  </si>
  <si>
    <t>cg02297021</t>
  </si>
  <si>
    <t>cg02304201</t>
  </si>
  <si>
    <t>cg02304226</t>
  </si>
  <si>
    <t>cg02305633</t>
  </si>
  <si>
    <t>cg02308245</t>
  </si>
  <si>
    <t>cg02313379</t>
  </si>
  <si>
    <t>cg02317072</t>
  </si>
  <si>
    <t>cg02317763</t>
  </si>
  <si>
    <t>cg02318567</t>
  </si>
  <si>
    <t>cg02322140</t>
  </si>
  <si>
    <t>cg02322203</t>
  </si>
  <si>
    <t>cg02323652</t>
  </si>
  <si>
    <t>cg02327464</t>
  </si>
  <si>
    <t>cg02328807</t>
  </si>
  <si>
    <t>cg02331561</t>
  </si>
  <si>
    <t>cg02339752</t>
  </si>
  <si>
    <t>cg02351655</t>
  </si>
  <si>
    <t>cg02352240</t>
  </si>
  <si>
    <t>cg02355868</t>
  </si>
  <si>
    <t>cg02358862</t>
  </si>
  <si>
    <t>cg02360300</t>
  </si>
  <si>
    <t>cg02363010</t>
  </si>
  <si>
    <t>cg02364279</t>
  </si>
  <si>
    <t>cg02366320</t>
  </si>
  <si>
    <t>cg02366844</t>
  </si>
  <si>
    <t>cg02370636</t>
  </si>
  <si>
    <t>cg02380595</t>
  </si>
  <si>
    <t>cg02382016</t>
  </si>
  <si>
    <t>cg02384338</t>
  </si>
  <si>
    <t>cg02386244</t>
  </si>
  <si>
    <t>cg02387056</t>
  </si>
  <si>
    <t>cg02390813</t>
  </si>
  <si>
    <t>cg02402744</t>
  </si>
  <si>
    <t>cg02403239</t>
  </si>
  <si>
    <t>cg02407415</t>
  </si>
  <si>
    <t>cg02414650</t>
  </si>
  <si>
    <t>cg02417684</t>
  </si>
  <si>
    <t>cg02426307</t>
  </si>
  <si>
    <t>cg02426611</t>
  </si>
  <si>
    <t>cg02426912</t>
  </si>
  <si>
    <t>cg02429398</t>
  </si>
  <si>
    <t>cg02432003</t>
  </si>
  <si>
    <t>cg02432274</t>
  </si>
  <si>
    <t>cg02434330</t>
  </si>
  <si>
    <t>cg02437368</t>
  </si>
  <si>
    <t>cg02438591</t>
  </si>
  <si>
    <t>cg02446681</t>
  </si>
  <si>
    <t>cg02447556</t>
  </si>
  <si>
    <t>cg02449821</t>
  </si>
  <si>
    <t>cg02454264</t>
  </si>
  <si>
    <t>cg02457346</t>
  </si>
  <si>
    <t>cg02458088</t>
  </si>
  <si>
    <t>cg02458384</t>
  </si>
  <si>
    <t>cg02458945</t>
  </si>
  <si>
    <t>cg02461391</t>
  </si>
  <si>
    <t>cg02461502</t>
  </si>
  <si>
    <t>cg02463844</t>
  </si>
  <si>
    <t>cg02467054</t>
  </si>
  <si>
    <t>cg02469297</t>
  </si>
  <si>
    <t>cg02477175</t>
  </si>
  <si>
    <t>cg02478520</t>
  </si>
  <si>
    <t>cg02479497</t>
  </si>
  <si>
    <t>cg02480489</t>
  </si>
  <si>
    <t>cg02484335</t>
  </si>
  <si>
    <t>cg02485642</t>
  </si>
  <si>
    <t>cg02486209</t>
  </si>
  <si>
    <t>cg02487851</t>
  </si>
  <si>
    <t>cg02492143</t>
  </si>
  <si>
    <t>cg02492205</t>
  </si>
  <si>
    <t>cg02494150</t>
  </si>
  <si>
    <t>cg02496111</t>
  </si>
  <si>
    <t>cg02496113</t>
  </si>
  <si>
    <t>cg02506053</t>
  </si>
  <si>
    <t>cg02508848</t>
  </si>
  <si>
    <t>cg02512021</t>
  </si>
  <si>
    <t>cg02512202</t>
  </si>
  <si>
    <t>cg02513017</t>
  </si>
  <si>
    <t>cg02515730</t>
  </si>
  <si>
    <t>cg02519504</t>
  </si>
  <si>
    <t>cg02520816</t>
  </si>
  <si>
    <t>cg02521750</t>
  </si>
  <si>
    <t>cg02524622</t>
  </si>
  <si>
    <t>cg02525666</t>
  </si>
  <si>
    <t>cg02529142</t>
  </si>
  <si>
    <t>cg02530705</t>
  </si>
  <si>
    <t>cg02533339</t>
  </si>
  <si>
    <t>cg02537309</t>
  </si>
  <si>
    <t>cg02538342</t>
  </si>
  <si>
    <t>cg02539543</t>
  </si>
  <si>
    <t>cg02542704</t>
  </si>
  <si>
    <t>cg02548780</t>
  </si>
  <si>
    <t>cg02558026</t>
  </si>
  <si>
    <t>cg02558205</t>
  </si>
  <si>
    <t>cg02562519</t>
  </si>
  <si>
    <t>cg02566611</t>
  </si>
  <si>
    <t>cg02568374</t>
  </si>
  <si>
    <t>cg02568541</t>
  </si>
  <si>
    <t>cg02573557</t>
  </si>
  <si>
    <t>cg02573966</t>
  </si>
  <si>
    <t>cg02574464</t>
  </si>
  <si>
    <t>cg02575675</t>
  </si>
  <si>
    <t>cg02576153</t>
  </si>
  <si>
    <t>cg02583271</t>
  </si>
  <si>
    <t>cg02586198</t>
  </si>
  <si>
    <t>cg02587270</t>
  </si>
  <si>
    <t>cg02591578</t>
  </si>
  <si>
    <t>cg02597246</t>
  </si>
  <si>
    <t>cg02599116</t>
  </si>
  <si>
    <t>cg02600679</t>
  </si>
  <si>
    <t>cg02606058</t>
  </si>
  <si>
    <t>cg02606575</t>
  </si>
  <si>
    <t>cg02607605</t>
  </si>
  <si>
    <t>cg02609850</t>
  </si>
  <si>
    <t>cg02614661</t>
  </si>
  <si>
    <t>cg02619005</t>
  </si>
  <si>
    <t>cg02620557</t>
  </si>
  <si>
    <t>cg02622133</t>
  </si>
  <si>
    <t>cg02622601</t>
  </si>
  <si>
    <t>cg02627286</t>
  </si>
  <si>
    <t>cg02630233</t>
  </si>
  <si>
    <t>cg02632227</t>
  </si>
  <si>
    <t>cg02632890</t>
  </si>
  <si>
    <t>cg02634272</t>
  </si>
  <si>
    <t>cg02635953</t>
  </si>
  <si>
    <t>cg02636461</t>
  </si>
  <si>
    <t>cg02639294</t>
  </si>
  <si>
    <t>cg02645450</t>
  </si>
  <si>
    <t>cg02647929</t>
  </si>
  <si>
    <t>cg02647989</t>
  </si>
  <si>
    <t>cg02653315</t>
  </si>
  <si>
    <t>cg02653364</t>
  </si>
  <si>
    <t>cg02654411</t>
  </si>
  <si>
    <t>cg02661095</t>
  </si>
  <si>
    <t>cg02663864</t>
  </si>
  <si>
    <t>cg02666966</t>
  </si>
  <si>
    <t>cg02667667</t>
  </si>
  <si>
    <t>cg02672397</t>
  </si>
  <si>
    <t>cg02673453</t>
  </si>
  <si>
    <t>cg02678414</t>
  </si>
  <si>
    <t>cg02687026</t>
  </si>
  <si>
    <t>cg02695704</t>
  </si>
  <si>
    <t>cg02702524</t>
  </si>
  <si>
    <t>cg02705487</t>
  </si>
  <si>
    <t>cg02715797</t>
  </si>
  <si>
    <t>cg02717630</t>
  </si>
  <si>
    <t>cg02724025</t>
  </si>
  <si>
    <t>cg02724461</t>
  </si>
  <si>
    <t>cg02727363</t>
  </si>
  <si>
    <t>cg02729269</t>
  </si>
  <si>
    <t>cg02730714</t>
  </si>
  <si>
    <t>cg02732804</t>
  </si>
  <si>
    <t>cg02733650</t>
  </si>
  <si>
    <t>cg02741882</t>
  </si>
  <si>
    <t>cg02744123</t>
  </si>
  <si>
    <t>cg02747254</t>
  </si>
  <si>
    <t>cg02747379</t>
  </si>
  <si>
    <t>cg02755475</t>
  </si>
  <si>
    <t>cg02755525</t>
  </si>
  <si>
    <t>cg02756281</t>
  </si>
  <si>
    <t>cg02761480</t>
  </si>
  <si>
    <t>cg02762393</t>
  </si>
  <si>
    <t>cg02770947</t>
  </si>
  <si>
    <t>cg02774045</t>
  </si>
  <si>
    <t>cg02779429</t>
  </si>
  <si>
    <t>cg02785101</t>
  </si>
  <si>
    <t>cg02793828</t>
  </si>
  <si>
    <t>cg02793854</t>
  </si>
  <si>
    <t>cg02801007</t>
  </si>
  <si>
    <t>cg02803037</t>
  </si>
  <si>
    <t>cg02804114</t>
  </si>
  <si>
    <t>cg02806032</t>
  </si>
  <si>
    <t>cg02809591</t>
  </si>
  <si>
    <t>cg02820613</t>
  </si>
  <si>
    <t>cg02828802</t>
  </si>
  <si>
    <t>cg02830202</t>
  </si>
  <si>
    <t>cg02831329</t>
  </si>
  <si>
    <t>cg02833438</t>
  </si>
  <si>
    <t>cg02845733</t>
  </si>
  <si>
    <t>cg02846715</t>
  </si>
  <si>
    <t>cg02850941</t>
  </si>
  <si>
    <t>cg02851105</t>
  </si>
  <si>
    <t>cg02851237</t>
  </si>
  <si>
    <t>cg02852791</t>
  </si>
  <si>
    <t>cg02858606</t>
  </si>
  <si>
    <t>cg02860732</t>
  </si>
  <si>
    <t>cg02862904</t>
  </si>
  <si>
    <t>cg02863489</t>
  </si>
  <si>
    <t>cg02871940</t>
  </si>
  <si>
    <t>cg02873371</t>
  </si>
  <si>
    <t>cg02873517</t>
  </si>
  <si>
    <t>cg02877856</t>
  </si>
  <si>
    <t>cg02878439</t>
  </si>
  <si>
    <t>cg02892402</t>
  </si>
  <si>
    <t>cg02893490</t>
  </si>
  <si>
    <t>cg02896970</t>
  </si>
  <si>
    <t>cg02898962</t>
  </si>
  <si>
    <t>cg02903691</t>
  </si>
  <si>
    <t>cg02909711</t>
  </si>
  <si>
    <t>cg02915530</t>
  </si>
  <si>
    <t>cg02916409</t>
  </si>
  <si>
    <t>cg02924347</t>
  </si>
  <si>
    <t>cg02925162</t>
  </si>
  <si>
    <t>cg02929734</t>
  </si>
  <si>
    <t>cg02948236</t>
  </si>
  <si>
    <t>cg02948862</t>
  </si>
  <si>
    <t>cg02955911</t>
  </si>
  <si>
    <t>cg02964287</t>
  </si>
  <si>
    <t>cg02966076</t>
  </si>
  <si>
    <t>cg02969923</t>
  </si>
  <si>
    <t>cg02975081</t>
  </si>
  <si>
    <t>cg02985366</t>
  </si>
  <si>
    <t>cg02990814</t>
  </si>
  <si>
    <t>cg03000848</t>
  </si>
  <si>
    <t>cg03003115</t>
  </si>
  <si>
    <t>cg03010684</t>
  </si>
  <si>
    <t>cg03011594</t>
  </si>
  <si>
    <t>cg03013188</t>
  </si>
  <si>
    <t>cg03015433</t>
  </si>
  <si>
    <t>cg03015899</t>
  </si>
  <si>
    <t>cg03021120</t>
  </si>
  <si>
    <t>cg03025632</t>
  </si>
  <si>
    <t>cg03034934</t>
  </si>
  <si>
    <t>cg03035213</t>
  </si>
  <si>
    <t>cg03036210</t>
  </si>
  <si>
    <t>cg03038029</t>
  </si>
  <si>
    <t>cg03039399</t>
  </si>
  <si>
    <t>cg03040848</t>
  </si>
  <si>
    <t>cg03046466</t>
  </si>
  <si>
    <t>cg03047098</t>
  </si>
  <si>
    <t>cg03051979</t>
  </si>
  <si>
    <t>cg03054303</t>
  </si>
  <si>
    <t>cg03054424</t>
  </si>
  <si>
    <t>cg03056682</t>
  </si>
  <si>
    <t>cg03060214</t>
  </si>
  <si>
    <t>cg03062952</t>
  </si>
  <si>
    <t>cg03072621</t>
  </si>
  <si>
    <t>cg03079559</t>
  </si>
  <si>
    <t>cg03080965</t>
  </si>
  <si>
    <t>cg03082468</t>
  </si>
  <si>
    <t>cg03087852</t>
  </si>
  <si>
    <t>cg03090204</t>
  </si>
  <si>
    <t>cg03095379</t>
  </si>
  <si>
    <t>cg03095872</t>
  </si>
  <si>
    <t>cg03096954</t>
  </si>
  <si>
    <t>cg03097336</t>
  </si>
  <si>
    <t>cg03097541</t>
  </si>
  <si>
    <t>cg03102879</t>
  </si>
  <si>
    <t>cg03104758</t>
  </si>
  <si>
    <t>cg03114558</t>
  </si>
  <si>
    <t>cg03122602</t>
  </si>
  <si>
    <t>cg03125427</t>
  </si>
  <si>
    <t>cg03130090</t>
  </si>
  <si>
    <t>cg03132773</t>
  </si>
  <si>
    <t>cg03140190</t>
  </si>
  <si>
    <t>cg03146981</t>
  </si>
  <si>
    <t>cg03147312</t>
  </si>
  <si>
    <t>cg03147337</t>
  </si>
  <si>
    <t>cg03150378</t>
  </si>
  <si>
    <t>cg03156893</t>
  </si>
  <si>
    <t>cg03157530</t>
  </si>
  <si>
    <t>cg03162686</t>
  </si>
  <si>
    <t>cg03169557</t>
  </si>
  <si>
    <t>cg03171659</t>
  </si>
  <si>
    <t>cg03175771</t>
  </si>
  <si>
    <t>cg03175854</t>
  </si>
  <si>
    <t>cg03176550</t>
  </si>
  <si>
    <t>cg03176964</t>
  </si>
  <si>
    <t>cg03180953</t>
  </si>
  <si>
    <t>cg03190944</t>
  </si>
  <si>
    <t>cg03199084</t>
  </si>
  <si>
    <t>cg03200734</t>
  </si>
  <si>
    <t>cg03202064</t>
  </si>
  <si>
    <t>cg03208850</t>
  </si>
  <si>
    <t>cg03210180</t>
  </si>
  <si>
    <t>cg03210589</t>
  </si>
  <si>
    <t>cg03212183</t>
  </si>
  <si>
    <t>cg03214931</t>
  </si>
  <si>
    <t>cg03218198</t>
  </si>
  <si>
    <t>cg03220166</t>
  </si>
  <si>
    <t>cg03234970</t>
  </si>
  <si>
    <t>cg03235761</t>
  </si>
  <si>
    <t>cg03236992</t>
  </si>
  <si>
    <t>cg03238797</t>
  </si>
  <si>
    <t>cg03242101</t>
  </si>
  <si>
    <t>cg03242668</t>
  </si>
  <si>
    <t>cg03247595</t>
  </si>
  <si>
    <t>cg03250656</t>
  </si>
  <si>
    <t>cg03259564</t>
  </si>
  <si>
    <t>cg03262260</t>
  </si>
  <si>
    <t>cg03263237</t>
  </si>
  <si>
    <t>cg03265944</t>
  </si>
  <si>
    <t>cg03270995</t>
  </si>
  <si>
    <t>cg03277550</t>
  </si>
  <si>
    <t>cg03279185</t>
  </si>
  <si>
    <t>cg03280523</t>
  </si>
  <si>
    <t>cg03280887</t>
  </si>
  <si>
    <t>cg03282439</t>
  </si>
  <si>
    <t>cg03284853</t>
  </si>
  <si>
    <t>cg03286774</t>
  </si>
  <si>
    <t>cg03287936</t>
  </si>
  <si>
    <t>cg03288803</t>
  </si>
  <si>
    <t>cg03303025</t>
  </si>
  <si>
    <t>cg03304078</t>
  </si>
  <si>
    <t>cg03305305</t>
  </si>
  <si>
    <t>cg03306374</t>
  </si>
  <si>
    <t>cg03309232</t>
  </si>
  <si>
    <t>cg03310838</t>
  </si>
  <si>
    <t>cg03314029</t>
  </si>
  <si>
    <t>cg03314158</t>
  </si>
  <si>
    <t>cg03314195</t>
  </si>
  <si>
    <t>cg03315432</t>
  </si>
  <si>
    <t>cg03323695</t>
  </si>
  <si>
    <t>cg03325406</t>
  </si>
  <si>
    <t>cg03330454</t>
  </si>
  <si>
    <t>cg03334425</t>
  </si>
  <si>
    <t>cg03338348</t>
  </si>
  <si>
    <t>cg03342530</t>
  </si>
  <si>
    <t>cg03343262</t>
  </si>
  <si>
    <t>cg03349020</t>
  </si>
  <si>
    <t>cg03350017</t>
  </si>
  <si>
    <t>cg03354340</t>
  </si>
  <si>
    <t>cg03357791</t>
  </si>
  <si>
    <t>cg03362815</t>
  </si>
  <si>
    <t>cg03363863</t>
  </si>
  <si>
    <t>cg03366251</t>
  </si>
  <si>
    <t>cg03372353</t>
  </si>
  <si>
    <t>cg03373771</t>
  </si>
  <si>
    <t>cg03376029</t>
  </si>
  <si>
    <t>cg03379367</t>
  </si>
  <si>
    <t>cg03381216</t>
  </si>
  <si>
    <t>cg03383789</t>
  </si>
  <si>
    <t>cg03385846</t>
  </si>
  <si>
    <t>cg03389653</t>
  </si>
  <si>
    <t>cg03390211</t>
  </si>
  <si>
    <t>cg03391318</t>
  </si>
  <si>
    <t>cg03394150</t>
  </si>
  <si>
    <t>cg03395651</t>
  </si>
  <si>
    <t>cg03397724</t>
  </si>
  <si>
    <t>cg03398004</t>
  </si>
  <si>
    <t>cg03402001</t>
  </si>
  <si>
    <t>cg03403265</t>
  </si>
  <si>
    <t>cg03403686</t>
  </si>
  <si>
    <t>cg03406609</t>
  </si>
  <si>
    <t>cg03408945</t>
  </si>
  <si>
    <t>cg03420713</t>
  </si>
  <si>
    <t>cg03426194</t>
  </si>
  <si>
    <t>cg03427235</t>
  </si>
  <si>
    <t>cg03427771</t>
  </si>
  <si>
    <t>cg03429475</t>
  </si>
  <si>
    <t>cg03430116</t>
  </si>
  <si>
    <t>cg03431137</t>
  </si>
  <si>
    <t>cg03437924</t>
  </si>
  <si>
    <t>cg03441945</t>
  </si>
  <si>
    <t>cg03442564</t>
  </si>
  <si>
    <t>cg03446244</t>
  </si>
  <si>
    <t>cg03462171</t>
  </si>
  <si>
    <t>cg03466066</t>
  </si>
  <si>
    <t>cg03466485</t>
  </si>
  <si>
    <t>cg03466598</t>
  </si>
  <si>
    <t>cg03469521</t>
  </si>
  <si>
    <t>cg03475660</t>
  </si>
  <si>
    <t>cg03484438</t>
  </si>
  <si>
    <t>cg03485674</t>
  </si>
  <si>
    <t>cg03485710</t>
  </si>
  <si>
    <t>cg03488284</t>
  </si>
  <si>
    <t>cg03488456</t>
  </si>
  <si>
    <t>cg03490839</t>
  </si>
  <si>
    <t>cg03491503</t>
  </si>
  <si>
    <t>cg03494430</t>
  </si>
  <si>
    <t>cg03495059</t>
  </si>
  <si>
    <t>cg03496220</t>
  </si>
  <si>
    <t>cg03497652</t>
  </si>
  <si>
    <t>cg03498304</t>
  </si>
  <si>
    <t>cg03498383</t>
  </si>
  <si>
    <t>cg03500993</t>
  </si>
  <si>
    <t>cg03501633</t>
  </si>
  <si>
    <t>cg03501953</t>
  </si>
  <si>
    <t>cg03507326</t>
  </si>
  <si>
    <t>cg03512577</t>
  </si>
  <si>
    <t>cg03513682</t>
  </si>
  <si>
    <t>cg03514934</t>
  </si>
  <si>
    <t>cg03515246</t>
  </si>
  <si>
    <t>cg03516636</t>
  </si>
  <si>
    <t>cg03517024</t>
  </si>
  <si>
    <t>cg03517226</t>
  </si>
  <si>
    <t>cg03517376</t>
  </si>
  <si>
    <t>cg03527802</t>
  </si>
  <si>
    <t>cg03530756</t>
  </si>
  <si>
    <t>cg03532420</t>
  </si>
  <si>
    <t>cg03533472</t>
  </si>
  <si>
    <t>cg03541381</t>
  </si>
  <si>
    <t>cg03542754</t>
  </si>
  <si>
    <t>cg03543448</t>
  </si>
  <si>
    <t>cg03545515</t>
  </si>
  <si>
    <t>cg03547722</t>
  </si>
  <si>
    <t>cg03549146</t>
  </si>
  <si>
    <t>cg03550864</t>
  </si>
  <si>
    <t>cg03553080</t>
  </si>
  <si>
    <t>cg03558676</t>
  </si>
  <si>
    <t>cg03560850</t>
  </si>
  <si>
    <t>cg03564166</t>
  </si>
  <si>
    <t>cg03566142</t>
  </si>
  <si>
    <t>cg03568041</t>
  </si>
  <si>
    <t>cg03574765</t>
  </si>
  <si>
    <t>cg03579904</t>
  </si>
  <si>
    <t>cg03580106</t>
  </si>
  <si>
    <t>cg03589372</t>
  </si>
  <si>
    <t>cg03592218</t>
  </si>
  <si>
    <t>cg03595018</t>
  </si>
  <si>
    <t>cg03595220</t>
  </si>
  <si>
    <t>cg03605226</t>
  </si>
  <si>
    <t>cg03607071</t>
  </si>
  <si>
    <t>cg03607825</t>
  </si>
  <si>
    <t>cg03614373</t>
  </si>
  <si>
    <t>cg03614649</t>
  </si>
  <si>
    <t>cg03622875</t>
  </si>
  <si>
    <t>cg03625807</t>
  </si>
  <si>
    <t>cg03631076</t>
  </si>
  <si>
    <t>cg03632172</t>
  </si>
  <si>
    <t>cg03633073</t>
  </si>
  <si>
    <t>cg03633803</t>
  </si>
  <si>
    <t>cg03635578</t>
  </si>
  <si>
    <t>cg03648611</t>
  </si>
  <si>
    <t>cg03660377</t>
  </si>
  <si>
    <t>cg03661817</t>
  </si>
  <si>
    <t>cg03662545</t>
  </si>
  <si>
    <t>cg03667593</t>
  </si>
  <si>
    <t>cg03671266</t>
  </si>
  <si>
    <t>cg03675884</t>
  </si>
  <si>
    <t>cg03677675</t>
  </si>
  <si>
    <t>cg03681150</t>
  </si>
  <si>
    <t>cg03681679</t>
  </si>
  <si>
    <t>cg03682192</t>
  </si>
  <si>
    <t>cg03683004</t>
  </si>
  <si>
    <t>cg03685886</t>
  </si>
  <si>
    <t>cg03687532</t>
  </si>
  <si>
    <t>cg03689568</t>
  </si>
  <si>
    <t>cg03693601</t>
  </si>
  <si>
    <t>cg03699307</t>
  </si>
  <si>
    <t>cg03701120</t>
  </si>
  <si>
    <t>cg03701575</t>
  </si>
  <si>
    <t>cg03701884</t>
  </si>
  <si>
    <t>cg03704006</t>
  </si>
  <si>
    <t>cg03707918</t>
  </si>
  <si>
    <t>cg03710840</t>
  </si>
  <si>
    <t>cg03717503</t>
  </si>
  <si>
    <t>cg03718655</t>
  </si>
  <si>
    <t>cg03726236</t>
  </si>
  <si>
    <t>cg03728674</t>
  </si>
  <si>
    <t>cg03736928</t>
  </si>
  <si>
    <t>cg03739411</t>
  </si>
  <si>
    <t>cg03740221</t>
  </si>
  <si>
    <t>cg03743678</t>
  </si>
  <si>
    <t>cg03743753</t>
  </si>
  <si>
    <t>cg03748434</t>
  </si>
  <si>
    <t>cg03748857</t>
  </si>
  <si>
    <t>cg03749207</t>
  </si>
  <si>
    <t>cg03751324</t>
  </si>
  <si>
    <t>cg03757109</t>
  </si>
  <si>
    <t>cg03759094</t>
  </si>
  <si>
    <t>cg03761815</t>
  </si>
  <si>
    <t>cg03767562</t>
  </si>
  <si>
    <t>cg03771121</t>
  </si>
  <si>
    <t>cg03771878</t>
  </si>
  <si>
    <t>cg03775240</t>
  </si>
  <si>
    <t>cg03776194</t>
  </si>
  <si>
    <t>cg03776506</t>
  </si>
  <si>
    <t>cg03780561</t>
  </si>
  <si>
    <t>cg03786933</t>
  </si>
  <si>
    <t>cg03787864</t>
  </si>
  <si>
    <t>cg03788227</t>
  </si>
  <si>
    <t>cg03790189</t>
  </si>
  <si>
    <t>cg03796952</t>
  </si>
  <si>
    <t>cg03797660</t>
  </si>
  <si>
    <t>cg03801128</t>
  </si>
  <si>
    <t>cg03803177</t>
  </si>
  <si>
    <t>cg03814316</t>
  </si>
  <si>
    <t>cg03816625</t>
  </si>
  <si>
    <t>cg03818569</t>
  </si>
  <si>
    <t>cg03818977</t>
  </si>
  <si>
    <t>cg03821384</t>
  </si>
  <si>
    <t>cg03822003</t>
  </si>
  <si>
    <t>cg03822950</t>
  </si>
  <si>
    <t>cg03825234</t>
  </si>
  <si>
    <t>cg03829194</t>
  </si>
  <si>
    <t>cg03832191</t>
  </si>
  <si>
    <t>cg03835547</t>
  </si>
  <si>
    <t>cg03836521</t>
  </si>
  <si>
    <t>cg03841541</t>
  </si>
  <si>
    <t>cg03841627</t>
  </si>
  <si>
    <t>cg03846704</t>
  </si>
  <si>
    <t>cg03847052</t>
  </si>
  <si>
    <t>cg03848483</t>
  </si>
  <si>
    <t>cg03849728</t>
  </si>
  <si>
    <t>cg03855706</t>
  </si>
  <si>
    <t>cg03856401</t>
  </si>
  <si>
    <t>cg03856411</t>
  </si>
  <si>
    <t>cg03859186</t>
  </si>
  <si>
    <t>cg03860859</t>
  </si>
  <si>
    <t>cg03863143</t>
  </si>
  <si>
    <t>cg03865041</t>
  </si>
  <si>
    <t>cg03866835</t>
  </si>
  <si>
    <t>cg03870360</t>
  </si>
  <si>
    <t>cg03872502</t>
  </si>
  <si>
    <t>cg03877960</t>
  </si>
  <si>
    <t>cg03884976</t>
  </si>
  <si>
    <t>cg03885062</t>
  </si>
  <si>
    <t>cg03890691</t>
  </si>
  <si>
    <t>cg03891598</t>
  </si>
  <si>
    <t>cg03893095</t>
  </si>
  <si>
    <t>cg03895690</t>
  </si>
  <si>
    <t>cg03896694</t>
  </si>
  <si>
    <t>cg03898993</t>
  </si>
  <si>
    <t>cg03899598</t>
  </si>
  <si>
    <t>cg03899609</t>
  </si>
  <si>
    <t>cg03908927</t>
  </si>
  <si>
    <t>cg03911494</t>
  </si>
  <si>
    <t>cg03914988</t>
  </si>
  <si>
    <t>cg03923640</t>
  </si>
  <si>
    <t>cg03924164</t>
  </si>
  <si>
    <t>cg03925497</t>
  </si>
  <si>
    <t>cg03925642</t>
  </si>
  <si>
    <t>cg03929570</t>
  </si>
  <si>
    <t>cg03929747</t>
  </si>
  <si>
    <t>cg03931865</t>
  </si>
  <si>
    <t>cg03935709</t>
  </si>
  <si>
    <t>cg03939464</t>
  </si>
  <si>
    <t>cg03940643</t>
  </si>
  <si>
    <t>cg03941744</t>
  </si>
  <si>
    <t>cg03941745</t>
  </si>
  <si>
    <t>cg03942436</t>
  </si>
  <si>
    <t>cg03943839</t>
  </si>
  <si>
    <t>cg03945320</t>
  </si>
  <si>
    <t>cg03946106</t>
  </si>
  <si>
    <t>cg03948536</t>
  </si>
  <si>
    <t>cg03955354</t>
  </si>
  <si>
    <t>cg03958004</t>
  </si>
  <si>
    <t>cg03963853</t>
  </si>
  <si>
    <t>cg03965340</t>
  </si>
  <si>
    <t>cg03966449</t>
  </si>
  <si>
    <t>cg03967182</t>
  </si>
  <si>
    <t>cg03974347</t>
  </si>
  <si>
    <t>cg03977408</t>
  </si>
  <si>
    <t>cg03980541</t>
  </si>
  <si>
    <t>cg03981906</t>
  </si>
  <si>
    <t>cg03983058</t>
  </si>
  <si>
    <t>cg03984055</t>
  </si>
  <si>
    <t>cg03986562</t>
  </si>
  <si>
    <t>cg03991297</t>
  </si>
  <si>
    <t>cg03997764</t>
  </si>
  <si>
    <t>cg03998598</t>
  </si>
  <si>
    <t>cg03998655</t>
  </si>
  <si>
    <t>cg04000569</t>
  </si>
  <si>
    <t>cg04011139</t>
  </si>
  <si>
    <t>cg04012053</t>
  </si>
  <si>
    <t>cg04012618</t>
  </si>
  <si>
    <t>cg04018448</t>
  </si>
  <si>
    <t>cg04027778</t>
  </si>
  <si>
    <t>cg04030842</t>
  </si>
  <si>
    <t>cg04033451</t>
  </si>
  <si>
    <t>cg04035070</t>
  </si>
  <si>
    <t>cg04035353</t>
  </si>
  <si>
    <t>cg04036101</t>
  </si>
  <si>
    <t>cg04036306</t>
  </si>
  <si>
    <t>cg04039414</t>
  </si>
  <si>
    <t>cg04039667</t>
  </si>
  <si>
    <t>cg04039784</t>
  </si>
  <si>
    <t>cg04044356</t>
  </si>
  <si>
    <t>cg04045089</t>
  </si>
  <si>
    <t>cg04047483</t>
  </si>
  <si>
    <t>cg04051962</t>
  </si>
  <si>
    <t>cg04058100</t>
  </si>
  <si>
    <t>cg04059762</t>
  </si>
  <si>
    <t>cg04067574</t>
  </si>
  <si>
    <t>cg04072691</t>
  </si>
  <si>
    <t>cg04076444</t>
  </si>
  <si>
    <t>cg04079722</t>
  </si>
  <si>
    <t>cg04079760</t>
  </si>
  <si>
    <t>cg04079779</t>
  </si>
  <si>
    <t>cg04085039</t>
  </si>
  <si>
    <t>cg04085822</t>
  </si>
  <si>
    <t>cg04086531</t>
  </si>
  <si>
    <t>cg04098866</t>
  </si>
  <si>
    <t>cg04099705</t>
  </si>
  <si>
    <t>cg04105547</t>
  </si>
  <si>
    <t>cg04106390</t>
  </si>
  <si>
    <t>cg04106647</t>
  </si>
  <si>
    <t>cg04107699</t>
  </si>
  <si>
    <t>cg04112012</t>
  </si>
  <si>
    <t>cg04112889</t>
  </si>
  <si>
    <t>cg04118849</t>
  </si>
  <si>
    <t>cg04119529</t>
  </si>
  <si>
    <t>cg04125710</t>
  </si>
  <si>
    <t>cg04128307</t>
  </si>
  <si>
    <t>cg04130484</t>
  </si>
  <si>
    <t>cg04131583</t>
  </si>
  <si>
    <t>cg04135106</t>
  </si>
  <si>
    <t>cg04136445</t>
  </si>
  <si>
    <t>cg04138758</t>
  </si>
  <si>
    <t>cg04140803</t>
  </si>
  <si>
    <t>cg04141691</t>
  </si>
  <si>
    <t>cg04141813</t>
  </si>
  <si>
    <t>cg04146151</t>
  </si>
  <si>
    <t>cg04148091</t>
  </si>
  <si>
    <t>cg04149015</t>
  </si>
  <si>
    <t>cg04150136</t>
  </si>
  <si>
    <t>cg04152921</t>
  </si>
  <si>
    <t>cg04153495</t>
  </si>
  <si>
    <t>cg04155147</t>
  </si>
  <si>
    <t>cg04155195</t>
  </si>
  <si>
    <t>cg04158589</t>
  </si>
  <si>
    <t>cg04158612</t>
  </si>
  <si>
    <t>cg04160876</t>
  </si>
  <si>
    <t>cg04166294</t>
  </si>
  <si>
    <t>cg04168590</t>
  </si>
  <si>
    <t>cg04169263</t>
  </si>
  <si>
    <t>cg04172166</t>
  </si>
  <si>
    <t>cg04176488</t>
  </si>
  <si>
    <t>cg04176585</t>
  </si>
  <si>
    <t>cg04177089</t>
  </si>
  <si>
    <t>cg04177201</t>
  </si>
  <si>
    <t>cg04179668</t>
  </si>
  <si>
    <t>cg04180299</t>
  </si>
  <si>
    <t>cg04184877</t>
  </si>
  <si>
    <t>cg04184946</t>
  </si>
  <si>
    <t>cg04186815</t>
  </si>
  <si>
    <t>cg04191403</t>
  </si>
  <si>
    <t>cg04194840</t>
  </si>
  <si>
    <t>cg04199720</t>
  </si>
  <si>
    <t>cg04199977</t>
  </si>
  <si>
    <t>cg04200026</t>
  </si>
  <si>
    <t>cg04200835</t>
  </si>
  <si>
    <t>cg04204072</t>
  </si>
  <si>
    <t>cg04205655</t>
  </si>
  <si>
    <t>cg04208403</t>
  </si>
  <si>
    <t>cg04214866</t>
  </si>
  <si>
    <t>cg04218559</t>
  </si>
  <si>
    <t>cg04220636</t>
  </si>
  <si>
    <t>cg04220922</t>
  </si>
  <si>
    <t>cg04221836</t>
  </si>
  <si>
    <t>cg04228827</t>
  </si>
  <si>
    <t>cg04231085</t>
  </si>
  <si>
    <t>cg04242559</t>
  </si>
  <si>
    <t>cg04245568</t>
  </si>
  <si>
    <t>cg04246829</t>
  </si>
  <si>
    <t>cg04246864</t>
  </si>
  <si>
    <t>cg04246999</t>
  </si>
  <si>
    <t>cg04247152</t>
  </si>
  <si>
    <t>cg04247218</t>
  </si>
  <si>
    <t>cg04262392</t>
  </si>
  <si>
    <t>cg04265926</t>
  </si>
  <si>
    <t>cg04266460</t>
  </si>
  <si>
    <t>cg04269569</t>
  </si>
  <si>
    <t>cg04273148</t>
  </si>
  <si>
    <t>cg04275570</t>
  </si>
  <si>
    <t>cg04284661</t>
  </si>
  <si>
    <t>cg04285275</t>
  </si>
  <si>
    <t>cg04286195</t>
  </si>
  <si>
    <t>cg04289163</t>
  </si>
  <si>
    <t>cg04294437</t>
  </si>
  <si>
    <t>cg04295612</t>
  </si>
  <si>
    <t>cg04297067</t>
  </si>
  <si>
    <t>cg04298253</t>
  </si>
  <si>
    <t>cg04304019</t>
  </si>
  <si>
    <t>cg04305427</t>
  </si>
  <si>
    <t>cg04306106</t>
  </si>
  <si>
    <t>cg04310964</t>
  </si>
  <si>
    <t>cg04311355</t>
  </si>
  <si>
    <t>cg04314114</t>
  </si>
  <si>
    <t>cg04315923</t>
  </si>
  <si>
    <t>cg04317076</t>
  </si>
  <si>
    <t>cg04317962</t>
  </si>
  <si>
    <t>cg04319882</t>
  </si>
  <si>
    <t>cg04320044</t>
  </si>
  <si>
    <t>cg04328477</t>
  </si>
  <si>
    <t>cg04329264</t>
  </si>
  <si>
    <t>cg04336970</t>
  </si>
  <si>
    <t>cg04338281</t>
  </si>
  <si>
    <t>cg04340928</t>
  </si>
  <si>
    <t>cg04341594</t>
  </si>
  <si>
    <t>cg04342955</t>
  </si>
  <si>
    <t>cg04343928</t>
  </si>
  <si>
    <t>cg04348427</t>
  </si>
  <si>
    <t>cg04349810</t>
  </si>
  <si>
    <t>cg04352115</t>
  </si>
  <si>
    <t>cg04353881</t>
  </si>
  <si>
    <t>cg04354689</t>
  </si>
  <si>
    <t>cg04355750</t>
  </si>
  <si>
    <t>cg04357082</t>
  </si>
  <si>
    <t>cg04358214</t>
  </si>
  <si>
    <t>cg04364504</t>
  </si>
  <si>
    <t>cg04365973</t>
  </si>
  <si>
    <t>cg04372823</t>
  </si>
  <si>
    <t>cg04374711</t>
  </si>
  <si>
    <t>cg04376887</t>
  </si>
  <si>
    <t>cg04376905</t>
  </si>
  <si>
    <t>cg04377849</t>
  </si>
  <si>
    <t>cg04381043</t>
  </si>
  <si>
    <t>cg04383369</t>
  </si>
  <si>
    <t>cg04386149</t>
  </si>
  <si>
    <t>cg04387175</t>
  </si>
  <si>
    <t>cg04389704</t>
  </si>
  <si>
    <t>cg04391222</t>
  </si>
  <si>
    <t>cg04393675</t>
  </si>
  <si>
    <t>cg04394655</t>
  </si>
  <si>
    <t>cg04395184</t>
  </si>
  <si>
    <t>cg04396685</t>
  </si>
  <si>
    <t>cg04398916</t>
  </si>
  <si>
    <t>cg04404455</t>
  </si>
  <si>
    <t>cg04408576</t>
  </si>
  <si>
    <t>cg04413696</t>
  </si>
  <si>
    <t>cg04413904</t>
  </si>
  <si>
    <t>cg04416734</t>
  </si>
  <si>
    <t>cg04417862</t>
  </si>
  <si>
    <t>cg04424379</t>
  </si>
  <si>
    <t>cg04432454</t>
  </si>
  <si>
    <t>cg04436255</t>
  </si>
  <si>
    <t>cg04436431</t>
  </si>
  <si>
    <t>cg04440769</t>
  </si>
  <si>
    <t>cg04444104</t>
  </si>
  <si>
    <t>cg04446303</t>
  </si>
  <si>
    <t>cg04453552</t>
  </si>
  <si>
    <t>cg04454285</t>
  </si>
  <si>
    <t>cg04454426</t>
  </si>
  <si>
    <t>cg04459481</t>
  </si>
  <si>
    <t>cg04459753</t>
  </si>
  <si>
    <t>cg04460041</t>
  </si>
  <si>
    <t>cg04461464</t>
  </si>
  <si>
    <t>cg04462627</t>
  </si>
  <si>
    <t>cg04463816</t>
  </si>
  <si>
    <t>cg04464276</t>
  </si>
  <si>
    <t>cg04468198</t>
  </si>
  <si>
    <t>cg04468971</t>
  </si>
  <si>
    <t>cg04473078</t>
  </si>
  <si>
    <t>cg04477005</t>
  </si>
  <si>
    <t>cg04482075</t>
  </si>
  <si>
    <t>cg04491367</t>
  </si>
  <si>
    <t>cg04491591</t>
  </si>
  <si>
    <t>cg04492721</t>
  </si>
  <si>
    <t>cg04492847</t>
  </si>
  <si>
    <t>cg04497927</t>
  </si>
  <si>
    <t>cg04497992</t>
  </si>
  <si>
    <t>cg04500745</t>
  </si>
  <si>
    <t>cg04503319</t>
  </si>
  <si>
    <t>cg04508233</t>
  </si>
  <si>
    <t>cg04510420</t>
  </si>
  <si>
    <t>cg04510512</t>
  </si>
  <si>
    <t>cg04513006</t>
  </si>
  <si>
    <t>cg04514123</t>
  </si>
  <si>
    <t>cg04517903</t>
  </si>
  <si>
    <t>cg04518477</t>
  </si>
  <si>
    <t>cg04518928</t>
  </si>
  <si>
    <t>cg04519918</t>
  </si>
  <si>
    <t>cg04522310</t>
  </si>
  <si>
    <t>cg04528069</t>
  </si>
  <si>
    <t>cg04530214</t>
  </si>
  <si>
    <t>cg04530981</t>
  </si>
  <si>
    <t>cg04534503</t>
  </si>
  <si>
    <t>cg04539240</t>
  </si>
  <si>
    <t>cg04542433</t>
  </si>
  <si>
    <t>cg04550052</t>
  </si>
  <si>
    <t>cg04554272</t>
  </si>
  <si>
    <t>cg04557544</t>
  </si>
  <si>
    <t>cg04558112</t>
  </si>
  <si>
    <t>cg04558424</t>
  </si>
  <si>
    <t>cg04562611</t>
  </si>
  <si>
    <t>cg04564245</t>
  </si>
  <si>
    <t>cg04566147</t>
  </si>
  <si>
    <t>cg04570452</t>
  </si>
  <si>
    <t>cg04575609</t>
  </si>
  <si>
    <t>cg04577177</t>
  </si>
  <si>
    <t>cg04580029</t>
  </si>
  <si>
    <t>cg04580731</t>
  </si>
  <si>
    <t>cg04583842</t>
  </si>
  <si>
    <t>cg04586299</t>
  </si>
  <si>
    <t>cg04588455</t>
  </si>
  <si>
    <t>cg04588708</t>
  </si>
  <si>
    <t>cg04588774</t>
  </si>
  <si>
    <t>cg04593780</t>
  </si>
  <si>
    <t>cg04595653</t>
  </si>
  <si>
    <t>cg04599341</t>
  </si>
  <si>
    <t>cg04603809</t>
  </si>
  <si>
    <t>cg04606653</t>
  </si>
  <si>
    <t>cg04609439</t>
  </si>
  <si>
    <t>cg04609801</t>
  </si>
  <si>
    <t>cg04609868</t>
  </si>
  <si>
    <t>cg04610631</t>
  </si>
  <si>
    <t>cg04612608</t>
  </si>
  <si>
    <t>cg04613165</t>
  </si>
  <si>
    <t>cg04615716</t>
  </si>
  <si>
    <t>cg04616793</t>
  </si>
  <si>
    <t>cg04619838</t>
  </si>
  <si>
    <t>cg04628465</t>
  </si>
  <si>
    <t>cg04635642</t>
  </si>
  <si>
    <t>cg04637129</t>
  </si>
  <si>
    <t>cg04637809</t>
  </si>
  <si>
    <t>cg04640675</t>
  </si>
  <si>
    <t>cg04645063</t>
  </si>
  <si>
    <t>cg04645818</t>
  </si>
  <si>
    <t>cg04646944</t>
  </si>
  <si>
    <t>cg04647781</t>
  </si>
  <si>
    <t>cg04649852</t>
  </si>
  <si>
    <t>cg04653284</t>
  </si>
  <si>
    <t>cg04655596</t>
  </si>
  <si>
    <t>cg04655995</t>
  </si>
  <si>
    <t>cg04656757</t>
  </si>
  <si>
    <t>cg04657467</t>
  </si>
  <si>
    <t>cg04658772</t>
  </si>
  <si>
    <t>cg04660816</t>
  </si>
  <si>
    <t>cg04665974</t>
  </si>
  <si>
    <t>cg04667467</t>
  </si>
  <si>
    <t>cg04669470</t>
  </si>
  <si>
    <t>cg04671611</t>
  </si>
  <si>
    <t>cg04675747</t>
  </si>
  <si>
    <t>cg04676715</t>
  </si>
  <si>
    <t>cg04680833</t>
  </si>
  <si>
    <t>cg04682685</t>
  </si>
  <si>
    <t>cg04685962</t>
  </si>
  <si>
    <t>cg04691892</t>
  </si>
  <si>
    <t>cg04694492</t>
  </si>
  <si>
    <t>cg04696171</t>
  </si>
  <si>
    <t>cg04696391</t>
  </si>
  <si>
    <t>cg04698114</t>
  </si>
  <si>
    <t>cg04698650</t>
  </si>
  <si>
    <t>cg04701628</t>
  </si>
  <si>
    <t>cg04708216</t>
  </si>
  <si>
    <t>cg04714088</t>
  </si>
  <si>
    <t>cg04715503</t>
  </si>
  <si>
    <t>cg04716530</t>
  </si>
  <si>
    <t>cg04717450</t>
  </si>
  <si>
    <t>cg04718447</t>
  </si>
  <si>
    <t>cg04721812</t>
  </si>
  <si>
    <t>cg04723449</t>
  </si>
  <si>
    <t>cg04725426</t>
  </si>
  <si>
    <t>cg04727521</t>
  </si>
  <si>
    <t>cg04730319</t>
  </si>
  <si>
    <t>cg04735481</t>
  </si>
  <si>
    <t>cg04736453</t>
  </si>
  <si>
    <t>cg04736636</t>
  </si>
  <si>
    <t>cg04738447</t>
  </si>
  <si>
    <t>cg04740264</t>
  </si>
  <si>
    <t>cg04742550</t>
  </si>
  <si>
    <t>cg04747728</t>
  </si>
  <si>
    <t>cg04752812</t>
  </si>
  <si>
    <t>cg04756287</t>
  </si>
  <si>
    <t>cg04758185</t>
  </si>
  <si>
    <t>cg04761177</t>
  </si>
  <si>
    <t>cg04761722</t>
  </si>
  <si>
    <t>cg04764012</t>
  </si>
  <si>
    <t>cg04764687</t>
  </si>
  <si>
    <t>cg04767756</t>
  </si>
  <si>
    <t>cg04769798</t>
  </si>
  <si>
    <t>cg04773333</t>
  </si>
  <si>
    <t>cg04775589</t>
  </si>
  <si>
    <t>cg04781274</t>
  </si>
  <si>
    <t>cg04782002</t>
  </si>
  <si>
    <t>cg04783338</t>
  </si>
  <si>
    <t>cg04784471</t>
  </si>
  <si>
    <t>cg04784519</t>
  </si>
  <si>
    <t>cg04787325</t>
  </si>
  <si>
    <t>cg04787785</t>
  </si>
  <si>
    <t>cg04788956</t>
  </si>
  <si>
    <t>cg04791842</t>
  </si>
  <si>
    <t>cg04797061</t>
  </si>
  <si>
    <t>cg04797985</t>
  </si>
  <si>
    <t>cg04801098</t>
  </si>
  <si>
    <t>cg04801647</t>
  </si>
  <si>
    <t>cg04802657</t>
  </si>
  <si>
    <t>cg04806177</t>
  </si>
  <si>
    <t>cg04807512</t>
  </si>
  <si>
    <t>cg04810377</t>
  </si>
  <si>
    <t>cg04813880</t>
  </si>
  <si>
    <t>cg04818943</t>
  </si>
  <si>
    <t>cg04822405</t>
  </si>
  <si>
    <t>cg04826516</t>
  </si>
  <si>
    <t>cg04826831</t>
  </si>
  <si>
    <t>cg04831728</t>
  </si>
  <si>
    <t>cg04833898</t>
  </si>
  <si>
    <t>cg04834608</t>
  </si>
  <si>
    <t>cg04841405</t>
  </si>
  <si>
    <t>cg04850875</t>
  </si>
  <si>
    <t>cg04861014</t>
  </si>
  <si>
    <t>cg04863568</t>
  </si>
  <si>
    <t>cg04867257</t>
  </si>
  <si>
    <t>cg04871835</t>
  </si>
  <si>
    <t>cg04872075</t>
  </si>
  <si>
    <t>cg04874795</t>
  </si>
  <si>
    <t>cg04879387</t>
  </si>
  <si>
    <t>cg04879832</t>
  </si>
  <si>
    <t>cg04881271</t>
  </si>
  <si>
    <t>cg04882273</t>
  </si>
  <si>
    <t>cg04884171</t>
  </si>
  <si>
    <t>cg04885941</t>
  </si>
  <si>
    <t>cg04891924</t>
  </si>
  <si>
    <t>cg04892646</t>
  </si>
  <si>
    <t>cg04893513</t>
  </si>
  <si>
    <t>cg04893543</t>
  </si>
  <si>
    <t>cg04897041</t>
  </si>
  <si>
    <t>cg04904276</t>
  </si>
  <si>
    <t>cg04906242</t>
  </si>
  <si>
    <t>cg04906467</t>
  </si>
  <si>
    <t>cg04908586</t>
  </si>
  <si>
    <t>cg04910877</t>
  </si>
  <si>
    <t>cg04913657</t>
  </si>
  <si>
    <t>cg04913730</t>
  </si>
  <si>
    <t>cg04914231</t>
  </si>
  <si>
    <t>cg04915270</t>
  </si>
  <si>
    <t>cg04917208</t>
  </si>
  <si>
    <t>cg04919263</t>
  </si>
  <si>
    <t>cg04922034</t>
  </si>
  <si>
    <t>cg04924309</t>
  </si>
  <si>
    <t>cg04924334</t>
  </si>
  <si>
    <t>cg04931156</t>
  </si>
  <si>
    <t>cg04940251</t>
  </si>
  <si>
    <t>cg04941630</t>
  </si>
  <si>
    <t>cg04941728</t>
  </si>
  <si>
    <t>cg04944090</t>
  </si>
  <si>
    <t>cg04953292</t>
  </si>
  <si>
    <t>cg04960941</t>
  </si>
  <si>
    <t>cg04961397</t>
  </si>
  <si>
    <t>cg04964781</t>
  </si>
  <si>
    <t>cg04969331</t>
  </si>
  <si>
    <t>cg04970847</t>
  </si>
  <si>
    <t>cg04975846</t>
  </si>
  <si>
    <t>cg04977610</t>
  </si>
  <si>
    <t>cg04981088</t>
  </si>
  <si>
    <t>cg04983381</t>
  </si>
  <si>
    <t>cg04983687</t>
  </si>
  <si>
    <t>cg04983933</t>
  </si>
  <si>
    <t>cg04984521</t>
  </si>
  <si>
    <t>cg04985273</t>
  </si>
  <si>
    <t>cg04987122</t>
  </si>
  <si>
    <t>cg04988287</t>
  </si>
  <si>
    <t>cg04996852</t>
  </si>
  <si>
    <t>cg05001864</t>
  </si>
  <si>
    <t>cg05001964</t>
  </si>
  <si>
    <t>cg05001992</t>
  </si>
  <si>
    <t>cg05006947</t>
  </si>
  <si>
    <t>cg05016051</t>
  </si>
  <si>
    <t>cg05016131</t>
  </si>
  <si>
    <t>cg05016746</t>
  </si>
  <si>
    <t>cg05027554</t>
  </si>
  <si>
    <t>cg05030077</t>
  </si>
  <si>
    <t>cg05031521</t>
  </si>
  <si>
    <t>cg05032813</t>
  </si>
  <si>
    <t>cg05033333</t>
  </si>
  <si>
    <t>cg05035616</t>
  </si>
  <si>
    <t>cg05036635</t>
  </si>
  <si>
    <t>cg05041351</t>
  </si>
  <si>
    <t>cg05045104</t>
  </si>
  <si>
    <t>cg05048377</t>
  </si>
  <si>
    <t>cg05051118</t>
  </si>
  <si>
    <t>cg05051328</t>
  </si>
  <si>
    <t>cg05055400</t>
  </si>
  <si>
    <t>cg05058121</t>
  </si>
  <si>
    <t>cg05058809</t>
  </si>
  <si>
    <t>cg05058976</t>
  </si>
  <si>
    <t>cg05059571</t>
  </si>
  <si>
    <t>cg05067427</t>
  </si>
  <si>
    <t>cg05071195</t>
  </si>
  <si>
    <t>cg05076697</t>
  </si>
  <si>
    <t>cg05078726</t>
  </si>
  <si>
    <t>cg05079049</t>
  </si>
  <si>
    <t>cg05083852</t>
  </si>
  <si>
    <t>cg05084391</t>
  </si>
  <si>
    <t>cg05086178</t>
  </si>
  <si>
    <t>cg05093711</t>
  </si>
  <si>
    <t>cg05094264</t>
  </si>
  <si>
    <t>cg05096690</t>
  </si>
  <si>
    <t>cg05098233</t>
  </si>
  <si>
    <t>cg05099145</t>
  </si>
  <si>
    <t>cg05099952</t>
  </si>
  <si>
    <t>cg05107500</t>
  </si>
  <si>
    <t>cg05110241</t>
  </si>
  <si>
    <t>cg05127221</t>
  </si>
  <si>
    <t>cg05131766</t>
  </si>
  <si>
    <t>cg05138298</t>
  </si>
  <si>
    <t>cg05140079</t>
  </si>
  <si>
    <t>cg05143707</t>
  </si>
  <si>
    <t>cg05145233</t>
  </si>
  <si>
    <t>cg05147509</t>
  </si>
  <si>
    <t>cg05157023</t>
  </si>
  <si>
    <t>cg05160336</t>
  </si>
  <si>
    <t>cg05164406</t>
  </si>
  <si>
    <t>cg05166473</t>
  </si>
  <si>
    <t>cg05167429</t>
  </si>
  <si>
    <t>cg05169951</t>
  </si>
  <si>
    <t>cg05178576</t>
  </si>
  <si>
    <t>cg05178604</t>
  </si>
  <si>
    <t>cg05179805</t>
  </si>
  <si>
    <t>cg05184917</t>
  </si>
  <si>
    <t>cg05185311</t>
  </si>
  <si>
    <t>cg05187422</t>
  </si>
  <si>
    <t>cg05189517</t>
  </si>
  <si>
    <t>cg05190533</t>
  </si>
  <si>
    <t>cg05192145</t>
  </si>
  <si>
    <t>cg05192440</t>
  </si>
  <si>
    <t>cg05196366</t>
  </si>
  <si>
    <t>cg05197560</t>
  </si>
  <si>
    <t>cg05203659</t>
  </si>
  <si>
    <t>cg05208399</t>
  </si>
  <si>
    <t>cg05211050</t>
  </si>
  <si>
    <t>cg05215424</t>
  </si>
  <si>
    <t>cg05218653</t>
  </si>
  <si>
    <t>cg05224642</t>
  </si>
  <si>
    <t>cg05226926</t>
  </si>
  <si>
    <t>cg05227111</t>
  </si>
  <si>
    <t>cg05233310</t>
  </si>
  <si>
    <t>cg05240948</t>
  </si>
  <si>
    <t>cg05241619</t>
  </si>
  <si>
    <t>cg05241839</t>
  </si>
  <si>
    <t>cg05242257</t>
  </si>
  <si>
    <t>cg05243700</t>
  </si>
  <si>
    <t>cg05244029</t>
  </si>
  <si>
    <t>cg05245319</t>
  </si>
  <si>
    <t>cg05250797</t>
  </si>
  <si>
    <t>cg05253326</t>
  </si>
  <si>
    <t>cg05255168</t>
  </si>
  <si>
    <t>cg05255305</t>
  </si>
  <si>
    <t>cg05259094</t>
  </si>
  <si>
    <t>cg05263113</t>
  </si>
  <si>
    <t>cg05271536</t>
  </si>
  <si>
    <t>cg05274179</t>
  </si>
  <si>
    <t>cg05274242</t>
  </si>
  <si>
    <t>cg05274464</t>
  </si>
  <si>
    <t>cg05279149</t>
  </si>
  <si>
    <t>cg05281623</t>
  </si>
  <si>
    <t>cg05284480</t>
  </si>
  <si>
    <t>cg05284751</t>
  </si>
  <si>
    <t>cg05285352</t>
  </si>
  <si>
    <t>cg05293990</t>
  </si>
  <si>
    <t>cg05297692</t>
  </si>
  <si>
    <t>cg05304393</t>
  </si>
  <si>
    <t>cg05304979</t>
  </si>
  <si>
    <t>cg05306472</t>
  </si>
  <si>
    <t>cg05308504</t>
  </si>
  <si>
    <t>cg05308792</t>
  </si>
  <si>
    <t>cg05313261</t>
  </si>
  <si>
    <t>cg05317498</t>
  </si>
  <si>
    <t>cg05324407</t>
  </si>
  <si>
    <t>cg05326918</t>
  </si>
  <si>
    <t>cg05328057</t>
  </si>
  <si>
    <t>cg05332854</t>
  </si>
  <si>
    <t>cg05335115</t>
  </si>
  <si>
    <t>cg05337607</t>
  </si>
  <si>
    <t>cg05337711</t>
  </si>
  <si>
    <t>cg05343535</t>
  </si>
  <si>
    <t>cg05344293</t>
  </si>
  <si>
    <t>cg05344692</t>
  </si>
  <si>
    <t>cg05345527</t>
  </si>
  <si>
    <t>cg05345876</t>
  </si>
  <si>
    <t>cg05348689</t>
  </si>
  <si>
    <t>cg05349077</t>
  </si>
  <si>
    <t>cg05349650</t>
  </si>
  <si>
    <t>cg05351219</t>
  </si>
  <si>
    <t>cg05351267</t>
  </si>
  <si>
    <t>cg05358183</t>
  </si>
  <si>
    <t>cg05361489</t>
  </si>
  <si>
    <t>cg05362168</t>
  </si>
  <si>
    <t>cg05364651</t>
  </si>
  <si>
    <t>cg05368608</t>
  </si>
  <si>
    <t>cg05374412</t>
  </si>
  <si>
    <t>cg05377041</t>
  </si>
  <si>
    <t>cg05378609</t>
  </si>
  <si>
    <t>cg05388963</t>
  </si>
  <si>
    <t>cg05389958</t>
  </si>
  <si>
    <t>cg05393733</t>
  </si>
  <si>
    <t>cg05394010</t>
  </si>
  <si>
    <t>cg05404233</t>
  </si>
  <si>
    <t>cg05406943</t>
  </si>
  <si>
    <t>cg05408203</t>
  </si>
  <si>
    <t>cg05409818</t>
  </si>
  <si>
    <t>cg05410102</t>
  </si>
  <si>
    <t>cg05411679</t>
  </si>
  <si>
    <t>cg05413628</t>
  </si>
  <si>
    <t>cg05413988</t>
  </si>
  <si>
    <t>cg05417127</t>
  </si>
  <si>
    <t>cg05420668</t>
  </si>
  <si>
    <t>cg05421101</t>
  </si>
  <si>
    <t>cg05425294</t>
  </si>
  <si>
    <t>cg05433490</t>
  </si>
  <si>
    <t>cg05434641</t>
  </si>
  <si>
    <t>cg05436064</t>
  </si>
  <si>
    <t>cg05437148</t>
  </si>
  <si>
    <t>cg05437476</t>
  </si>
  <si>
    <t>cg05438708</t>
  </si>
  <si>
    <t>cg05439814</t>
  </si>
  <si>
    <t>cg05441541</t>
  </si>
  <si>
    <t>cg05441854</t>
  </si>
  <si>
    <t>cg05445137</t>
  </si>
  <si>
    <t>cg05445914</t>
  </si>
  <si>
    <t>cg05446615</t>
  </si>
  <si>
    <t>cg05449094</t>
  </si>
  <si>
    <t>cg05449217</t>
  </si>
  <si>
    <t>cg05451060</t>
  </si>
  <si>
    <t>cg05452084</t>
  </si>
  <si>
    <t>cg05456022</t>
  </si>
  <si>
    <t>cg05457730</t>
  </si>
  <si>
    <t>cg05459609</t>
  </si>
  <si>
    <t>cg05463589</t>
  </si>
  <si>
    <t>cg05463941</t>
  </si>
  <si>
    <t>cg05465347</t>
  </si>
  <si>
    <t>cg05472587</t>
  </si>
  <si>
    <t>cg05492818</t>
  </si>
  <si>
    <t>cg05493583</t>
  </si>
  <si>
    <t>cg05500240</t>
  </si>
  <si>
    <t>cg05502081</t>
  </si>
  <si>
    <t>cg05502525</t>
  </si>
  <si>
    <t>cg05505758</t>
  </si>
  <si>
    <t>cg05507654</t>
  </si>
  <si>
    <t>cg05518842</t>
  </si>
  <si>
    <t>cg05520409</t>
  </si>
  <si>
    <t>cg05521581</t>
  </si>
  <si>
    <t>cg05523056</t>
  </si>
  <si>
    <t>cg05523267</t>
  </si>
  <si>
    <t>cg05527491</t>
  </si>
  <si>
    <t>cg05530133</t>
  </si>
  <si>
    <t>cg05533326</t>
  </si>
  <si>
    <t>cg05540133</t>
  </si>
  <si>
    <t>cg05540617</t>
  </si>
  <si>
    <t>cg05540639</t>
  </si>
  <si>
    <t>cg05542646</t>
  </si>
  <si>
    <t>cg05542681</t>
  </si>
  <si>
    <t>cg05544500</t>
  </si>
  <si>
    <t>cg05544885</t>
  </si>
  <si>
    <t>cg05546863</t>
  </si>
  <si>
    <t>cg05548478</t>
  </si>
  <si>
    <t>cg05552717</t>
  </si>
  <si>
    <t>cg05553342</t>
  </si>
  <si>
    <t>cg05557991</t>
  </si>
  <si>
    <t>cg05565277</t>
  </si>
  <si>
    <t>cg05566243</t>
  </si>
  <si>
    <t>cg05566591</t>
  </si>
  <si>
    <t>cg05570739</t>
  </si>
  <si>
    <t>cg05570831</t>
  </si>
  <si>
    <t>cg05572020</t>
  </si>
  <si>
    <t>cg05573149</t>
  </si>
  <si>
    <t>cg05574053</t>
  </si>
  <si>
    <t>cg05575046</t>
  </si>
  <si>
    <t>cg05581701</t>
  </si>
  <si>
    <t>cg05583608</t>
  </si>
  <si>
    <t>cg05592146</t>
  </si>
  <si>
    <t>cg05595088</t>
  </si>
  <si>
    <t>cg05596626</t>
  </si>
  <si>
    <t>cg05597181</t>
  </si>
  <si>
    <t>cg05598205</t>
  </si>
  <si>
    <t>cg05598477</t>
  </si>
  <si>
    <t>cg05599155</t>
  </si>
  <si>
    <t>cg05602200</t>
  </si>
  <si>
    <t>cg05602987</t>
  </si>
  <si>
    <t>cg05603784</t>
  </si>
  <si>
    <t>cg05608508</t>
  </si>
  <si>
    <t>cg05608716</t>
  </si>
  <si>
    <t>cg05611199</t>
  </si>
  <si>
    <t>cg05611958</t>
  </si>
  <si>
    <t>cg05615205</t>
  </si>
  <si>
    <t>cg05617452</t>
  </si>
  <si>
    <t>cg05620814</t>
  </si>
  <si>
    <t>cg05622441</t>
  </si>
  <si>
    <t>cg05624853</t>
  </si>
  <si>
    <t>cg05624921</t>
  </si>
  <si>
    <t>cg05634052</t>
  </si>
  <si>
    <t>cg05638439</t>
  </si>
  <si>
    <t>cg05640992</t>
  </si>
  <si>
    <t>cg05643349</t>
  </si>
  <si>
    <t>cg05646515</t>
  </si>
  <si>
    <t>cg05650846</t>
  </si>
  <si>
    <t>cg05658771</t>
  </si>
  <si>
    <t>cg05660315</t>
  </si>
  <si>
    <t>cg05663278</t>
  </si>
  <si>
    <t>cg05666372</t>
  </si>
  <si>
    <t>cg05667401</t>
  </si>
  <si>
    <t>cg05668043</t>
  </si>
  <si>
    <t>cg05671386</t>
  </si>
  <si>
    <t>cg05671791</t>
  </si>
  <si>
    <t>cg05673214</t>
  </si>
  <si>
    <t>cg05674659</t>
  </si>
  <si>
    <t>cg05676261</t>
  </si>
  <si>
    <t>cg05676789</t>
  </si>
  <si>
    <t>cg05678729</t>
  </si>
  <si>
    <t>cg05681957</t>
  </si>
  <si>
    <t>cg05682639</t>
  </si>
  <si>
    <t>cg05684569</t>
  </si>
  <si>
    <t>cg05687194</t>
  </si>
  <si>
    <t>cg05696153</t>
  </si>
  <si>
    <t>cg05703096</t>
  </si>
  <si>
    <t>cg05705335</t>
  </si>
  <si>
    <t>cg05708167</t>
  </si>
  <si>
    <t>cg05711506</t>
  </si>
  <si>
    <t>cg05713971</t>
  </si>
  <si>
    <t>cg05724197</t>
  </si>
  <si>
    <t>cg05742564</t>
  </si>
  <si>
    <t>cg05743982</t>
  </si>
  <si>
    <t>cg05744675</t>
  </si>
  <si>
    <t>cg05746407</t>
  </si>
  <si>
    <t>cg05749642</t>
  </si>
  <si>
    <t>cg05749855</t>
  </si>
  <si>
    <t>cg05752096</t>
  </si>
  <si>
    <t>cg05756745</t>
  </si>
  <si>
    <t>cg05757016</t>
  </si>
  <si>
    <t>cg05764422</t>
  </si>
  <si>
    <t>cg05766667</t>
  </si>
  <si>
    <t>cg05767272</t>
  </si>
  <si>
    <t>cg05768582</t>
  </si>
  <si>
    <t>cg05769344</t>
  </si>
  <si>
    <t>cg05772935</t>
  </si>
  <si>
    <t>cg05773599</t>
  </si>
  <si>
    <t>cg05774166</t>
  </si>
  <si>
    <t>cg05779675</t>
  </si>
  <si>
    <t>cg05782110</t>
  </si>
  <si>
    <t>cg05782811</t>
  </si>
  <si>
    <t>cg05783134</t>
  </si>
  <si>
    <t>cg05785488</t>
  </si>
  <si>
    <t>cg05787209</t>
  </si>
  <si>
    <t>cg05791870</t>
  </si>
  <si>
    <t>cg05793013</t>
  </si>
  <si>
    <t>cg05798125</t>
  </si>
  <si>
    <t>cg05806333</t>
  </si>
  <si>
    <t>cg05819154</t>
  </si>
  <si>
    <t>cg05820157</t>
  </si>
  <si>
    <t>cg05824333</t>
  </si>
  <si>
    <t>cg05824535</t>
  </si>
  <si>
    <t>cg05826330</t>
  </si>
  <si>
    <t>cg05828191</t>
  </si>
  <si>
    <t>cg05830473</t>
  </si>
  <si>
    <t>cg05832869</t>
  </si>
  <si>
    <t>cg05845292</t>
  </si>
  <si>
    <t>cg05845592</t>
  </si>
  <si>
    <t>cg05846166</t>
  </si>
  <si>
    <t>cg05852052</t>
  </si>
  <si>
    <t>cg05857979</t>
  </si>
  <si>
    <t>cg05860195</t>
  </si>
  <si>
    <t>cg05862135</t>
  </si>
  <si>
    <t>cg05870029</t>
  </si>
  <si>
    <t>cg05880441</t>
  </si>
  <si>
    <t>cg05883489</t>
  </si>
  <si>
    <t>cg05898343</t>
  </si>
  <si>
    <t>cg05898629</t>
  </si>
  <si>
    <t>cg05899183</t>
  </si>
  <si>
    <t>cg05901543</t>
  </si>
  <si>
    <t>cg05903251</t>
  </si>
  <si>
    <t>cg05904283</t>
  </si>
  <si>
    <t>cg05909287</t>
  </si>
  <si>
    <t>cg05913514</t>
  </si>
  <si>
    <t>cg05915293</t>
  </si>
  <si>
    <t>cg05920643</t>
  </si>
  <si>
    <t>cg05923587</t>
  </si>
  <si>
    <t>cg05926918</t>
  </si>
  <si>
    <t>cg05926943</t>
  </si>
  <si>
    <t>cg05933904</t>
  </si>
  <si>
    <t>cg05933997</t>
  </si>
  <si>
    <t>cg05946118</t>
  </si>
  <si>
    <t>cg05949903</t>
  </si>
  <si>
    <t>cg05953124</t>
  </si>
  <si>
    <t>cg05956679</t>
  </si>
  <si>
    <t>cg05959229</t>
  </si>
  <si>
    <t>cg05965288</t>
  </si>
  <si>
    <t>cg05966241</t>
  </si>
  <si>
    <t>cg05968213</t>
  </si>
  <si>
    <t>cg05971876</t>
  </si>
  <si>
    <t>cg05972308</t>
  </si>
  <si>
    <t>cg05973832</t>
  </si>
  <si>
    <t>cg05979819</t>
  </si>
  <si>
    <t>cg05980719</t>
  </si>
  <si>
    <t>cg05983723</t>
  </si>
  <si>
    <t>cg05984388</t>
  </si>
  <si>
    <t>cg05988219</t>
  </si>
  <si>
    <t>cg05988267</t>
  </si>
  <si>
    <t>cg05989100</t>
  </si>
  <si>
    <t>cg05990008</t>
  </si>
  <si>
    <t>cg05990072</t>
  </si>
  <si>
    <t>cg05992347</t>
  </si>
  <si>
    <t>cg05993665</t>
  </si>
  <si>
    <t>cg06005098</t>
  </si>
  <si>
    <t>cg06010356</t>
  </si>
  <si>
    <t>cg06013113</t>
  </si>
  <si>
    <t>cg06014631</t>
  </si>
  <si>
    <t>cg06024852</t>
  </si>
  <si>
    <t>cg06028605</t>
  </si>
  <si>
    <t>cg06030362</t>
  </si>
  <si>
    <t>cg06031493</t>
  </si>
  <si>
    <t>cg06033254</t>
  </si>
  <si>
    <t>cg06033407</t>
  </si>
  <si>
    <t>cg06035270</t>
  </si>
  <si>
    <t>cg06036912</t>
  </si>
  <si>
    <t>cg06038470</t>
  </si>
  <si>
    <t>cg06039624</t>
  </si>
  <si>
    <t>cg06039747</t>
  </si>
  <si>
    <t>cg06044662</t>
  </si>
  <si>
    <t>cg06047934</t>
  </si>
  <si>
    <t>cg06077305</t>
  </si>
  <si>
    <t>cg06080402</t>
  </si>
  <si>
    <t>cg06081580</t>
  </si>
  <si>
    <t>cg06082432</t>
  </si>
  <si>
    <t>cg06083734</t>
  </si>
  <si>
    <t>cg06086563</t>
  </si>
  <si>
    <t>cg06087554</t>
  </si>
  <si>
    <t>cg06088745</t>
  </si>
  <si>
    <t>cg06089844</t>
  </si>
  <si>
    <t>cg06090630</t>
  </si>
  <si>
    <t>cg06092312</t>
  </si>
  <si>
    <t>cg06095047</t>
  </si>
  <si>
    <t>cg06099246</t>
  </si>
  <si>
    <t>cg06099697</t>
  </si>
  <si>
    <t>cg06100790</t>
  </si>
  <si>
    <t>cg06101274</t>
  </si>
  <si>
    <t>cg06106242</t>
  </si>
  <si>
    <t>cg06110458</t>
  </si>
  <si>
    <t>cg06113801</t>
  </si>
  <si>
    <t>cg06119128</t>
  </si>
  <si>
    <t>cg06127256</t>
  </si>
  <si>
    <t>cg06128043</t>
  </si>
  <si>
    <t>cg06128142</t>
  </si>
  <si>
    <t>cg06134690</t>
  </si>
  <si>
    <t>cg06134860</t>
  </si>
  <si>
    <t>cg06135574</t>
  </si>
  <si>
    <t>cg06136617</t>
  </si>
  <si>
    <t>cg06139166</t>
  </si>
  <si>
    <t>cg06139343</t>
  </si>
  <si>
    <t>cg06140118</t>
  </si>
  <si>
    <t>cg06144743</t>
  </si>
  <si>
    <t>cg06145175</t>
  </si>
  <si>
    <t>cg06145800</t>
  </si>
  <si>
    <t>cg06153298</t>
  </si>
  <si>
    <t>cg06154111</t>
  </si>
  <si>
    <t>cg06158111</t>
  </si>
  <si>
    <t>cg06161317</t>
  </si>
  <si>
    <t>cg06161600</t>
  </si>
  <si>
    <t>cg06165506</t>
  </si>
  <si>
    <t>cg06172939</t>
  </si>
  <si>
    <t>cg06173319</t>
  </si>
  <si>
    <t>cg06173810</t>
  </si>
  <si>
    <t>cg06173978</t>
  </si>
  <si>
    <t>cg06181531</t>
  </si>
  <si>
    <t>cg06185869</t>
  </si>
  <si>
    <t>cg06186041</t>
  </si>
  <si>
    <t>cg06191810</t>
  </si>
  <si>
    <t>cg06191898</t>
  </si>
  <si>
    <t>cg06192555</t>
  </si>
  <si>
    <t>cg06193520</t>
  </si>
  <si>
    <t>cg06195379</t>
  </si>
  <si>
    <t>cg06199468</t>
  </si>
  <si>
    <t>cg06202653</t>
  </si>
  <si>
    <t>cg06206471</t>
  </si>
  <si>
    <t>cg06208635</t>
  </si>
  <si>
    <t>cg06211550</t>
  </si>
  <si>
    <t>cg06214241</t>
  </si>
  <si>
    <t>cg06215939</t>
  </si>
  <si>
    <t>cg06220235</t>
  </si>
  <si>
    <t>cg06222220</t>
  </si>
  <si>
    <t>cg06233745</t>
  </si>
  <si>
    <t>cg06235582</t>
  </si>
  <si>
    <t>cg06235653</t>
  </si>
  <si>
    <t>cg06241380</t>
  </si>
  <si>
    <t>cg06245158</t>
  </si>
  <si>
    <t>cg06245181</t>
  </si>
  <si>
    <t>cg06250127</t>
  </si>
  <si>
    <t>cg06251289</t>
  </si>
  <si>
    <t>cg06254123</t>
  </si>
  <si>
    <t>cg06255741</t>
  </si>
  <si>
    <t>cg06263126</t>
  </si>
  <si>
    <t>cg06274671</t>
  </si>
  <si>
    <t>cg06274917</t>
  </si>
  <si>
    <t>cg06277900</t>
  </si>
  <si>
    <t>cg06278461</t>
  </si>
  <si>
    <t>cg06279276</t>
  </si>
  <si>
    <t>cg06280271</t>
  </si>
  <si>
    <t>cg06282863</t>
  </si>
  <si>
    <t>cg06287395</t>
  </si>
  <si>
    <t>cg06287927</t>
  </si>
  <si>
    <t>cg06288634</t>
  </si>
  <si>
    <t>cg06293395</t>
  </si>
  <si>
    <t>cg06301726</t>
  </si>
  <si>
    <t>cg06303529</t>
  </si>
  <si>
    <t>cg06304259</t>
  </si>
  <si>
    <t>cg06307940</t>
  </si>
  <si>
    <t>cg06314872</t>
  </si>
  <si>
    <t>cg06319822</t>
  </si>
  <si>
    <t>cg06320418</t>
  </si>
  <si>
    <t>cg06320420</t>
  </si>
  <si>
    <t>cg06321336</t>
  </si>
  <si>
    <t>cg06323896</t>
  </si>
  <si>
    <t>cg06325540</t>
  </si>
  <si>
    <t>cg06329537</t>
  </si>
  <si>
    <t>cg06329807</t>
  </si>
  <si>
    <t>cg06331185</t>
  </si>
  <si>
    <t>cg06335980</t>
  </si>
  <si>
    <t>cg06336912</t>
  </si>
  <si>
    <t>cg06339396</t>
  </si>
  <si>
    <t>cg06340161</t>
  </si>
  <si>
    <t>cg06340200</t>
  </si>
  <si>
    <t>cg06345952</t>
  </si>
  <si>
    <t>cg06348427</t>
  </si>
  <si>
    <t>cg06348773</t>
  </si>
  <si>
    <t>cg06349450</t>
  </si>
  <si>
    <t>cg06351457</t>
  </si>
  <si>
    <t>cg06351965</t>
  </si>
  <si>
    <t>cg06359492</t>
  </si>
  <si>
    <t>cg06360776</t>
  </si>
  <si>
    <t>cg06361505</t>
  </si>
  <si>
    <t>cg06361531</t>
  </si>
  <si>
    <t>cg06362048</t>
  </si>
  <si>
    <t>cg06363968</t>
  </si>
  <si>
    <t>cg06364315</t>
  </si>
  <si>
    <t>cg06365094</t>
  </si>
  <si>
    <t>cg06367321</t>
  </si>
  <si>
    <t>cg06375652</t>
  </si>
  <si>
    <t>cg06377716</t>
  </si>
  <si>
    <t>cg06380923</t>
  </si>
  <si>
    <t>cg06383124</t>
  </si>
  <si>
    <t>cg06390368</t>
  </si>
  <si>
    <t>cg06391046</t>
  </si>
  <si>
    <t>cg06398150</t>
  </si>
  <si>
    <t>cg06402602</t>
  </si>
  <si>
    <t>cg06405765</t>
  </si>
  <si>
    <t>cg06410849</t>
  </si>
  <si>
    <t>cg06422039</t>
  </si>
  <si>
    <t>cg06423975</t>
  </si>
  <si>
    <t>cg06426011</t>
  </si>
  <si>
    <t>cg06435260</t>
  </si>
  <si>
    <t>cg06435511</t>
  </si>
  <si>
    <t>cg06436854</t>
  </si>
  <si>
    <t>cg06438301</t>
  </si>
  <si>
    <t>cg06439982</t>
  </si>
  <si>
    <t>cg06444125</t>
  </si>
  <si>
    <t>cg06445928</t>
  </si>
  <si>
    <t>cg06447369</t>
  </si>
  <si>
    <t>cg06447614</t>
  </si>
  <si>
    <t>cg06450634</t>
  </si>
  <si>
    <t>cg06452082</t>
  </si>
  <si>
    <t>cg06458795</t>
  </si>
  <si>
    <t>cg06459921</t>
  </si>
  <si>
    <t>cg06460328</t>
  </si>
  <si>
    <t>cg06461811</t>
  </si>
  <si>
    <t>cg06462780</t>
  </si>
  <si>
    <t>cg06465151</t>
  </si>
  <si>
    <t>cg06467587</t>
  </si>
  <si>
    <t>cg06468809</t>
  </si>
  <si>
    <t>cg06473109</t>
  </si>
  <si>
    <t>cg06476192</t>
  </si>
  <si>
    <t>cg06480238</t>
  </si>
  <si>
    <t>cg06482019</t>
  </si>
  <si>
    <t>cg06482044</t>
  </si>
  <si>
    <t>cg06486124</t>
  </si>
  <si>
    <t>cg06489433</t>
  </si>
  <si>
    <t>cg06489965</t>
  </si>
  <si>
    <t>cg06490260</t>
  </si>
  <si>
    <t>cg06490627</t>
  </si>
  <si>
    <t>cg06492821</t>
  </si>
  <si>
    <t>cg06493664</t>
  </si>
  <si>
    <t>cg06503534</t>
  </si>
  <si>
    <t>cg06505619</t>
  </si>
  <si>
    <t>cg06510647</t>
  </si>
  <si>
    <t>cg06512974</t>
  </si>
  <si>
    <t>cg06517965</t>
  </si>
  <si>
    <t>cg06521472</t>
  </si>
  <si>
    <t>cg06521653</t>
  </si>
  <si>
    <t>cg06523022</t>
  </si>
  <si>
    <t>cg06524479</t>
  </si>
  <si>
    <t>cg06525293</t>
  </si>
  <si>
    <t>cg06526179</t>
  </si>
  <si>
    <t>cg06534994</t>
  </si>
  <si>
    <t>cg06537680</t>
  </si>
  <si>
    <t>cg06538998</t>
  </si>
  <si>
    <t>cg06539400</t>
  </si>
  <si>
    <t>cg06545033</t>
  </si>
  <si>
    <t>cg06545328</t>
  </si>
  <si>
    <t>cg06552969</t>
  </si>
  <si>
    <t>cg06553107</t>
  </si>
  <si>
    <t>cg06561044</t>
  </si>
  <si>
    <t>cg06564803</t>
  </si>
  <si>
    <t>cg06568506</t>
  </si>
  <si>
    <t>cg06569019</t>
  </si>
  <si>
    <t>cg06575065</t>
  </si>
  <si>
    <t>cg06576010</t>
  </si>
  <si>
    <t>cg06582706</t>
  </si>
  <si>
    <t>cg06586239</t>
  </si>
  <si>
    <t>cg06593910</t>
  </si>
  <si>
    <t>cg06595130</t>
  </si>
  <si>
    <t>cg06596743</t>
  </si>
  <si>
    <t>cg06598753</t>
  </si>
  <si>
    <t>cg06599939</t>
  </si>
  <si>
    <t>cg06601581</t>
  </si>
  <si>
    <t>cg06606122</t>
  </si>
  <si>
    <t>cg06617961</t>
  </si>
  <si>
    <t>cg06624121</t>
  </si>
  <si>
    <t>cg06630425</t>
  </si>
  <si>
    <t>cg06631222</t>
  </si>
  <si>
    <t>cg06636372</t>
  </si>
  <si>
    <t>cg06640607</t>
  </si>
  <si>
    <t>cg06641357</t>
  </si>
  <si>
    <t>cg06641959</t>
  </si>
  <si>
    <t>cg06643214</t>
  </si>
  <si>
    <t>cg06644195</t>
  </si>
  <si>
    <t>cg06646646</t>
  </si>
  <si>
    <t>cg06647218</t>
  </si>
  <si>
    <t>cg06647693</t>
  </si>
  <si>
    <t>cg06650115</t>
  </si>
  <si>
    <t>cg06653699</t>
  </si>
  <si>
    <t>cg06653898</t>
  </si>
  <si>
    <t>cg06655796</t>
  </si>
  <si>
    <t>cg06661638</t>
  </si>
  <si>
    <t>cg06665333</t>
  </si>
  <si>
    <t>cg06666025</t>
  </si>
  <si>
    <t>cg06667589</t>
  </si>
  <si>
    <t>cg06670039</t>
  </si>
  <si>
    <t>cg06675147</t>
  </si>
  <si>
    <t>cg06685949</t>
  </si>
  <si>
    <t>cg06689688</t>
  </si>
  <si>
    <t>cg06696917</t>
  </si>
  <si>
    <t>cg06698598</t>
  </si>
  <si>
    <t>cg06703304</t>
  </si>
  <si>
    <t>cg06705265</t>
  </si>
  <si>
    <t>cg06706068</t>
  </si>
  <si>
    <t>cg06706876</t>
  </si>
  <si>
    <t>cg06709610</t>
  </si>
  <si>
    <t>cg06710672</t>
  </si>
  <si>
    <t>cg06712053</t>
  </si>
  <si>
    <t>cg06712181</t>
  </si>
  <si>
    <t>cg06712763</t>
  </si>
  <si>
    <t>cg06713374</t>
  </si>
  <si>
    <t>cg06714444</t>
  </si>
  <si>
    <t>cg06715805</t>
  </si>
  <si>
    <t>cg06717750</t>
  </si>
  <si>
    <t>cg06722589</t>
  </si>
  <si>
    <t>cg06723863</t>
  </si>
  <si>
    <t>cg06724588</t>
  </si>
  <si>
    <t>cg06725705</t>
  </si>
  <si>
    <t>cg06726393</t>
  </si>
  <si>
    <t>cg06727060</t>
  </si>
  <si>
    <t>cg06730796</t>
  </si>
  <si>
    <t>cg06731730</t>
  </si>
  <si>
    <t>cg06737004</t>
  </si>
  <si>
    <t>cg06745885</t>
  </si>
  <si>
    <t>cg06748153</t>
  </si>
  <si>
    <t>cg06748511</t>
  </si>
  <si>
    <t>cg06749872</t>
  </si>
  <si>
    <t>cg06751612</t>
  </si>
  <si>
    <t>cg06751898</t>
  </si>
  <si>
    <t>cg06752618</t>
  </si>
  <si>
    <t>cg06755373</t>
  </si>
  <si>
    <t>cg06758670</t>
  </si>
  <si>
    <t>cg06761167</t>
  </si>
  <si>
    <t>cg06764173</t>
  </si>
  <si>
    <t>cg06765579</t>
  </si>
  <si>
    <t>cg06766857</t>
  </si>
  <si>
    <t>cg06770731</t>
  </si>
  <si>
    <t>cg06771256</t>
  </si>
  <si>
    <t>cg06780839</t>
  </si>
  <si>
    <t>cg06781853</t>
  </si>
  <si>
    <t>cg06782493</t>
  </si>
  <si>
    <t>cg06786499</t>
  </si>
  <si>
    <t>cg06797385</t>
  </si>
  <si>
    <t>cg06800849</t>
  </si>
  <si>
    <t>cg06802147</t>
  </si>
  <si>
    <t>cg06803853</t>
  </si>
  <si>
    <t>cg06812747</t>
  </si>
  <si>
    <t>cg06815754</t>
  </si>
  <si>
    <t>cg06816077</t>
  </si>
  <si>
    <t>cg06819963</t>
  </si>
  <si>
    <t>cg06821929</t>
  </si>
  <si>
    <t>cg06829266</t>
  </si>
  <si>
    <t>cg06830769</t>
  </si>
  <si>
    <t>cg06832898</t>
  </si>
  <si>
    <t>cg06833320</t>
  </si>
  <si>
    <t>cg06836020</t>
  </si>
  <si>
    <t>cg06838921</t>
  </si>
  <si>
    <t>cg06849452</t>
  </si>
  <si>
    <t>cg06853823</t>
  </si>
  <si>
    <t>cg06862692</t>
  </si>
  <si>
    <t>cg06862768</t>
  </si>
  <si>
    <t>cg06866416</t>
  </si>
  <si>
    <t>cg06866814</t>
  </si>
  <si>
    <t>cg06874920</t>
  </si>
  <si>
    <t>cg06876404</t>
  </si>
  <si>
    <t>cg06879630</t>
  </si>
  <si>
    <t>cg06888900</t>
  </si>
  <si>
    <t>cg06892005</t>
  </si>
  <si>
    <t>cg06892815</t>
  </si>
  <si>
    <t>cg06893123</t>
  </si>
  <si>
    <t>cg06895502</t>
  </si>
  <si>
    <t>cg06895660</t>
  </si>
  <si>
    <t>cg06899844</t>
  </si>
  <si>
    <t>cg06901790</t>
  </si>
  <si>
    <t>cg06906156</t>
  </si>
  <si>
    <t>cg06910254</t>
  </si>
  <si>
    <t>cg06912227</t>
  </si>
  <si>
    <t>cg06913337</t>
  </si>
  <si>
    <t>cg06913349</t>
  </si>
  <si>
    <t>cg06916001</t>
  </si>
  <si>
    <t>cg06919568</t>
  </si>
  <si>
    <t>cg06919916</t>
  </si>
  <si>
    <t>cg06921259</t>
  </si>
  <si>
    <t>cg06923622</t>
  </si>
  <si>
    <t>cg06925882</t>
  </si>
  <si>
    <t>cg06933816</t>
  </si>
  <si>
    <t>cg06933862</t>
  </si>
  <si>
    <t>cg06934023</t>
  </si>
  <si>
    <t>cg06935356</t>
  </si>
  <si>
    <t>cg06935581</t>
  </si>
  <si>
    <t>cg06939115</t>
  </si>
  <si>
    <t>cg06945667</t>
  </si>
  <si>
    <t>cg06950479</t>
  </si>
  <si>
    <t>cg06952752</t>
  </si>
  <si>
    <t>cg06961098</t>
  </si>
  <si>
    <t>cg06962442</t>
  </si>
  <si>
    <t>cg06963308</t>
  </si>
  <si>
    <t>cg06965409</t>
  </si>
  <si>
    <t>cg06968926</t>
  </si>
  <si>
    <t>cg06975834</t>
  </si>
  <si>
    <t>cg06976003</t>
  </si>
  <si>
    <t>cg06977935</t>
  </si>
  <si>
    <t>cg06978336</t>
  </si>
  <si>
    <t>cg06980586</t>
  </si>
  <si>
    <t>cg06981439</t>
  </si>
  <si>
    <t>cg06982551</t>
  </si>
  <si>
    <t>cg06982885</t>
  </si>
  <si>
    <t>cg06983112</t>
  </si>
  <si>
    <t>cg06983322</t>
  </si>
  <si>
    <t>cg06984903</t>
  </si>
  <si>
    <t>cg06991713</t>
  </si>
  <si>
    <t>cg06991955</t>
  </si>
  <si>
    <t>cg06993715</t>
  </si>
  <si>
    <t>cg06999379</t>
  </si>
  <si>
    <t>cg07001901</t>
  </si>
  <si>
    <t>cg07002965</t>
  </si>
  <si>
    <t>cg07004970</t>
  </si>
  <si>
    <t>cg07007621</t>
  </si>
  <si>
    <t>cg07008544</t>
  </si>
  <si>
    <t>cg07009835</t>
  </si>
  <si>
    <t>cg07018132</t>
  </si>
  <si>
    <t>cg07019252</t>
  </si>
  <si>
    <t>cg07020987</t>
  </si>
  <si>
    <t>cg07022554</t>
  </si>
  <si>
    <t>cg07023527</t>
  </si>
  <si>
    <t>cg07026259</t>
  </si>
  <si>
    <t>cg07026599</t>
  </si>
  <si>
    <t>cg07027457</t>
  </si>
  <si>
    <t>cg07032245</t>
  </si>
  <si>
    <t>cg07036730</t>
  </si>
  <si>
    <t>cg07036799</t>
  </si>
  <si>
    <t>cg07038098</t>
  </si>
  <si>
    <t>cg07038191</t>
  </si>
  <si>
    <t>cg07041681</t>
  </si>
  <si>
    <t>cg07044792</t>
  </si>
  <si>
    <t>cg07049552</t>
  </si>
  <si>
    <t>cg07052010</t>
  </si>
  <si>
    <t>cg07053948</t>
  </si>
  <si>
    <t>cg07056644</t>
  </si>
  <si>
    <t>cg07058132</t>
  </si>
  <si>
    <t>cg07060908</t>
  </si>
  <si>
    <t>cg07063883</t>
  </si>
  <si>
    <t>cg07063890</t>
  </si>
  <si>
    <t>cg07064331</t>
  </si>
  <si>
    <t>cg07065570</t>
  </si>
  <si>
    <t>cg07065683</t>
  </si>
  <si>
    <t>cg07067448</t>
  </si>
  <si>
    <t>cg07067659</t>
  </si>
  <si>
    <t>cg07069089</t>
  </si>
  <si>
    <t>cg07070305</t>
  </si>
  <si>
    <t>cg07071580</t>
  </si>
  <si>
    <t>cg07076358</t>
  </si>
  <si>
    <t>cg07078095</t>
  </si>
  <si>
    <t>cg07083513</t>
  </si>
  <si>
    <t>cg07087018</t>
  </si>
  <si>
    <t>cg07088555</t>
  </si>
  <si>
    <t>cg07090758</t>
  </si>
  <si>
    <t>cg07094340</t>
  </si>
  <si>
    <t>cg07095264</t>
  </si>
  <si>
    <t>cg07099640</t>
  </si>
  <si>
    <t>cg07101909</t>
  </si>
  <si>
    <t>cg07102406</t>
  </si>
  <si>
    <t>cg07112337</t>
  </si>
  <si>
    <t>cg07116631</t>
  </si>
  <si>
    <t>cg07117119</t>
  </si>
  <si>
    <t>cg07118953</t>
  </si>
  <si>
    <t>cg07122009</t>
  </si>
  <si>
    <t>cg07124126</t>
  </si>
  <si>
    <t>cg07125771</t>
  </si>
  <si>
    <t>cg07125976</t>
  </si>
  <si>
    <t>cg07126095</t>
  </si>
  <si>
    <t>cg07130416</t>
  </si>
  <si>
    <t>cg07130639</t>
  </si>
  <si>
    <t>cg07135942</t>
  </si>
  <si>
    <t>cg07141215</t>
  </si>
  <si>
    <t>cg07144297</t>
  </si>
  <si>
    <t>cg07147063</t>
  </si>
  <si>
    <t>cg07147599</t>
  </si>
  <si>
    <t>cg07148304</t>
  </si>
  <si>
    <t>cg07150862</t>
  </si>
  <si>
    <t>cg07151047</t>
  </si>
  <si>
    <t>cg07153665</t>
  </si>
  <si>
    <t>cg07156844</t>
  </si>
  <si>
    <t>cg07159469</t>
  </si>
  <si>
    <t>cg07160932</t>
  </si>
  <si>
    <t>cg07160937</t>
  </si>
  <si>
    <t>cg07161162</t>
  </si>
  <si>
    <t>cg07161888</t>
  </si>
  <si>
    <t>cg07162060</t>
  </si>
  <si>
    <t>cg07165260</t>
  </si>
  <si>
    <t>cg07172242</t>
  </si>
  <si>
    <t>cg07173484</t>
  </si>
  <si>
    <t>cg07176884</t>
  </si>
  <si>
    <t>cg07178278</t>
  </si>
  <si>
    <t>cg07179329</t>
  </si>
  <si>
    <t>cg07179770</t>
  </si>
  <si>
    <t>cg07180475</t>
  </si>
  <si>
    <t>cg07192734</t>
  </si>
  <si>
    <t>cg07195197</t>
  </si>
  <si>
    <t>cg07196216</t>
  </si>
  <si>
    <t>cg07196673</t>
  </si>
  <si>
    <t>cg07197480</t>
  </si>
  <si>
    <t>cg07199032</t>
  </si>
  <si>
    <t>cg07199592</t>
  </si>
  <si>
    <t>cg07200850</t>
  </si>
  <si>
    <t>cg07201456</t>
  </si>
  <si>
    <t>cg07208513</t>
  </si>
  <si>
    <t>cg07210205</t>
  </si>
  <si>
    <t>cg07215234</t>
  </si>
  <si>
    <t>cg07215504</t>
  </si>
  <si>
    <t>cg07221183</t>
  </si>
  <si>
    <t>cg07221298</t>
  </si>
  <si>
    <t>cg07222623</t>
  </si>
  <si>
    <t>cg07226281</t>
  </si>
  <si>
    <t>cg07226793</t>
  </si>
  <si>
    <t>cg07233469</t>
  </si>
  <si>
    <t>cg07237906</t>
  </si>
  <si>
    <t>cg07238189</t>
  </si>
  <si>
    <t>cg07240673</t>
  </si>
  <si>
    <t>cg07242333</t>
  </si>
  <si>
    <t>cg07242563</t>
  </si>
  <si>
    <t>cg07243103</t>
  </si>
  <si>
    <t>cg07243736</t>
  </si>
  <si>
    <t>cg07245700</t>
  </si>
  <si>
    <t>cg07249459</t>
  </si>
  <si>
    <t>cg07251194</t>
  </si>
  <si>
    <t>cg07254066</t>
  </si>
  <si>
    <t>cg07258794</t>
  </si>
  <si>
    <t>cg07259398</t>
  </si>
  <si>
    <t>cg07259710</t>
  </si>
  <si>
    <t>cg07259732</t>
  </si>
  <si>
    <t>cg07260333</t>
  </si>
  <si>
    <t>cg07261225</t>
  </si>
  <si>
    <t>cg07267515</t>
  </si>
  <si>
    <t>cg07272654</t>
  </si>
  <si>
    <t>cg07279178</t>
  </si>
  <si>
    <t>cg07280629</t>
  </si>
  <si>
    <t>cg07280731</t>
  </si>
  <si>
    <t>cg07284286</t>
  </si>
  <si>
    <t>cg07291802</t>
  </si>
  <si>
    <t>cg07294652</t>
  </si>
  <si>
    <t>cg07300060</t>
  </si>
  <si>
    <t>cg07301329</t>
  </si>
  <si>
    <t>cg07301944</t>
  </si>
  <si>
    <t>cg07304536</t>
  </si>
  <si>
    <t>cg07307803</t>
  </si>
  <si>
    <t>cg07310671</t>
  </si>
  <si>
    <t>cg07313523</t>
  </si>
  <si>
    <t>cg07315493</t>
  </si>
  <si>
    <t>cg07316263</t>
  </si>
  <si>
    <t>cg07316298</t>
  </si>
  <si>
    <t>cg07319108</t>
  </si>
  <si>
    <t>cg07326016</t>
  </si>
  <si>
    <t>cg07327967</t>
  </si>
  <si>
    <t>cg07333274</t>
  </si>
  <si>
    <t>cg07333418</t>
  </si>
  <si>
    <t>cg07336350</t>
  </si>
  <si>
    <t>cg07336999</t>
  </si>
  <si>
    <t>cg07338658</t>
  </si>
  <si>
    <t>cg07339812</t>
  </si>
  <si>
    <t>cg07340574</t>
  </si>
  <si>
    <t>cg07341220</t>
  </si>
  <si>
    <t>cg07343612</t>
  </si>
  <si>
    <t>cg07344990</t>
  </si>
  <si>
    <t>cg07354129</t>
  </si>
  <si>
    <t>cg07355841</t>
  </si>
  <si>
    <t>cg07359215</t>
  </si>
  <si>
    <t>cg07363880</t>
  </si>
  <si>
    <t>cg07367395</t>
  </si>
  <si>
    <t>cg07368544</t>
  </si>
  <si>
    <t>cg07370023</t>
  </si>
  <si>
    <t>cg07371505</t>
  </si>
  <si>
    <t>cg07382826</t>
  </si>
  <si>
    <t>cg07384589</t>
  </si>
  <si>
    <t>cg07385362</t>
  </si>
  <si>
    <t>cg07392532</t>
  </si>
  <si>
    <t>cg07393618</t>
  </si>
  <si>
    <t>cg07393674</t>
  </si>
  <si>
    <t>cg07395075</t>
  </si>
  <si>
    <t>cg07396495</t>
  </si>
  <si>
    <t>cg07397579</t>
  </si>
  <si>
    <t>cg07406359</t>
  </si>
  <si>
    <t>cg07410173</t>
  </si>
  <si>
    <t>cg07419830</t>
  </si>
  <si>
    <t>cg07420163</t>
  </si>
  <si>
    <t>cg07421028</t>
  </si>
  <si>
    <t>cg07423334</t>
  </si>
  <si>
    <t>cg07426622</t>
  </si>
  <si>
    <t>cg07427605</t>
  </si>
  <si>
    <t>cg07436753</t>
  </si>
  <si>
    <t>cg07439859</t>
  </si>
  <si>
    <t>cg07442105</t>
  </si>
  <si>
    <t>cg07443485</t>
  </si>
  <si>
    <t>cg07447015</t>
  </si>
  <si>
    <t>cg07447187</t>
  </si>
  <si>
    <t>cg07449094</t>
  </si>
  <si>
    <t>cg07452217</t>
  </si>
  <si>
    <t>cg07455757</t>
  </si>
  <si>
    <t>cg07459409</t>
  </si>
  <si>
    <t>cg07460449</t>
  </si>
  <si>
    <t>cg07461072</t>
  </si>
  <si>
    <t>cg07461772</t>
  </si>
  <si>
    <t>cg07466085</t>
  </si>
  <si>
    <t>cg07472199</t>
  </si>
  <si>
    <t>cg07474083</t>
  </si>
  <si>
    <t>cg07475178</t>
  </si>
  <si>
    <t>cg07482202</t>
  </si>
  <si>
    <t>cg07482826</t>
  </si>
  <si>
    <t>cg07484220</t>
  </si>
  <si>
    <t>cg07492143</t>
  </si>
  <si>
    <t>cg07494914</t>
  </si>
  <si>
    <t>cg07496106</t>
  </si>
  <si>
    <t>cg07497645</t>
  </si>
  <si>
    <t>cg07502868</t>
  </si>
  <si>
    <t>cg07502874</t>
  </si>
  <si>
    <t>cg07506299</t>
  </si>
  <si>
    <t>cg07506334</t>
  </si>
  <si>
    <t>cg07508304</t>
  </si>
  <si>
    <t>cg07510714</t>
  </si>
  <si>
    <t>cg07516275</t>
  </si>
  <si>
    <t>cg07516511</t>
  </si>
  <si>
    <t>cg07516976</t>
  </si>
  <si>
    <t>cg07521723</t>
  </si>
  <si>
    <t>cg07522190</t>
  </si>
  <si>
    <t>cg07530022</t>
  </si>
  <si>
    <t>cg07531248</t>
  </si>
  <si>
    <t>cg07532353</t>
  </si>
  <si>
    <t>cg07532839</t>
  </si>
  <si>
    <t>cg07537206</t>
  </si>
  <si>
    <t>cg07537798</t>
  </si>
  <si>
    <t>cg07540917</t>
  </si>
  <si>
    <t>cg07541744</t>
  </si>
  <si>
    <t>cg07542864</t>
  </si>
  <si>
    <t>cg07545640</t>
  </si>
  <si>
    <t>cg07548791</t>
  </si>
  <si>
    <t>cg07549526</t>
  </si>
  <si>
    <t>cg07552087</t>
  </si>
  <si>
    <t>cg07561469</t>
  </si>
  <si>
    <t>cg07563611</t>
  </si>
  <si>
    <t>cg07565228</t>
  </si>
  <si>
    <t>cg07568194</t>
  </si>
  <si>
    <t>cg07571509</t>
  </si>
  <si>
    <t>cg07575166</t>
  </si>
  <si>
    <t>cg07581922</t>
  </si>
  <si>
    <t>cg07586489</t>
  </si>
  <si>
    <t>cg07588308</t>
  </si>
  <si>
    <t>cg07591403</t>
  </si>
  <si>
    <t>cg07595943</t>
  </si>
  <si>
    <t>cg07596086</t>
  </si>
  <si>
    <t>cg07596148</t>
  </si>
  <si>
    <t>cg07598385</t>
  </si>
  <si>
    <t>cg07598755</t>
  </si>
  <si>
    <t>cg07599144</t>
  </si>
  <si>
    <t>cg07599366</t>
  </si>
  <si>
    <t>cg07603951</t>
  </si>
  <si>
    <t>cg07606021</t>
  </si>
  <si>
    <t>cg07608088</t>
  </si>
  <si>
    <t>cg07608562</t>
  </si>
  <si>
    <t>cg07611575</t>
  </si>
  <si>
    <t>cg07613994</t>
  </si>
  <si>
    <t>cg07614125</t>
  </si>
  <si>
    <t>cg07622696</t>
  </si>
  <si>
    <t>cg07623022</t>
  </si>
  <si>
    <t>cg07627390</t>
  </si>
  <si>
    <t>cg07628300</t>
  </si>
  <si>
    <t>cg07630649</t>
  </si>
  <si>
    <t>cg07632556</t>
  </si>
  <si>
    <t>cg07635227</t>
  </si>
  <si>
    <t>cg07638589</t>
  </si>
  <si>
    <t>cg07639376</t>
  </si>
  <si>
    <t>cg07644125</t>
  </si>
  <si>
    <t>cg07645614</t>
  </si>
  <si>
    <t>cg07645761</t>
  </si>
  <si>
    <t>cg07646362</t>
  </si>
  <si>
    <t>cg07648498</t>
  </si>
  <si>
    <t>cg07649862</t>
  </si>
  <si>
    <t>cg07651316</t>
  </si>
  <si>
    <t>cg07655457</t>
  </si>
  <si>
    <t>cg07657131</t>
  </si>
  <si>
    <t>cg07662121</t>
  </si>
  <si>
    <t>cg07664277</t>
  </si>
  <si>
    <t>cg07664667</t>
  </si>
  <si>
    <t>cg07665535</t>
  </si>
  <si>
    <t>cg07666195</t>
  </si>
  <si>
    <t>cg07666734</t>
  </si>
  <si>
    <t>cg07667790</t>
  </si>
  <si>
    <t>cg07668501</t>
  </si>
  <si>
    <t>cg07669455</t>
  </si>
  <si>
    <t>cg07670266</t>
  </si>
  <si>
    <t>cg07675285</t>
  </si>
  <si>
    <t>cg07675334</t>
  </si>
  <si>
    <t>cg07679492</t>
  </si>
  <si>
    <t>cg07680047</t>
  </si>
  <si>
    <t>cg07686916</t>
  </si>
  <si>
    <t>cg07687354</t>
  </si>
  <si>
    <t>cg07692169</t>
  </si>
  <si>
    <t>cg07695654</t>
  </si>
  <si>
    <t>cg07696178</t>
  </si>
  <si>
    <t>cg07696690</t>
  </si>
  <si>
    <t>cg07697662</t>
  </si>
  <si>
    <t>cg07697672</t>
  </si>
  <si>
    <t>cg07697850</t>
  </si>
  <si>
    <t>cg07700514</t>
  </si>
  <si>
    <t>cg07702526</t>
  </si>
  <si>
    <t>cg07702548</t>
  </si>
  <si>
    <t>cg07703783</t>
  </si>
  <si>
    <t>cg07706680</t>
  </si>
  <si>
    <t>cg07708806</t>
  </si>
  <si>
    <t>cg07708818</t>
  </si>
  <si>
    <t>cg07716847</t>
  </si>
  <si>
    <t>cg07717381</t>
  </si>
  <si>
    <t>cg07719772</t>
  </si>
  <si>
    <t>cg07721872</t>
  </si>
  <si>
    <t>cg07725925</t>
  </si>
  <si>
    <t>cg07726904</t>
  </si>
  <si>
    <t>cg07729082</t>
  </si>
  <si>
    <t>cg07732888</t>
  </si>
  <si>
    <t>cg07733620</t>
  </si>
  <si>
    <t>cg07735851</t>
  </si>
  <si>
    <t>cg07737292</t>
  </si>
  <si>
    <t>cg07742843</t>
  </si>
  <si>
    <t>cg07745707</t>
  </si>
  <si>
    <t>cg07745929</t>
  </si>
  <si>
    <t>cg07746263</t>
  </si>
  <si>
    <t>cg07746699</t>
  </si>
  <si>
    <t>cg07751125</t>
  </si>
  <si>
    <t>cg07753245</t>
  </si>
  <si>
    <t>cg07753939</t>
  </si>
  <si>
    <t>cg07755343</t>
  </si>
  <si>
    <t>cg07763473</t>
  </si>
  <si>
    <t>cg07763516</t>
  </si>
  <si>
    <t>cg07769176</t>
  </si>
  <si>
    <t>cg07773582</t>
  </si>
  <si>
    <t>cg07775371</t>
  </si>
  <si>
    <t>cg07779653</t>
  </si>
  <si>
    <t>cg07784872</t>
  </si>
  <si>
    <t>cg07786668</t>
  </si>
  <si>
    <t>cg07792719</t>
  </si>
  <si>
    <t>cg07794237</t>
  </si>
  <si>
    <t>cg07794885</t>
  </si>
  <si>
    <t>cg07798295</t>
  </si>
  <si>
    <t>cg07798610</t>
  </si>
  <si>
    <t>cg07801681</t>
  </si>
  <si>
    <t>cg07809981</t>
  </si>
  <si>
    <t>cg07812289</t>
  </si>
  <si>
    <t>cg07812849</t>
  </si>
  <si>
    <t>cg07814345</t>
  </si>
  <si>
    <t>cg07816687</t>
  </si>
  <si>
    <t>cg07824081</t>
  </si>
  <si>
    <t>cg07829842</t>
  </si>
  <si>
    <t>cg07832761</t>
  </si>
  <si>
    <t>cg07838270</t>
  </si>
  <si>
    <t>cg07841477</t>
  </si>
  <si>
    <t>cg07841686</t>
  </si>
  <si>
    <t>cg07843956</t>
  </si>
  <si>
    <t>cg07844931</t>
  </si>
  <si>
    <t>cg07847424</t>
  </si>
  <si>
    <t>cg07849944</t>
  </si>
  <si>
    <t>cg07861456</t>
  </si>
  <si>
    <t>cg07861603</t>
  </si>
  <si>
    <t>cg07865391</t>
  </si>
  <si>
    <t>cg07866179</t>
  </si>
  <si>
    <t>cg07866476</t>
  </si>
  <si>
    <t>cg07868478</t>
  </si>
  <si>
    <t>cg07869548</t>
  </si>
  <si>
    <t>cg07870854</t>
  </si>
  <si>
    <t>cg07870982</t>
  </si>
  <si>
    <t>cg07871384</t>
  </si>
  <si>
    <t>cg07877900</t>
  </si>
  <si>
    <t>cg07880244</t>
  </si>
  <si>
    <t>cg07887978</t>
  </si>
  <si>
    <t>cg07888205</t>
  </si>
  <si>
    <t>cg07888926</t>
  </si>
  <si>
    <t>cg07891531</t>
  </si>
  <si>
    <t>cg07896412</t>
  </si>
  <si>
    <t>cg07902731</t>
  </si>
  <si>
    <t>cg07904900</t>
  </si>
  <si>
    <t>cg07909359</t>
  </si>
  <si>
    <t>cg07913503</t>
  </si>
  <si>
    <t>cg07921184</t>
  </si>
  <si>
    <t>cg07921682</t>
  </si>
  <si>
    <t>cg07921777</t>
  </si>
  <si>
    <t>cg07924013</t>
  </si>
  <si>
    <t>cg07925064</t>
  </si>
  <si>
    <t>cg07925823</t>
  </si>
  <si>
    <t>cg07926482</t>
  </si>
  <si>
    <t>cg07928255</t>
  </si>
  <si>
    <t>cg07930069</t>
  </si>
  <si>
    <t>cg07942687</t>
  </si>
  <si>
    <t>cg07945221</t>
  </si>
  <si>
    <t>cg07949597</t>
  </si>
  <si>
    <t>cg07953400</t>
  </si>
  <si>
    <t>cg07955088</t>
  </si>
  <si>
    <t>cg07959380</t>
  </si>
  <si>
    <t>cg07960787</t>
  </si>
  <si>
    <t>cg07961406</t>
  </si>
  <si>
    <t>cg07967402</t>
  </si>
  <si>
    <t>cg07971894</t>
  </si>
  <si>
    <t>cg07972541</t>
  </si>
  <si>
    <t>cg07973470</t>
  </si>
  <si>
    <t>cg07976860</t>
  </si>
  <si>
    <t>cg07978099</t>
  </si>
  <si>
    <t>cg07980947</t>
  </si>
  <si>
    <t>cg07981599</t>
  </si>
  <si>
    <t>cg07982935</t>
  </si>
  <si>
    <t>cg07987051</t>
  </si>
  <si>
    <t>cg07988120</t>
  </si>
  <si>
    <t>cg07990880</t>
  </si>
  <si>
    <t>cg07993372</t>
  </si>
  <si>
    <t>cg08006625</t>
  </si>
  <si>
    <t>cg08006672</t>
  </si>
  <si>
    <t>cg08017189</t>
  </si>
  <si>
    <t>cg08018789</t>
  </si>
  <si>
    <t>cg08020574</t>
  </si>
  <si>
    <t>cg08023020</t>
  </si>
  <si>
    <t>cg08024847</t>
  </si>
  <si>
    <t>cg08029969</t>
  </si>
  <si>
    <t>cg08030134</t>
  </si>
  <si>
    <t>cg08034613</t>
  </si>
  <si>
    <t>cg08036514</t>
  </si>
  <si>
    <t>cg08040170</t>
  </si>
  <si>
    <t>cg08047086</t>
  </si>
  <si>
    <t>cg08047293</t>
  </si>
  <si>
    <t>cg08050352</t>
  </si>
  <si>
    <t>cg08054078</t>
  </si>
  <si>
    <t>cg08055663</t>
  </si>
  <si>
    <t>cg08060501</t>
  </si>
  <si>
    <t>cg08063051</t>
  </si>
  <si>
    <t>cg08063194</t>
  </si>
  <si>
    <t>cg08065963</t>
  </si>
  <si>
    <t>cg08067677</t>
  </si>
  <si>
    <t>cg08074621</t>
  </si>
  <si>
    <t>cg08074971</t>
  </si>
  <si>
    <t>cg08076437</t>
  </si>
  <si>
    <t>cg08076462</t>
  </si>
  <si>
    <t>cg08078586</t>
  </si>
  <si>
    <t>cg08079266</t>
  </si>
  <si>
    <t>cg08079787</t>
  </si>
  <si>
    <t>cg08080008</t>
  </si>
  <si>
    <t>cg08080174</t>
  </si>
  <si>
    <t>cg08082791</t>
  </si>
  <si>
    <t>cg08083976</t>
  </si>
  <si>
    <t>cg08086906</t>
  </si>
  <si>
    <t>cg08087034</t>
  </si>
  <si>
    <t>cg08087868</t>
  </si>
  <si>
    <t>cg08089011</t>
  </si>
  <si>
    <t>cg08092105</t>
  </si>
  <si>
    <t>cg08092965</t>
  </si>
  <si>
    <t>cg08097929</t>
  </si>
  <si>
    <t>cg08101977</t>
  </si>
  <si>
    <t>cg08106487</t>
  </si>
  <si>
    <t>cg08114180</t>
  </si>
  <si>
    <t>cg08118908</t>
  </si>
  <si>
    <t>cg08119275</t>
  </si>
  <si>
    <t>cg08120592</t>
  </si>
  <si>
    <t>cg08124804</t>
  </si>
  <si>
    <t>cg08125682</t>
  </si>
  <si>
    <t>cg08127293</t>
  </si>
  <si>
    <t>cg08127858</t>
  </si>
  <si>
    <t>cg08128577</t>
  </si>
  <si>
    <t>cg08129848</t>
  </si>
  <si>
    <t>cg08131081</t>
  </si>
  <si>
    <t>cg08135950</t>
  </si>
  <si>
    <t>cg08137352</t>
  </si>
  <si>
    <t>cg08138817</t>
  </si>
  <si>
    <t>cg08143192</t>
  </si>
  <si>
    <t>cg08145698</t>
  </si>
  <si>
    <t>cg08149859</t>
  </si>
  <si>
    <t>cg08151363</t>
  </si>
  <si>
    <t>cg08152499</t>
  </si>
  <si>
    <t>cg08154066</t>
  </si>
  <si>
    <t>cg08157228</t>
  </si>
  <si>
    <t>cg08160891</t>
  </si>
  <si>
    <t>cg08161325</t>
  </si>
  <si>
    <t>cg08164977</t>
  </si>
  <si>
    <t>cg08168844</t>
  </si>
  <si>
    <t>cg08171876</t>
  </si>
  <si>
    <t>cg08172536</t>
  </si>
  <si>
    <t>cg08177833</t>
  </si>
  <si>
    <t>cg08183066</t>
  </si>
  <si>
    <t>cg08187983</t>
  </si>
  <si>
    <t>cg08189861</t>
  </si>
  <si>
    <t>cg08190828</t>
  </si>
  <si>
    <t>cg08194752</t>
  </si>
  <si>
    <t>cg08195491</t>
  </si>
  <si>
    <t>cg08196561</t>
  </si>
  <si>
    <t>cg08198040</t>
  </si>
  <si>
    <t>cg08199953</t>
  </si>
  <si>
    <t>cg08202708</t>
  </si>
  <si>
    <t>cg08204714</t>
  </si>
  <si>
    <t>cg08209474</t>
  </si>
  <si>
    <t>cg08210629</t>
  </si>
  <si>
    <t>cg08211068</t>
  </si>
  <si>
    <t>cg08214245</t>
  </si>
  <si>
    <t>cg08214990</t>
  </si>
  <si>
    <t>cg08216050</t>
  </si>
  <si>
    <t>cg08217358</t>
  </si>
  <si>
    <t>cg08217581</t>
  </si>
  <si>
    <t>cg08223835</t>
  </si>
  <si>
    <t>cg08224646</t>
  </si>
  <si>
    <t>cg08225020</t>
  </si>
  <si>
    <t>cg08229688</t>
  </si>
  <si>
    <t>cg08230469</t>
  </si>
  <si>
    <t>cg08234953</t>
  </si>
  <si>
    <t>cg08235889</t>
  </si>
  <si>
    <t>cg08236388</t>
  </si>
  <si>
    <t>cg08249399</t>
  </si>
  <si>
    <t>cg08251337</t>
  </si>
  <si>
    <t>cg08255475</t>
  </si>
  <si>
    <t>cg08260763</t>
  </si>
  <si>
    <t>cg08267115</t>
  </si>
  <si>
    <t>cg08267888</t>
  </si>
  <si>
    <t>cg08270206</t>
  </si>
  <si>
    <t>cg08273874</t>
  </si>
  <si>
    <t>cg08274369</t>
  </si>
  <si>
    <t>cg08276042</t>
  </si>
  <si>
    <t>cg08279075</t>
  </si>
  <si>
    <t>cg08284713</t>
  </si>
  <si>
    <t>cg08285934</t>
  </si>
  <si>
    <t>cg08289130</t>
  </si>
  <si>
    <t>cg08292080</t>
  </si>
  <si>
    <t>cg08296037</t>
  </si>
  <si>
    <t>cg08301299</t>
  </si>
  <si>
    <t>cg08305803</t>
  </si>
  <si>
    <t>cg08307753</t>
  </si>
  <si>
    <t>cg08311935</t>
  </si>
  <si>
    <t>cg08311965</t>
  </si>
  <si>
    <t>cg08314102</t>
  </si>
  <si>
    <t>cg08314208</t>
  </si>
  <si>
    <t>cg08316009</t>
  </si>
  <si>
    <t>cg08320059</t>
  </si>
  <si>
    <t>cg08322747</t>
  </si>
  <si>
    <t>cg08323832</t>
  </si>
  <si>
    <t>cg08324115</t>
  </si>
  <si>
    <t>cg08327378</t>
  </si>
  <si>
    <t>cg08336138</t>
  </si>
  <si>
    <t>cg08336687</t>
  </si>
  <si>
    <t>cg08336733</t>
  </si>
  <si>
    <t>cg08343644</t>
  </si>
  <si>
    <t>cg08345372</t>
  </si>
  <si>
    <t>cg08346922</t>
  </si>
  <si>
    <t>cg08347500</t>
  </si>
  <si>
    <t>cg08348831</t>
  </si>
  <si>
    <t>cg08351911</t>
  </si>
  <si>
    <t>cg08356083</t>
  </si>
  <si>
    <t>cg08356503</t>
  </si>
  <si>
    <t>cg08372297</t>
  </si>
  <si>
    <t>cg08374890</t>
  </si>
  <si>
    <t>cg08375882</t>
  </si>
  <si>
    <t>cg08377569</t>
  </si>
  <si>
    <t>cg08380005</t>
  </si>
  <si>
    <t>cg08381437</t>
  </si>
  <si>
    <t>cg08384637</t>
  </si>
  <si>
    <t>cg08391287</t>
  </si>
  <si>
    <t>cg08393070</t>
  </si>
  <si>
    <t>cg08395793</t>
  </si>
  <si>
    <t>cg08398034</t>
  </si>
  <si>
    <t>cg08398290</t>
  </si>
  <si>
    <t>cg08398855</t>
  </si>
  <si>
    <t>cg08401628</t>
  </si>
  <si>
    <t>cg08404028</t>
  </si>
  <si>
    <t>cg08407274</t>
  </si>
  <si>
    <t>cg08409451</t>
  </si>
  <si>
    <t>cg08409642</t>
  </si>
  <si>
    <t>cg08415156</t>
  </si>
  <si>
    <t>cg08419373</t>
  </si>
  <si>
    <t>cg08422844</t>
  </si>
  <si>
    <t>cg08424063</t>
  </si>
  <si>
    <t>cg08428292</t>
  </si>
  <si>
    <t>cg08429943</t>
  </si>
  <si>
    <t>cg08430516</t>
  </si>
  <si>
    <t>cg08437957</t>
  </si>
  <si>
    <t>cg08438529</t>
  </si>
  <si>
    <t>cg08438650</t>
  </si>
  <si>
    <t>cg08439987</t>
  </si>
  <si>
    <t>cg08440920</t>
  </si>
  <si>
    <t>cg08442028</t>
  </si>
  <si>
    <t>cg08443851</t>
  </si>
  <si>
    <t>cg08446798</t>
  </si>
  <si>
    <t>cg08446930</t>
  </si>
  <si>
    <t>cg08447479</t>
  </si>
  <si>
    <t>cg08449049</t>
  </si>
  <si>
    <t>cg08451992</t>
  </si>
  <si>
    <t>cg08454455</t>
  </si>
  <si>
    <t>cg08455111</t>
  </si>
  <si>
    <t>cg08455781</t>
  </si>
  <si>
    <t>cg08456666</t>
  </si>
  <si>
    <t>cg08464190</t>
  </si>
  <si>
    <t>cg08467261</t>
  </si>
  <si>
    <t>cg08471037</t>
  </si>
  <si>
    <t>cg08474467</t>
  </si>
  <si>
    <t>cg08480068</t>
  </si>
  <si>
    <t>cg08480774</t>
  </si>
  <si>
    <t>cg08482926</t>
  </si>
  <si>
    <t>cg08486575</t>
  </si>
  <si>
    <t>cg08488615</t>
  </si>
  <si>
    <t>cg08490589</t>
  </si>
  <si>
    <t>cg08490791</t>
  </si>
  <si>
    <t>cg08492912</t>
  </si>
  <si>
    <t>cg08493338</t>
  </si>
  <si>
    <t>cg08494157</t>
  </si>
  <si>
    <t>cg08497530</t>
  </si>
  <si>
    <t>cg08505355</t>
  </si>
  <si>
    <t>cg08509907</t>
  </si>
  <si>
    <t>cg08515989</t>
  </si>
  <si>
    <t>cg08517131</t>
  </si>
  <si>
    <t>cg08520423</t>
  </si>
  <si>
    <t>cg08524197</t>
  </si>
  <si>
    <t>cg08524803</t>
  </si>
  <si>
    <t>cg08526074</t>
  </si>
  <si>
    <t>cg08526784</t>
  </si>
  <si>
    <t>cg08526825</t>
  </si>
  <si>
    <t>cg08529345</t>
  </si>
  <si>
    <t>cg08530537</t>
  </si>
  <si>
    <t>cg08533036</t>
  </si>
  <si>
    <t>cg08535309</t>
  </si>
  <si>
    <t>cg08545287</t>
  </si>
  <si>
    <t>cg08546335</t>
  </si>
  <si>
    <t>cg08552042</t>
  </si>
  <si>
    <t>cg08554257</t>
  </si>
  <si>
    <t>cg08555160</t>
  </si>
  <si>
    <t>cg08555866</t>
  </si>
  <si>
    <t>cg08557393</t>
  </si>
  <si>
    <t>cg08557876</t>
  </si>
  <si>
    <t>cg08562016</t>
  </si>
  <si>
    <t>cg08562243</t>
  </si>
  <si>
    <t>cg08565003</t>
  </si>
  <si>
    <t>cg08572679</t>
  </si>
  <si>
    <t>cg08573648</t>
  </si>
  <si>
    <t>cg08576880</t>
  </si>
  <si>
    <t>cg08577693</t>
  </si>
  <si>
    <t>cg08578141</t>
  </si>
  <si>
    <t>cg08581018</t>
  </si>
  <si>
    <t>cg08581536</t>
  </si>
  <si>
    <t>cg08582634</t>
  </si>
  <si>
    <t>cg08584304</t>
  </si>
  <si>
    <t>cg08589960</t>
  </si>
  <si>
    <t>cg08593668</t>
  </si>
  <si>
    <t>cg08595667</t>
  </si>
  <si>
    <t>cg08598838</t>
  </si>
  <si>
    <t>cg08601673</t>
  </si>
  <si>
    <t>cg08601917</t>
  </si>
  <si>
    <t>cg08602694</t>
  </si>
  <si>
    <t>cg08608016</t>
  </si>
  <si>
    <t>cg08608240</t>
  </si>
  <si>
    <t>cg08609037</t>
  </si>
  <si>
    <t>cg08613597</t>
  </si>
  <si>
    <t>cg08618173</t>
  </si>
  <si>
    <t>cg08618878</t>
  </si>
  <si>
    <t>cg08619797</t>
  </si>
  <si>
    <t>cg08620479</t>
  </si>
  <si>
    <t>cg08621611</t>
  </si>
  <si>
    <t>cg08622401</t>
  </si>
  <si>
    <t>cg08626605</t>
  </si>
  <si>
    <t>cg08627942</t>
  </si>
  <si>
    <t>cg08628911</t>
  </si>
  <si>
    <t>cg08644592</t>
  </si>
  <si>
    <t>cg08645670</t>
  </si>
  <si>
    <t>cg08654960</t>
  </si>
  <si>
    <t>cg08655480</t>
  </si>
  <si>
    <t>cg08659394</t>
  </si>
  <si>
    <t>cg08659421</t>
  </si>
  <si>
    <t>cg08662533</t>
  </si>
  <si>
    <t>cg08664849</t>
  </si>
  <si>
    <t>cg08678256</t>
  </si>
  <si>
    <t>cg08681432</t>
  </si>
  <si>
    <t>cg08681685</t>
  </si>
  <si>
    <t>cg08682544</t>
  </si>
  <si>
    <t>cg08682991</t>
  </si>
  <si>
    <t>cg08690094</t>
  </si>
  <si>
    <t>cg08692100</t>
  </si>
  <si>
    <t>cg08693344</t>
  </si>
  <si>
    <t>cg08694014</t>
  </si>
  <si>
    <t>cg08696638</t>
  </si>
  <si>
    <t>cg08697180</t>
  </si>
  <si>
    <t>cg08698997</t>
  </si>
  <si>
    <t>cg08700707</t>
  </si>
  <si>
    <t>cg08718459</t>
  </si>
  <si>
    <t>cg08718695</t>
  </si>
  <si>
    <t>cg08721338</t>
  </si>
  <si>
    <t>cg08723769</t>
  </si>
  <si>
    <t>cg08728796</t>
  </si>
  <si>
    <t>cg08730747</t>
  </si>
  <si>
    <t>cg08732659</t>
  </si>
  <si>
    <t>cg08739841</t>
  </si>
  <si>
    <t>cg08740522</t>
  </si>
  <si>
    <t>cg08744097</t>
  </si>
  <si>
    <t>cg08745556</t>
  </si>
  <si>
    <t>cg08747717</t>
  </si>
  <si>
    <t>cg08747777</t>
  </si>
  <si>
    <t>cg08751438</t>
  </si>
  <si>
    <t>cg08755218</t>
  </si>
  <si>
    <t>cg08762306</t>
  </si>
  <si>
    <t>cg08767708</t>
  </si>
  <si>
    <t>cg08770961</t>
  </si>
  <si>
    <t>cg08774802</t>
  </si>
  <si>
    <t>cg08775835</t>
  </si>
  <si>
    <t>cg08779982</t>
  </si>
  <si>
    <t>cg08781448</t>
  </si>
  <si>
    <t>cg08781740</t>
  </si>
  <si>
    <t>cg08782022</t>
  </si>
  <si>
    <t>cg08786136</t>
  </si>
  <si>
    <t>cg08787837</t>
  </si>
  <si>
    <t>cg08790004</t>
  </si>
  <si>
    <t>cg08791131</t>
  </si>
  <si>
    <t>cg08792976</t>
  </si>
  <si>
    <t>cg08794939</t>
  </si>
  <si>
    <t>cg08795589</t>
  </si>
  <si>
    <t>cg08796240</t>
  </si>
  <si>
    <t>cg08798492</t>
  </si>
  <si>
    <t>cg08803263</t>
  </si>
  <si>
    <t>cg08806263</t>
  </si>
  <si>
    <t>cg08807995</t>
  </si>
  <si>
    <t>cg08809979</t>
  </si>
  <si>
    <t>cg08813197</t>
  </si>
  <si>
    <t>cg08816443</t>
  </si>
  <si>
    <t>cg08823219</t>
  </si>
  <si>
    <t>cg08827429</t>
  </si>
  <si>
    <t>cg08830672</t>
  </si>
  <si>
    <t>cg08843134</t>
  </si>
  <si>
    <t>cg08843248</t>
  </si>
  <si>
    <t>cg08843517</t>
  </si>
  <si>
    <t>cg08844988</t>
  </si>
  <si>
    <t>cg08845486</t>
  </si>
  <si>
    <t>cg08846558</t>
  </si>
  <si>
    <t>cg08848958</t>
  </si>
  <si>
    <t>cg08854185</t>
  </si>
  <si>
    <t>cg08855361</t>
  </si>
  <si>
    <t>cg08855903</t>
  </si>
  <si>
    <t>cg08857324</t>
  </si>
  <si>
    <t>cg08859513</t>
  </si>
  <si>
    <t>cg08860546</t>
  </si>
  <si>
    <t>cg08860619</t>
  </si>
  <si>
    <t>cg08864283</t>
  </si>
  <si>
    <t>cg08866814</t>
  </si>
  <si>
    <t>cg08870933</t>
  </si>
  <si>
    <t>cg08871011</t>
  </si>
  <si>
    <t>cg08872248</t>
  </si>
  <si>
    <t>cg08872713</t>
  </si>
  <si>
    <t>cg08876518</t>
  </si>
  <si>
    <t>cg08878368</t>
  </si>
  <si>
    <t>cg08880369</t>
  </si>
  <si>
    <t>cg08882774</t>
  </si>
  <si>
    <t>cg08886020</t>
  </si>
  <si>
    <t>cg08886823</t>
  </si>
  <si>
    <t>cg08888410</t>
  </si>
  <si>
    <t>cg08890837</t>
  </si>
  <si>
    <t>cg08891115</t>
  </si>
  <si>
    <t>cg08892416</t>
  </si>
  <si>
    <t>cg08897854</t>
  </si>
  <si>
    <t>cg08902025</t>
  </si>
  <si>
    <t>cg08902766</t>
  </si>
  <si>
    <t>cg08902977</t>
  </si>
  <si>
    <t>cg08917356</t>
  </si>
  <si>
    <t>cg08920174</t>
  </si>
  <si>
    <t>cg08920252</t>
  </si>
  <si>
    <t>cg08921185</t>
  </si>
  <si>
    <t>cg08922090</t>
  </si>
  <si>
    <t>cg08923033</t>
  </si>
  <si>
    <t>cg08923355</t>
  </si>
  <si>
    <t>cg08924777</t>
  </si>
  <si>
    <t>cg08928494</t>
  </si>
  <si>
    <t>cg08935793</t>
  </si>
  <si>
    <t>cg08935864</t>
  </si>
  <si>
    <t>cg08937732</t>
  </si>
  <si>
    <t>cg08940169</t>
  </si>
  <si>
    <t>cg08942073</t>
  </si>
  <si>
    <t>cg08943906</t>
  </si>
  <si>
    <t>cg08949854</t>
  </si>
  <si>
    <t>cg08950915</t>
  </si>
  <si>
    <t>cg08952239</t>
  </si>
  <si>
    <t>cg08953850</t>
  </si>
  <si>
    <t>cg08956724</t>
  </si>
  <si>
    <t>cg08959094</t>
  </si>
  <si>
    <t>cg08960156</t>
  </si>
  <si>
    <t>cg08962167</t>
  </si>
  <si>
    <t>cg08965100</t>
  </si>
  <si>
    <t>cg08965276</t>
  </si>
  <si>
    <t>cg08965723</t>
  </si>
  <si>
    <t>cg08966366</t>
  </si>
  <si>
    <t>cg08969593</t>
  </si>
  <si>
    <t>cg08971217</t>
  </si>
  <si>
    <t>cg08973927</t>
  </si>
  <si>
    <t>cg08975560</t>
  </si>
  <si>
    <t>cg08980382</t>
  </si>
  <si>
    <t>cg08981532</t>
  </si>
  <si>
    <t>cg08983490</t>
  </si>
  <si>
    <t>cg08989214</t>
  </si>
  <si>
    <t>cg08989564</t>
  </si>
  <si>
    <t>cg09000178</t>
  </si>
  <si>
    <t>cg09005651</t>
  </si>
  <si>
    <t>cg09010837</t>
  </si>
  <si>
    <t>cg09011601</t>
  </si>
  <si>
    <t>cg09012633</t>
  </si>
  <si>
    <t>cg09013092</t>
  </si>
  <si>
    <t>cg09016242</t>
  </si>
  <si>
    <t>cg09025501</t>
  </si>
  <si>
    <t>cg09028487</t>
  </si>
  <si>
    <t>cg09036558</t>
  </si>
  <si>
    <t>cg09039112</t>
  </si>
  <si>
    <t>cg09046255</t>
  </si>
  <si>
    <t>cg09046445</t>
  </si>
  <si>
    <t>cg09047734</t>
  </si>
  <si>
    <t>cg09048665</t>
  </si>
  <si>
    <t>cg09050670</t>
  </si>
  <si>
    <t>cg09050779</t>
  </si>
  <si>
    <t>cg09053271</t>
  </si>
  <si>
    <t>cg09053902</t>
  </si>
  <si>
    <t>cg09056039</t>
  </si>
  <si>
    <t>cg09057080</t>
  </si>
  <si>
    <t>cg09057863</t>
  </si>
  <si>
    <t>cg09061454</t>
  </si>
  <si>
    <t>cg09065629</t>
  </si>
  <si>
    <t>cg09067715</t>
  </si>
  <si>
    <t>cg09069446</t>
  </si>
  <si>
    <t>cg09069694</t>
  </si>
  <si>
    <t>cg09076788</t>
  </si>
  <si>
    <t>cg09077332</t>
  </si>
  <si>
    <t>cg09080729</t>
  </si>
  <si>
    <t>cg09080920</t>
  </si>
  <si>
    <t>cg09084370</t>
  </si>
  <si>
    <t>cg09085220</t>
  </si>
  <si>
    <t>cg09085417</t>
  </si>
  <si>
    <t>cg09091185</t>
  </si>
  <si>
    <t>cg09092132</t>
  </si>
  <si>
    <t>cg09094804</t>
  </si>
  <si>
    <t>cg09096612</t>
  </si>
  <si>
    <t>cg09099572</t>
  </si>
  <si>
    <t>cg09099830</t>
  </si>
  <si>
    <t>cg09101958</t>
  </si>
  <si>
    <t>cg09103960</t>
  </si>
  <si>
    <t>cg09104050</t>
  </si>
  <si>
    <t>cg09104284</t>
  </si>
  <si>
    <t>cg09112081</t>
  </si>
  <si>
    <t>cg09113850</t>
  </si>
  <si>
    <t>cg09115713</t>
  </si>
  <si>
    <t>cg09117114</t>
  </si>
  <si>
    <t>cg09117448</t>
  </si>
  <si>
    <t>cg09123773</t>
  </si>
  <si>
    <t>cg09132790</t>
  </si>
  <si>
    <t>cg09135056</t>
  </si>
  <si>
    <t>cg09137838</t>
  </si>
  <si>
    <t>cg09140090</t>
  </si>
  <si>
    <t>cg09141413</t>
  </si>
  <si>
    <t>cg09141835</t>
  </si>
  <si>
    <t>cg09146325</t>
  </si>
  <si>
    <t>cg09148348</t>
  </si>
  <si>
    <t>cg09166770</t>
  </si>
  <si>
    <t>cg09169456</t>
  </si>
  <si>
    <t>cg09172766</t>
  </si>
  <si>
    <t>cg09172770</t>
  </si>
  <si>
    <t>cg09175928</t>
  </si>
  <si>
    <t>cg09180239</t>
  </si>
  <si>
    <t>cg09181339</t>
  </si>
  <si>
    <t>cg09183102</t>
  </si>
  <si>
    <t>cg09192940</t>
  </si>
  <si>
    <t>cg09192942</t>
  </si>
  <si>
    <t>cg09195198</t>
  </si>
  <si>
    <t>cg09200186</t>
  </si>
  <si>
    <t>cg09201499</t>
  </si>
  <si>
    <t>cg09201525</t>
  </si>
  <si>
    <t>cg09202227</t>
  </si>
  <si>
    <t>cg09203880</t>
  </si>
  <si>
    <t>cg09211521</t>
  </si>
  <si>
    <t>cg09213403</t>
  </si>
  <si>
    <t>cg09220393</t>
  </si>
  <si>
    <t>cg09220891</t>
  </si>
  <si>
    <t>cg09222259</t>
  </si>
  <si>
    <t>cg09225442</t>
  </si>
  <si>
    <t>cg09226044</t>
  </si>
  <si>
    <t>cg09229918</t>
  </si>
  <si>
    <t>cg09233013</t>
  </si>
  <si>
    <t>cg09238049</t>
  </si>
  <si>
    <t>cg09238957</t>
  </si>
  <si>
    <t>cg09239744</t>
  </si>
  <si>
    <t>cg09247255</t>
  </si>
  <si>
    <t>cg09249980</t>
  </si>
  <si>
    <t>cg09265392</t>
  </si>
  <si>
    <t>cg09271671</t>
  </si>
  <si>
    <t>cg09274451</t>
  </si>
  <si>
    <t>cg09275704</t>
  </si>
  <si>
    <t>cg09275921</t>
  </si>
  <si>
    <t>cg09278656</t>
  </si>
  <si>
    <t>cg09283690</t>
  </si>
  <si>
    <t>cg09285525</t>
  </si>
  <si>
    <t>cg09288606</t>
  </si>
  <si>
    <t>cg09289148</t>
  </si>
  <si>
    <t>cg09294055</t>
  </si>
  <si>
    <t>cg09294492</t>
  </si>
  <si>
    <t>cg09294660</t>
  </si>
  <si>
    <t>cg09300795</t>
  </si>
  <si>
    <t>cg09301471</t>
  </si>
  <si>
    <t>cg09302448</t>
  </si>
  <si>
    <t>cg09303201</t>
  </si>
  <si>
    <t>cg09308026</t>
  </si>
  <si>
    <t>cg09308608</t>
  </si>
  <si>
    <t>cg09308613</t>
  </si>
  <si>
    <t>cg09312996</t>
  </si>
  <si>
    <t>cg09321614</t>
  </si>
  <si>
    <t>cg09323788</t>
  </si>
  <si>
    <t>cg09324514</t>
  </si>
  <si>
    <t>cg09328356</t>
  </si>
  <si>
    <t>cg09328979</t>
  </si>
  <si>
    <t>cg09343327</t>
  </si>
  <si>
    <t>cg09350341</t>
  </si>
  <si>
    <t>cg09351623</t>
  </si>
  <si>
    <t>cg09351715</t>
  </si>
  <si>
    <t>cg09355190</t>
  </si>
  <si>
    <t>cg09355310</t>
  </si>
  <si>
    <t>cg09357140</t>
  </si>
  <si>
    <t>cg09360770</t>
  </si>
  <si>
    <t>cg09364677</t>
  </si>
  <si>
    <t>cg09368168</t>
  </si>
  <si>
    <t>cg09369124</t>
  </si>
  <si>
    <t>cg09370756</t>
  </si>
  <si>
    <t>cg09371775</t>
  </si>
  <si>
    <t>cg09373364</t>
  </si>
  <si>
    <t>cg09385088</t>
  </si>
  <si>
    <t>cg09386420</t>
  </si>
  <si>
    <t>cg09391949</t>
  </si>
  <si>
    <t>cg09395187</t>
  </si>
  <si>
    <t>cg09396032</t>
  </si>
  <si>
    <t>cg09400123</t>
  </si>
  <si>
    <t>cg09400392</t>
  </si>
  <si>
    <t>cg09401463</t>
  </si>
  <si>
    <t>cg09402367</t>
  </si>
  <si>
    <t>cg09404131</t>
  </si>
  <si>
    <t>cg09405231</t>
  </si>
  <si>
    <t>cg09407223</t>
  </si>
  <si>
    <t>cg09412087</t>
  </si>
  <si>
    <t>cg09422450</t>
  </si>
  <si>
    <t>cg09423819</t>
  </si>
  <si>
    <t>cg09428537</t>
  </si>
  <si>
    <t>cg09431182</t>
  </si>
  <si>
    <t>cg09432792</t>
  </si>
  <si>
    <t>cg09437479</t>
  </si>
  <si>
    <t>cg09437994</t>
  </si>
  <si>
    <t>cg09438266</t>
  </si>
  <si>
    <t>cg09441873</t>
  </si>
  <si>
    <t>cg09445727</t>
  </si>
  <si>
    <t>cg09448951</t>
  </si>
  <si>
    <t>cg09450713</t>
  </si>
  <si>
    <t>cg09451235</t>
  </si>
  <si>
    <t>cg09453103</t>
  </si>
  <si>
    <t>cg09462089</t>
  </si>
  <si>
    <t>cg09465703</t>
  </si>
  <si>
    <t>cg09466831</t>
  </si>
  <si>
    <t>cg09471916</t>
  </si>
  <si>
    <t>cg09473759</t>
  </si>
  <si>
    <t>cg09474175</t>
  </si>
  <si>
    <t>cg09476149</t>
  </si>
  <si>
    <t>cg09476997</t>
  </si>
  <si>
    <t>cg09477019</t>
  </si>
  <si>
    <t>cg09477426</t>
  </si>
  <si>
    <t>cg09479452</t>
  </si>
  <si>
    <t>cg09479758</t>
  </si>
  <si>
    <t>cg09480190</t>
  </si>
  <si>
    <t>cg09480307</t>
  </si>
  <si>
    <t>cg09481927</t>
  </si>
  <si>
    <t>cg09482050</t>
  </si>
  <si>
    <t>cg09484870</t>
  </si>
  <si>
    <t>cg09486868</t>
  </si>
  <si>
    <t>cg09490387</t>
  </si>
  <si>
    <t>cg09490756</t>
  </si>
  <si>
    <t>cg09492451</t>
  </si>
  <si>
    <t>cg09495939</t>
  </si>
  <si>
    <t>cg09500196</t>
  </si>
  <si>
    <t>cg09500317</t>
  </si>
  <si>
    <t>cg09509739</t>
  </si>
  <si>
    <t>cg09510476</t>
  </si>
  <si>
    <t>cg09512322</t>
  </si>
  <si>
    <t>cg09515097</t>
  </si>
  <si>
    <t>cg09515947</t>
  </si>
  <si>
    <t>cg09516144</t>
  </si>
  <si>
    <t>cg09516362</t>
  </si>
  <si>
    <t>cg09516898</t>
  </si>
  <si>
    <t>cg09521490</t>
  </si>
  <si>
    <t>cg09522056</t>
  </si>
  <si>
    <t>cg09526712</t>
  </si>
  <si>
    <t>cg09528825</t>
  </si>
  <si>
    <t>cg09529023</t>
  </si>
  <si>
    <t>cg09530163</t>
  </si>
  <si>
    <t>cg09531729</t>
  </si>
  <si>
    <t>cg09534489</t>
  </si>
  <si>
    <t>cg09535526</t>
  </si>
  <si>
    <t>cg09538603</t>
  </si>
  <si>
    <t>cg09539239</t>
  </si>
  <si>
    <t>cg09540565</t>
  </si>
  <si>
    <t>cg09542838</t>
  </si>
  <si>
    <t>cg09546168</t>
  </si>
  <si>
    <t>cg09556515</t>
  </si>
  <si>
    <t>cg09559324</t>
  </si>
  <si>
    <t>cg09559971</t>
  </si>
  <si>
    <t>cg09564533</t>
  </si>
  <si>
    <t>cg09578463</t>
  </si>
  <si>
    <t>cg09578614</t>
  </si>
  <si>
    <t>cg09580244</t>
  </si>
  <si>
    <t>cg09581611</t>
  </si>
  <si>
    <t>cg09583024</t>
  </si>
  <si>
    <t>cg09584112</t>
  </si>
  <si>
    <t>cg09584155</t>
  </si>
  <si>
    <t>cg09586080</t>
  </si>
  <si>
    <t>cg09593385</t>
  </si>
  <si>
    <t>cg09594067</t>
  </si>
  <si>
    <t>cg09594635</t>
  </si>
  <si>
    <t>cg09596050</t>
  </si>
  <si>
    <t>cg09596260</t>
  </si>
  <si>
    <t>cg09596866</t>
  </si>
  <si>
    <t>cg09603710</t>
  </si>
  <si>
    <t>cg09607566</t>
  </si>
  <si>
    <t>cg09608716</t>
  </si>
  <si>
    <t>cg09610071</t>
  </si>
  <si>
    <t>cg09610767</t>
  </si>
  <si>
    <t>cg09611226</t>
  </si>
  <si>
    <t>cg09611962</t>
  </si>
  <si>
    <t>cg09615056</t>
  </si>
  <si>
    <t>cg09615620</t>
  </si>
  <si>
    <t>cg09615821</t>
  </si>
  <si>
    <t>cg09616061</t>
  </si>
  <si>
    <t>cg09629193</t>
  </si>
  <si>
    <t>cg09629753</t>
  </si>
  <si>
    <t>cg09632163</t>
  </si>
  <si>
    <t>cg09635053</t>
  </si>
  <si>
    <t>cg09635681</t>
  </si>
  <si>
    <t>cg09635866</t>
  </si>
  <si>
    <t>cg09641689</t>
  </si>
  <si>
    <t>cg09642825</t>
  </si>
  <si>
    <t>cg09645331</t>
  </si>
  <si>
    <t>cg09645516</t>
  </si>
  <si>
    <t>cg09646795</t>
  </si>
  <si>
    <t>cg09647884</t>
  </si>
  <si>
    <t>cg09648091</t>
  </si>
  <si>
    <t>cg09653758</t>
  </si>
  <si>
    <t>cg09655005</t>
  </si>
  <si>
    <t>cg09659661</t>
  </si>
  <si>
    <t>cg09660145</t>
  </si>
  <si>
    <t>cg09662369</t>
  </si>
  <si>
    <t>cg09664593</t>
  </si>
  <si>
    <t>cg09666561</t>
  </si>
  <si>
    <t>cg09668031</t>
  </si>
  <si>
    <t>cg09671146</t>
  </si>
  <si>
    <t>cg09671989</t>
  </si>
  <si>
    <t>cg09672912</t>
  </si>
  <si>
    <t>cg09674170</t>
  </si>
  <si>
    <t>cg09677724</t>
  </si>
  <si>
    <t>cg09681286</t>
  </si>
  <si>
    <t>cg09685060</t>
  </si>
  <si>
    <t>cg09686729</t>
  </si>
  <si>
    <t>cg09692428</t>
  </si>
  <si>
    <t>cg09693961</t>
  </si>
  <si>
    <t>cg09694336</t>
  </si>
  <si>
    <t>cg09704223</t>
  </si>
  <si>
    <t>cg09704584</t>
  </si>
  <si>
    <t>cg09705457</t>
  </si>
  <si>
    <t>cg09705885</t>
  </si>
  <si>
    <t>cg09713475</t>
  </si>
  <si>
    <t>cg09717923</t>
  </si>
  <si>
    <t>cg09718722</t>
  </si>
  <si>
    <t>cg09719594</t>
  </si>
  <si>
    <t>cg09724374</t>
  </si>
  <si>
    <t>cg09728607</t>
  </si>
  <si>
    <t>cg09729563</t>
  </si>
  <si>
    <t>cg09730820</t>
  </si>
  <si>
    <t>cg09752021</t>
  </si>
  <si>
    <t>cg09754948</t>
  </si>
  <si>
    <t>cg09756132</t>
  </si>
  <si>
    <t>cg09758204</t>
  </si>
  <si>
    <t>cg09758865</t>
  </si>
  <si>
    <t>cg09758869</t>
  </si>
  <si>
    <t>cg09763060</t>
  </si>
  <si>
    <t>cg09765014</t>
  </si>
  <si>
    <t>cg09765815</t>
  </si>
  <si>
    <t>cg09766769</t>
  </si>
  <si>
    <t>cg09769410</t>
  </si>
  <si>
    <t>cg09771183</t>
  </si>
  <si>
    <t>cg09773573</t>
  </si>
  <si>
    <t>cg09775103</t>
  </si>
  <si>
    <t>cg09782245</t>
  </si>
  <si>
    <t>cg09786098</t>
  </si>
  <si>
    <t>cg09789939</t>
  </si>
  <si>
    <t>cg09791621</t>
  </si>
  <si>
    <t>cg09792189</t>
  </si>
  <si>
    <t>cg09802186</t>
  </si>
  <si>
    <t>cg09804833</t>
  </si>
  <si>
    <t>cg09804964</t>
  </si>
  <si>
    <t>cg09806629</t>
  </si>
  <si>
    <t>cg09807446</t>
  </si>
  <si>
    <t>cg09809504</t>
  </si>
  <si>
    <t>cg09815911</t>
  </si>
  <si>
    <t>cg09826306</t>
  </si>
  <si>
    <t>cg09827065</t>
  </si>
  <si>
    <t>cg09829379</t>
  </si>
  <si>
    <t>cg09830308</t>
  </si>
  <si>
    <t>cg09830552</t>
  </si>
  <si>
    <t>cg09830866</t>
  </si>
  <si>
    <t>cg09834232</t>
  </si>
  <si>
    <t>cg09834444</t>
  </si>
  <si>
    <t>cg09835421</t>
  </si>
  <si>
    <t>cg09842285</t>
  </si>
  <si>
    <t>cg09844907</t>
  </si>
  <si>
    <t>cg09848405</t>
  </si>
  <si>
    <t>cg09848508</t>
  </si>
  <si>
    <t>cg09849405</t>
  </si>
  <si>
    <t>cg09850764</t>
  </si>
  <si>
    <t>cg09851951</t>
  </si>
  <si>
    <t>cg09854626</t>
  </si>
  <si>
    <t>cg09854734</t>
  </si>
  <si>
    <t>cg09854828</t>
  </si>
  <si>
    <t>cg09858777</t>
  </si>
  <si>
    <t>cg09860450</t>
  </si>
  <si>
    <t>cg09866102</t>
  </si>
  <si>
    <t>cg09869144</t>
  </si>
  <si>
    <t>cg09873201</t>
  </si>
  <si>
    <t>cg09874822</t>
  </si>
  <si>
    <t>cg09875780</t>
  </si>
  <si>
    <t>cg09876101</t>
  </si>
  <si>
    <t>cg09878267</t>
  </si>
  <si>
    <t>cg09888562</t>
  </si>
  <si>
    <t>cg09896345</t>
  </si>
  <si>
    <t>cg09897970</t>
  </si>
  <si>
    <t>cg09899868</t>
  </si>
  <si>
    <t>cg09900242</t>
  </si>
  <si>
    <t>cg09900266</t>
  </si>
  <si>
    <t>cg09901574</t>
  </si>
  <si>
    <t>cg09909115</t>
  </si>
  <si>
    <t>cg09911734</t>
  </si>
  <si>
    <t>cg09914675</t>
  </si>
  <si>
    <t>cg09914905</t>
  </si>
  <si>
    <t>cg09918657</t>
  </si>
  <si>
    <t>cg09925621</t>
  </si>
  <si>
    <t>cg09928027</t>
  </si>
  <si>
    <t>cg09928813</t>
  </si>
  <si>
    <t>cg09930192</t>
  </si>
  <si>
    <t>cg09931891</t>
  </si>
  <si>
    <t>cg09933355</t>
  </si>
  <si>
    <t>cg09936008</t>
  </si>
  <si>
    <t>cg09936037</t>
  </si>
  <si>
    <t>cg09938965</t>
  </si>
  <si>
    <t>cg09941507</t>
  </si>
  <si>
    <t>cg09941848</t>
  </si>
  <si>
    <t>cg09945896</t>
  </si>
  <si>
    <t>cg09952674</t>
  </si>
  <si>
    <t>cg09953710</t>
  </si>
  <si>
    <t>cg09953997</t>
  </si>
  <si>
    <t>cg09954729</t>
  </si>
  <si>
    <t>cg09955084</t>
  </si>
  <si>
    <t>cg09965297</t>
  </si>
  <si>
    <t>cg09969487</t>
  </si>
  <si>
    <t>cg09969830</t>
  </si>
  <si>
    <t>cg09971754</t>
  </si>
  <si>
    <t>cg09972884</t>
  </si>
  <si>
    <t>cg09973102</t>
  </si>
  <si>
    <t>cg09973416</t>
  </si>
  <si>
    <t>cg09973852</t>
  </si>
  <si>
    <t>cg09974990</t>
  </si>
  <si>
    <t>cg09979311</t>
  </si>
  <si>
    <t>cg09983897</t>
  </si>
  <si>
    <t>cg09985530</t>
  </si>
  <si>
    <t>cg09986774</t>
  </si>
  <si>
    <t>cg09991951</t>
  </si>
  <si>
    <t>cg09999650</t>
  </si>
  <si>
    <t>cg10001546</t>
  </si>
  <si>
    <t>cg10009236</t>
  </si>
  <si>
    <t>cg10010004</t>
  </si>
  <si>
    <t>cg10018105</t>
  </si>
  <si>
    <t>cg10018216</t>
  </si>
  <si>
    <t>cg10021295</t>
  </si>
  <si>
    <t>cg10021786</t>
  </si>
  <si>
    <t>cg10022702</t>
  </si>
  <si>
    <t>cg10033612</t>
  </si>
  <si>
    <t>cg10038009</t>
  </si>
  <si>
    <t>cg10040225</t>
  </si>
  <si>
    <t>cg10043313</t>
  </si>
  <si>
    <t>cg10050816</t>
  </si>
  <si>
    <t>cg10051620</t>
  </si>
  <si>
    <t>cg10053355</t>
  </si>
  <si>
    <t>cg10058850</t>
  </si>
  <si>
    <t>cg10060875</t>
  </si>
  <si>
    <t>cg10062109</t>
  </si>
  <si>
    <t>cg10063637</t>
  </si>
  <si>
    <t>cg10068877</t>
  </si>
  <si>
    <t>cg10079740</t>
  </si>
  <si>
    <t>cg10083464</t>
  </si>
  <si>
    <t>cg10088075</t>
  </si>
  <si>
    <t>cg10090769</t>
  </si>
  <si>
    <t>cg10093648</t>
  </si>
  <si>
    <t>cg10094624</t>
  </si>
  <si>
    <t>cg10096948</t>
  </si>
  <si>
    <t>cg10098582</t>
  </si>
  <si>
    <t>cg10099827</t>
  </si>
  <si>
    <t>cg10099957</t>
  </si>
  <si>
    <t>cg10100556</t>
  </si>
  <si>
    <t>cg10106095</t>
  </si>
  <si>
    <t>cg10107298</t>
  </si>
  <si>
    <t>cg10109570</t>
  </si>
  <si>
    <t>cg10109731</t>
  </si>
  <si>
    <t>cg10112599</t>
  </si>
  <si>
    <t>cg10113760</t>
  </si>
  <si>
    <t>cg10113910</t>
  </si>
  <si>
    <t>cg10116794</t>
  </si>
  <si>
    <t>cg10117834</t>
  </si>
  <si>
    <t>cg10118998</t>
  </si>
  <si>
    <t>cg10119288</t>
  </si>
  <si>
    <t>cg10120807</t>
  </si>
  <si>
    <t>cg10120897</t>
  </si>
  <si>
    <t>cg10124704</t>
  </si>
  <si>
    <t>cg10125625</t>
  </si>
  <si>
    <t>cg10126022</t>
  </si>
  <si>
    <t>cg10129154</t>
  </si>
  <si>
    <t>cg10144400</t>
  </si>
  <si>
    <t>cg10144719</t>
  </si>
  <si>
    <t>cg10144964</t>
  </si>
  <si>
    <t>cg10146249</t>
  </si>
  <si>
    <t>cg10152030</t>
  </si>
  <si>
    <t>cg10153214</t>
  </si>
  <si>
    <t>cg10154010</t>
  </si>
  <si>
    <t>cg10163338</t>
  </si>
  <si>
    <t>cg10164272</t>
  </si>
  <si>
    <t>cg10168763</t>
  </si>
  <si>
    <t>cg10174683</t>
  </si>
  <si>
    <t>cg10177647</t>
  </si>
  <si>
    <t>cg10180583</t>
  </si>
  <si>
    <t>cg10183541</t>
  </si>
  <si>
    <t>cg10191399</t>
  </si>
  <si>
    <t>cg10191814</t>
  </si>
  <si>
    <t>cg10193733</t>
  </si>
  <si>
    <t>cg10198000</t>
  </si>
  <si>
    <t>cg10198479</t>
  </si>
  <si>
    <t>cg10199168</t>
  </si>
  <si>
    <t>cg10200312</t>
  </si>
  <si>
    <t>cg10201388</t>
  </si>
  <si>
    <t>cg10202648</t>
  </si>
  <si>
    <t>cg10218542</t>
  </si>
  <si>
    <t>cg10222027</t>
  </si>
  <si>
    <t>cg10226527</t>
  </si>
  <si>
    <t>cg10226628</t>
  </si>
  <si>
    <t>cg10227187</t>
  </si>
  <si>
    <t>cg10227312</t>
  </si>
  <si>
    <t>cg10229726</t>
  </si>
  <si>
    <t>cg10233691</t>
  </si>
  <si>
    <t>cg10244268</t>
  </si>
  <si>
    <t>cg10244976</t>
  </si>
  <si>
    <t>cg10245306</t>
  </si>
  <si>
    <t>cg10246531</t>
  </si>
  <si>
    <t>cg10246581</t>
  </si>
  <si>
    <t>cg10246871</t>
  </si>
  <si>
    <t>cg10250663</t>
  </si>
  <si>
    <t>cg10251368</t>
  </si>
  <si>
    <t>cg10255879</t>
  </si>
  <si>
    <t>cg10261819</t>
  </si>
  <si>
    <t>cg10265472</t>
  </si>
  <si>
    <t>cg10268345</t>
  </si>
  <si>
    <t>cg10268509</t>
  </si>
  <si>
    <t>cg10270293</t>
  </si>
  <si>
    <t>cg10272801</t>
  </si>
  <si>
    <t>cg10273340</t>
  </si>
  <si>
    <t>cg10274029</t>
  </si>
  <si>
    <t>cg10276272</t>
  </si>
  <si>
    <t>cg10277268</t>
  </si>
  <si>
    <t>cg10278213</t>
  </si>
  <si>
    <t>cg10279124</t>
  </si>
  <si>
    <t>cg10281704</t>
  </si>
  <si>
    <t>cg10286969</t>
  </si>
  <si>
    <t>cg10287301</t>
  </si>
  <si>
    <t>cg10290107</t>
  </si>
  <si>
    <t>cg10292154</t>
  </si>
  <si>
    <t>cg10295858</t>
  </si>
  <si>
    <t>cg10298701</t>
  </si>
  <si>
    <t>cg10301801</t>
  </si>
  <si>
    <t>cg10322510</t>
  </si>
  <si>
    <t>cg10324810</t>
  </si>
  <si>
    <t>cg10332367</t>
  </si>
  <si>
    <t>cg10333400</t>
  </si>
  <si>
    <t>cg10333416</t>
  </si>
  <si>
    <t>cg10334323</t>
  </si>
  <si>
    <t>cg10343447</t>
  </si>
  <si>
    <t>cg10344301</t>
  </si>
  <si>
    <t>cg10356341</t>
  </si>
  <si>
    <t>cg10363661</t>
  </si>
  <si>
    <t>cg10364459</t>
  </si>
  <si>
    <t>cg10368447</t>
  </si>
  <si>
    <t>cg10368641</t>
  </si>
  <si>
    <t>cg10379472</t>
  </si>
  <si>
    <t>cg10382060</t>
  </si>
  <si>
    <t>cg10382365</t>
  </si>
  <si>
    <t>cg10383447</t>
  </si>
  <si>
    <t>cg10387512</t>
  </si>
  <si>
    <t>cg10396171</t>
  </si>
  <si>
    <t>cg10396177</t>
  </si>
  <si>
    <t>cg10399719</t>
  </si>
  <si>
    <t>cg10412384</t>
  </si>
  <si>
    <t>cg10413464</t>
  </si>
  <si>
    <t>cg10414006</t>
  </si>
  <si>
    <t>cg10416958</t>
  </si>
  <si>
    <t>cg10420532</t>
  </si>
  <si>
    <t>cg10421808</t>
  </si>
  <si>
    <t>cg10422047</t>
  </si>
  <si>
    <t>cg10423428</t>
  </si>
  <si>
    <t>cg10424330</t>
  </si>
  <si>
    <t>cg10425698</t>
  </si>
  <si>
    <t>cg10434888</t>
  </si>
  <si>
    <t>cg10436546</t>
  </si>
  <si>
    <t>cg10438977</t>
  </si>
  <si>
    <t>cg10445147</t>
  </si>
  <si>
    <t>cg10446007</t>
  </si>
  <si>
    <t>cg10450421</t>
  </si>
  <si>
    <t>cg10450921</t>
  </si>
  <si>
    <t>cg10452248</t>
  </si>
  <si>
    <t>cg10453425</t>
  </si>
  <si>
    <t>cg10454187</t>
  </si>
  <si>
    <t>cg10460813</t>
  </si>
  <si>
    <t>cg10464418</t>
  </si>
  <si>
    <t>cg10464529</t>
  </si>
  <si>
    <t>cg10466221</t>
  </si>
  <si>
    <t>cg10469704</t>
  </si>
  <si>
    <t>cg10471437</t>
  </si>
  <si>
    <t>cg10471544</t>
  </si>
  <si>
    <t>cg10479181</t>
  </si>
  <si>
    <t>cg10482201</t>
  </si>
  <si>
    <t>cg10492999</t>
  </si>
  <si>
    <t>cg10498984</t>
  </si>
  <si>
    <t>cg10502232</t>
  </si>
  <si>
    <t>cg10503473</t>
  </si>
  <si>
    <t>cg10505257</t>
  </si>
  <si>
    <t>cg10506160</t>
  </si>
  <si>
    <t>cg10507099</t>
  </si>
  <si>
    <t>cg10509880</t>
  </si>
  <si>
    <t>cg10510742</t>
  </si>
  <si>
    <t>cg10511669</t>
  </si>
  <si>
    <t>cg10513253</t>
  </si>
  <si>
    <t>cg10517474</t>
  </si>
  <si>
    <t>cg10524468</t>
  </si>
  <si>
    <t>cg10532310</t>
  </si>
  <si>
    <t>cg10533538</t>
  </si>
  <si>
    <t>cg10556064</t>
  </si>
  <si>
    <t>cg10620273</t>
  </si>
  <si>
    <t>cg10665018</t>
  </si>
  <si>
    <t>cg11141013</t>
  </si>
  <si>
    <t>cg11173279</t>
  </si>
  <si>
    <t>cg11239016</t>
  </si>
  <si>
    <t>cg11289251</t>
  </si>
  <si>
    <t>cg11306587</t>
  </si>
  <si>
    <t>cg11673833</t>
  </si>
  <si>
    <t>cg11869721</t>
  </si>
  <si>
    <t>cg11897034</t>
  </si>
  <si>
    <t>cg12064134</t>
  </si>
  <si>
    <t>cg12258919</t>
  </si>
  <si>
    <t>cg12368702</t>
  </si>
  <si>
    <t>cg12405833</t>
  </si>
  <si>
    <t>cg12440380</t>
  </si>
  <si>
    <t>cg12447188</t>
  </si>
  <si>
    <t>cg12447802</t>
  </si>
  <si>
    <t>cg12637205</t>
  </si>
  <si>
    <t>cg12703194</t>
  </si>
  <si>
    <t>cg13031432</t>
  </si>
  <si>
    <t>cg13448401</t>
  </si>
  <si>
    <t>cg13665184</t>
  </si>
  <si>
    <t>cg13755795</t>
  </si>
  <si>
    <t>cg13973436</t>
  </si>
  <si>
    <t>cg13995117</t>
  </si>
  <si>
    <t>cg14176273</t>
  </si>
  <si>
    <t>cg14227086</t>
  </si>
  <si>
    <t>cg14395546</t>
  </si>
  <si>
    <t>cg14658900</t>
  </si>
  <si>
    <t>cg14936269</t>
  </si>
  <si>
    <t>cg15192750</t>
  </si>
  <si>
    <t>cg15309006</t>
  </si>
  <si>
    <t>cg15415545</t>
  </si>
  <si>
    <t>cg15811515</t>
  </si>
  <si>
    <t>cg16158681</t>
  </si>
  <si>
    <t>cg16253142</t>
  </si>
  <si>
    <t>cg16347023</t>
  </si>
  <si>
    <t>cg16347359</t>
  </si>
  <si>
    <t>cg16350728</t>
  </si>
  <si>
    <t>cg16353272</t>
  </si>
  <si>
    <t>cg16357719</t>
  </si>
  <si>
    <t>cg16359034</t>
  </si>
  <si>
    <t>cg16362480</t>
  </si>
  <si>
    <t>cg16368442</t>
  </si>
  <si>
    <t>cg16370826</t>
  </si>
  <si>
    <t>cg16372632</t>
  </si>
  <si>
    <t>cg16373202</t>
  </si>
  <si>
    <t>cg16377939</t>
  </si>
  <si>
    <t>cg16381253</t>
  </si>
  <si>
    <t>cg16382722</t>
  </si>
  <si>
    <t>cg16385478</t>
  </si>
  <si>
    <t>cg16385703</t>
  </si>
  <si>
    <t>cg16391678</t>
  </si>
  <si>
    <t>cg16393726</t>
  </si>
  <si>
    <t>cg16399368</t>
  </si>
  <si>
    <t>cg16401214</t>
  </si>
  <si>
    <t>cg16402142</t>
  </si>
  <si>
    <t>cg16406345</t>
  </si>
  <si>
    <t>cg16408735</t>
  </si>
  <si>
    <t>cg16408938</t>
  </si>
  <si>
    <t>cg16409651</t>
  </si>
  <si>
    <t>cg16417911</t>
  </si>
  <si>
    <t>cg16419098</t>
  </si>
  <si>
    <t>cg16424178</t>
  </si>
  <si>
    <t>cg16427096</t>
  </si>
  <si>
    <t>cg16428612</t>
  </si>
  <si>
    <t>cg16436421</t>
  </si>
  <si>
    <t>cg16444062</t>
  </si>
  <si>
    <t>cg16444294</t>
  </si>
  <si>
    <t>cg16451525</t>
  </si>
  <si>
    <t>cg16454495</t>
  </si>
  <si>
    <t>cg16456906</t>
  </si>
  <si>
    <t>cg16468187</t>
  </si>
  <si>
    <t>cg16470793</t>
  </si>
  <si>
    <t>cg16473610</t>
  </si>
  <si>
    <t>cg16475925</t>
  </si>
  <si>
    <t>cg16478012</t>
  </si>
  <si>
    <t>cg16483251</t>
  </si>
  <si>
    <t>cg16486327</t>
  </si>
  <si>
    <t>cg16489931</t>
  </si>
  <si>
    <t>cg16492043</t>
  </si>
  <si>
    <t>cg16503601</t>
  </si>
  <si>
    <t>cg16506072</t>
  </si>
  <si>
    <t>cg16506703</t>
  </si>
  <si>
    <t>cg16514255</t>
  </si>
  <si>
    <t>cg16517021</t>
  </si>
  <si>
    <t>cg16520815</t>
  </si>
  <si>
    <t>cg16521643</t>
  </si>
  <si>
    <t>cg16524242</t>
  </si>
  <si>
    <t>cg16533812</t>
  </si>
  <si>
    <t>cg16537196</t>
  </si>
  <si>
    <t>cg16537589</t>
  </si>
  <si>
    <t>cg16538178</t>
  </si>
  <si>
    <t>cg16538507</t>
  </si>
  <si>
    <t>cg16540921</t>
  </si>
  <si>
    <t>cg16544661</t>
  </si>
  <si>
    <t>cg16545496</t>
  </si>
  <si>
    <t>cg16548780</t>
  </si>
  <si>
    <t>cg16549389</t>
  </si>
  <si>
    <t>cg16552945</t>
  </si>
  <si>
    <t>cg16553338</t>
  </si>
  <si>
    <t>cg16554933</t>
  </si>
  <si>
    <t>cg16555142</t>
  </si>
  <si>
    <t>cg16558659</t>
  </si>
  <si>
    <t>cg16559361</t>
  </si>
  <si>
    <t>cg16560077</t>
  </si>
  <si>
    <t>cg16563241</t>
  </si>
  <si>
    <t>cg16563255</t>
  </si>
  <si>
    <t>cg16567770</t>
  </si>
  <si>
    <t>cg16569376</t>
  </si>
  <si>
    <t>cg16570890</t>
  </si>
  <si>
    <t>cg16570980</t>
  </si>
  <si>
    <t>cg16573782</t>
  </si>
  <si>
    <t>cg16575094</t>
  </si>
  <si>
    <t>cg16575590</t>
  </si>
  <si>
    <t>cg16576106</t>
  </si>
  <si>
    <t>cg16577002</t>
  </si>
  <si>
    <t>cg16577083</t>
  </si>
  <si>
    <t>cg16582062</t>
  </si>
  <si>
    <t>cg16583186</t>
  </si>
  <si>
    <t>cg16583863</t>
  </si>
  <si>
    <t>cg16585380</t>
  </si>
  <si>
    <t>cg16588500</t>
  </si>
  <si>
    <t>cg16592223</t>
  </si>
  <si>
    <t>cg16594066</t>
  </si>
  <si>
    <t>cg16594273</t>
  </si>
  <si>
    <t>cg16597345</t>
  </si>
  <si>
    <t>cg16601151</t>
  </si>
  <si>
    <t>cg16605431</t>
  </si>
  <si>
    <t>cg16611967</t>
  </si>
  <si>
    <t>cg16616467</t>
  </si>
  <si>
    <t>cg16626067</t>
  </si>
  <si>
    <t>cg16626314</t>
  </si>
  <si>
    <t>cg16626327</t>
  </si>
  <si>
    <t>cg16628135</t>
  </si>
  <si>
    <t>cg16628556</t>
  </si>
  <si>
    <t>cg16628641</t>
  </si>
  <si>
    <t>cg16629702</t>
  </si>
  <si>
    <t>cg16630770</t>
  </si>
  <si>
    <t>cg16630791</t>
  </si>
  <si>
    <t>cg16630989</t>
  </si>
  <si>
    <t>cg16632132</t>
  </si>
  <si>
    <t>cg16638425</t>
  </si>
  <si>
    <t>cg16641000</t>
  </si>
  <si>
    <t>cg16641055</t>
  </si>
  <si>
    <t>cg16642003</t>
  </si>
  <si>
    <t>cg16642791</t>
  </si>
  <si>
    <t>cg16650073</t>
  </si>
  <si>
    <t>cg16650212</t>
  </si>
  <si>
    <t>cg16650955</t>
  </si>
  <si>
    <t>cg16657816</t>
  </si>
  <si>
    <t>cg16659510</t>
  </si>
  <si>
    <t>cg16662768</t>
  </si>
  <si>
    <t>cg16664996</t>
  </si>
  <si>
    <t>cg16665866</t>
  </si>
  <si>
    <t>cg16672503</t>
  </si>
  <si>
    <t>cg16673508</t>
  </si>
  <si>
    <t>cg16679302</t>
  </si>
  <si>
    <t>cg16682989</t>
  </si>
  <si>
    <t>cg16689238</t>
  </si>
  <si>
    <t>cg16694003</t>
  </si>
  <si>
    <t>cg16696007</t>
  </si>
  <si>
    <t>cg16699022</t>
  </si>
  <si>
    <t>cg16699861</t>
  </si>
  <si>
    <t>cg16700650</t>
  </si>
  <si>
    <t>cg16701914</t>
  </si>
  <si>
    <t>cg16703943</t>
  </si>
  <si>
    <t>cg16704802</t>
  </si>
  <si>
    <t>cg16705073</t>
  </si>
  <si>
    <t>cg16707391</t>
  </si>
  <si>
    <t>cg16709691</t>
  </si>
  <si>
    <t>cg16712664</t>
  </si>
  <si>
    <t>cg16713168</t>
  </si>
  <si>
    <t>cg16713262</t>
  </si>
  <si>
    <t>cg16717988</t>
  </si>
  <si>
    <t>cg16723805</t>
  </si>
  <si>
    <t>cg16726374</t>
  </si>
  <si>
    <t>cg16726667</t>
  </si>
  <si>
    <t>cg16727774</t>
  </si>
  <si>
    <t>cg16729538</t>
  </si>
  <si>
    <t>cg16730559</t>
  </si>
  <si>
    <t>cg16732880</t>
  </si>
  <si>
    <t>cg16732884</t>
  </si>
  <si>
    <t>cg16735986</t>
  </si>
  <si>
    <t>cg16737422</t>
  </si>
  <si>
    <t>cg16739895</t>
  </si>
  <si>
    <t>cg16740746</t>
  </si>
  <si>
    <t>cg16745829</t>
  </si>
  <si>
    <t>cg16750777</t>
  </si>
  <si>
    <t>cg16754364</t>
  </si>
  <si>
    <t>cg16755220</t>
  </si>
  <si>
    <t>cg16755475</t>
  </si>
  <si>
    <t>cg16757281</t>
  </si>
  <si>
    <t>cg16763192</t>
  </si>
  <si>
    <t>cg16765268</t>
  </si>
  <si>
    <t>cg16765873</t>
  </si>
  <si>
    <t>cg16769507</t>
  </si>
  <si>
    <t>cg16769688</t>
  </si>
  <si>
    <t>cg16778289</t>
  </si>
  <si>
    <t>cg16778405</t>
  </si>
  <si>
    <t>cg16778451</t>
  </si>
  <si>
    <t>cg16783204</t>
  </si>
  <si>
    <t>cg16784970</t>
  </si>
  <si>
    <t>cg16785441</t>
  </si>
  <si>
    <t>cg16791016</t>
  </si>
  <si>
    <t>cg16791218</t>
  </si>
  <si>
    <t>cg16792312</t>
  </si>
  <si>
    <t>cg16792948</t>
  </si>
  <si>
    <t>cg16801887</t>
  </si>
  <si>
    <t>cg16802439</t>
  </si>
  <si>
    <t>cg16807577</t>
  </si>
  <si>
    <t>cg16809962</t>
  </si>
  <si>
    <t>cg16811771</t>
  </si>
  <si>
    <t>cg16811851</t>
  </si>
  <si>
    <t>cg16998213</t>
  </si>
  <si>
    <t>cg17334646</t>
  </si>
  <si>
    <t>cg17364487</t>
  </si>
  <si>
    <t>cg17465219</t>
  </si>
  <si>
    <t>cg17504203</t>
  </si>
  <si>
    <t>cg17764989</t>
  </si>
  <si>
    <t>cg17982504</t>
  </si>
  <si>
    <t>cg17985281</t>
  </si>
  <si>
    <t>cg18135853</t>
  </si>
  <si>
    <t>cg18179371</t>
  </si>
  <si>
    <t>cg18354686</t>
  </si>
  <si>
    <t>cg18427589</t>
  </si>
  <si>
    <t>cg18438944</t>
  </si>
  <si>
    <t>cg18578405</t>
  </si>
  <si>
    <t>cg18672446</t>
  </si>
  <si>
    <t>cg18816877</t>
  </si>
  <si>
    <t>cg18826520</t>
  </si>
  <si>
    <t>cg18861001</t>
  </si>
  <si>
    <t>cg19047292</t>
  </si>
  <si>
    <t>cg19118262</t>
  </si>
  <si>
    <t>cg19145289</t>
  </si>
  <si>
    <t>cg19390357</t>
  </si>
  <si>
    <t>cg19769182</t>
  </si>
  <si>
    <t>cg19983815</t>
  </si>
  <si>
    <t>cg20020483</t>
  </si>
  <si>
    <t>cg20086208</t>
  </si>
  <si>
    <t>cg21186779</t>
  </si>
  <si>
    <t>cg21321885</t>
  </si>
  <si>
    <t>cg21348691</t>
  </si>
  <si>
    <t>cg21485906</t>
  </si>
  <si>
    <t>cg21503093</t>
  </si>
  <si>
    <t>cg21658946</t>
  </si>
  <si>
    <t>cg21682826</t>
  </si>
  <si>
    <t>cg21875234</t>
  </si>
  <si>
    <t>cg22115808</t>
  </si>
  <si>
    <t>cg22137448</t>
  </si>
  <si>
    <t>cg22256664</t>
  </si>
  <si>
    <t>cg22730830</t>
  </si>
  <si>
    <t>cg23048366</t>
  </si>
  <si>
    <t>cg23113963</t>
  </si>
  <si>
    <t>cg23660191</t>
  </si>
  <si>
    <t>cg23758485</t>
  </si>
  <si>
    <t>cg23806411</t>
  </si>
  <si>
    <t>cg24307225</t>
  </si>
  <si>
    <t>cg24654547</t>
  </si>
  <si>
    <t>cg24962141</t>
  </si>
  <si>
    <t>cg25313289</t>
  </si>
  <si>
    <t>cg25459778</t>
  </si>
  <si>
    <t>cg25672287</t>
  </si>
  <si>
    <t>cg25719439</t>
  </si>
  <si>
    <t>cg25760229</t>
  </si>
  <si>
    <t>cg26143525</t>
  </si>
  <si>
    <t>cg26352374</t>
  </si>
  <si>
    <t>cg26424013</t>
  </si>
  <si>
    <t>cg26434278</t>
  </si>
  <si>
    <t>cg26438705</t>
  </si>
  <si>
    <t>cg26441910</t>
  </si>
  <si>
    <t>cg26442107</t>
  </si>
  <si>
    <t>cg26450359</t>
  </si>
  <si>
    <t>cg26453592</t>
  </si>
  <si>
    <t>cg26458567</t>
  </si>
  <si>
    <t>cg26465602</t>
  </si>
  <si>
    <t>cg26468049</t>
  </si>
  <si>
    <t>cg26469597</t>
  </si>
  <si>
    <t>cg26469821</t>
  </si>
  <si>
    <t>cg26474270</t>
  </si>
  <si>
    <t>cg26476595</t>
  </si>
  <si>
    <t>cg26480675</t>
  </si>
  <si>
    <t>cg26481727</t>
  </si>
  <si>
    <t>cg26484086</t>
  </si>
  <si>
    <t>cg26484621</t>
  </si>
  <si>
    <t>cg26486377</t>
  </si>
  <si>
    <t>cg26488527</t>
  </si>
  <si>
    <t>cg26488985</t>
  </si>
  <si>
    <t>cg26490274</t>
  </si>
  <si>
    <t>cg26493145</t>
  </si>
  <si>
    <t>cg26494929</t>
  </si>
  <si>
    <t>cg26495393</t>
  </si>
  <si>
    <t>cg26505691</t>
  </si>
  <si>
    <t>cg26510178</t>
  </si>
  <si>
    <t>cg26512406</t>
  </si>
  <si>
    <t>cg26515846</t>
  </si>
  <si>
    <t>cg26522244</t>
  </si>
  <si>
    <t>cg26527607</t>
  </si>
  <si>
    <t>cg26538590</t>
  </si>
  <si>
    <t>cg26538931</t>
  </si>
  <si>
    <t>cg26538942</t>
  </si>
  <si>
    <t>cg26540647</t>
  </si>
  <si>
    <t>cg26546664</t>
  </si>
  <si>
    <t>cg26548542</t>
  </si>
  <si>
    <t>cg26549525</t>
  </si>
  <si>
    <t>cg26559829</t>
  </si>
  <si>
    <t>cg26560414</t>
  </si>
  <si>
    <t>cg26565884</t>
  </si>
  <si>
    <t>cg26569315</t>
  </si>
  <si>
    <t>cg26571093</t>
  </si>
  <si>
    <t>cg26573797</t>
  </si>
  <si>
    <t>cg26574080</t>
  </si>
  <si>
    <t>cg26577658</t>
  </si>
  <si>
    <t>cg26577993</t>
  </si>
  <si>
    <t>cg26591221</t>
  </si>
  <si>
    <t>cg26593722</t>
  </si>
  <si>
    <t>cg26593997</t>
  </si>
  <si>
    <t>cg26598918</t>
  </si>
  <si>
    <t>cg26605774</t>
  </si>
  <si>
    <t>cg26606899</t>
  </si>
  <si>
    <t>cg26608486</t>
  </si>
  <si>
    <t>cg26612217</t>
  </si>
  <si>
    <t>cg26612252</t>
  </si>
  <si>
    <t>cg26616258</t>
  </si>
  <si>
    <t>cg26618645</t>
  </si>
  <si>
    <t>cg26620288</t>
  </si>
  <si>
    <t>cg26626185</t>
  </si>
  <si>
    <t>cg26628814</t>
  </si>
  <si>
    <t>cg26630902</t>
  </si>
  <si>
    <t>cg26635214</t>
  </si>
  <si>
    <t>cg26635366</t>
  </si>
  <si>
    <t>cg26635474</t>
  </si>
  <si>
    <t>cg26637826</t>
  </si>
  <si>
    <t>cg26639666</t>
  </si>
  <si>
    <t>cg26639730</t>
  </si>
  <si>
    <t>cg26644781</t>
  </si>
  <si>
    <t>cg26645225</t>
  </si>
  <si>
    <t>cg26651784</t>
  </si>
  <si>
    <t>cg26657404</t>
  </si>
  <si>
    <t>cg26658439</t>
  </si>
  <si>
    <t>cg26665568</t>
  </si>
  <si>
    <t>cg26666512</t>
  </si>
  <si>
    <t>cg26670552</t>
  </si>
  <si>
    <t>cg26671117</t>
  </si>
  <si>
    <t>cg26673073</t>
  </si>
  <si>
    <t>cg26673975</t>
  </si>
  <si>
    <t>cg26675395</t>
  </si>
  <si>
    <t>cg26676129</t>
  </si>
  <si>
    <t>cg26676405</t>
  </si>
  <si>
    <t>cg26685294</t>
  </si>
  <si>
    <t>cg26686608</t>
  </si>
  <si>
    <t>cg26688936</t>
  </si>
  <si>
    <t>cg26692097</t>
  </si>
  <si>
    <t>cg26698781</t>
  </si>
  <si>
    <t>cg26699292</t>
  </si>
  <si>
    <t>cg26701043</t>
  </si>
  <si>
    <t>cg26702001</t>
  </si>
  <si>
    <t>cg26709343</t>
  </si>
  <si>
    <t>cg26709579</t>
  </si>
  <si>
    <t>cg26709950</t>
  </si>
  <si>
    <t>cg26713125</t>
  </si>
  <si>
    <t>cg26722429</t>
  </si>
  <si>
    <t>cg26724070</t>
  </si>
  <si>
    <t>cg26727155</t>
  </si>
  <si>
    <t>cg26734696</t>
  </si>
  <si>
    <t>cg26734943</t>
  </si>
  <si>
    <t>cg26736200</t>
  </si>
  <si>
    <t>cg26736850</t>
  </si>
  <si>
    <t>cg26743860</t>
  </si>
  <si>
    <t>cg26744056</t>
  </si>
  <si>
    <t>cg26744928</t>
  </si>
  <si>
    <t>cg26746482</t>
  </si>
  <si>
    <t>cg26748794</t>
  </si>
  <si>
    <t>cg26751440</t>
  </si>
  <si>
    <t>cg26756782</t>
  </si>
  <si>
    <t>cg26757376</t>
  </si>
  <si>
    <t>cg26759515</t>
  </si>
  <si>
    <t>cg26764761</t>
  </si>
  <si>
    <t>cg26765084</t>
  </si>
  <si>
    <t>cg26766798</t>
  </si>
  <si>
    <t>cg26767387</t>
  </si>
  <si>
    <t>cg26768712</t>
  </si>
  <si>
    <t>cg26769927</t>
  </si>
  <si>
    <t>cg26772894</t>
  </si>
  <si>
    <t>cg26774410</t>
  </si>
  <si>
    <t>cg26782218</t>
  </si>
  <si>
    <t>cg26785230</t>
  </si>
  <si>
    <t>cg26791384</t>
  </si>
  <si>
    <t>cg26796743</t>
  </si>
  <si>
    <t>cg26804023</t>
  </si>
  <si>
    <t>cg26808810</t>
  </si>
  <si>
    <t>cg26812503</t>
  </si>
  <si>
    <t>cg26812760</t>
  </si>
  <si>
    <t>cg26817827</t>
  </si>
  <si>
    <t>cg26818935</t>
  </si>
  <si>
    <t>cg26819590</t>
  </si>
  <si>
    <t>cg26820233</t>
  </si>
  <si>
    <t>cg26827394</t>
  </si>
  <si>
    <t>cg26827987</t>
  </si>
  <si>
    <t>cg26834169</t>
  </si>
  <si>
    <t>cg26841114</t>
  </si>
  <si>
    <t>cg26843848</t>
  </si>
  <si>
    <t>cg26850807</t>
  </si>
  <si>
    <t>cg26852971</t>
  </si>
  <si>
    <t>cg26859862</t>
  </si>
  <si>
    <t>cg26862620</t>
  </si>
  <si>
    <t>cg26862691</t>
  </si>
  <si>
    <t>cg26869617</t>
  </si>
  <si>
    <t>cg26870093</t>
  </si>
  <si>
    <t>cg26874713</t>
  </si>
  <si>
    <t>cg26875902</t>
  </si>
  <si>
    <t>cg26878675</t>
  </si>
  <si>
    <t>cg26885517</t>
  </si>
  <si>
    <t>cg26886544</t>
  </si>
  <si>
    <t>cg26887465</t>
  </si>
  <si>
    <t>cg26888225</t>
  </si>
  <si>
    <t>cg26889677</t>
  </si>
  <si>
    <t>cg26893623</t>
  </si>
  <si>
    <t>cg26902127</t>
  </si>
  <si>
    <t>cg26903090</t>
  </si>
  <si>
    <t>cg26912718</t>
  </si>
  <si>
    <t>cg26913058</t>
  </si>
  <si>
    <t>cg26914630</t>
  </si>
  <si>
    <t>cg26915384</t>
  </si>
  <si>
    <t>cg26916410</t>
  </si>
  <si>
    <t>cg26917697</t>
  </si>
  <si>
    <t>cg26919100</t>
  </si>
  <si>
    <t>cg26923014</t>
  </si>
  <si>
    <t>cg26925343</t>
  </si>
  <si>
    <t>cg26925590</t>
  </si>
  <si>
    <t>cg26927231</t>
  </si>
  <si>
    <t>cg26927634</t>
  </si>
  <si>
    <t>cg26929323</t>
  </si>
  <si>
    <t>cg26929348</t>
  </si>
  <si>
    <t>cg26929700</t>
  </si>
  <si>
    <t>cg26933063</t>
  </si>
  <si>
    <t>cg26933865</t>
  </si>
  <si>
    <t>cg26940535</t>
  </si>
  <si>
    <t>cg26942943</t>
  </si>
  <si>
    <t>cg26944245</t>
  </si>
  <si>
    <t>cg26945100</t>
  </si>
  <si>
    <t>cg26946978</t>
  </si>
  <si>
    <t>cg26950739</t>
  </si>
  <si>
    <t>cg26952618</t>
  </si>
  <si>
    <t>cg26953096</t>
  </si>
  <si>
    <t>cg26953293</t>
  </si>
  <si>
    <t>cg26955337</t>
  </si>
  <si>
    <t>cg26955580</t>
  </si>
  <si>
    <t>cg26956157</t>
  </si>
  <si>
    <t>cg26963797</t>
  </si>
  <si>
    <t>cg26967566</t>
  </si>
  <si>
    <t>cg26973488</t>
  </si>
  <si>
    <t>cg26973953</t>
  </si>
  <si>
    <t>cg26974318</t>
  </si>
  <si>
    <t>cg26976732</t>
  </si>
  <si>
    <t>cg26978368</t>
  </si>
  <si>
    <t>cg26982323</t>
  </si>
  <si>
    <t>cg26985715</t>
  </si>
  <si>
    <t>cg26992566</t>
  </si>
  <si>
    <t>cg26993132</t>
  </si>
  <si>
    <t>cg26995992</t>
  </si>
  <si>
    <t>cg26996656</t>
  </si>
  <si>
    <t>cg26998850</t>
  </si>
  <si>
    <t>cg27007513</t>
  </si>
  <si>
    <t>cg27013478</t>
  </si>
  <si>
    <t>cg27018013</t>
  </si>
  <si>
    <t>cg27023360</t>
  </si>
  <si>
    <t>cg27025777</t>
  </si>
  <si>
    <t>cg27026935</t>
  </si>
  <si>
    <t>cg27028760</t>
  </si>
  <si>
    <t>cg27031117</t>
  </si>
  <si>
    <t>cg27038755</t>
  </si>
  <si>
    <t>cg27038935</t>
  </si>
  <si>
    <t>cg27040104</t>
  </si>
  <si>
    <t>cg27042584</t>
  </si>
  <si>
    <t>cg27044023</t>
  </si>
  <si>
    <t>cg27049727</t>
  </si>
  <si>
    <t>cg27051224</t>
  </si>
  <si>
    <t>cg27064482</t>
  </si>
  <si>
    <t>cg27068012</t>
  </si>
  <si>
    <t>cg27082486</t>
  </si>
  <si>
    <t>cg27086442</t>
  </si>
  <si>
    <t>cg27089547</t>
  </si>
  <si>
    <t>cg27089754</t>
  </si>
  <si>
    <t>cg27091763</t>
  </si>
  <si>
    <t>cg27098574</t>
  </si>
  <si>
    <t>cg27099358</t>
  </si>
  <si>
    <t>cg27102117</t>
  </si>
  <si>
    <t>cg27109827</t>
  </si>
  <si>
    <t>cg27116577</t>
  </si>
  <si>
    <t>cg27118526</t>
  </si>
  <si>
    <t>cg27118937</t>
  </si>
  <si>
    <t>cg27120816</t>
  </si>
  <si>
    <t>cg27123671</t>
  </si>
  <si>
    <t>cg27128042</t>
  </si>
  <si>
    <t>cg27129286</t>
  </si>
  <si>
    <t>cg27130240</t>
  </si>
  <si>
    <t>cg27131989</t>
  </si>
  <si>
    <t>cg27134364</t>
  </si>
  <si>
    <t>cg27134767</t>
  </si>
  <si>
    <t>cg27139117</t>
  </si>
  <si>
    <t>cg27141788</t>
  </si>
  <si>
    <t>cg27142020</t>
  </si>
  <si>
    <t>cg27145034</t>
  </si>
  <si>
    <t>cg27145699</t>
  </si>
  <si>
    <t>cg27146824</t>
  </si>
  <si>
    <t>cg27146990</t>
  </si>
  <si>
    <t>cg27147718</t>
  </si>
  <si>
    <t>cg27150870</t>
  </si>
  <si>
    <t>cg27151770</t>
  </si>
  <si>
    <t>cg27151980</t>
  </si>
  <si>
    <t>cg27154941</t>
  </si>
  <si>
    <t>cg27156649</t>
  </si>
  <si>
    <t>cg27160879</t>
  </si>
  <si>
    <t>cg27170458</t>
  </si>
  <si>
    <t>cg27172150</t>
  </si>
  <si>
    <t>cg27172745</t>
  </si>
  <si>
    <t>cg27175943</t>
  </si>
  <si>
    <t>cg27178401</t>
  </si>
  <si>
    <t>cg27180286</t>
  </si>
  <si>
    <t>cg27180298</t>
  </si>
  <si>
    <t>cg27181554</t>
  </si>
  <si>
    <t>cg27183791</t>
  </si>
  <si>
    <t>cg27188115</t>
  </si>
  <si>
    <t>cg27190398</t>
  </si>
  <si>
    <t>cg27191765</t>
  </si>
  <si>
    <t>cg27191834</t>
  </si>
  <si>
    <t>cg27193377</t>
  </si>
  <si>
    <t>cg27199384</t>
  </si>
  <si>
    <t>cg27199522</t>
  </si>
  <si>
    <t>cg27203200</t>
  </si>
  <si>
    <t>cg27203437</t>
  </si>
  <si>
    <t>cg27207530</t>
  </si>
  <si>
    <t>cg27208052</t>
  </si>
  <si>
    <t>cg27208903</t>
  </si>
  <si>
    <t>cg27209265</t>
  </si>
  <si>
    <t>cg27211158</t>
  </si>
  <si>
    <t>cg27213231</t>
  </si>
  <si>
    <t>cg27219874</t>
  </si>
  <si>
    <t>cg27222884</t>
  </si>
  <si>
    <t>cg27227497</t>
  </si>
  <si>
    <t>cg27238852</t>
  </si>
  <si>
    <t>cg27239168</t>
  </si>
  <si>
    <t>cg27245348</t>
  </si>
  <si>
    <t>cg27247569</t>
  </si>
  <si>
    <t>cg27254295</t>
  </si>
  <si>
    <t>cg27254546</t>
  </si>
  <si>
    <t>cg27255454</t>
  </si>
  <si>
    <t>cg27257683</t>
  </si>
  <si>
    <t>cg27258551</t>
  </si>
  <si>
    <t>cg27260563</t>
  </si>
  <si>
    <t>cg27262054</t>
  </si>
  <si>
    <t>cg27262702</t>
  </si>
  <si>
    <t>cg27267227</t>
  </si>
  <si>
    <t>cg27268840</t>
  </si>
  <si>
    <t>cg27269196</t>
  </si>
  <si>
    <t>cg27271486</t>
  </si>
  <si>
    <t>cg27283913</t>
  </si>
  <si>
    <t>cg27294163</t>
  </si>
  <si>
    <t>cg27295850</t>
  </si>
  <si>
    <t>cg27300841</t>
  </si>
  <si>
    <t>cg27309702</t>
  </si>
  <si>
    <t>cg27316939</t>
  </si>
  <si>
    <t>cg27318352</t>
  </si>
  <si>
    <t>cg27318635</t>
  </si>
  <si>
    <t>cg27319293</t>
  </si>
  <si>
    <t>cg27322556</t>
  </si>
  <si>
    <t>cg27325224</t>
  </si>
  <si>
    <t>cg27326823</t>
  </si>
  <si>
    <t>cg27327357</t>
  </si>
  <si>
    <t>cg27329533</t>
  </si>
  <si>
    <t>cg27331759</t>
  </si>
  <si>
    <t>cg27333274</t>
  </si>
  <si>
    <t>cg27334900</t>
  </si>
  <si>
    <t>cg27335677</t>
  </si>
  <si>
    <t>cg27338807</t>
  </si>
  <si>
    <t>cg27343836</t>
  </si>
  <si>
    <t>cg27350917</t>
  </si>
  <si>
    <t>cg27355527</t>
  </si>
  <si>
    <t>cg27359566</t>
  </si>
  <si>
    <t>cg27360784</t>
  </si>
  <si>
    <t>cg27365295</t>
  </si>
  <si>
    <t>cg27367235</t>
  </si>
  <si>
    <t>cg27369286</t>
  </si>
  <si>
    <t>cg27370991</t>
  </si>
  <si>
    <t>cg27372027</t>
  </si>
  <si>
    <t>cg27372181</t>
  </si>
  <si>
    <t>cg27372713</t>
  </si>
  <si>
    <t>cg27373657</t>
  </si>
  <si>
    <t>cg27376182</t>
  </si>
  <si>
    <t>cg27376707</t>
  </si>
  <si>
    <t>cg27382568</t>
  </si>
  <si>
    <t>cg27383335</t>
  </si>
  <si>
    <t>cg27384619</t>
  </si>
  <si>
    <t>cg27387573</t>
  </si>
  <si>
    <t>cg27391627</t>
  </si>
  <si>
    <t>cg27396583</t>
  </si>
  <si>
    <t>cg27396760</t>
  </si>
  <si>
    <t>cg27405732</t>
  </si>
  <si>
    <t>cg27426447</t>
  </si>
  <si>
    <t>cg27429917</t>
  </si>
  <si>
    <t>cg27430053</t>
  </si>
  <si>
    <t>cg27430961</t>
  </si>
  <si>
    <t>cg27431500</t>
  </si>
  <si>
    <t>cg27432331</t>
  </si>
  <si>
    <t>cg27435133</t>
  </si>
  <si>
    <t>cg27436118</t>
  </si>
  <si>
    <t>cg27436259</t>
  </si>
  <si>
    <t>cg27442419</t>
  </si>
  <si>
    <t>cg27444899</t>
  </si>
  <si>
    <t>cg27446832</t>
  </si>
  <si>
    <t>cg27452922</t>
  </si>
  <si>
    <t>cg27454894</t>
  </si>
  <si>
    <t>cg27457698</t>
  </si>
  <si>
    <t>cg27459753</t>
  </si>
  <si>
    <t>cg27462867</t>
  </si>
  <si>
    <t>cg27463760</t>
  </si>
  <si>
    <t>cg27464157</t>
  </si>
  <si>
    <t>cg27465384</t>
  </si>
  <si>
    <t>cg27468401</t>
  </si>
  <si>
    <t>cg27468976</t>
  </si>
  <si>
    <t>cg27470012</t>
  </si>
  <si>
    <t>cg27483694</t>
  </si>
  <si>
    <t>cg27489939</t>
  </si>
  <si>
    <t>cg27494100</t>
  </si>
  <si>
    <t>cg27495617</t>
  </si>
  <si>
    <t>cg27496884</t>
  </si>
  <si>
    <t>cg27498211</t>
  </si>
  <si>
    <t>cg27499850</t>
  </si>
  <si>
    <t>cg27505036</t>
  </si>
  <si>
    <t>cg27508384</t>
  </si>
  <si>
    <t>cg27513886</t>
  </si>
  <si>
    <t>cg27514366</t>
  </si>
  <si>
    <t>cg27519622</t>
  </si>
  <si>
    <t>cg27521684</t>
  </si>
  <si>
    <t>cg27524972</t>
  </si>
  <si>
    <t>cg27534281</t>
  </si>
  <si>
    <t>cg27535380</t>
  </si>
  <si>
    <t>cg27538751</t>
  </si>
  <si>
    <t>cg27539546</t>
  </si>
  <si>
    <t>cg27539733</t>
  </si>
  <si>
    <t>cg27539858</t>
  </si>
  <si>
    <t>cg27548450</t>
  </si>
  <si>
    <t>cg27548741</t>
  </si>
  <si>
    <t>cg27552378</t>
  </si>
  <si>
    <t>cg27552406</t>
  </si>
  <si>
    <t>cg27554347</t>
  </si>
  <si>
    <t>cg27554551</t>
  </si>
  <si>
    <t>cg27557378</t>
  </si>
  <si>
    <t>cg27559661</t>
  </si>
  <si>
    <t>cg27561907</t>
  </si>
  <si>
    <t>cg27570984</t>
  </si>
  <si>
    <t>cg27571676</t>
  </si>
  <si>
    <t>cg27572598</t>
  </si>
  <si>
    <t>cg27578963</t>
  </si>
  <si>
    <t>cg27579359</t>
  </si>
  <si>
    <t>cg27579618</t>
  </si>
  <si>
    <t>cg27581211</t>
  </si>
  <si>
    <t>cg27583010</t>
  </si>
  <si>
    <t>cg27585405</t>
  </si>
  <si>
    <t>cg27586455</t>
  </si>
  <si>
    <t>cg27587310</t>
  </si>
  <si>
    <t>cg27589088</t>
  </si>
  <si>
    <t>cg27589204</t>
  </si>
  <si>
    <t>cg27595997</t>
  </si>
  <si>
    <t>cg27598583</t>
  </si>
  <si>
    <t>cg27600804</t>
  </si>
  <si>
    <t>cg27601198</t>
  </si>
  <si>
    <t>cg27602786</t>
  </si>
  <si>
    <t>cg27602981</t>
  </si>
  <si>
    <t>cg27607583</t>
  </si>
  <si>
    <t>cg27609508</t>
  </si>
  <si>
    <t>cg27616039</t>
  </si>
  <si>
    <t>cg27616661</t>
  </si>
  <si>
    <t>cg27617724</t>
  </si>
  <si>
    <t>cg27644733</t>
  </si>
  <si>
    <t>cg27650089</t>
  </si>
  <si>
    <t>cg27651003</t>
  </si>
  <si>
    <t>cg27657983</t>
  </si>
  <si>
    <t>cg27665181</t>
  </si>
  <si>
    <t>cg27665715</t>
  </si>
  <si>
    <t>cg00002809</t>
  </si>
  <si>
    <t>cg00003625</t>
  </si>
  <si>
    <t>cg00012762</t>
  </si>
  <si>
    <t>cg00013410</t>
  </si>
  <si>
    <t>cg00014986</t>
  </si>
  <si>
    <t>cg00017188</t>
  </si>
  <si>
    <t>cg00018557</t>
  </si>
  <si>
    <t>cg00026974</t>
  </si>
  <si>
    <t>cg00029979</t>
  </si>
  <si>
    <t>cg00032227</t>
  </si>
  <si>
    <t>cg00034650</t>
  </si>
  <si>
    <t>cg00037457</t>
  </si>
  <si>
    <t>cg00038239</t>
  </si>
  <si>
    <t>cg00042874</t>
  </si>
  <si>
    <t>cg00043371</t>
  </si>
  <si>
    <t>cg00047844</t>
  </si>
  <si>
    <t>cg00049973</t>
  </si>
  <si>
    <t>cg00059374</t>
  </si>
  <si>
    <t>cg00060403</t>
  </si>
  <si>
    <t>cg00066828</t>
  </si>
  <si>
    <t>cg00081347</t>
  </si>
  <si>
    <t>cg00081975</t>
  </si>
  <si>
    <t>cg00101115</t>
  </si>
  <si>
    <t>cg00116463</t>
  </si>
  <si>
    <t>cg00120096</t>
  </si>
  <si>
    <t>cg00123800</t>
  </si>
  <si>
    <t>cg00125306</t>
  </si>
  <si>
    <t>cg00126959</t>
  </si>
  <si>
    <t>cg00127424</t>
  </si>
  <si>
    <t>cg00129651</t>
  </si>
  <si>
    <t>cg00130342</t>
  </si>
  <si>
    <t>cg00134843</t>
  </si>
  <si>
    <t>cg00142402</t>
  </si>
  <si>
    <t>cg00143364</t>
  </si>
  <si>
    <t>cg00146249</t>
  </si>
  <si>
    <t>cg00150128</t>
  </si>
  <si>
    <t>cg00150989</t>
  </si>
  <si>
    <t>cg00164949</t>
  </si>
  <si>
    <t>cg00167654</t>
  </si>
  <si>
    <t>cg00176888</t>
  </si>
  <si>
    <t>cg00199519</t>
  </si>
  <si>
    <t>cg00220952</t>
  </si>
  <si>
    <t>cg00227781</t>
  </si>
  <si>
    <t>cg00229039</t>
  </si>
  <si>
    <t>cg00229232</t>
  </si>
  <si>
    <t>cg00257704</t>
  </si>
  <si>
    <t>cg00259234</t>
  </si>
  <si>
    <t>cg00259966</t>
  </si>
  <si>
    <t>cg00264346</t>
  </si>
  <si>
    <t>cg00266715</t>
  </si>
  <si>
    <t>cg00267596</t>
  </si>
  <si>
    <t>cg00322667</t>
  </si>
  <si>
    <t>cg00328418</t>
  </si>
  <si>
    <t>cg00343839</t>
  </si>
  <si>
    <t>cg00346434</t>
  </si>
  <si>
    <t>cg00348467</t>
  </si>
  <si>
    <t>cg00350003</t>
  </si>
  <si>
    <t>cg00355158</t>
  </si>
  <si>
    <t>cg00356511</t>
  </si>
  <si>
    <t>cg00366412</t>
  </si>
  <si>
    <t>cg00370926</t>
  </si>
  <si>
    <t>cg00376544</t>
  </si>
  <si>
    <t>cg00377757</t>
  </si>
  <si>
    <t>cg00379337</t>
  </si>
  <si>
    <t>cg00380338</t>
  </si>
  <si>
    <t>cg00408365</t>
  </si>
  <si>
    <t>cg00410467</t>
  </si>
  <si>
    <t>cg00412273</t>
  </si>
  <si>
    <t>cg00430613</t>
  </si>
  <si>
    <t>cg00438222</t>
  </si>
  <si>
    <t>cg00443981</t>
  </si>
  <si>
    <t>cg00447970</t>
  </si>
  <si>
    <t>cg00460684</t>
  </si>
  <si>
    <t>cg00460916</t>
  </si>
  <si>
    <t>cg00491591</t>
  </si>
  <si>
    <t>cg00491851</t>
  </si>
  <si>
    <t>cg00512602</t>
  </si>
  <si>
    <t>cg00515161</t>
  </si>
  <si>
    <t>cg00516051</t>
  </si>
  <si>
    <t>cg00548708</t>
  </si>
  <si>
    <t>cg00552753</t>
  </si>
  <si>
    <t>cg00554570</t>
  </si>
  <si>
    <t>cg00557293</t>
  </si>
  <si>
    <t>cg00582337</t>
  </si>
  <si>
    <t>cg00594854</t>
  </si>
  <si>
    <t>cg00596722</t>
  </si>
  <si>
    <t>cg00598429</t>
  </si>
  <si>
    <t>cg00601819</t>
  </si>
  <si>
    <t>cg00603498</t>
  </si>
  <si>
    <t>cg00607412</t>
  </si>
  <si>
    <t>cg00616603</t>
  </si>
  <si>
    <t>cg00618087</t>
  </si>
  <si>
    <t>cg00618626</t>
  </si>
  <si>
    <t>cg00620733</t>
  </si>
  <si>
    <t>cg00627029</t>
  </si>
  <si>
    <t>cg00627045</t>
  </si>
  <si>
    <t>cg00633736</t>
  </si>
  <si>
    <t>cg00635528</t>
  </si>
  <si>
    <t>cg00646477</t>
  </si>
  <si>
    <t>cg00646731</t>
  </si>
  <si>
    <t>cg00647830</t>
  </si>
  <si>
    <t>cg00653081</t>
  </si>
  <si>
    <t>cg00654814</t>
  </si>
  <si>
    <t>cg00664205</t>
  </si>
  <si>
    <t>cg00670017</t>
  </si>
  <si>
    <t>cg00671759</t>
  </si>
  <si>
    <t>cg00672333</t>
  </si>
  <si>
    <t>cg00674395</t>
  </si>
  <si>
    <t>cg00675156</t>
  </si>
  <si>
    <t>cg00681665</t>
  </si>
  <si>
    <t>cg00682096</t>
  </si>
  <si>
    <t>cg00691266</t>
  </si>
  <si>
    <t>cg00691874</t>
  </si>
  <si>
    <t>cg00696803</t>
  </si>
  <si>
    <t>cg00709050</t>
  </si>
  <si>
    <t>cg00712390</t>
  </si>
  <si>
    <t>cg00712547</t>
  </si>
  <si>
    <t>cg00712686</t>
  </si>
  <si>
    <t>cg00715343</t>
  </si>
  <si>
    <t>cg00728999</t>
  </si>
  <si>
    <t>cg00731944</t>
  </si>
  <si>
    <t>cg00740691</t>
  </si>
  <si>
    <t>cg00744351</t>
  </si>
  <si>
    <t>cg00746864</t>
  </si>
  <si>
    <t>cg00749852</t>
  </si>
  <si>
    <t>cg00750880</t>
  </si>
  <si>
    <t>cg00752016</t>
  </si>
  <si>
    <t>cg00776208</t>
  </si>
  <si>
    <t>cg00797030</t>
  </si>
  <si>
    <t>cg00804048</t>
  </si>
  <si>
    <t>cg00815093</t>
  </si>
  <si>
    <t>cg00819114</t>
  </si>
  <si>
    <t>cg00822353</t>
  </si>
  <si>
    <t>cg00850747</t>
  </si>
  <si>
    <t>cg00853296</t>
  </si>
  <si>
    <t>cg00863271</t>
  </si>
  <si>
    <t>cg00863893</t>
  </si>
  <si>
    <t>cg00864183</t>
  </si>
  <si>
    <t>cg00869668</t>
  </si>
  <si>
    <t>cg00871787</t>
  </si>
  <si>
    <t>cg00878163</t>
  </si>
  <si>
    <t>cg00902147</t>
  </si>
  <si>
    <t>cg00902415</t>
  </si>
  <si>
    <t>cg00904063</t>
  </si>
  <si>
    <t>cg00906435</t>
  </si>
  <si>
    <t>cg00909976</t>
  </si>
  <si>
    <t>cg00910503</t>
  </si>
  <si>
    <t>cg00910521</t>
  </si>
  <si>
    <t>cg00911794</t>
  </si>
  <si>
    <t>cg00918917</t>
  </si>
  <si>
    <t>cg00920422</t>
  </si>
  <si>
    <t>cg00926192</t>
  </si>
  <si>
    <t>cg00926657</t>
  </si>
  <si>
    <t>cg00940313</t>
  </si>
  <si>
    <t>cg00940577</t>
  </si>
  <si>
    <t>cg00940786</t>
  </si>
  <si>
    <t>cg00945209</t>
  </si>
  <si>
    <t>cg00946507</t>
  </si>
  <si>
    <t>cg00948102</t>
  </si>
  <si>
    <t>cg00950381</t>
  </si>
  <si>
    <t>cg00953355</t>
  </si>
  <si>
    <t>cg00956010</t>
  </si>
  <si>
    <t>cg00958884</t>
  </si>
  <si>
    <t>cg00960700</t>
  </si>
  <si>
    <t>cg00961855</t>
  </si>
  <si>
    <t>cg00970737</t>
  </si>
  <si>
    <t>cg00971050</t>
  </si>
  <si>
    <t>cg00974149</t>
  </si>
  <si>
    <t>cg00994896</t>
  </si>
  <si>
    <t>cg00996262</t>
  </si>
  <si>
    <t>cg00996315</t>
  </si>
  <si>
    <t>cg01019875</t>
  </si>
  <si>
    <t>cg01021551</t>
  </si>
  <si>
    <t>cg01021742</t>
  </si>
  <si>
    <t>cg01035812</t>
  </si>
  <si>
    <t>cg01036409</t>
  </si>
  <si>
    <t>cg01038738</t>
  </si>
  <si>
    <t>cg01044722</t>
  </si>
  <si>
    <t>cg01052805</t>
  </si>
  <si>
    <t>cg01066212</t>
  </si>
  <si>
    <t>cg01070694</t>
  </si>
  <si>
    <t>cg01070985</t>
  </si>
  <si>
    <t>cg01071313</t>
  </si>
  <si>
    <t>cg01101510</t>
  </si>
  <si>
    <t>cg01107801</t>
  </si>
  <si>
    <t>cg01113040</t>
  </si>
  <si>
    <t>cg01132893</t>
  </si>
  <si>
    <t>cg01135546</t>
  </si>
  <si>
    <t>cg01143309</t>
  </si>
  <si>
    <t>cg01144275</t>
  </si>
  <si>
    <t>cg01145420</t>
  </si>
  <si>
    <t>cg01147550</t>
  </si>
  <si>
    <t>cg01154930</t>
  </si>
  <si>
    <t>cg01156108</t>
  </si>
  <si>
    <t>cg01166604</t>
  </si>
  <si>
    <t>cg01168201</t>
  </si>
  <si>
    <t>cg01178659</t>
  </si>
  <si>
    <t>cg01185682</t>
  </si>
  <si>
    <t>cg01186980</t>
  </si>
  <si>
    <t>cg01218720</t>
  </si>
  <si>
    <t>cg01218903</t>
  </si>
  <si>
    <t>cg01223221</t>
  </si>
  <si>
    <t>cg01237263</t>
  </si>
  <si>
    <t>cg01242052</t>
  </si>
  <si>
    <t>cg01266707</t>
  </si>
  <si>
    <t>cg01281078</t>
  </si>
  <si>
    <t>cg01307507</t>
  </si>
  <si>
    <t>cg01320579</t>
  </si>
  <si>
    <t>cg01325958</t>
  </si>
  <si>
    <t>cg01339704</t>
  </si>
  <si>
    <t>cg01341218</t>
  </si>
  <si>
    <t>cg01341751</t>
  </si>
  <si>
    <t>cg01346114</t>
  </si>
  <si>
    <t>cg01349858</t>
  </si>
  <si>
    <t>cg01352468</t>
  </si>
  <si>
    <t>cg01357671</t>
  </si>
  <si>
    <t>cg01359015</t>
  </si>
  <si>
    <t>cg01362515</t>
  </si>
  <si>
    <t>cg01370063</t>
  </si>
  <si>
    <t>cg01384163</t>
  </si>
  <si>
    <t>cg01388649</t>
  </si>
  <si>
    <t>cg01390728</t>
  </si>
  <si>
    <t>cg01396112</t>
  </si>
  <si>
    <t>cg01405751</t>
  </si>
  <si>
    <t>cg01406758</t>
  </si>
  <si>
    <t>cg01410878</t>
  </si>
  <si>
    <t>cg01411440</t>
  </si>
  <si>
    <t>cg01412970</t>
  </si>
  <si>
    <t>cg01423843</t>
  </si>
  <si>
    <t>cg01428361</t>
  </si>
  <si>
    <t>cg01429662</t>
  </si>
  <si>
    <t>cg01430372</t>
  </si>
  <si>
    <t>cg01437450</t>
  </si>
  <si>
    <t>cg01438365</t>
  </si>
  <si>
    <t>cg01439340</t>
  </si>
  <si>
    <t>cg01443071</t>
  </si>
  <si>
    <t>cg01445163</t>
  </si>
  <si>
    <t>cg01446983</t>
  </si>
  <si>
    <t>cg01449677</t>
  </si>
  <si>
    <t>cg01449704</t>
  </si>
  <si>
    <t>cg01451391</t>
  </si>
  <si>
    <t>cg01452847</t>
  </si>
  <si>
    <t>cg01454080</t>
  </si>
  <si>
    <t>cg01454963</t>
  </si>
  <si>
    <t>cg01461856</t>
  </si>
  <si>
    <t>cg01465169</t>
  </si>
  <si>
    <t>cg01479911</t>
  </si>
  <si>
    <t>cg01485948</t>
  </si>
  <si>
    <t>cg01489398</t>
  </si>
  <si>
    <t>cg01500001</t>
  </si>
  <si>
    <t>cg01500570</t>
  </si>
  <si>
    <t>cg01501135</t>
  </si>
  <si>
    <t>cg01515741</t>
  </si>
  <si>
    <t>cg01515809</t>
  </si>
  <si>
    <t>cg01517906</t>
  </si>
  <si>
    <t>cg01521080</t>
  </si>
  <si>
    <t>cg01541398</t>
  </si>
  <si>
    <t>cg01543184</t>
  </si>
  <si>
    <t>cg01550307</t>
  </si>
  <si>
    <t>cg01554963</t>
  </si>
  <si>
    <t>cg01555307</t>
  </si>
  <si>
    <t>cg01556091</t>
  </si>
  <si>
    <t>cg01565083</t>
  </si>
  <si>
    <t>cg01573955</t>
  </si>
  <si>
    <t>cg01574134</t>
  </si>
  <si>
    <t>cg01590416</t>
  </si>
  <si>
    <t>cg01601841</t>
  </si>
  <si>
    <t>cg01621090</t>
  </si>
  <si>
    <t>cg01626899</t>
  </si>
  <si>
    <t>cg01627847</t>
  </si>
  <si>
    <t>cg01628467</t>
  </si>
  <si>
    <t>cg01640684</t>
  </si>
  <si>
    <t>cg01643091</t>
  </si>
  <si>
    <t>cg01666600</t>
  </si>
  <si>
    <t>cg01678701</t>
  </si>
  <si>
    <t>cg01683593</t>
  </si>
  <si>
    <t>cg01684881</t>
  </si>
  <si>
    <t>cg01687453</t>
  </si>
  <si>
    <t>cg01693090</t>
  </si>
  <si>
    <t>cg01696060</t>
  </si>
  <si>
    <t>cg01697541</t>
  </si>
  <si>
    <t>cg01697732</t>
  </si>
  <si>
    <t>cg01699727</t>
  </si>
  <si>
    <t>cg01704226</t>
  </si>
  <si>
    <t>cg01704957</t>
  </si>
  <si>
    <t>cg01720033</t>
  </si>
  <si>
    <t>cg01726854</t>
  </si>
  <si>
    <t>cg01729820</t>
  </si>
  <si>
    <t>cg01736253</t>
  </si>
  <si>
    <t>cg01749778</t>
  </si>
  <si>
    <t>cg01754780</t>
  </si>
  <si>
    <t>cg01756327</t>
  </si>
  <si>
    <t>cg01757124</t>
  </si>
  <si>
    <t>cg01762263</t>
  </si>
  <si>
    <t>cg01763666</t>
  </si>
  <si>
    <t>cg01764713</t>
  </si>
  <si>
    <t>cg01774705</t>
  </si>
  <si>
    <t>cg01777228</t>
  </si>
  <si>
    <t>cg01781617</t>
  </si>
  <si>
    <t>cg01798813</t>
  </si>
  <si>
    <t>cg01800442</t>
  </si>
  <si>
    <t>cg01801040</t>
  </si>
  <si>
    <t>cg01803856</t>
  </si>
  <si>
    <t>cg01805124</t>
  </si>
  <si>
    <t>cg01806442</t>
  </si>
  <si>
    <t>cg01822573</t>
  </si>
  <si>
    <t>cg01832036</t>
  </si>
  <si>
    <t>cg01835037</t>
  </si>
  <si>
    <t>cg01835665</t>
  </si>
  <si>
    <t>cg01842395</t>
  </si>
  <si>
    <t>cg01883591</t>
  </si>
  <si>
    <t>cg01886741</t>
  </si>
  <si>
    <t>cg01888561</t>
  </si>
  <si>
    <t>cg01890568</t>
  </si>
  <si>
    <t>cg01890836</t>
  </si>
  <si>
    <t>cg01896926</t>
  </si>
  <si>
    <t>cg01906998</t>
  </si>
  <si>
    <t>cg01911440</t>
  </si>
  <si>
    <t>cg01912298</t>
  </si>
  <si>
    <t>cg01913604</t>
  </si>
  <si>
    <t>cg01929530</t>
  </si>
  <si>
    <t>cg01930679</t>
  </si>
  <si>
    <t>cg01935400</t>
  </si>
  <si>
    <t>cg01958230</t>
  </si>
  <si>
    <t>cg01970017</t>
  </si>
  <si>
    <t>cg01971137</t>
  </si>
  <si>
    <t>cg01977863</t>
  </si>
  <si>
    <t>cg01984656</t>
  </si>
  <si>
    <t>cg01986757</t>
  </si>
  <si>
    <t>cg02022491</t>
  </si>
  <si>
    <t>cg02025680</t>
  </si>
  <si>
    <t>cg02026049</t>
  </si>
  <si>
    <t>cg02030908</t>
  </si>
  <si>
    <t>cg02032606</t>
  </si>
  <si>
    <t>cg02040921</t>
  </si>
  <si>
    <t>cg02041137</t>
  </si>
  <si>
    <t>cg02042144</t>
  </si>
  <si>
    <t>cg02045224</t>
  </si>
  <si>
    <t>cg02045285</t>
  </si>
  <si>
    <t>cg02054559</t>
  </si>
  <si>
    <t>cg02057148</t>
  </si>
  <si>
    <t>cg02057783</t>
  </si>
  <si>
    <t>cg02059952</t>
  </si>
  <si>
    <t>cg02060732</t>
  </si>
  <si>
    <t>cg02080909</t>
  </si>
  <si>
    <t>cg02081266</t>
  </si>
  <si>
    <t>cg02086952</t>
  </si>
  <si>
    <t>cg02087260</t>
  </si>
  <si>
    <t>cg02090742</t>
  </si>
  <si>
    <t>cg02090762</t>
  </si>
  <si>
    <t>cg02091366</t>
  </si>
  <si>
    <t>cg02093112</t>
  </si>
  <si>
    <t>cg02096758</t>
  </si>
  <si>
    <t>cg02097604</t>
  </si>
  <si>
    <t>cg02102644</t>
  </si>
  <si>
    <t>cg02103689</t>
  </si>
  <si>
    <t>cg02104967</t>
  </si>
  <si>
    <t>cg02104993</t>
  </si>
  <si>
    <t>cg02119073</t>
  </si>
  <si>
    <t>cg02126098</t>
  </si>
  <si>
    <t>cg02126603</t>
  </si>
  <si>
    <t>cg02131967</t>
  </si>
  <si>
    <t>cg02136628</t>
  </si>
  <si>
    <t>cg02146374</t>
  </si>
  <si>
    <t>cg02147028</t>
  </si>
  <si>
    <t>cg02147681</t>
  </si>
  <si>
    <t>cg02150526</t>
  </si>
  <si>
    <t>cg02151609</t>
  </si>
  <si>
    <t>cg02152119</t>
  </si>
  <si>
    <t>cg02156862</t>
  </si>
  <si>
    <t>cg02156870</t>
  </si>
  <si>
    <t>cg02163400</t>
  </si>
  <si>
    <t>cg02165978</t>
  </si>
  <si>
    <t>cg02166927</t>
  </si>
  <si>
    <t>cg02169125</t>
  </si>
  <si>
    <t>cg02199239</t>
  </si>
  <si>
    <t>cg02205409</t>
  </si>
  <si>
    <t>cg02206767</t>
  </si>
  <si>
    <t>cg02212339</t>
  </si>
  <si>
    <t>cg02220196</t>
  </si>
  <si>
    <t>cg02228675</t>
  </si>
  <si>
    <t>cg02236651</t>
  </si>
  <si>
    <t>cg02240665</t>
  </si>
  <si>
    <t>cg02241363</t>
  </si>
  <si>
    <t>cg02243495</t>
  </si>
  <si>
    <t>cg02253567</t>
  </si>
  <si>
    <t>cg02257048</t>
  </si>
  <si>
    <t>cg02257320</t>
  </si>
  <si>
    <t>cg02272207</t>
  </si>
  <si>
    <t>cg02275878</t>
  </si>
  <si>
    <t>cg02286380</t>
  </si>
  <si>
    <t>cg02286533</t>
  </si>
  <si>
    <t>cg02287093</t>
  </si>
  <si>
    <t>cg02287362</t>
  </si>
  <si>
    <t>cg02289287</t>
  </si>
  <si>
    <t>cg02295078</t>
  </si>
  <si>
    <t>cg02295678</t>
  </si>
  <si>
    <t>cg02308097</t>
  </si>
  <si>
    <t>cg02314166</t>
  </si>
  <si>
    <t>cg02317299</t>
  </si>
  <si>
    <t>cg02318866</t>
  </si>
  <si>
    <t>cg02319103</t>
  </si>
  <si>
    <t>cg02321821</t>
  </si>
  <si>
    <t>cg02331583</t>
  </si>
  <si>
    <t>cg02334643</t>
  </si>
  <si>
    <t>cg02335527</t>
  </si>
  <si>
    <t>cg02336461</t>
  </si>
  <si>
    <t>cg02342533</t>
  </si>
  <si>
    <t>cg02346006</t>
  </si>
  <si>
    <t>cg02346492</t>
  </si>
  <si>
    <t>cg02350974</t>
  </si>
  <si>
    <t>cg02359355</t>
  </si>
  <si>
    <t>cg02360836</t>
  </si>
  <si>
    <t>cg02363277</t>
  </si>
  <si>
    <t>cg02363317</t>
  </si>
  <si>
    <t>cg02367992</t>
  </si>
  <si>
    <t>cg02368765</t>
  </si>
  <si>
    <t>cg02383154</t>
  </si>
  <si>
    <t>cg02386875</t>
  </si>
  <si>
    <t>cg02395326</t>
  </si>
  <si>
    <t>cg02396496</t>
  </si>
  <si>
    <t>cg02397114</t>
  </si>
  <si>
    <t>cg02401220</t>
  </si>
  <si>
    <t>cg02407342</t>
  </si>
  <si>
    <t>cg02414034</t>
  </si>
  <si>
    <t>cg02424695</t>
  </si>
  <si>
    <t>cg02428652</t>
  </si>
  <si>
    <t>cg02428701</t>
  </si>
  <si>
    <t>cg02429035</t>
  </si>
  <si>
    <t>cg02429674</t>
  </si>
  <si>
    <t>cg02433278</t>
  </si>
  <si>
    <t>cg02433498</t>
  </si>
  <si>
    <t>cg02435495</t>
  </si>
  <si>
    <t>cg02436788</t>
  </si>
  <si>
    <t>cg02440279</t>
  </si>
  <si>
    <t>cg02440668</t>
  </si>
  <si>
    <t>cg02441305</t>
  </si>
  <si>
    <t>cg02443583</t>
  </si>
  <si>
    <t>cg02444810</t>
  </si>
  <si>
    <t>cg02445356</t>
  </si>
  <si>
    <t>cg02445664</t>
  </si>
  <si>
    <t>cg02450725</t>
  </si>
  <si>
    <t>cg02451362</t>
  </si>
  <si>
    <t>cg02451443</t>
  </si>
  <si>
    <t>cg02454435</t>
  </si>
  <si>
    <t>cg02456708</t>
  </si>
  <si>
    <t>cg02459416</t>
  </si>
  <si>
    <t>cg02461739</t>
  </si>
  <si>
    <t>cg02482001</t>
  </si>
  <si>
    <t>cg02484708</t>
  </si>
  <si>
    <t>cg02487667</t>
  </si>
  <si>
    <t>cg02495413</t>
  </si>
  <si>
    <t>cg02497558</t>
  </si>
  <si>
    <t>cg02500844</t>
  </si>
  <si>
    <t>cg02505674</t>
  </si>
  <si>
    <t>cg02508651</t>
  </si>
  <si>
    <t>cg02516388</t>
  </si>
  <si>
    <t>cg02518899</t>
  </si>
  <si>
    <t>cg02529627</t>
  </si>
  <si>
    <t>cg02553663</t>
  </si>
  <si>
    <t>cg02553987</t>
  </si>
  <si>
    <t>cg02570171</t>
  </si>
  <si>
    <t>cg02574861</t>
  </si>
  <si>
    <t>cg02603003</t>
  </si>
  <si>
    <t>cg02605672</t>
  </si>
  <si>
    <t>cg02605795</t>
  </si>
  <si>
    <t>cg02616315</t>
  </si>
  <si>
    <t>cg02621988</t>
  </si>
  <si>
    <t>cg02622209</t>
  </si>
  <si>
    <t>cg02628561</t>
  </si>
  <si>
    <t>cg02629833</t>
  </si>
  <si>
    <t>cg02632015</t>
  </si>
  <si>
    <t>cg02632542</t>
  </si>
  <si>
    <t>cg02632852</t>
  </si>
  <si>
    <t>cg02637241</t>
  </si>
  <si>
    <t>cg02637302</t>
  </si>
  <si>
    <t>cg02642223</t>
  </si>
  <si>
    <t>cg02643184</t>
  </si>
  <si>
    <t>cg02645977</t>
  </si>
  <si>
    <t>cg02647835</t>
  </si>
  <si>
    <t>cg02655864</t>
  </si>
  <si>
    <t>cg02658657</t>
  </si>
  <si>
    <t>cg02662840</t>
  </si>
  <si>
    <t>cg02676175</t>
  </si>
  <si>
    <t>cg02679012</t>
  </si>
  <si>
    <t>cg02684904</t>
  </si>
  <si>
    <t>cg02685896</t>
  </si>
  <si>
    <t>cg02689667</t>
  </si>
  <si>
    <t>cg02690865</t>
  </si>
  <si>
    <t>cg02690969</t>
  </si>
  <si>
    <t>cg02693061</t>
  </si>
  <si>
    <t>cg02694489</t>
  </si>
  <si>
    <t>cg02701084</t>
  </si>
  <si>
    <t>cg02703198</t>
  </si>
  <si>
    <t>cg02705837</t>
  </si>
  <si>
    <t>cg02712075</t>
  </si>
  <si>
    <t>cg02723850</t>
  </si>
  <si>
    <t>cg02724608</t>
  </si>
  <si>
    <t>cg02726883</t>
  </si>
  <si>
    <t>cg02727029</t>
  </si>
  <si>
    <t>cg02736280</t>
  </si>
  <si>
    <t>cg02742085</t>
  </si>
  <si>
    <t>cg02743136</t>
  </si>
  <si>
    <t>cg02743895</t>
  </si>
  <si>
    <t>cg02744699</t>
  </si>
  <si>
    <t>cg02745847</t>
  </si>
  <si>
    <t>cg02746900</t>
  </si>
  <si>
    <t>cg02746913</t>
  </si>
  <si>
    <t>cg02747412</t>
  </si>
  <si>
    <t>cg02750234</t>
  </si>
  <si>
    <t>cg02750954</t>
  </si>
  <si>
    <t>cg02753233</t>
  </si>
  <si>
    <t>cg02756676</t>
  </si>
  <si>
    <t>cg02763536</t>
  </si>
  <si>
    <t>cg02764006</t>
  </si>
  <si>
    <t>cg02765363</t>
  </si>
  <si>
    <t>cg02768352</t>
  </si>
  <si>
    <t>cg02768905</t>
  </si>
  <si>
    <t>cg02769252</t>
  </si>
  <si>
    <t>cg02779467</t>
  </si>
  <si>
    <t>cg02783970</t>
  </si>
  <si>
    <t>cg02787320</t>
  </si>
  <si>
    <t>cg02788401</t>
  </si>
  <si>
    <t>cg02793262</t>
  </si>
  <si>
    <t>cg02795014</t>
  </si>
  <si>
    <t>cg02804087</t>
  </si>
  <si>
    <t>cg02806739</t>
  </si>
  <si>
    <t>cg02812793</t>
  </si>
  <si>
    <t>cg02823457</t>
  </si>
  <si>
    <t>cg02824818</t>
  </si>
  <si>
    <t>cg02833597</t>
  </si>
  <si>
    <t>cg02835499</t>
  </si>
  <si>
    <t>cg02842869</t>
  </si>
  <si>
    <t>cg02852743</t>
  </si>
  <si>
    <t>cg02856475</t>
  </si>
  <si>
    <t>cg02857643</t>
  </si>
  <si>
    <t>cg02864619</t>
  </si>
  <si>
    <t>cg02870816</t>
  </si>
  <si>
    <t>cg02874396</t>
  </si>
  <si>
    <t>cg02881331</t>
  </si>
  <si>
    <t>cg02884280</t>
  </si>
  <si>
    <t>cg02884820</t>
  </si>
  <si>
    <t>cg02886878</t>
  </si>
  <si>
    <t>cg02890566</t>
  </si>
  <si>
    <t>cg02893823</t>
  </si>
  <si>
    <t>cg02910299</t>
  </si>
  <si>
    <t>cg02928991</t>
  </si>
  <si>
    <t>cg02930207</t>
  </si>
  <si>
    <t>cg02933375</t>
  </si>
  <si>
    <t>cg02937494</t>
  </si>
  <si>
    <t>cg02938063</t>
  </si>
  <si>
    <t>cg02945294</t>
  </si>
  <si>
    <t>cg02959429</t>
  </si>
  <si>
    <t>cg02965290</t>
  </si>
  <si>
    <t>cg02970077</t>
  </si>
  <si>
    <t>cg02975107</t>
  </si>
  <si>
    <t>cg02976568</t>
  </si>
  <si>
    <t>cg02980033</t>
  </si>
  <si>
    <t>cg02984614</t>
  </si>
  <si>
    <t>cg02987471</t>
  </si>
  <si>
    <t>cg02998129</t>
  </si>
  <si>
    <t>cg02998992</t>
  </si>
  <si>
    <t>cg03017104</t>
  </si>
  <si>
    <t>cg03024678</t>
  </si>
  <si>
    <t>cg03025013</t>
  </si>
  <si>
    <t>cg03032247</t>
  </si>
  <si>
    <t>cg03045721</t>
  </si>
  <si>
    <t>cg03048083</t>
  </si>
  <si>
    <t>cg03049249</t>
  </si>
  <si>
    <t>cg03052970</t>
  </si>
  <si>
    <t>cg03053893</t>
  </si>
  <si>
    <t>cg03061122</t>
  </si>
  <si>
    <t>cg03062002</t>
  </si>
  <si>
    <t>cg03065899</t>
  </si>
  <si>
    <t>cg03069282</t>
  </si>
  <si>
    <t>cg03069736</t>
  </si>
  <si>
    <t>cg03072195</t>
  </si>
  <si>
    <t>cg03077572</t>
  </si>
  <si>
    <t>cg03079497</t>
  </si>
  <si>
    <t>cg03094519</t>
  </si>
  <si>
    <t>cg03096401</t>
  </si>
  <si>
    <t>cg03118200</t>
  </si>
  <si>
    <t>cg03130276</t>
  </si>
  <si>
    <t>cg03131395</t>
  </si>
  <si>
    <t>cg03131556</t>
  </si>
  <si>
    <t>cg03144494</t>
  </si>
  <si>
    <t>cg03146993</t>
  </si>
  <si>
    <t>cg03153062</t>
  </si>
  <si>
    <t>cg03155999</t>
  </si>
  <si>
    <t>cg03156032</t>
  </si>
  <si>
    <t>cg03156305</t>
  </si>
  <si>
    <t>cg03158606</t>
  </si>
  <si>
    <t>cg03158666</t>
  </si>
  <si>
    <t>cg03172060</t>
  </si>
  <si>
    <t>cg03177231</t>
  </si>
  <si>
    <t>cg03179291</t>
  </si>
  <si>
    <t>cg03179429</t>
  </si>
  <si>
    <t>cg03182218</t>
  </si>
  <si>
    <t>cg03182819</t>
  </si>
  <si>
    <t>cg03203603</t>
  </si>
  <si>
    <t>cg03212952</t>
  </si>
  <si>
    <t>cg03214325</t>
  </si>
  <si>
    <t>cg03215942</t>
  </si>
  <si>
    <t>cg03216991</t>
  </si>
  <si>
    <t>cg03218192</t>
  </si>
  <si>
    <t>cg03218931</t>
  </si>
  <si>
    <t>cg03232051</t>
  </si>
  <si>
    <t>cg03236137</t>
  </si>
  <si>
    <t>cg03237431</t>
  </si>
  <si>
    <t>cg03238075</t>
  </si>
  <si>
    <t>cg03247834</t>
  </si>
  <si>
    <t>cg03252536</t>
  </si>
  <si>
    <t>cg03254627</t>
  </si>
  <si>
    <t>cg03255749</t>
  </si>
  <si>
    <t>cg03259243</t>
  </si>
  <si>
    <t>cg03259494</t>
  </si>
  <si>
    <t>cg03260530</t>
  </si>
  <si>
    <t>cg03263117</t>
  </si>
  <si>
    <t>cg03267466</t>
  </si>
  <si>
    <t>cg03271354</t>
  </si>
  <si>
    <t>cg03292213</t>
  </si>
  <si>
    <t>cg03294301</t>
  </si>
  <si>
    <t>cg03294458</t>
  </si>
  <si>
    <t>cg03297901</t>
  </si>
  <si>
    <t>cg03303325</t>
  </si>
  <si>
    <t>cg03303655</t>
  </si>
  <si>
    <t>cg03304714</t>
  </si>
  <si>
    <t>cg03311339</t>
  </si>
  <si>
    <t>cg03322670</t>
  </si>
  <si>
    <t>cg03322971</t>
  </si>
  <si>
    <t>cg03323462</t>
  </si>
  <si>
    <t>cg03325767</t>
  </si>
  <si>
    <t>cg03348978</t>
  </si>
  <si>
    <t>cg03361789</t>
  </si>
  <si>
    <t>cg03363567</t>
  </si>
  <si>
    <t>cg03364076</t>
  </si>
  <si>
    <t>cg03376183</t>
  </si>
  <si>
    <t>cg03383006</t>
  </si>
  <si>
    <t>cg03383056</t>
  </si>
  <si>
    <t>cg03383061</t>
  </si>
  <si>
    <t>cg03384545</t>
  </si>
  <si>
    <t>cg03387311</t>
  </si>
  <si>
    <t>cg03407547</t>
  </si>
  <si>
    <t>cg03407648</t>
  </si>
  <si>
    <t>cg03407747</t>
  </si>
  <si>
    <t>cg03409623</t>
  </si>
  <si>
    <t>cg03410097</t>
  </si>
  <si>
    <t>cg03419646</t>
  </si>
  <si>
    <t>cg03422252</t>
  </si>
  <si>
    <t>cg03422895</t>
  </si>
  <si>
    <t>cg03433329</t>
  </si>
  <si>
    <t>cg03433642</t>
  </si>
  <si>
    <t>cg03442425</t>
  </si>
  <si>
    <t>cg03443505</t>
  </si>
  <si>
    <t>cg03452174</t>
  </si>
  <si>
    <t>cg03454705</t>
  </si>
  <si>
    <t>cg03456968</t>
  </si>
  <si>
    <t>cg03461559</t>
  </si>
  <si>
    <t>cg03469608</t>
  </si>
  <si>
    <t>cg03476525</t>
  </si>
  <si>
    <t>cg03496114</t>
  </si>
  <si>
    <t>cg03497133</t>
  </si>
  <si>
    <t>cg03497477</t>
  </si>
  <si>
    <t>cg03499775</t>
  </si>
  <si>
    <t>cg03513645</t>
  </si>
  <si>
    <t>cg03529015</t>
  </si>
  <si>
    <t>cg03533386</t>
  </si>
  <si>
    <t>cg03533702</t>
  </si>
  <si>
    <t>cg03547745</t>
  </si>
  <si>
    <t>cg03550205</t>
  </si>
  <si>
    <t>cg03554817</t>
  </si>
  <si>
    <t>cg03555470</t>
  </si>
  <si>
    <t>cg03569506</t>
  </si>
  <si>
    <t>cg03571225</t>
  </si>
  <si>
    <t>cg03571604</t>
  </si>
  <si>
    <t>cg03575189</t>
  </si>
  <si>
    <t>cg03582047</t>
  </si>
  <si>
    <t>cg03582371</t>
  </si>
  <si>
    <t>cg03598754</t>
  </si>
  <si>
    <t>cg03602528</t>
  </si>
  <si>
    <t>cg03609292</t>
  </si>
  <si>
    <t>cg03613822</t>
  </si>
  <si>
    <t>cg03623386</t>
  </si>
  <si>
    <t>cg03628186</t>
  </si>
  <si>
    <t>cg03638180</t>
  </si>
  <si>
    <t>cg03641793</t>
  </si>
  <si>
    <t>cg03642463</t>
  </si>
  <si>
    <t>cg03642695</t>
  </si>
  <si>
    <t>cg03646922</t>
  </si>
  <si>
    <t>cg03656099</t>
  </si>
  <si>
    <t>cg03666441</t>
  </si>
  <si>
    <t>cg03668475</t>
  </si>
  <si>
    <t>cg03668718</t>
  </si>
  <si>
    <t>cg03677056</t>
  </si>
  <si>
    <t>cg03677492</t>
  </si>
  <si>
    <t>cg03679521</t>
  </si>
  <si>
    <t>cg03689054</t>
  </si>
  <si>
    <t>cg03694795</t>
  </si>
  <si>
    <t>cg03695251</t>
  </si>
  <si>
    <t>cg03700135</t>
  </si>
  <si>
    <t>cg03704673</t>
  </si>
  <si>
    <t>cg03705042</t>
  </si>
  <si>
    <t>cg03709850</t>
  </si>
  <si>
    <t>cg03712541</t>
  </si>
  <si>
    <t>cg03714554</t>
  </si>
  <si>
    <t>cg03715152</t>
  </si>
  <si>
    <t>cg03719978</t>
  </si>
  <si>
    <t>cg03721281</t>
  </si>
  <si>
    <t>cg03726437</t>
  </si>
  <si>
    <t>cg03729288</t>
  </si>
  <si>
    <t>cg03731056</t>
  </si>
  <si>
    <t>cg03734677</t>
  </si>
  <si>
    <t>cg03738253</t>
  </si>
  <si>
    <t>cg03739177</t>
  </si>
  <si>
    <t>cg03744440</t>
  </si>
  <si>
    <t>cg03751911</t>
  </si>
  <si>
    <t>cg03751973</t>
  </si>
  <si>
    <t>cg03762994</t>
  </si>
  <si>
    <t>cg03764219</t>
  </si>
  <si>
    <t>cg03770912</t>
  </si>
  <si>
    <t>cg03773226</t>
  </si>
  <si>
    <t>cg03776864</t>
  </si>
  <si>
    <t>cg03777405</t>
  </si>
  <si>
    <t>cg03781505</t>
  </si>
  <si>
    <t>cg03783110</t>
  </si>
  <si>
    <t>cg03784353</t>
  </si>
  <si>
    <t>cg03800447</t>
  </si>
  <si>
    <t>cg03803541</t>
  </si>
  <si>
    <t>cg03804136</t>
  </si>
  <si>
    <t>cg03808708</t>
  </si>
  <si>
    <t>cg03814390</t>
  </si>
  <si>
    <t>cg03816592</t>
  </si>
  <si>
    <t>cg03821916</t>
  </si>
  <si>
    <t>cg03823539</t>
  </si>
  <si>
    <t>cg03826759</t>
  </si>
  <si>
    <t>cg03827164</t>
  </si>
  <si>
    <t>cg03828494</t>
  </si>
  <si>
    <t>cg03833794</t>
  </si>
  <si>
    <t>cg03840467</t>
  </si>
  <si>
    <t>cg03854913</t>
  </si>
  <si>
    <t>cg03856492</t>
  </si>
  <si>
    <t>cg03859673</t>
  </si>
  <si>
    <t>cg03862414</t>
  </si>
  <si>
    <t>cg03864245</t>
  </si>
  <si>
    <t>cg03870845</t>
  </si>
  <si>
    <t>cg03877919</t>
  </si>
  <si>
    <t>cg03882612</t>
  </si>
  <si>
    <t>cg03910652</t>
  </si>
  <si>
    <t>cg03916756</t>
  </si>
  <si>
    <t>cg03924111</t>
  </si>
  <si>
    <t>cg03928133</t>
  </si>
  <si>
    <t>cg03929495</t>
  </si>
  <si>
    <t>cg03929677</t>
  </si>
  <si>
    <t>cg03930477</t>
  </si>
  <si>
    <t>cg03932048</t>
  </si>
  <si>
    <t>cg03936721</t>
  </si>
  <si>
    <t>cg03938507</t>
  </si>
  <si>
    <t>cg03938580</t>
  </si>
  <si>
    <t>cg03939612</t>
  </si>
  <si>
    <t>cg03940157</t>
  </si>
  <si>
    <t>cg03956820</t>
  </si>
  <si>
    <t>cg03960589</t>
  </si>
  <si>
    <t>cg03965044</t>
  </si>
  <si>
    <t>cg03967346</t>
  </si>
  <si>
    <t>cg03972219</t>
  </si>
  <si>
    <t>cg03995300</t>
  </si>
  <si>
    <t>cg04010091</t>
  </si>
  <si>
    <t>cg04012562</t>
  </si>
  <si>
    <t>cg04014306</t>
  </si>
  <si>
    <t>cg04021549</t>
  </si>
  <si>
    <t>cg04028224</t>
  </si>
  <si>
    <t>cg04029455</t>
  </si>
  <si>
    <t>cg04029625</t>
  </si>
  <si>
    <t>cg04029738</t>
  </si>
  <si>
    <t>cg04030486</t>
  </si>
  <si>
    <t>cg04036088</t>
  </si>
  <si>
    <t>cg04078585</t>
  </si>
  <si>
    <t>cg04094723</t>
  </si>
  <si>
    <t>cg04100434</t>
  </si>
  <si>
    <t>cg04110109</t>
  </si>
  <si>
    <t>cg04112624</t>
  </si>
  <si>
    <t>cg04119133</t>
  </si>
  <si>
    <t>cg04123995</t>
  </si>
  <si>
    <t>cg04133023</t>
  </si>
  <si>
    <t>cg04136290</t>
  </si>
  <si>
    <t>cg04142643</t>
  </si>
  <si>
    <t>cg04145193</t>
  </si>
  <si>
    <t>cg04151306</t>
  </si>
  <si>
    <t>cg04154281</t>
  </si>
  <si>
    <t>cg04157161</t>
  </si>
  <si>
    <t>cg04157194</t>
  </si>
  <si>
    <t>cg04159004</t>
  </si>
  <si>
    <t>cg04163696</t>
  </si>
  <si>
    <t>cg04165764</t>
  </si>
  <si>
    <t>cg04166520</t>
  </si>
  <si>
    <t>cg04172640</t>
  </si>
  <si>
    <t>cg04178858</t>
  </si>
  <si>
    <t>cg04179625</t>
  </si>
  <si>
    <t>cg04184297</t>
  </si>
  <si>
    <t>cg04196298</t>
  </si>
  <si>
    <t>cg04196345</t>
  </si>
  <si>
    <t>cg04197935</t>
  </si>
  <si>
    <t>cg04202853</t>
  </si>
  <si>
    <t>cg04203950</t>
  </si>
  <si>
    <t>cg04206342</t>
  </si>
  <si>
    <t>cg04213121</t>
  </si>
  <si>
    <t>cg04213910</t>
  </si>
  <si>
    <t>cg04215055</t>
  </si>
  <si>
    <t>cg04217140</t>
  </si>
  <si>
    <t>cg04221400</t>
  </si>
  <si>
    <t>cg04226364</t>
  </si>
  <si>
    <t>cg04237127</t>
  </si>
  <si>
    <t>cg04237338</t>
  </si>
  <si>
    <t>cg04239994</t>
  </si>
  <si>
    <t>cg04242349</t>
  </si>
  <si>
    <t>cg04245057</t>
  </si>
  <si>
    <t>cg04251543</t>
  </si>
  <si>
    <t>cg04257695</t>
  </si>
  <si>
    <t>cg04260057</t>
  </si>
  <si>
    <t>cg04266864</t>
  </si>
  <si>
    <t>cg04276951</t>
  </si>
  <si>
    <t>cg04294625</t>
  </si>
  <si>
    <t>cg04294971</t>
  </si>
  <si>
    <t>cg04296540</t>
  </si>
  <si>
    <t>cg04300632</t>
  </si>
  <si>
    <t>cg04303024</t>
  </si>
  <si>
    <t>cg04303571</t>
  </si>
  <si>
    <t>cg04305621</t>
  </si>
  <si>
    <t>cg04307297</t>
  </si>
  <si>
    <t>cg04307927</t>
  </si>
  <si>
    <t>cg04309025</t>
  </si>
  <si>
    <t>cg04313349</t>
  </si>
  <si>
    <t>cg04313875</t>
  </si>
  <si>
    <t>cg04316233</t>
  </si>
  <si>
    <t>cg04323069</t>
  </si>
  <si>
    <t>cg04326269</t>
  </si>
  <si>
    <t>cg04347517</t>
  </si>
  <si>
    <t>cg04352272</t>
  </si>
  <si>
    <t>cg04354393</t>
  </si>
  <si>
    <t>cg04354879</t>
  </si>
  <si>
    <t>cg04368796</t>
  </si>
  <si>
    <t>cg04371818</t>
  </si>
  <si>
    <t>cg04375492</t>
  </si>
  <si>
    <t>cg04377289</t>
  </si>
  <si>
    <t>cg04378182</t>
  </si>
  <si>
    <t>cg04379055</t>
  </si>
  <si>
    <t>cg04383154</t>
  </si>
  <si>
    <t>cg04387835</t>
  </si>
  <si>
    <t>cg04398451</t>
  </si>
  <si>
    <t>cg04427707</t>
  </si>
  <si>
    <t>cg04432599</t>
  </si>
  <si>
    <t>cg04438818</t>
  </si>
  <si>
    <t>cg04440361</t>
  </si>
  <si>
    <t>cg04450032</t>
  </si>
  <si>
    <t>cg04453241</t>
  </si>
  <si>
    <t>cg04460362</t>
  </si>
  <si>
    <t>cg04462567</t>
  </si>
  <si>
    <t>cg04478251</t>
  </si>
  <si>
    <t>cg04482798</t>
  </si>
  <si>
    <t>cg04482923</t>
  </si>
  <si>
    <t>cg04482943</t>
  </si>
  <si>
    <t>cg04483289</t>
  </si>
  <si>
    <t>cg04483336</t>
  </si>
  <si>
    <t>cg04483874</t>
  </si>
  <si>
    <t>cg04484234</t>
  </si>
  <si>
    <t>cg04489856</t>
  </si>
  <si>
    <t>cg04496106</t>
  </si>
  <si>
    <t>cg04498198</t>
  </si>
  <si>
    <t>cg04504578</t>
  </si>
  <si>
    <t>cg04506585</t>
  </si>
  <si>
    <t>cg04510155</t>
  </si>
  <si>
    <t>cg04510639</t>
  </si>
  <si>
    <t>cg04512184</t>
  </si>
  <si>
    <t>cg04520396</t>
  </si>
  <si>
    <t>cg04532952</t>
  </si>
  <si>
    <t>cg04533248</t>
  </si>
  <si>
    <t>cg04533380</t>
  </si>
  <si>
    <t>cg04534008</t>
  </si>
  <si>
    <t>cg04537170</t>
  </si>
  <si>
    <t>cg04551967</t>
  </si>
  <si>
    <t>cg04552889</t>
  </si>
  <si>
    <t>cg04554004</t>
  </si>
  <si>
    <t>cg04554033</t>
  </si>
  <si>
    <t>cg04555982</t>
  </si>
  <si>
    <t>cg04567588</t>
  </si>
  <si>
    <t>cg04568355</t>
  </si>
  <si>
    <t>cg04574095</t>
  </si>
  <si>
    <t>cg04585390</t>
  </si>
  <si>
    <t>cg04587617</t>
  </si>
  <si>
    <t>cg04591032</t>
  </si>
  <si>
    <t>cg04591732</t>
  </si>
  <si>
    <t>cg04591808</t>
  </si>
  <si>
    <t>cg04597389</t>
  </si>
  <si>
    <t>cg04600411</t>
  </si>
  <si>
    <t>cg04603419</t>
  </si>
  <si>
    <t>cg04608651</t>
  </si>
  <si>
    <t>cg04611479</t>
  </si>
  <si>
    <t>cg04612488</t>
  </si>
  <si>
    <t>cg04613945</t>
  </si>
  <si>
    <t>cg04614296</t>
  </si>
  <si>
    <t>cg04614997</t>
  </si>
  <si>
    <t>cg04618333</t>
  </si>
  <si>
    <t>cg04618903</t>
  </si>
  <si>
    <t>cg04622074</t>
  </si>
  <si>
    <t>cg04631281</t>
  </si>
  <si>
    <t>cg04631389</t>
  </si>
  <si>
    <t>cg04633298</t>
  </si>
  <si>
    <t>cg04643858</t>
  </si>
  <si>
    <t>cg04647982</t>
  </si>
  <si>
    <t>cg04650676</t>
  </si>
  <si>
    <t>cg04654365</t>
  </si>
  <si>
    <t>cg04658243</t>
  </si>
  <si>
    <t>cg04668252</t>
  </si>
  <si>
    <t>cg04683330</t>
  </si>
  <si>
    <t>cg04703951</t>
  </si>
  <si>
    <t>cg04724718</t>
  </si>
  <si>
    <t>cg04730071</t>
  </si>
  <si>
    <t>cg04735719</t>
  </si>
  <si>
    <t>cg04738888</t>
  </si>
  <si>
    <t>cg04740558</t>
  </si>
  <si>
    <t>cg04743961</t>
  </si>
  <si>
    <t>cg04751035</t>
  </si>
  <si>
    <t>cg04752053</t>
  </si>
  <si>
    <t>cg04768764</t>
  </si>
  <si>
    <t>cg04771199</t>
  </si>
  <si>
    <t>cg04771550</t>
  </si>
  <si>
    <t>cg04777612</t>
  </si>
  <si>
    <t>cg04784499</t>
  </si>
  <si>
    <t>cg04786141</t>
  </si>
  <si>
    <t>cg04790084</t>
  </si>
  <si>
    <t>cg04794832</t>
  </si>
  <si>
    <t>cg04795713</t>
  </si>
  <si>
    <t>cg04797843</t>
  </si>
  <si>
    <t>cg04802236</t>
  </si>
  <si>
    <t>cg04803572</t>
  </si>
  <si>
    <t>cg04804648</t>
  </si>
  <si>
    <t>cg04805065</t>
  </si>
  <si>
    <t>cg04809622</t>
  </si>
  <si>
    <t>cg04817870</t>
  </si>
  <si>
    <t>cg04818307</t>
  </si>
  <si>
    <t>cg04820386</t>
  </si>
  <si>
    <t>cg04821375</t>
  </si>
  <si>
    <t>cg04830442</t>
  </si>
  <si>
    <t>cg04846243</t>
  </si>
  <si>
    <t>cg04847146</t>
  </si>
  <si>
    <t>cg04847920</t>
  </si>
  <si>
    <t>cg04851314</t>
  </si>
  <si>
    <t>cg04862890</t>
  </si>
  <si>
    <t>cg04864152</t>
  </si>
  <si>
    <t>cg04864609</t>
  </si>
  <si>
    <t>cg04865412</t>
  </si>
  <si>
    <t>cg04867738</t>
  </si>
  <si>
    <t>cg04869497</t>
  </si>
  <si>
    <t>cg04872018</t>
  </si>
  <si>
    <t>cg04875987</t>
  </si>
  <si>
    <t>cg04877780</t>
  </si>
  <si>
    <t>cg04878851</t>
  </si>
  <si>
    <t>cg04880618</t>
  </si>
  <si>
    <t>cg04886595</t>
  </si>
  <si>
    <t>cg04887328</t>
  </si>
  <si>
    <t>cg04896381</t>
  </si>
  <si>
    <t>cg04900999</t>
  </si>
  <si>
    <t>cg04906989</t>
  </si>
  <si>
    <t>cg04912316</t>
  </si>
  <si>
    <t>cg04916103</t>
  </si>
  <si>
    <t>cg04917446</t>
  </si>
  <si>
    <t>cg04920452</t>
  </si>
  <si>
    <t>cg04929503</t>
  </si>
  <si>
    <t>cg04946749</t>
  </si>
  <si>
    <t>cg04962428</t>
  </si>
  <si>
    <t>cg04970158</t>
  </si>
  <si>
    <t>cg04974640</t>
  </si>
  <si>
    <t>cg04977109</t>
  </si>
  <si>
    <t>cg04985146</t>
  </si>
  <si>
    <t>cg04987465</t>
  </si>
  <si>
    <t>cg04987499</t>
  </si>
  <si>
    <t>cg04987827</t>
  </si>
  <si>
    <t>cg04990210</t>
  </si>
  <si>
    <t>cg04999637</t>
  </si>
  <si>
    <t>cg05005586</t>
  </si>
  <si>
    <t>cg05006067</t>
  </si>
  <si>
    <t>cg05012425</t>
  </si>
  <si>
    <t>cg05012902</t>
  </si>
  <si>
    <t>cg05037068</t>
  </si>
  <si>
    <t>cg05037210</t>
  </si>
  <si>
    <t>cg05041061</t>
  </si>
  <si>
    <t>cg05041073</t>
  </si>
  <si>
    <t>cg05044743</t>
  </si>
  <si>
    <t>cg05050789</t>
  </si>
  <si>
    <t>cg05052633</t>
  </si>
  <si>
    <t>cg05053327</t>
  </si>
  <si>
    <t>cg05054460</t>
  </si>
  <si>
    <t>cg05058167</t>
  </si>
  <si>
    <t>cg05058886</t>
  </si>
  <si>
    <t>cg05059663</t>
  </si>
  <si>
    <t>cg05062179</t>
  </si>
  <si>
    <t>cg05063616</t>
  </si>
  <si>
    <t>cg05063952</t>
  </si>
  <si>
    <t>cg05064665</t>
  </si>
  <si>
    <t>cg05064683</t>
  </si>
  <si>
    <t>cg05065686</t>
  </si>
  <si>
    <t>cg05085101</t>
  </si>
  <si>
    <t>cg05085809</t>
  </si>
  <si>
    <t>cg05086567</t>
  </si>
  <si>
    <t>cg05097593</t>
  </si>
  <si>
    <t>cg05098037</t>
  </si>
  <si>
    <t>cg05100739</t>
  </si>
  <si>
    <t>cg05104283</t>
  </si>
  <si>
    <t>cg05110178</t>
  </si>
  <si>
    <t>cg05112574</t>
  </si>
  <si>
    <t>cg05115862</t>
  </si>
  <si>
    <t>cg05119290</t>
  </si>
  <si>
    <t>cg05121093</t>
  </si>
  <si>
    <t>cg05156120</t>
  </si>
  <si>
    <t>cg05158913</t>
  </si>
  <si>
    <t>cg05161218</t>
  </si>
  <si>
    <t>cg05162750</t>
  </si>
  <si>
    <t>cg05164926</t>
  </si>
  <si>
    <t>cg05174899</t>
  </si>
  <si>
    <t>cg05180443</t>
  </si>
  <si>
    <t>cg05184586</t>
  </si>
  <si>
    <t>cg05202407</t>
  </si>
  <si>
    <t>cg05203615</t>
  </si>
  <si>
    <t>cg05207834</t>
  </si>
  <si>
    <t>cg05212282</t>
  </si>
  <si>
    <t>cg05214218</t>
  </si>
  <si>
    <t>cg05217397</t>
  </si>
  <si>
    <t>cg05222119</t>
  </si>
  <si>
    <t>cg05228945</t>
  </si>
  <si>
    <t>cg05236474</t>
  </si>
  <si>
    <t>cg05248618</t>
  </si>
  <si>
    <t>cg05250241</t>
  </si>
  <si>
    <t>cg05250874</t>
  </si>
  <si>
    <t>cg05257472</t>
  </si>
  <si>
    <t>cg05264320</t>
  </si>
  <si>
    <t>cg05272827</t>
  </si>
  <si>
    <t>cg05280806</t>
  </si>
  <si>
    <t>cg05283453</t>
  </si>
  <si>
    <t>cg05288569</t>
  </si>
  <si>
    <t>cg05289873</t>
  </si>
  <si>
    <t>cg05302784</t>
  </si>
  <si>
    <t>cg05305211</t>
  </si>
  <si>
    <t>cg05309454</t>
  </si>
  <si>
    <t>cg05310646</t>
  </si>
  <si>
    <t>cg05319236</t>
  </si>
  <si>
    <t>cg05322217</t>
  </si>
  <si>
    <t>cg05330977</t>
  </si>
  <si>
    <t>cg05332887</t>
  </si>
  <si>
    <t>cg05338930</t>
  </si>
  <si>
    <t>cg05347965</t>
  </si>
  <si>
    <t>cg05348272</t>
  </si>
  <si>
    <t>cg05348421</t>
  </si>
  <si>
    <t>cg05353290</t>
  </si>
  <si>
    <t>cg05354521</t>
  </si>
  <si>
    <t>cg05357527</t>
  </si>
  <si>
    <t>cg05359376</t>
  </si>
  <si>
    <t>cg05361728</t>
  </si>
  <si>
    <t>cg05364326</t>
  </si>
  <si>
    <t>cg05366495</t>
  </si>
  <si>
    <t>cg05369926</t>
  </si>
  <si>
    <t>cg05373251</t>
  </si>
  <si>
    <t>cg05375741</t>
  </si>
  <si>
    <t>cg05377417</t>
  </si>
  <si>
    <t>cg05390018</t>
  </si>
  <si>
    <t>cg05395061</t>
  </si>
  <si>
    <t>cg05396212</t>
  </si>
  <si>
    <t>cg05396584</t>
  </si>
  <si>
    <t>cg05397535</t>
  </si>
  <si>
    <t>cg05410012</t>
  </si>
  <si>
    <t>cg05415496</t>
  </si>
  <si>
    <t>cg05419696</t>
  </si>
  <si>
    <t>cg05434952</t>
  </si>
  <si>
    <t>cg05445638</t>
  </si>
  <si>
    <t>cg05446253</t>
  </si>
  <si>
    <t>cg05447483</t>
  </si>
  <si>
    <t>cg05462360</t>
  </si>
  <si>
    <t>cg05465955</t>
  </si>
  <si>
    <t>cg05468243</t>
  </si>
  <si>
    <t>cg05471169</t>
  </si>
  <si>
    <t>cg05482832</t>
  </si>
  <si>
    <t>cg05484949</t>
  </si>
  <si>
    <t>cg05488523</t>
  </si>
  <si>
    <t>cg05490023</t>
  </si>
  <si>
    <t>cg05501509</t>
  </si>
  <si>
    <t>cg05503916</t>
  </si>
  <si>
    <t>cg05512684</t>
  </si>
  <si>
    <t>cg05520308</t>
  </si>
  <si>
    <t>cg05523449</t>
  </si>
  <si>
    <t>cg05523653</t>
  </si>
  <si>
    <t>cg05526731</t>
  </si>
  <si>
    <t>cg05529097</t>
  </si>
  <si>
    <t>cg05529816</t>
  </si>
  <si>
    <t>cg05530021</t>
  </si>
  <si>
    <t>cg05550692</t>
  </si>
  <si>
    <t>cg05552144</t>
  </si>
  <si>
    <t>cg05557449</t>
  </si>
  <si>
    <t>cg05561386</t>
  </si>
  <si>
    <t>cg05562381</t>
  </si>
  <si>
    <t>cg05562836</t>
  </si>
  <si>
    <t>cg05568678</t>
  </si>
  <si>
    <t>cg05568761</t>
  </si>
  <si>
    <t>cg05568941</t>
  </si>
  <si>
    <t>cg05580667</t>
  </si>
  <si>
    <t>cg05590233</t>
  </si>
  <si>
    <t>cg05592278</t>
  </si>
  <si>
    <t>cg05593834</t>
  </si>
  <si>
    <t>cg05595885</t>
  </si>
  <si>
    <t>cg05599536</t>
  </si>
  <si>
    <t>cg05611007</t>
  </si>
  <si>
    <t>cg05612656</t>
  </si>
  <si>
    <t>cg05616550</t>
  </si>
  <si>
    <t>cg05618386</t>
  </si>
  <si>
    <t>cg05625806</t>
  </si>
  <si>
    <t>cg05636593</t>
  </si>
  <si>
    <t>cg05637945</t>
  </si>
  <si>
    <t>cg05645557</t>
  </si>
  <si>
    <t>cg05647756</t>
  </si>
  <si>
    <t>cg05651778</t>
  </si>
  <si>
    <t>cg05653753</t>
  </si>
  <si>
    <t>cg05654197</t>
  </si>
  <si>
    <t>cg05676450</t>
  </si>
  <si>
    <t>cg05702024</t>
  </si>
  <si>
    <t>cg05709655</t>
  </si>
  <si>
    <t>cg05717478</t>
  </si>
  <si>
    <t>cg05717794</t>
  </si>
  <si>
    <t>cg05721365</t>
  </si>
  <si>
    <t>cg05726661</t>
  </si>
  <si>
    <t>cg05733905</t>
  </si>
  <si>
    <t>cg05735639</t>
  </si>
  <si>
    <t>cg05735782</t>
  </si>
  <si>
    <t>cg05745622</t>
  </si>
  <si>
    <t>cg05748073</t>
  </si>
  <si>
    <t>cg05764403</t>
  </si>
  <si>
    <t>cg05765482</t>
  </si>
  <si>
    <t>cg05771398</t>
  </si>
  <si>
    <t>cg05772218</t>
  </si>
  <si>
    <t>cg05781826</t>
  </si>
  <si>
    <t>cg05796909</t>
  </si>
  <si>
    <t>cg05798107</t>
  </si>
  <si>
    <t>cg05810363</t>
  </si>
  <si>
    <t>cg05810949</t>
  </si>
  <si>
    <t>cg05811247</t>
  </si>
  <si>
    <t>cg05815411</t>
  </si>
  <si>
    <t>cg05827058</t>
  </si>
  <si>
    <t>cg05827546</t>
  </si>
  <si>
    <t>cg05830141</t>
  </si>
  <si>
    <t>cg05832119</t>
  </si>
  <si>
    <t>cg05836286</t>
  </si>
  <si>
    <t>cg05836646</t>
  </si>
  <si>
    <t>cg05838155</t>
  </si>
  <si>
    <t>cg05845533</t>
  </si>
  <si>
    <t>cg05846365</t>
  </si>
  <si>
    <t>cg05852395</t>
  </si>
  <si>
    <t>cg05853039</t>
  </si>
  <si>
    <t>cg05856321</t>
  </si>
  <si>
    <t>cg05863534</t>
  </si>
  <si>
    <t>cg05865011</t>
  </si>
  <si>
    <t>cg05865679</t>
  </si>
  <si>
    <t>cg05873234</t>
  </si>
  <si>
    <t>cg05877788</t>
  </si>
  <si>
    <t>cg05880217</t>
  </si>
  <si>
    <t>cg05882680</t>
  </si>
  <si>
    <t>cg05884756</t>
  </si>
  <si>
    <t>cg05886469</t>
  </si>
  <si>
    <t>cg05886546</t>
  </si>
  <si>
    <t>cg05888362</t>
  </si>
  <si>
    <t>cg05890550</t>
  </si>
  <si>
    <t>cg05895930</t>
  </si>
  <si>
    <t>cg05896714</t>
  </si>
  <si>
    <t>cg05913233</t>
  </si>
  <si>
    <t>cg05916671</t>
  </si>
  <si>
    <t>cg05916684</t>
  </si>
  <si>
    <t>cg05918002</t>
  </si>
  <si>
    <t>cg05920725</t>
  </si>
  <si>
    <t>cg05921834</t>
  </si>
  <si>
    <t>cg05926928</t>
  </si>
  <si>
    <t>cg05928904</t>
  </si>
  <si>
    <t>cg05933116</t>
  </si>
  <si>
    <t>cg05933803</t>
  </si>
  <si>
    <t>cg05943368</t>
  </si>
  <si>
    <t>cg05945782</t>
  </si>
  <si>
    <t>cg05949524</t>
  </si>
  <si>
    <t>cg05951576</t>
  </si>
  <si>
    <t>cg05952120</t>
  </si>
  <si>
    <t>cg05952666</t>
  </si>
  <si>
    <t>cg05955013</t>
  </si>
  <si>
    <t>cg05978306</t>
  </si>
  <si>
    <t>cg05979501</t>
  </si>
  <si>
    <t>cg05981907</t>
  </si>
  <si>
    <t>cg05982686</t>
  </si>
  <si>
    <t>cg05991401</t>
  </si>
  <si>
    <t>cg05991442</t>
  </si>
  <si>
    <t>cg05995260</t>
  </si>
  <si>
    <t>cg06011292</t>
  </si>
  <si>
    <t>cg06013127</t>
  </si>
  <si>
    <t>cg06014083</t>
  </si>
  <si>
    <t>cg06024236</t>
  </si>
  <si>
    <t>cg06027620</t>
  </si>
  <si>
    <t>cg06050495</t>
  </si>
  <si>
    <t>cg06061257</t>
  </si>
  <si>
    <t>cg06067573</t>
  </si>
  <si>
    <t>cg06069179</t>
  </si>
  <si>
    <t>cg06074143</t>
  </si>
  <si>
    <t>cg06088188</t>
  </si>
  <si>
    <t>cg06091013</t>
  </si>
  <si>
    <t>cg06094642</t>
  </si>
  <si>
    <t>cg06096901</t>
  </si>
  <si>
    <t>cg06100756</t>
  </si>
  <si>
    <t>cg06126721</t>
  </si>
  <si>
    <t>cg06128893</t>
  </si>
  <si>
    <t>cg06141978</t>
  </si>
  <si>
    <t>cg06144469</t>
  </si>
  <si>
    <t>cg06151744</t>
  </si>
  <si>
    <t>cg06153925</t>
  </si>
  <si>
    <t>cg06154419</t>
  </si>
  <si>
    <t>cg06164185</t>
  </si>
  <si>
    <t>cg06168050</t>
  </si>
  <si>
    <t>cg06178387</t>
  </si>
  <si>
    <t>cg06185817</t>
  </si>
  <si>
    <t>cg06191091</t>
  </si>
  <si>
    <t>cg06194421</t>
  </si>
  <si>
    <t>cg06210215</t>
  </si>
  <si>
    <t>cg06211877</t>
  </si>
  <si>
    <t>cg06214745</t>
  </si>
  <si>
    <t>cg06218622</t>
  </si>
  <si>
    <t>cg06234966</t>
  </si>
  <si>
    <t>cg06236312</t>
  </si>
  <si>
    <t>cg06237697</t>
  </si>
  <si>
    <t>cg06238004</t>
  </si>
  <si>
    <t>cg06238426</t>
  </si>
  <si>
    <t>cg06240275</t>
  </si>
  <si>
    <t>cg06254214</t>
  </si>
  <si>
    <t>cg06257708</t>
  </si>
  <si>
    <t>cg06258155</t>
  </si>
  <si>
    <t>cg06259406</t>
  </si>
  <si>
    <t>cg06266993</t>
  </si>
  <si>
    <t>cg06270802</t>
  </si>
  <si>
    <t>cg06285925</t>
  </si>
  <si>
    <t>cg06287951</t>
  </si>
  <si>
    <t>cg06292198</t>
  </si>
  <si>
    <t>cg06299568</t>
  </si>
  <si>
    <t>cg06300336</t>
  </si>
  <si>
    <t>cg06306927</t>
  </si>
  <si>
    <t>cg06307169</t>
  </si>
  <si>
    <t>cg06312003</t>
  </si>
  <si>
    <t>cg06316056</t>
  </si>
  <si>
    <t>cg06316315</t>
  </si>
  <si>
    <t>cg06324707</t>
  </si>
  <si>
    <t>cg06325889</t>
  </si>
  <si>
    <t>cg06330593</t>
  </si>
  <si>
    <t>cg06331970</t>
  </si>
  <si>
    <t>cg06332842</t>
  </si>
  <si>
    <t>cg06341202</t>
  </si>
  <si>
    <t>cg06345277</t>
  </si>
  <si>
    <t>cg06345789</t>
  </si>
  <si>
    <t>cg06350203</t>
  </si>
  <si>
    <t>cg06350353</t>
  </si>
  <si>
    <t>cg06353318</t>
  </si>
  <si>
    <t>cg06359302</t>
  </si>
  <si>
    <t>cg06365535</t>
  </si>
  <si>
    <t>cg06366062</t>
  </si>
  <si>
    <t>cg06379858</t>
  </si>
  <si>
    <t>cg06380459</t>
  </si>
  <si>
    <t>cg06382028</t>
  </si>
  <si>
    <t>cg06382786</t>
  </si>
  <si>
    <t>cg06383759</t>
  </si>
  <si>
    <t>cg06389444</t>
  </si>
  <si>
    <t>cg06390411</t>
  </si>
  <si>
    <t>cg06390585</t>
  </si>
  <si>
    <t>cg06391762</t>
  </si>
  <si>
    <t>cg06394446</t>
  </si>
  <si>
    <t>cg06401579</t>
  </si>
  <si>
    <t>cg06407111</t>
  </si>
  <si>
    <t>cg06419850</t>
  </si>
  <si>
    <t>cg06419964</t>
  </si>
  <si>
    <t>cg06420058</t>
  </si>
  <si>
    <t>cg06421238</t>
  </si>
  <si>
    <t>cg06421633</t>
  </si>
  <si>
    <t>cg06424594</t>
  </si>
  <si>
    <t>cg06437144</t>
  </si>
  <si>
    <t>cg06442865</t>
  </si>
  <si>
    <t>cg06443175</t>
  </si>
  <si>
    <t>cg06446895</t>
  </si>
  <si>
    <t>cg06449742</t>
  </si>
  <si>
    <t>cg06452354</t>
  </si>
  <si>
    <t>cg06456071</t>
  </si>
  <si>
    <t>cg06456958</t>
  </si>
  <si>
    <t>cg06462174</t>
  </si>
  <si>
    <t>cg06463097</t>
  </si>
  <si>
    <t>cg06468454</t>
  </si>
  <si>
    <t>cg06468969</t>
  </si>
  <si>
    <t>cg06474323</t>
  </si>
  <si>
    <t>cg06478195</t>
  </si>
  <si>
    <t>cg06480695</t>
  </si>
  <si>
    <t>cg06482074</t>
  </si>
  <si>
    <t>cg06488395</t>
  </si>
  <si>
    <t>cg06489606</t>
  </si>
  <si>
    <t>cg06503715</t>
  </si>
  <si>
    <t>cg06503831</t>
  </si>
  <si>
    <t>cg06505999</t>
  </si>
  <si>
    <t>cg06511389</t>
  </si>
  <si>
    <t>cg06514855</t>
  </si>
  <si>
    <t>cg06518763</t>
  </si>
  <si>
    <t>cg06519044</t>
  </si>
  <si>
    <t>cg06530270</t>
  </si>
  <si>
    <t>cg06554744</t>
  </si>
  <si>
    <t>cg06557376</t>
  </si>
  <si>
    <t>cg06557887</t>
  </si>
  <si>
    <t>cg06559874</t>
  </si>
  <si>
    <t>cg06570311</t>
  </si>
  <si>
    <t>cg06575876</t>
  </si>
  <si>
    <t>cg06582663</t>
  </si>
  <si>
    <t>cg06590119</t>
  </si>
  <si>
    <t>cg06596329</t>
  </si>
  <si>
    <t>cg06598332</t>
  </si>
  <si>
    <t>cg06607764</t>
  </si>
  <si>
    <t>cg06610204</t>
  </si>
  <si>
    <t>cg06610548</t>
  </si>
  <si>
    <t>cg06636541</t>
  </si>
  <si>
    <t>cg06644359</t>
  </si>
  <si>
    <t>cg06653045</t>
  </si>
  <si>
    <t>cg06653773</t>
  </si>
  <si>
    <t>cg06654691</t>
  </si>
  <si>
    <t>cg06673794</t>
  </si>
  <si>
    <t>cg06679494</t>
  </si>
  <si>
    <t>cg06685177</t>
  </si>
  <si>
    <t>cg06699063</t>
  </si>
  <si>
    <t>cg06700146</t>
  </si>
  <si>
    <t>cg06703366</t>
  </si>
  <si>
    <t>cg06703435</t>
  </si>
  <si>
    <t>cg06710522</t>
  </si>
  <si>
    <t>cg06720017</t>
  </si>
  <si>
    <t>cg06740354</t>
  </si>
  <si>
    <t>cg06745955</t>
  </si>
  <si>
    <t>cg06747916</t>
  </si>
  <si>
    <t>cg06756931</t>
  </si>
  <si>
    <t>cg06759189</t>
  </si>
  <si>
    <t>cg06761338</t>
  </si>
  <si>
    <t>cg06765373</t>
  </si>
  <si>
    <t>cg06766427</t>
  </si>
  <si>
    <t>cg06775073</t>
  </si>
  <si>
    <t>cg06775644</t>
  </si>
  <si>
    <t>cg06785746</t>
  </si>
  <si>
    <t>cg06788816</t>
  </si>
  <si>
    <t>cg06789686</t>
  </si>
  <si>
    <t>cg06789856</t>
  </si>
  <si>
    <t>cg06792154</t>
  </si>
  <si>
    <t>cg06795963</t>
  </si>
  <si>
    <t>cg06797835</t>
  </si>
  <si>
    <t>cg06799298</t>
  </si>
  <si>
    <t>cg06799305</t>
  </si>
  <si>
    <t>cg06803850</t>
  </si>
  <si>
    <t>cg06804311</t>
  </si>
  <si>
    <t>cg06807993</t>
  </si>
  <si>
    <t>cg06809823</t>
  </si>
  <si>
    <t>cg06817490</t>
  </si>
  <si>
    <t>cg06830702</t>
  </si>
  <si>
    <t>cg06840930</t>
  </si>
  <si>
    <t>cg06841846</t>
  </si>
  <si>
    <t>cg06844165</t>
  </si>
  <si>
    <t>cg06848185</t>
  </si>
  <si>
    <t>cg06848514</t>
  </si>
  <si>
    <t>cg06852605</t>
  </si>
  <si>
    <t>cg06856735</t>
  </si>
  <si>
    <t>cg06862673</t>
  </si>
  <si>
    <t>cg06869212</t>
  </si>
  <si>
    <t>cg06892217</t>
  </si>
  <si>
    <t>cg06896906</t>
  </si>
  <si>
    <t>cg06899192</t>
  </si>
  <si>
    <t>cg06900229</t>
  </si>
  <si>
    <t>cg06906268</t>
  </si>
  <si>
    <t>cg06907580</t>
  </si>
  <si>
    <t>cg06925984</t>
  </si>
  <si>
    <t>cg06931941</t>
  </si>
  <si>
    <t>cg06932713</t>
  </si>
  <si>
    <t>cg06934988</t>
  </si>
  <si>
    <t>cg06941557</t>
  </si>
  <si>
    <t>cg06942159</t>
  </si>
  <si>
    <t>cg06942197</t>
  </si>
  <si>
    <t>cg06943371</t>
  </si>
  <si>
    <t>cg06959103</t>
  </si>
  <si>
    <t>cg06960824</t>
  </si>
  <si>
    <t>cg06962857</t>
  </si>
  <si>
    <t>cg06968724</t>
  </si>
  <si>
    <t>cg06971418</t>
  </si>
  <si>
    <t>cg06973753</t>
  </si>
  <si>
    <t>cg06986705</t>
  </si>
  <si>
    <t>cg06995624</t>
  </si>
  <si>
    <t>cg07000245</t>
  </si>
  <si>
    <t>cg07002602</t>
  </si>
  <si>
    <t>cg07003587</t>
  </si>
  <si>
    <t>cg07010552</t>
  </si>
  <si>
    <t>cg07010761</t>
  </si>
  <si>
    <t>cg07012091</t>
  </si>
  <si>
    <t>cg07015911</t>
  </si>
  <si>
    <t>cg07016556</t>
  </si>
  <si>
    <t>cg07029396</t>
  </si>
  <si>
    <t>cg07030951</t>
  </si>
  <si>
    <t>cg07036914</t>
  </si>
  <si>
    <t>cg07042725</t>
  </si>
  <si>
    <t>cg07049352</t>
  </si>
  <si>
    <t>cg07050032</t>
  </si>
  <si>
    <t>cg07050772</t>
  </si>
  <si>
    <t>cg07058528</t>
  </si>
  <si>
    <t>cg07075026</t>
  </si>
  <si>
    <t>cg07075238</t>
  </si>
  <si>
    <t>cg07078467</t>
  </si>
  <si>
    <t>cg07078622</t>
  </si>
  <si>
    <t>cg07083667</t>
  </si>
  <si>
    <t>cg07086719</t>
  </si>
  <si>
    <t>cg07089834</t>
  </si>
  <si>
    <t>cg07095230</t>
  </si>
  <si>
    <t>cg07097265</t>
  </si>
  <si>
    <t>cg07097636</t>
  </si>
  <si>
    <t>cg07098405</t>
  </si>
  <si>
    <t>cg07099767</t>
  </si>
  <si>
    <t>cg07101841</t>
  </si>
  <si>
    <t>cg07104895</t>
  </si>
  <si>
    <t>cg07106832</t>
  </si>
  <si>
    <t>cg07110356</t>
  </si>
  <si>
    <t>cg07114009</t>
  </si>
  <si>
    <t>cg07116015</t>
  </si>
  <si>
    <t>cg07126783</t>
  </si>
  <si>
    <t>cg07128379</t>
  </si>
  <si>
    <t>cg07138452</t>
  </si>
  <si>
    <t>cg07139928</t>
  </si>
  <si>
    <t>cg07143451</t>
  </si>
  <si>
    <t>cg07146173</t>
  </si>
  <si>
    <t>cg07148818</t>
  </si>
  <si>
    <t>cg07154956</t>
  </si>
  <si>
    <t>cg07156424</t>
  </si>
  <si>
    <t>cg07158701</t>
  </si>
  <si>
    <t>cg07162665</t>
  </si>
  <si>
    <t>cg07167554</t>
  </si>
  <si>
    <t>cg07204069</t>
  </si>
  <si>
    <t>cg07206676</t>
  </si>
  <si>
    <t>cg07207652</t>
  </si>
  <si>
    <t>cg07208908</t>
  </si>
  <si>
    <t>cg07218516</t>
  </si>
  <si>
    <t>cg07219667</t>
  </si>
  <si>
    <t>cg07248223</t>
  </si>
  <si>
    <t>cg07253500</t>
  </si>
  <si>
    <t>cg07257042</t>
  </si>
  <si>
    <t>cg07267550</t>
  </si>
  <si>
    <t>cg07268319</t>
  </si>
  <si>
    <t>cg07274618</t>
  </si>
  <si>
    <t>cg07280482</t>
  </si>
  <si>
    <t>cg07283595</t>
  </si>
  <si>
    <t>cg07287188</t>
  </si>
  <si>
    <t>cg07287949</t>
  </si>
  <si>
    <t>cg07292445</t>
  </si>
  <si>
    <t>cg07309904</t>
  </si>
  <si>
    <t>cg07314038</t>
  </si>
  <si>
    <t>cg07317616</t>
  </si>
  <si>
    <t>cg07323648</t>
  </si>
  <si>
    <t>cg07325827</t>
  </si>
  <si>
    <t>cg07330481</t>
  </si>
  <si>
    <t>cg07332330</t>
  </si>
  <si>
    <t>cg07335357</t>
  </si>
  <si>
    <t>cg07335397</t>
  </si>
  <si>
    <t>cg07335619</t>
  </si>
  <si>
    <t>cg07336751</t>
  </si>
  <si>
    <t>cg07350163</t>
  </si>
  <si>
    <t>cg07365960</t>
  </si>
  <si>
    <t>cg07369606</t>
  </si>
  <si>
    <t>cg07370464</t>
  </si>
  <si>
    <t>cg07371504</t>
  </si>
  <si>
    <t>cg07388903</t>
  </si>
  <si>
    <t>cg07389205</t>
  </si>
  <si>
    <t>cg07406897</t>
  </si>
  <si>
    <t>cg07407787</t>
  </si>
  <si>
    <t>cg07416875</t>
  </si>
  <si>
    <t>cg07425985</t>
  </si>
  <si>
    <t>cg07428439</t>
  </si>
  <si>
    <t>cg07438617</t>
  </si>
  <si>
    <t>cg07439157</t>
  </si>
  <si>
    <t>cg07441156</t>
  </si>
  <si>
    <t>cg07450393</t>
  </si>
  <si>
    <t>cg07454620</t>
  </si>
  <si>
    <t>cg07456314</t>
  </si>
  <si>
    <t>cg07467765</t>
  </si>
  <si>
    <t>cg07475394</t>
  </si>
  <si>
    <t>cg07481784</t>
  </si>
  <si>
    <t>cg07497520</t>
  </si>
  <si>
    <t>cg07527330</t>
  </si>
  <si>
    <t>cg07528363</t>
  </si>
  <si>
    <t>cg07530530</t>
  </si>
  <si>
    <t>cg07531037</t>
  </si>
  <si>
    <t>cg07535751</t>
  </si>
  <si>
    <t>cg07536452</t>
  </si>
  <si>
    <t>cg07540103</t>
  </si>
  <si>
    <t>cg07546558</t>
  </si>
  <si>
    <t>cg07548925</t>
  </si>
  <si>
    <t>cg07563569</t>
  </si>
  <si>
    <t>cg07564175</t>
  </si>
  <si>
    <t>cg07565928</t>
  </si>
  <si>
    <t>cg07584066</t>
  </si>
  <si>
    <t>cg07585069</t>
  </si>
  <si>
    <t>cg07596482</t>
  </si>
  <si>
    <t>cg07604589</t>
  </si>
  <si>
    <t>cg07616990</t>
  </si>
  <si>
    <t>cg07628086</t>
  </si>
  <si>
    <t>cg07663964</t>
  </si>
  <si>
    <t>cg07665510</t>
  </si>
  <si>
    <t>cg07671620</t>
  </si>
  <si>
    <t>cg07674834</t>
  </si>
  <si>
    <t>cg07695566</t>
  </si>
  <si>
    <t>cg07697321</t>
  </si>
  <si>
    <t>cg07704554</t>
  </si>
  <si>
    <t>cg07707031</t>
  </si>
  <si>
    <t>cg07733457</t>
  </si>
  <si>
    <t>cg07733567</t>
  </si>
  <si>
    <t>cg07734359</t>
  </si>
  <si>
    <t>cg07739179</t>
  </si>
  <si>
    <t>cg07741182</t>
  </si>
  <si>
    <t>cg07767672</t>
  </si>
  <si>
    <t>cg07782795</t>
  </si>
  <si>
    <t>cg07786220</t>
  </si>
  <si>
    <t>cg07787995</t>
  </si>
  <si>
    <t>cg07805959</t>
  </si>
  <si>
    <t>cg07830534</t>
  </si>
  <si>
    <t>cg07832738</t>
  </si>
  <si>
    <t>cg07834574</t>
  </si>
  <si>
    <t>cg07835141</t>
  </si>
  <si>
    <t>cg07836815</t>
  </si>
  <si>
    <t>cg07838495</t>
  </si>
  <si>
    <t>cg07845581</t>
  </si>
  <si>
    <t>cg07852793</t>
  </si>
  <si>
    <t>cg07853992</t>
  </si>
  <si>
    <t>cg07855056</t>
  </si>
  <si>
    <t>cg07861373</t>
  </si>
  <si>
    <t>cg07862083</t>
  </si>
  <si>
    <t>cg07862889</t>
  </si>
  <si>
    <t>cg07863022</t>
  </si>
  <si>
    <t>cg07880005</t>
  </si>
  <si>
    <t>cg07882831</t>
  </si>
  <si>
    <t>cg07885191</t>
  </si>
  <si>
    <t>cg07885289</t>
  </si>
  <si>
    <t>cg07888347</t>
  </si>
  <si>
    <t>cg07889337</t>
  </si>
  <si>
    <t>cg07892449</t>
  </si>
  <si>
    <t>cg07895132</t>
  </si>
  <si>
    <t>cg07897831</t>
  </si>
  <si>
    <t>cg07899794</t>
  </si>
  <si>
    <t>cg07899956</t>
  </si>
  <si>
    <t>cg07917836</t>
  </si>
  <si>
    <t>cg07922204</t>
  </si>
  <si>
    <t>cg07925619</t>
  </si>
  <si>
    <t>cg07929164</t>
  </si>
  <si>
    <t>cg07940793</t>
  </si>
  <si>
    <t>cg07941529</t>
  </si>
  <si>
    <t>cg07944724</t>
  </si>
  <si>
    <t>cg07944798</t>
  </si>
  <si>
    <t>cg07945335</t>
  </si>
  <si>
    <t>cg07946277</t>
  </si>
  <si>
    <t>cg07964113</t>
  </si>
  <si>
    <t>cg07971820</t>
  </si>
  <si>
    <t>cg07990843</t>
  </si>
  <si>
    <t>cg07991479</t>
  </si>
  <si>
    <t>cg07991600</t>
  </si>
  <si>
    <t>cg08001603</t>
  </si>
  <si>
    <t>cg08006076</t>
  </si>
  <si>
    <t>cg08011255</t>
  </si>
  <si>
    <t>cg08014994</t>
  </si>
  <si>
    <t>cg08024316</t>
  </si>
  <si>
    <t>cg08024766</t>
  </si>
  <si>
    <t>cg08033114</t>
  </si>
  <si>
    <t>cg08034643</t>
  </si>
  <si>
    <t>cg08039301</t>
  </si>
  <si>
    <t>cg08039704</t>
  </si>
  <si>
    <t>cg08040148</t>
  </si>
  <si>
    <t>cg08040395</t>
  </si>
  <si>
    <t>cg08048620</t>
  </si>
  <si>
    <t>cg08049640</t>
  </si>
  <si>
    <t>cg08058191</t>
  </si>
  <si>
    <t>cg08067721</t>
  </si>
  <si>
    <t>cg08076108</t>
  </si>
  <si>
    <t>cg08079518</t>
  </si>
  <si>
    <t>cg08086652</t>
  </si>
  <si>
    <t>cg08089301</t>
  </si>
  <si>
    <t>cg08089518</t>
  </si>
  <si>
    <t>cg08108321</t>
  </si>
  <si>
    <t>cg08111106</t>
  </si>
  <si>
    <t>cg08112448</t>
  </si>
  <si>
    <t>cg08113639</t>
  </si>
  <si>
    <t>cg08115732</t>
  </si>
  <si>
    <t>cg08119847</t>
  </si>
  <si>
    <t>cg08122232</t>
  </si>
  <si>
    <t>cg08122789</t>
  </si>
  <si>
    <t>cg08124910</t>
  </si>
  <si>
    <t>cg08128889</t>
  </si>
  <si>
    <t>cg08151857</t>
  </si>
  <si>
    <t>cg08153595</t>
  </si>
  <si>
    <t>cg08154101</t>
  </si>
  <si>
    <t>cg08155116</t>
  </si>
  <si>
    <t>cg08165592</t>
  </si>
  <si>
    <t>cg08169394</t>
  </si>
  <si>
    <t>cg08170745</t>
  </si>
  <si>
    <t>cg08186671</t>
  </si>
  <si>
    <t>cg08187083</t>
  </si>
  <si>
    <t>cg08187845</t>
  </si>
  <si>
    <t>cg08194009</t>
  </si>
  <si>
    <t>cg08215334</t>
  </si>
  <si>
    <t>cg08217660</t>
  </si>
  <si>
    <t>cg08224763</t>
  </si>
  <si>
    <t>cg08228715</t>
  </si>
  <si>
    <t>cg08229907</t>
  </si>
  <si>
    <t>cg08278108</t>
  </si>
  <si>
    <t>cg08278246</t>
  </si>
  <si>
    <t>cg08284496</t>
  </si>
  <si>
    <t>cg08284801</t>
  </si>
  <si>
    <t>cg08285388</t>
  </si>
  <si>
    <t>cg08285630</t>
  </si>
  <si>
    <t>cg08293097</t>
  </si>
  <si>
    <t>cg08296680</t>
  </si>
  <si>
    <t>cg08304478</t>
  </si>
  <si>
    <t>cg08308286</t>
  </si>
  <si>
    <t>cg08313880</t>
  </si>
  <si>
    <t>cg08314543</t>
  </si>
  <si>
    <t>cg08315130</t>
  </si>
  <si>
    <t>cg08319103</t>
  </si>
  <si>
    <t>cg08322244</t>
  </si>
  <si>
    <t>cg08323893</t>
  </si>
  <si>
    <t>cg08330690</t>
  </si>
  <si>
    <t>cg08332908</t>
  </si>
  <si>
    <t>cg08339324</t>
  </si>
  <si>
    <t>cg08345719</t>
  </si>
  <si>
    <t>cg08349573</t>
  </si>
  <si>
    <t>cg08355301</t>
  </si>
  <si>
    <t>cg08357436</t>
  </si>
  <si>
    <t>cg08358166</t>
  </si>
  <si>
    <t>cg08360631</t>
  </si>
  <si>
    <t>cg08362273</t>
  </si>
  <si>
    <t>cg08367465</t>
  </si>
  <si>
    <t>cg08378505</t>
  </si>
  <si>
    <t>cg08382542</t>
  </si>
  <si>
    <t>cg08384146</t>
  </si>
  <si>
    <t>cg08386886</t>
  </si>
  <si>
    <t>cg08409113</t>
  </si>
  <si>
    <t>cg08409553</t>
  </si>
  <si>
    <t>cg08410301</t>
  </si>
  <si>
    <t>cg08436643</t>
  </si>
  <si>
    <t>cg08446900</t>
  </si>
  <si>
    <t>cg08449860</t>
  </si>
  <si>
    <t>cg08451035</t>
  </si>
  <si>
    <t>cg08454053</t>
  </si>
  <si>
    <t>cg08458121</t>
  </si>
  <si>
    <t>cg08486637</t>
  </si>
  <si>
    <t>cg08488915</t>
  </si>
  <si>
    <t>cg08491221</t>
  </si>
  <si>
    <t>cg08493106</t>
  </si>
  <si>
    <t>cg08496503</t>
  </si>
  <si>
    <t>cg08496953</t>
  </si>
  <si>
    <t>cg08498539</t>
  </si>
  <si>
    <t>cg08500763</t>
  </si>
  <si>
    <t>cg08505076</t>
  </si>
  <si>
    <t>cg08512882</t>
  </si>
  <si>
    <t>cg08515811</t>
  </si>
  <si>
    <t>cg08521677</t>
  </si>
  <si>
    <t>cg08525476</t>
  </si>
  <si>
    <t>cg08533865</t>
  </si>
  <si>
    <t>cg08537418</t>
  </si>
  <si>
    <t>cg08545422</t>
  </si>
  <si>
    <t>cg08547499</t>
  </si>
  <si>
    <t>cg08547691</t>
  </si>
  <si>
    <t>cg08556938</t>
  </si>
  <si>
    <t>cg08569242</t>
  </si>
  <si>
    <t>cg08574915</t>
  </si>
  <si>
    <t>cg08577046</t>
  </si>
  <si>
    <t>cg08581937</t>
  </si>
  <si>
    <t>cg08592707</t>
  </si>
  <si>
    <t>cg08594218</t>
  </si>
  <si>
    <t>cg08594632</t>
  </si>
  <si>
    <t>cg08605326</t>
  </si>
  <si>
    <t>cg08606174</t>
  </si>
  <si>
    <t>cg08606951</t>
  </si>
  <si>
    <t>cg08638939</t>
  </si>
  <si>
    <t>cg08651631</t>
  </si>
  <si>
    <t>cg08661469</t>
  </si>
  <si>
    <t>cg08663552</t>
  </si>
  <si>
    <t>cg08667899</t>
  </si>
  <si>
    <t>cg08668997</t>
  </si>
  <si>
    <t>cg08676585</t>
  </si>
  <si>
    <t>cg08676730</t>
  </si>
  <si>
    <t>cg08677655</t>
  </si>
  <si>
    <t>cg08679808</t>
  </si>
  <si>
    <t>cg08680239</t>
  </si>
  <si>
    <t>cg08686293</t>
  </si>
  <si>
    <t>cg08698015</t>
  </si>
  <si>
    <t>cg08701551</t>
  </si>
  <si>
    <t>cg08731068</t>
  </si>
  <si>
    <t>cg08732594</t>
  </si>
  <si>
    <t>cg08734194</t>
  </si>
  <si>
    <t>cg08745599</t>
  </si>
  <si>
    <t>cg08753172</t>
  </si>
  <si>
    <t>cg08757611</t>
  </si>
  <si>
    <t>cg08757721</t>
  </si>
  <si>
    <t>cg08782899</t>
  </si>
  <si>
    <t>cg08787268</t>
  </si>
  <si>
    <t>cg08787964</t>
  </si>
  <si>
    <t>cg08790212</t>
  </si>
  <si>
    <t>cg08793894</t>
  </si>
  <si>
    <t>cg08804421</t>
  </si>
  <si>
    <t>cg08806622</t>
  </si>
  <si>
    <t>cg08813944</t>
  </si>
  <si>
    <t>cg08816869</t>
  </si>
  <si>
    <t>cg08817483</t>
  </si>
  <si>
    <t>cg08817507</t>
  </si>
  <si>
    <t>cg08822737</t>
  </si>
  <si>
    <t>cg08835847</t>
  </si>
  <si>
    <t>cg08838610</t>
  </si>
  <si>
    <t>cg08838784</t>
  </si>
  <si>
    <t>cg08843809</t>
  </si>
  <si>
    <t>cg08845329</t>
  </si>
  <si>
    <t>cg08852879</t>
  </si>
  <si>
    <t>cg08852894</t>
  </si>
  <si>
    <t>cg08856697</t>
  </si>
  <si>
    <t>cg08860136</t>
  </si>
  <si>
    <t>cg08866639</t>
  </si>
  <si>
    <t>cg08880486</t>
  </si>
  <si>
    <t>cg08884368</t>
  </si>
  <si>
    <t>cg08885316</t>
  </si>
  <si>
    <t>cg08886727</t>
  </si>
  <si>
    <t>cg08891406</t>
  </si>
  <si>
    <t>cg08897132</t>
  </si>
  <si>
    <t>cg08898192</t>
  </si>
  <si>
    <t>cg08898873</t>
  </si>
  <si>
    <t>cg08900833</t>
  </si>
  <si>
    <t>cg08939850</t>
  </si>
  <si>
    <t>cg08940097</t>
  </si>
  <si>
    <t>cg08941195</t>
  </si>
  <si>
    <t>cg08956510</t>
  </si>
  <si>
    <t>cg08959305</t>
  </si>
  <si>
    <t>cg08961558</t>
  </si>
  <si>
    <t>cg08963258</t>
  </si>
  <si>
    <t>cg08967802</t>
  </si>
  <si>
    <t>cg08971281</t>
  </si>
  <si>
    <t>cg08983961</t>
  </si>
  <si>
    <t>cg08989441</t>
  </si>
  <si>
    <t>cg08989921</t>
  </si>
  <si>
    <t>cg08990514</t>
  </si>
  <si>
    <t>cg08991401</t>
  </si>
  <si>
    <t>cg09002677</t>
  </si>
  <si>
    <t>cg09009644</t>
  </si>
  <si>
    <t>cg09010067</t>
  </si>
  <si>
    <t>cg09013220</t>
  </si>
  <si>
    <t>cg09026875</t>
  </si>
  <si>
    <t>cg09031716</t>
  </si>
  <si>
    <t>cg09032487</t>
  </si>
  <si>
    <t>cg09038962</t>
  </si>
  <si>
    <t>cg09065876</t>
  </si>
  <si>
    <t>cg09084936</t>
  </si>
  <si>
    <t>cg09086740</t>
  </si>
  <si>
    <t>cg09096555</t>
  </si>
  <si>
    <t>cg09102835</t>
  </si>
  <si>
    <t>cg09123026</t>
  </si>
  <si>
    <t>cg09130077</t>
  </si>
  <si>
    <t>cg09130288</t>
  </si>
  <si>
    <t>cg09130658</t>
  </si>
  <si>
    <t>cg09133953</t>
  </si>
  <si>
    <t>cg09134682</t>
  </si>
  <si>
    <t>cg09135695</t>
  </si>
  <si>
    <t>cg09136551</t>
  </si>
  <si>
    <t>cg09138892</t>
  </si>
  <si>
    <t>cg09141038</t>
  </si>
  <si>
    <t>cg09141351</t>
  </si>
  <si>
    <t>cg09147131</t>
  </si>
  <si>
    <t>cg09149896</t>
  </si>
  <si>
    <t>cg09154850</t>
  </si>
  <si>
    <t>cg09157431</t>
  </si>
  <si>
    <t>cg09161455</t>
  </si>
  <si>
    <t>cg09169454</t>
  </si>
  <si>
    <t>cg09178368</t>
  </si>
  <si>
    <t>cg09186408</t>
  </si>
  <si>
    <t>cg09187107</t>
  </si>
  <si>
    <t>cg09188840</t>
  </si>
  <si>
    <t>cg09195593</t>
  </si>
  <si>
    <t>cg09199933</t>
  </si>
  <si>
    <t>cg09236176</t>
  </si>
  <si>
    <t>cg09243648</t>
  </si>
  <si>
    <t>cg09248009</t>
  </si>
  <si>
    <t>cg09253287</t>
  </si>
  <si>
    <t>cg09253696</t>
  </si>
  <si>
    <t>cg09267324</t>
  </si>
  <si>
    <t>cg09267513</t>
  </si>
  <si>
    <t>cg09289278</t>
  </si>
  <si>
    <t>cg09302903</t>
  </si>
  <si>
    <t>cg09302904</t>
  </si>
  <si>
    <t>cg09304381</t>
  </si>
  <si>
    <t>cg09304460</t>
  </si>
  <si>
    <t>cg09305117</t>
  </si>
  <si>
    <t>cg09305503</t>
  </si>
  <si>
    <t>cg09307250</t>
  </si>
  <si>
    <t>cg09311630</t>
  </si>
  <si>
    <t>cg09313665</t>
  </si>
  <si>
    <t>cg09314700</t>
  </si>
  <si>
    <t>cg09320190</t>
  </si>
  <si>
    <t>cg09320199</t>
  </si>
  <si>
    <t>cg09321082</t>
  </si>
  <si>
    <t>cg09324654</t>
  </si>
  <si>
    <t>cg09329516</t>
  </si>
  <si>
    <t>cg09332171</t>
  </si>
  <si>
    <t>cg09332309</t>
  </si>
  <si>
    <t>cg09334492</t>
  </si>
  <si>
    <t>cg09340279</t>
  </si>
  <si>
    <t>cg09347306</t>
  </si>
  <si>
    <t>cg09363674</t>
  </si>
  <si>
    <t>cg09364127</t>
  </si>
  <si>
    <t>cg09365557</t>
  </si>
  <si>
    <t>cg09368046</t>
  </si>
  <si>
    <t>cg09375892</t>
  </si>
  <si>
    <t>cg09376537</t>
  </si>
  <si>
    <t>cg09388080</t>
  </si>
  <si>
    <t>cg09393362</t>
  </si>
  <si>
    <t>cg09395368</t>
  </si>
  <si>
    <t>cg09401661</t>
  </si>
  <si>
    <t>cg09418612</t>
  </si>
  <si>
    <t>cg09418922</t>
  </si>
  <si>
    <t>cg09419402</t>
  </si>
  <si>
    <t>cg09421092</t>
  </si>
  <si>
    <t>cg09431416</t>
  </si>
  <si>
    <t>cg09435668</t>
  </si>
  <si>
    <t>cg09436184</t>
  </si>
  <si>
    <t>cg09436495</t>
  </si>
  <si>
    <t>cg09437360</t>
  </si>
  <si>
    <t>cg09450550</t>
  </si>
  <si>
    <t>cg09457469</t>
  </si>
  <si>
    <t>cg09457470</t>
  </si>
  <si>
    <t>cg09460159</t>
  </si>
  <si>
    <t>cg09463047</t>
  </si>
  <si>
    <t>cg09464728</t>
  </si>
  <si>
    <t>cg09473315</t>
  </si>
  <si>
    <t>cg09474156</t>
  </si>
  <si>
    <t>cg09476683</t>
  </si>
  <si>
    <t>cg09479241</t>
  </si>
  <si>
    <t>cg09481234</t>
  </si>
  <si>
    <t>cg09482780</t>
  </si>
  <si>
    <t>cg09484136</t>
  </si>
  <si>
    <t>cg09489844</t>
  </si>
  <si>
    <t>cg09491897</t>
  </si>
  <si>
    <t>cg09524080</t>
  </si>
  <si>
    <t>cg09544892</t>
  </si>
  <si>
    <t>cg09563244</t>
  </si>
  <si>
    <t>cg09568217</t>
  </si>
  <si>
    <t>cg09570535</t>
  </si>
  <si>
    <t>cg09571097</t>
  </si>
  <si>
    <t>cg09571572</t>
  </si>
  <si>
    <t>cg09575037</t>
  </si>
  <si>
    <t>cg09577144</t>
  </si>
  <si>
    <t>cg09578319</t>
  </si>
  <si>
    <t>cg09580592</t>
  </si>
  <si>
    <t>cg09581848</t>
  </si>
  <si>
    <t>cg09582952</t>
  </si>
  <si>
    <t>cg09584801</t>
  </si>
  <si>
    <t>cg09591867</t>
  </si>
  <si>
    <t>cg09592155</t>
  </si>
  <si>
    <t>cg09596173</t>
  </si>
  <si>
    <t>cg09601704</t>
  </si>
  <si>
    <t>cg09602542</t>
  </si>
  <si>
    <t>cg09605861</t>
  </si>
  <si>
    <t>cg09622941</t>
  </si>
  <si>
    <t>cg09625173</t>
  </si>
  <si>
    <t>cg09632029</t>
  </si>
  <si>
    <t>cg09633973</t>
  </si>
  <si>
    <t>cg09634802</t>
  </si>
  <si>
    <t>cg09636406</t>
  </si>
  <si>
    <t>cg09637273</t>
  </si>
  <si>
    <t>cg09639931</t>
  </si>
  <si>
    <t>cg09641537</t>
  </si>
  <si>
    <t>cg09642357</t>
  </si>
  <si>
    <t>cg09644722</t>
  </si>
  <si>
    <t>cg09648727</t>
  </si>
  <si>
    <t>cg09651738</t>
  </si>
  <si>
    <t>cg09652807</t>
  </si>
  <si>
    <t>cg09655191</t>
  </si>
  <si>
    <t>cg09658183</t>
  </si>
  <si>
    <t>cg09662798</t>
  </si>
  <si>
    <t>cg09667001</t>
  </si>
  <si>
    <t>cg09668168</t>
  </si>
  <si>
    <t>cg09673582</t>
  </si>
  <si>
    <t>cg09677243</t>
  </si>
  <si>
    <t>cg09679979</t>
  </si>
  <si>
    <t>cg09688486</t>
  </si>
  <si>
    <t>cg09691340</t>
  </si>
  <si>
    <t>cg09695261</t>
  </si>
  <si>
    <t>cg09695362</t>
  </si>
  <si>
    <t>cg09695735</t>
  </si>
  <si>
    <t>cg09695851</t>
  </si>
  <si>
    <t>cg09700210</t>
  </si>
  <si>
    <t>cg09700855</t>
  </si>
  <si>
    <t>cg09705592</t>
  </si>
  <si>
    <t>cg09730211</t>
  </si>
  <si>
    <t>cg09730801</t>
  </si>
  <si>
    <t>cg09732851</t>
  </si>
  <si>
    <t>cg09737314</t>
  </si>
  <si>
    <t>cg09746031</t>
  </si>
  <si>
    <t>cg09746391</t>
  </si>
  <si>
    <t>cg09759619</t>
  </si>
  <si>
    <t>cg09760889</t>
  </si>
  <si>
    <t>cg09771226</t>
  </si>
  <si>
    <t>cg09773150</t>
  </si>
  <si>
    <t>cg09775582</t>
  </si>
  <si>
    <t>cg09777416</t>
  </si>
  <si>
    <t>cg09777525</t>
  </si>
  <si>
    <t>cg09780231</t>
  </si>
  <si>
    <t>cg09785512</t>
  </si>
  <si>
    <t>cg09793807</t>
  </si>
  <si>
    <t>cg09794615</t>
  </si>
  <si>
    <t>cg09801082</t>
  </si>
  <si>
    <t>cg09809764</t>
  </si>
  <si>
    <t>cg09812376</t>
  </si>
  <si>
    <t>cg09815927</t>
  </si>
  <si>
    <t>cg09818962</t>
  </si>
  <si>
    <t>cg09822907</t>
  </si>
  <si>
    <t>cg09837481</t>
  </si>
  <si>
    <t>cg09840850</t>
  </si>
  <si>
    <t>cg09841537</t>
  </si>
  <si>
    <t>cg09841758</t>
  </si>
  <si>
    <t>cg09842404</t>
  </si>
  <si>
    <t>cg09850289</t>
  </si>
  <si>
    <t>cg09852601</t>
  </si>
  <si>
    <t>cg09852920</t>
  </si>
  <si>
    <t>cg09858022</t>
  </si>
  <si>
    <t>cg09858237</t>
  </si>
  <si>
    <t>cg09859805</t>
  </si>
  <si>
    <t>cg09867669</t>
  </si>
  <si>
    <t>cg09879895</t>
  </si>
  <si>
    <t>cg09892203</t>
  </si>
  <si>
    <t>cg09904774</t>
  </si>
  <si>
    <t>cg09913796</t>
  </si>
  <si>
    <t>cg09915932</t>
  </si>
  <si>
    <t>cg09919412</t>
  </si>
  <si>
    <t>cg09920557</t>
  </si>
  <si>
    <t>cg09925620</t>
  </si>
  <si>
    <t>cg09927508</t>
  </si>
  <si>
    <t>cg09929238</t>
  </si>
  <si>
    <t>cg09939344</t>
  </si>
  <si>
    <t>cg09940188</t>
  </si>
  <si>
    <t>cg09967973</t>
  </si>
  <si>
    <t>cg09969776</t>
  </si>
  <si>
    <t>cg09972077</t>
  </si>
  <si>
    <t>cg09974839</t>
  </si>
  <si>
    <t>cg09980477</t>
  </si>
  <si>
    <t>cg09986651</t>
  </si>
  <si>
    <t>cg09998632</t>
  </si>
  <si>
    <t>cg09999194</t>
  </si>
  <si>
    <t>cg10001590</t>
  </si>
  <si>
    <t>cg10003262</t>
  </si>
  <si>
    <t>cg10009297</t>
  </si>
  <si>
    <t>cg10014005</t>
  </si>
  <si>
    <t>cg10020356</t>
  </si>
  <si>
    <t>cg10023862</t>
  </si>
  <si>
    <t>cg10024000</t>
  </si>
  <si>
    <t>cg10035831</t>
  </si>
  <si>
    <t>cg10043253</t>
  </si>
  <si>
    <t>cg10047026</t>
  </si>
  <si>
    <t>cg10063663</t>
  </si>
  <si>
    <t>cg10070101</t>
  </si>
  <si>
    <t>cg10071973</t>
  </si>
  <si>
    <t>cg10072078</t>
  </si>
  <si>
    <t>cg10081138</t>
  </si>
  <si>
    <t>cg10089457</t>
  </si>
  <si>
    <t>cg10092265</t>
  </si>
  <si>
    <t>cg10094238</t>
  </si>
  <si>
    <t>cg10095954</t>
  </si>
  <si>
    <t>cg10115858</t>
  </si>
  <si>
    <t>cg10115918</t>
  </si>
  <si>
    <t>cg10116675</t>
  </si>
  <si>
    <t>cg10137837</t>
  </si>
  <si>
    <t>cg10138041</t>
  </si>
  <si>
    <t>cg10139037</t>
  </si>
  <si>
    <t>cg10156941</t>
  </si>
  <si>
    <t>cg10157715</t>
  </si>
  <si>
    <t>cg10162691</t>
  </si>
  <si>
    <t>cg10172783</t>
  </si>
  <si>
    <t>cg10173275</t>
  </si>
  <si>
    <t>cg10174213</t>
  </si>
  <si>
    <t>cg10175688</t>
  </si>
  <si>
    <t>cg10179315</t>
  </si>
  <si>
    <t>cg10182243</t>
  </si>
  <si>
    <t>cg10184983</t>
  </si>
  <si>
    <t>cg10185667</t>
  </si>
  <si>
    <t>cg10186366</t>
  </si>
  <si>
    <t>cg10187221</t>
  </si>
  <si>
    <t>cg10188897</t>
  </si>
  <si>
    <t>cg10190444</t>
  </si>
  <si>
    <t>cg10195415</t>
  </si>
  <si>
    <t>cg10213328</t>
  </si>
  <si>
    <t>cg10224600</t>
  </si>
  <si>
    <t>cg10230308</t>
  </si>
  <si>
    <t>cg10230466</t>
  </si>
  <si>
    <t>cg10232470</t>
  </si>
  <si>
    <t>cg10236857</t>
  </si>
  <si>
    <t>cg10237362</t>
  </si>
  <si>
    <t>cg10237765</t>
  </si>
  <si>
    <t>cg10245865</t>
  </si>
  <si>
    <t>cg10250833</t>
  </si>
  <si>
    <t>cg10254974</t>
  </si>
  <si>
    <t>cg10256219</t>
  </si>
  <si>
    <t>cg10276066</t>
  </si>
  <si>
    <t>cg10279487</t>
  </si>
  <si>
    <t>cg10282162</t>
  </si>
  <si>
    <t>cg10290814</t>
  </si>
  <si>
    <t>cg10297568</t>
  </si>
  <si>
    <t>cg10304803</t>
  </si>
  <si>
    <t>cg10326224</t>
  </si>
  <si>
    <t>cg10338787</t>
  </si>
  <si>
    <t>cg10345980</t>
  </si>
  <si>
    <t>cg10346092</t>
  </si>
  <si>
    <t>cg10347199</t>
  </si>
  <si>
    <t>cg10355837</t>
  </si>
  <si>
    <t>cg10357728</t>
  </si>
  <si>
    <t>cg10361922</t>
  </si>
  <si>
    <t>cg10362542</t>
  </si>
  <si>
    <t>cg10368775</t>
  </si>
  <si>
    <t>cg10372372</t>
  </si>
  <si>
    <t>cg10374976</t>
  </si>
  <si>
    <t>cg10380345</t>
  </si>
  <si>
    <t>cg10381957</t>
  </si>
  <si>
    <t>cg10383028</t>
  </si>
  <si>
    <t>cg10407598</t>
  </si>
  <si>
    <t>cg10409230</t>
  </si>
  <si>
    <t>cg10409248</t>
  </si>
  <si>
    <t>cg10420989</t>
  </si>
  <si>
    <t>cg10421979</t>
  </si>
  <si>
    <t>cg10425949</t>
  </si>
  <si>
    <t>cg10426084</t>
  </si>
  <si>
    <t>cg10426502</t>
  </si>
  <si>
    <t>cg10427040</t>
  </si>
  <si>
    <t>cg10431713</t>
  </si>
  <si>
    <t>cg10431950</t>
  </si>
  <si>
    <t>cg10432987</t>
  </si>
  <si>
    <t>cg10434075</t>
  </si>
  <si>
    <t>cg10434344</t>
  </si>
  <si>
    <t>cg10440011</t>
  </si>
  <si>
    <t>cg10440939</t>
  </si>
  <si>
    <t>cg10444806</t>
  </si>
  <si>
    <t>cg10448527</t>
  </si>
  <si>
    <t>cg10450899</t>
  </si>
  <si>
    <t>cg10451253</t>
  </si>
  <si>
    <t>cg10460946</t>
  </si>
  <si>
    <t>cg10462529</t>
  </si>
  <si>
    <t>cg10464462</t>
  </si>
  <si>
    <t>cg10466987</t>
  </si>
  <si>
    <t>cg10471897</t>
  </si>
  <si>
    <t>cg10474126</t>
  </si>
  <si>
    <t>cg10478435</t>
  </si>
  <si>
    <t>cg10490202</t>
  </si>
  <si>
    <t>cg10490843</t>
  </si>
  <si>
    <t>cg10491372</t>
  </si>
  <si>
    <t>cg10493699</t>
  </si>
  <si>
    <t>cg10494684</t>
  </si>
  <si>
    <t>cg10495460</t>
  </si>
  <si>
    <t>cg10497401</t>
  </si>
  <si>
    <t>cg10498052</t>
  </si>
  <si>
    <t>cg10503283</t>
  </si>
  <si>
    <t>cg10503563</t>
  </si>
  <si>
    <t>cg10503854</t>
  </si>
  <si>
    <t>cg10505324</t>
  </si>
  <si>
    <t>cg10506497</t>
  </si>
  <si>
    <t>cg10511881</t>
  </si>
  <si>
    <t>cg10513328</t>
  </si>
  <si>
    <t>cg10516146</t>
  </si>
  <si>
    <t>cg10529812</t>
  </si>
  <si>
    <t>cg10532362</t>
  </si>
  <si>
    <t>cg10535017</t>
  </si>
  <si>
    <t>cg10536067</t>
  </si>
  <si>
    <t>cg10542446</t>
  </si>
  <si>
    <t>cg10545644</t>
  </si>
  <si>
    <t>cg10584478</t>
  </si>
  <si>
    <t>cg10598035</t>
  </si>
  <si>
    <t>cg10606822</t>
  </si>
  <si>
    <t>cg10611186</t>
  </si>
  <si>
    <t>cg10612452</t>
  </si>
  <si>
    <t>cg10625758</t>
  </si>
  <si>
    <t>cg10626391</t>
  </si>
  <si>
    <t>cg10631074</t>
  </si>
  <si>
    <t>cg10632328</t>
  </si>
  <si>
    <t>cg10633334</t>
  </si>
  <si>
    <t>cg10633619</t>
  </si>
  <si>
    <t>cg10637337</t>
  </si>
  <si>
    <t>cg10644544</t>
  </si>
  <si>
    <t>cg10645943</t>
  </si>
  <si>
    <t>cg10663370</t>
  </si>
  <si>
    <t>cg10664429</t>
  </si>
  <si>
    <t>cg10665961</t>
  </si>
  <si>
    <t>cg10667386</t>
  </si>
  <si>
    <t>cg10685612</t>
  </si>
  <si>
    <t>cg10687031</t>
  </si>
  <si>
    <t>cg10689404</t>
  </si>
  <si>
    <t>cg10690919</t>
  </si>
  <si>
    <t>cg10692694</t>
  </si>
  <si>
    <t>cg10693616</t>
  </si>
  <si>
    <t>cg10693767</t>
  </si>
  <si>
    <t>cg10696787</t>
  </si>
  <si>
    <t>cg10706293</t>
  </si>
  <si>
    <t>cg10706642</t>
  </si>
  <si>
    <t>cg10708739</t>
  </si>
  <si>
    <t>cg10709026</t>
  </si>
  <si>
    <t>cg10714403</t>
  </si>
  <si>
    <t>cg10715930</t>
  </si>
  <si>
    <t>cg10718894</t>
  </si>
  <si>
    <t>cg10723711</t>
  </si>
  <si>
    <t>cg10725121</t>
  </si>
  <si>
    <t>cg10746341</t>
  </si>
  <si>
    <t>cg10751605</t>
  </si>
  <si>
    <t>cg10752190</t>
  </si>
  <si>
    <t>cg10754315</t>
  </si>
  <si>
    <t>cg10754695</t>
  </si>
  <si>
    <t>cg10755730</t>
  </si>
  <si>
    <t>cg10760112</t>
  </si>
  <si>
    <t>cg10783680</t>
  </si>
  <si>
    <t>cg10788618</t>
  </si>
  <si>
    <t>cg10794714</t>
  </si>
  <si>
    <t>cg10801102</t>
  </si>
  <si>
    <t>cg10801328</t>
  </si>
  <si>
    <t>cg10808102</t>
  </si>
  <si>
    <t>cg10808399</t>
  </si>
  <si>
    <t>cg10817887</t>
  </si>
  <si>
    <t>cg10820084</t>
  </si>
  <si>
    <t>cg10821044</t>
  </si>
  <si>
    <t>cg10829342</t>
  </si>
  <si>
    <t>cg10832168</t>
  </si>
  <si>
    <t>cg10850863</t>
  </si>
  <si>
    <t>cg10853949</t>
  </si>
  <si>
    <t>cg10858828</t>
  </si>
  <si>
    <t>cg10861807</t>
  </si>
  <si>
    <t>cg10865936</t>
  </si>
  <si>
    <t>cg10866062</t>
  </si>
  <si>
    <t>cg10868156</t>
  </si>
  <si>
    <t>cg10871529</t>
  </si>
  <si>
    <t>cg10894205</t>
  </si>
  <si>
    <t>cg10895973</t>
  </si>
  <si>
    <t>cg10901968</t>
  </si>
  <si>
    <t>cg10922935</t>
  </si>
  <si>
    <t>cg10923085</t>
  </si>
  <si>
    <t>cg10929349</t>
  </si>
  <si>
    <t>cg10931252</t>
  </si>
  <si>
    <t>cg10935720</t>
  </si>
  <si>
    <t>cg10937408</t>
  </si>
  <si>
    <t>cg10950924</t>
  </si>
  <si>
    <t>cg10954665</t>
  </si>
  <si>
    <t>cg10959726</t>
  </si>
  <si>
    <t>cg10963033</t>
  </si>
  <si>
    <t>cg10964577</t>
  </si>
  <si>
    <t>cg10964994</t>
  </si>
  <si>
    <t>cg10965164</t>
  </si>
  <si>
    <t>cg10976778</t>
  </si>
  <si>
    <t>cg11011774</t>
  </si>
  <si>
    <t>cg11012683</t>
  </si>
  <si>
    <t>cg11019211</t>
  </si>
  <si>
    <t>cg11020315</t>
  </si>
  <si>
    <t>cg11025757</t>
  </si>
  <si>
    <t>cg11026874</t>
  </si>
  <si>
    <t>cg11028313</t>
  </si>
  <si>
    <t>cg11028586</t>
  </si>
  <si>
    <t>cg11029668</t>
  </si>
  <si>
    <t>cg11031701</t>
  </si>
  <si>
    <t>cg11036893</t>
  </si>
  <si>
    <t>cg11058154</t>
  </si>
  <si>
    <t>cg11068289</t>
  </si>
  <si>
    <t>cg11071401</t>
  </si>
  <si>
    <t>cg11078683</t>
  </si>
  <si>
    <t>cg11079426</t>
  </si>
  <si>
    <t>cg11082565</t>
  </si>
  <si>
    <t>cg11085454</t>
  </si>
  <si>
    <t>cg11085971</t>
  </si>
  <si>
    <t>cg11088422</t>
  </si>
  <si>
    <t>cg11090139</t>
  </si>
  <si>
    <t>cg11090364</t>
  </si>
  <si>
    <t>cg11090676</t>
  </si>
  <si>
    <t>cg11096675</t>
  </si>
  <si>
    <t>cg11099006</t>
  </si>
  <si>
    <t>cg11100117</t>
  </si>
  <si>
    <t>cg11101918</t>
  </si>
  <si>
    <t>cg11102858</t>
  </si>
  <si>
    <t>cg11104418</t>
  </si>
  <si>
    <t>cg11111600</t>
  </si>
  <si>
    <t>cg11121825</t>
  </si>
  <si>
    <t>cg11122009</t>
  </si>
  <si>
    <t>cg11122493</t>
  </si>
  <si>
    <t>cg11123056</t>
  </si>
  <si>
    <t>cg11123583</t>
  </si>
  <si>
    <t>cg11130621</t>
  </si>
  <si>
    <t>cg11140440</t>
  </si>
  <si>
    <t>cg11142826</t>
  </si>
  <si>
    <t>cg11144056</t>
  </si>
  <si>
    <t>cg11149743</t>
  </si>
  <si>
    <t>cg11151395</t>
  </si>
  <si>
    <t>cg11152364</t>
  </si>
  <si>
    <t>cg11153071</t>
  </si>
  <si>
    <t>cg11154382</t>
  </si>
  <si>
    <t>cg11157771</t>
  </si>
  <si>
    <t>cg11157794</t>
  </si>
  <si>
    <t>cg11158482</t>
  </si>
  <si>
    <t>cg11164649</t>
  </si>
  <si>
    <t>cg11178337</t>
  </si>
  <si>
    <t>cg11183072</t>
  </si>
  <si>
    <t>cg11183935</t>
  </si>
  <si>
    <t>cg11190071</t>
  </si>
  <si>
    <t>cg11198358</t>
  </si>
  <si>
    <t>cg11204139</t>
  </si>
  <si>
    <t>cg11213987</t>
  </si>
  <si>
    <t>cg11214532</t>
  </si>
  <si>
    <t>cg11229079</t>
  </si>
  <si>
    <t>cg11230222</t>
  </si>
  <si>
    <t>cg11234111</t>
  </si>
  <si>
    <t>cg11234875</t>
  </si>
  <si>
    <t>cg11239019</t>
  </si>
  <si>
    <t>cg11248812</t>
  </si>
  <si>
    <t>cg11251069</t>
  </si>
  <si>
    <t>cg11252953</t>
  </si>
  <si>
    <t>cg11253191</t>
  </si>
  <si>
    <t>cg11253957</t>
  </si>
  <si>
    <t>cg11255590</t>
  </si>
  <si>
    <t>cg11264817</t>
  </si>
  <si>
    <t>cg11267630</t>
  </si>
  <si>
    <t>cg11267683</t>
  </si>
  <si>
    <t>cg11270042</t>
  </si>
  <si>
    <t>cg11271526</t>
  </si>
  <si>
    <t>cg11274148</t>
  </si>
  <si>
    <t>cg11276193</t>
  </si>
  <si>
    <t>cg11277260</t>
  </si>
  <si>
    <t>cg11278110</t>
  </si>
  <si>
    <t>cg11279691</t>
  </si>
  <si>
    <t>cg11282657</t>
  </si>
  <si>
    <t>cg11289296</t>
  </si>
  <si>
    <t>cg11301069</t>
  </si>
  <si>
    <t>cg11301492</t>
  </si>
  <si>
    <t>cg11309496</t>
  </si>
  <si>
    <t>cg11310756</t>
  </si>
  <si>
    <t>cg11311843</t>
  </si>
  <si>
    <t>cg11312090</t>
  </si>
  <si>
    <t>cg11313429</t>
  </si>
  <si>
    <t>cg11314598</t>
  </si>
  <si>
    <t>cg11315500</t>
  </si>
  <si>
    <t>cg11316352</t>
  </si>
  <si>
    <t>cg11318087</t>
  </si>
  <si>
    <t>cg11326429</t>
  </si>
  <si>
    <t>cg11326919</t>
  </si>
  <si>
    <t>cg11338426</t>
  </si>
  <si>
    <t>cg11347840</t>
  </si>
  <si>
    <t>cg11349328</t>
  </si>
  <si>
    <t>cg11392858</t>
  </si>
  <si>
    <t>cg11406388</t>
  </si>
  <si>
    <t>cg11409350</t>
  </si>
  <si>
    <t>cg11413133</t>
  </si>
  <si>
    <t>cg11424456</t>
  </si>
  <si>
    <t>cg11424472</t>
  </si>
  <si>
    <t>cg11433672</t>
  </si>
  <si>
    <t>cg11434973</t>
  </si>
  <si>
    <t>cg11439004</t>
  </si>
  <si>
    <t>cg11440009</t>
  </si>
  <si>
    <t>cg11444135</t>
  </si>
  <si>
    <t>cg11469540</t>
  </si>
  <si>
    <t>cg11471805</t>
  </si>
  <si>
    <t>cg11475555</t>
  </si>
  <si>
    <t>cg11487526</t>
  </si>
  <si>
    <t>cg11491056</t>
  </si>
  <si>
    <t>cg11492063</t>
  </si>
  <si>
    <t>cg11493223</t>
  </si>
  <si>
    <t>cg11499772</t>
  </si>
  <si>
    <t>cg11501438</t>
  </si>
  <si>
    <t>cg11516830</t>
  </si>
  <si>
    <t>cg11521079</t>
  </si>
  <si>
    <t>cg11523661</t>
  </si>
  <si>
    <t>cg11539992</t>
  </si>
  <si>
    <t>cg11541486</t>
  </si>
  <si>
    <t>cg11541668</t>
  </si>
  <si>
    <t>cg11543229</t>
  </si>
  <si>
    <t>cg11553177</t>
  </si>
  <si>
    <t>cg11555122</t>
  </si>
  <si>
    <t>cg11561737</t>
  </si>
  <si>
    <t>cg11584200</t>
  </si>
  <si>
    <t>cg11588975</t>
  </si>
  <si>
    <t>cg11594683</t>
  </si>
  <si>
    <t>cg11601666</t>
  </si>
  <si>
    <t>cg11607332</t>
  </si>
  <si>
    <t>cg11612592</t>
  </si>
  <si>
    <t>cg11613425</t>
  </si>
  <si>
    <t>cg11615029</t>
  </si>
  <si>
    <t>cg11615347</t>
  </si>
  <si>
    <t>cg11616560</t>
  </si>
  <si>
    <t>cg11623293</t>
  </si>
  <si>
    <t>cg11629889</t>
  </si>
  <si>
    <t>cg11630939</t>
  </si>
  <si>
    <t>cg11635074</t>
  </si>
  <si>
    <t>cg11636557</t>
  </si>
  <si>
    <t>cg11640979</t>
  </si>
  <si>
    <t>cg11641840</t>
  </si>
  <si>
    <t>cg11642829</t>
  </si>
  <si>
    <t>cg11644585</t>
  </si>
  <si>
    <t>cg11645098</t>
  </si>
  <si>
    <t>cg11645754</t>
  </si>
  <si>
    <t>cg11645810</t>
  </si>
  <si>
    <t>cg11647651</t>
  </si>
  <si>
    <t>cg11649068</t>
  </si>
  <si>
    <t>cg11663953</t>
  </si>
  <si>
    <t>cg11684172</t>
  </si>
  <si>
    <t>cg11685316</t>
  </si>
  <si>
    <t>cg11686528</t>
  </si>
  <si>
    <t>cg11689732</t>
  </si>
  <si>
    <t>cg11693508</t>
  </si>
  <si>
    <t>cg11729481</t>
  </si>
  <si>
    <t>cg11731737</t>
  </si>
  <si>
    <t>cg11732642</t>
  </si>
  <si>
    <t>cg11738446</t>
  </si>
  <si>
    <t>cg11739758</t>
  </si>
  <si>
    <t>cg11740099</t>
  </si>
  <si>
    <t>cg11746480</t>
  </si>
  <si>
    <t>cg11750080</t>
  </si>
  <si>
    <t>cg11763830</t>
  </si>
  <si>
    <t>cg11775528</t>
  </si>
  <si>
    <t>cg11786582</t>
  </si>
  <si>
    <t>cg11797949</t>
  </si>
  <si>
    <t>cg11800888</t>
  </si>
  <si>
    <t>cg11804833</t>
  </si>
  <si>
    <t>cg11808250</t>
  </si>
  <si>
    <t>cg11811621</t>
  </si>
  <si>
    <t>cg11812775</t>
  </si>
  <si>
    <t>cg11814312</t>
  </si>
  <si>
    <t>cg11814826</t>
  </si>
  <si>
    <t>cg11820993</t>
  </si>
  <si>
    <t>cg11829380</t>
  </si>
  <si>
    <t>cg11844697</t>
  </si>
  <si>
    <t>cg11845142</t>
  </si>
  <si>
    <t>cg11848015</t>
  </si>
  <si>
    <t>cg11849086</t>
  </si>
  <si>
    <t>cg11851772</t>
  </si>
  <si>
    <t>cg11855615</t>
  </si>
  <si>
    <t>cg11855759</t>
  </si>
  <si>
    <t>cg11861986</t>
  </si>
  <si>
    <t>cg11864326</t>
  </si>
  <si>
    <t>cg11866396</t>
  </si>
  <si>
    <t>cg11868940</t>
  </si>
  <si>
    <t>cg11885555</t>
  </si>
  <si>
    <t>cg11887884</t>
  </si>
  <si>
    <t>cg11904759</t>
  </si>
  <si>
    <t>cg11904960</t>
  </si>
  <si>
    <t>cg11906038</t>
  </si>
  <si>
    <t>cg11908202</t>
  </si>
  <si>
    <t>cg11908799</t>
  </si>
  <si>
    <t>cg11912239</t>
  </si>
  <si>
    <t>cg11937797</t>
  </si>
  <si>
    <t>cg11941546</t>
  </si>
  <si>
    <t>cg11953916</t>
  </si>
  <si>
    <t>cg11956953</t>
  </si>
  <si>
    <t>cg11961138</t>
  </si>
  <si>
    <t>cg11964474</t>
  </si>
  <si>
    <t>cg11966886</t>
  </si>
  <si>
    <t>cg11969213</t>
  </si>
  <si>
    <t>cg11969813</t>
  </si>
  <si>
    <t>cg11971478</t>
  </si>
  <si>
    <t>cg11972796</t>
  </si>
  <si>
    <t>cg11976925</t>
  </si>
  <si>
    <t>cg11978823</t>
  </si>
  <si>
    <t>cg11980500</t>
  </si>
  <si>
    <t>cg11988128</t>
  </si>
  <si>
    <t>cg11989942</t>
  </si>
  <si>
    <t>cg11990813</t>
  </si>
  <si>
    <t>cg11991516</t>
  </si>
  <si>
    <t>cg11993636</t>
  </si>
  <si>
    <t>cg11994674</t>
  </si>
  <si>
    <t>cg12000333</t>
  </si>
  <si>
    <t>cg12027420</t>
  </si>
  <si>
    <t>cg12027761</t>
  </si>
  <si>
    <t>cg12028816</t>
  </si>
  <si>
    <t>cg12033909</t>
  </si>
  <si>
    <t>cg12035564</t>
  </si>
  <si>
    <t>cg12035585</t>
  </si>
  <si>
    <t>cg12040534</t>
  </si>
  <si>
    <t>cg12045294</t>
  </si>
  <si>
    <t>cg12057127</t>
  </si>
  <si>
    <t>cg12069925</t>
  </si>
  <si>
    <t>cg12074093</t>
  </si>
  <si>
    <t>cg12079271</t>
  </si>
  <si>
    <t>cg12081253</t>
  </si>
  <si>
    <t>cg12082598</t>
  </si>
  <si>
    <t>cg12095720</t>
  </si>
  <si>
    <t>cg12097883</t>
  </si>
  <si>
    <t>cg12100506</t>
  </si>
  <si>
    <t>cg12100721</t>
  </si>
  <si>
    <t>cg12100956</t>
  </si>
  <si>
    <t>cg12103453</t>
  </si>
  <si>
    <t>cg12113561</t>
  </si>
  <si>
    <t>cg12116137</t>
  </si>
  <si>
    <t>cg12120292</t>
  </si>
  <si>
    <t>cg12121660</t>
  </si>
  <si>
    <t>cg12122509</t>
  </si>
  <si>
    <t>cg12127472</t>
  </si>
  <si>
    <t>cg12131208</t>
  </si>
  <si>
    <t>cg12131414</t>
  </si>
  <si>
    <t>cg12131828</t>
  </si>
  <si>
    <t>cg12146546</t>
  </si>
  <si>
    <t>cg12159837</t>
  </si>
  <si>
    <t>cg12163800</t>
  </si>
  <si>
    <t>cg12187586</t>
  </si>
  <si>
    <t>cg12189382</t>
  </si>
  <si>
    <t>cg12191232</t>
  </si>
  <si>
    <t>cg12193833</t>
  </si>
  <si>
    <t>cg12196784</t>
  </si>
  <si>
    <t>cg12199378</t>
  </si>
  <si>
    <t>cg12203543</t>
  </si>
  <si>
    <t>cg12204773</t>
  </si>
  <si>
    <t>cg12205244</t>
  </si>
  <si>
    <t>cg12223801</t>
  </si>
  <si>
    <t>cg12224869</t>
  </si>
  <si>
    <t>cg12226430</t>
  </si>
  <si>
    <t>cg12227505</t>
  </si>
  <si>
    <t>cg12229367</t>
  </si>
  <si>
    <t>cg12229912</t>
  </si>
  <si>
    <t>cg12244544</t>
  </si>
  <si>
    <t>cg12245530</t>
  </si>
  <si>
    <t>cg12246564</t>
  </si>
  <si>
    <t>cg12247306</t>
  </si>
  <si>
    <t>cg12252135</t>
  </si>
  <si>
    <t>cg12255698</t>
  </si>
  <si>
    <t>cg12260343</t>
  </si>
  <si>
    <t>cg12262378</t>
  </si>
  <si>
    <t>cg12269355</t>
  </si>
  <si>
    <t>cg12279877</t>
  </si>
  <si>
    <t>cg12284789</t>
  </si>
  <si>
    <t>cg12296532</t>
  </si>
  <si>
    <t>cg12309456</t>
  </si>
  <si>
    <t>cg12311600</t>
  </si>
  <si>
    <t>cg12314510</t>
  </si>
  <si>
    <t>cg12314713</t>
  </si>
  <si>
    <t>cg12315892</t>
  </si>
  <si>
    <t>cg12316865</t>
  </si>
  <si>
    <t>cg12320221</t>
  </si>
  <si>
    <t>cg12320668</t>
  </si>
  <si>
    <t>cg12333112</t>
  </si>
  <si>
    <t>cg12348588</t>
  </si>
  <si>
    <t>cg12353549</t>
  </si>
  <si>
    <t>cg12354594</t>
  </si>
  <si>
    <t>cg12356951</t>
  </si>
  <si>
    <t>cg12357364</t>
  </si>
  <si>
    <t>cg12362508</t>
  </si>
  <si>
    <t>cg12373208</t>
  </si>
  <si>
    <t>cg12373982</t>
  </si>
  <si>
    <t>cg12374721</t>
  </si>
  <si>
    <t>cg12379948</t>
  </si>
  <si>
    <t>cg12388397</t>
  </si>
  <si>
    <t>cg12391328</t>
  </si>
  <si>
    <t>cg12397252</t>
  </si>
  <si>
    <t>cg12398238</t>
  </si>
  <si>
    <t>cg12404798</t>
  </si>
  <si>
    <t>cg12408299</t>
  </si>
  <si>
    <t>cg12419135</t>
  </si>
  <si>
    <t>cg12419348</t>
  </si>
  <si>
    <t>cg12424509</t>
  </si>
  <si>
    <t>cg12432580</t>
  </si>
  <si>
    <t>cg12434898</t>
  </si>
  <si>
    <t>cg12435074</t>
  </si>
  <si>
    <t>cg12442452</t>
  </si>
  <si>
    <t>cg12456777</t>
  </si>
  <si>
    <t>cg12459358</t>
  </si>
  <si>
    <t>cg12465643</t>
  </si>
  <si>
    <t>cg12472449</t>
  </si>
  <si>
    <t>cg12473009</t>
  </si>
  <si>
    <t>cg12473285</t>
  </si>
  <si>
    <t>cg12473340</t>
  </si>
  <si>
    <t>cg12475128</t>
  </si>
  <si>
    <t>cg12477716</t>
  </si>
  <si>
    <t>cg12479899</t>
  </si>
  <si>
    <t>cg12483667</t>
  </si>
  <si>
    <t>cg12484037</t>
  </si>
  <si>
    <t>cg12495559</t>
  </si>
  <si>
    <t>cg12496710</t>
  </si>
  <si>
    <t>cg12503190</t>
  </si>
  <si>
    <t>cg12503257</t>
  </si>
  <si>
    <t>cg12504415</t>
  </si>
  <si>
    <t>cg12504804</t>
  </si>
  <si>
    <t>cg12505146</t>
  </si>
  <si>
    <t>cg12518734</t>
  </si>
  <si>
    <t>cg12533658</t>
  </si>
  <si>
    <t>cg12536809</t>
  </si>
  <si>
    <t>cg12545097</t>
  </si>
  <si>
    <t>cg12561474</t>
  </si>
  <si>
    <t>cg12564291</t>
  </si>
  <si>
    <t>cg12565681</t>
  </si>
  <si>
    <t>cg12570429</t>
  </si>
  <si>
    <t>cg12577610</t>
  </si>
  <si>
    <t>cg12578182</t>
  </si>
  <si>
    <t>cg12581244</t>
  </si>
  <si>
    <t>cg12582317</t>
  </si>
  <si>
    <t>cg12597983</t>
  </si>
  <si>
    <t>cg12601118</t>
  </si>
  <si>
    <t>cg12603658</t>
  </si>
  <si>
    <t>cg12604982</t>
  </si>
  <si>
    <t>cg12627273</t>
  </si>
  <si>
    <t>cg12633739</t>
  </si>
  <si>
    <t>cg12650267</t>
  </si>
  <si>
    <t>cg12653789</t>
  </si>
  <si>
    <t>cg12681784</t>
  </si>
  <si>
    <t>cg12683602</t>
  </si>
  <si>
    <t>cg12684052</t>
  </si>
  <si>
    <t>cg12691373</t>
  </si>
  <si>
    <t>cg12693135</t>
  </si>
  <si>
    <t>cg12694510</t>
  </si>
  <si>
    <t>cg12699647</t>
  </si>
  <si>
    <t>cg12700283</t>
  </si>
  <si>
    <t>cg12700788</t>
  </si>
  <si>
    <t>cg12709244</t>
  </si>
  <si>
    <t>cg12714793</t>
  </si>
  <si>
    <t>cg12727360</t>
  </si>
  <si>
    <t>cg12730468</t>
  </si>
  <si>
    <t>cg12733604</t>
  </si>
  <si>
    <t>cg12740267</t>
  </si>
  <si>
    <t>cg12743110</t>
  </si>
  <si>
    <t>cg12743169</t>
  </si>
  <si>
    <t>cg12745160</t>
  </si>
  <si>
    <t>cg12765382</t>
  </si>
  <si>
    <t>cg12778183</t>
  </si>
  <si>
    <t>cg12781700</t>
  </si>
  <si>
    <t>cg12781834</t>
  </si>
  <si>
    <t>cg12783819</t>
  </si>
  <si>
    <t>cg12784766</t>
  </si>
  <si>
    <t>cg12799781</t>
  </si>
  <si>
    <t>cg12805420</t>
  </si>
  <si>
    <t>cg12810096</t>
  </si>
  <si>
    <t>cg12812489</t>
  </si>
  <si>
    <t>cg12813805</t>
  </si>
  <si>
    <t>cg12837215</t>
  </si>
  <si>
    <t>cg12837552</t>
  </si>
  <si>
    <t>cg12842219</t>
  </si>
  <si>
    <t>cg12848098</t>
  </si>
  <si>
    <t>cg12848405</t>
  </si>
  <si>
    <t>cg12861034</t>
  </si>
  <si>
    <t>cg12872889</t>
  </si>
  <si>
    <t>cg12873037</t>
  </si>
  <si>
    <t>cg12873610</t>
  </si>
  <si>
    <t>cg12873903</t>
  </si>
  <si>
    <t>cg12880095</t>
  </si>
  <si>
    <t>cg12893736</t>
  </si>
  <si>
    <t>cg12894776</t>
  </si>
  <si>
    <t>cg12936639</t>
  </si>
  <si>
    <t>cg12963237</t>
  </si>
  <si>
    <t>cg12967327</t>
  </si>
  <si>
    <t>cg12977696</t>
  </si>
  <si>
    <t>cg12984107</t>
  </si>
  <si>
    <t>cg12985929</t>
  </si>
  <si>
    <t>cg12989733</t>
  </si>
  <si>
    <t>cg12999453</t>
  </si>
  <si>
    <t>cg13002493</t>
  </si>
  <si>
    <t>cg13021301</t>
  </si>
  <si>
    <t>cg13021479</t>
  </si>
  <si>
    <t>cg13036359</t>
  </si>
  <si>
    <t>cg13039021</t>
  </si>
  <si>
    <t>cg13048808</t>
  </si>
  <si>
    <t>cg13052543</t>
  </si>
  <si>
    <t>cg13054523</t>
  </si>
  <si>
    <t>cg13067033</t>
  </si>
  <si>
    <t>cg13073699</t>
  </si>
  <si>
    <t>cg13076843</t>
  </si>
  <si>
    <t>cg13096688</t>
  </si>
  <si>
    <t>cg13096708</t>
  </si>
  <si>
    <t>cg13101624</t>
  </si>
  <si>
    <t>cg13107582</t>
  </si>
  <si>
    <t>cg13110711</t>
  </si>
  <si>
    <t>cg13118906</t>
  </si>
  <si>
    <t>cg13120258</t>
  </si>
  <si>
    <t>cg13120952</t>
  </si>
  <si>
    <t>cg13125157</t>
  </si>
  <si>
    <t>cg13125537</t>
  </si>
  <si>
    <t>cg13132307</t>
  </si>
  <si>
    <t>cg13132370</t>
  </si>
  <si>
    <t>cg13137533</t>
  </si>
  <si>
    <t>cg13147246</t>
  </si>
  <si>
    <t>cg13148126</t>
  </si>
  <si>
    <t>cg13148511</t>
  </si>
  <si>
    <t>cg13158894</t>
  </si>
  <si>
    <t>cg13159120</t>
  </si>
  <si>
    <t>cg13159929</t>
  </si>
  <si>
    <t>cg13162581</t>
  </si>
  <si>
    <t>cg13164831</t>
  </si>
  <si>
    <t>cg13170807</t>
  </si>
  <si>
    <t>cg13180678</t>
  </si>
  <si>
    <t>cg13183998</t>
  </si>
  <si>
    <t>cg13187788</t>
  </si>
  <si>
    <t>cg13204529</t>
  </si>
  <si>
    <t>cg13206920</t>
  </si>
  <si>
    <t>cg13207784</t>
  </si>
  <si>
    <t>cg13213923</t>
  </si>
  <si>
    <t>cg13215995</t>
  </si>
  <si>
    <t>cg13226430</t>
  </si>
  <si>
    <t>cg13226924</t>
  </si>
  <si>
    <t>cg13248847</t>
  </si>
  <si>
    <t>cg13249593</t>
  </si>
  <si>
    <t>cg13251490</t>
  </si>
  <si>
    <t>cg13258039</t>
  </si>
  <si>
    <t>cg13258989</t>
  </si>
  <si>
    <t>cg13291283</t>
  </si>
  <si>
    <t>cg13292542</t>
  </si>
  <si>
    <t>cg13293524</t>
  </si>
  <si>
    <t>cg13294032</t>
  </si>
  <si>
    <t>cg13296578</t>
  </si>
  <si>
    <t>cg13302166</t>
  </si>
  <si>
    <t>cg13311509</t>
  </si>
  <si>
    <t>cg13326172</t>
  </si>
  <si>
    <t>cg13335974</t>
  </si>
  <si>
    <t>cg13340481</t>
  </si>
  <si>
    <t>cg13341982</t>
  </si>
  <si>
    <t>cg13342109</t>
  </si>
  <si>
    <t>cg13343565</t>
  </si>
  <si>
    <t>cg13344169</t>
  </si>
  <si>
    <t>cg13355248</t>
  </si>
  <si>
    <t>cg13357178</t>
  </si>
  <si>
    <t>cg13357416</t>
  </si>
  <si>
    <t>cg13360200</t>
  </si>
  <si>
    <t>cg13364288</t>
  </si>
  <si>
    <t>cg13366219</t>
  </si>
  <si>
    <t>cg13375248</t>
  </si>
  <si>
    <t>cg13376290</t>
  </si>
  <si>
    <t>cg13386351</t>
  </si>
  <si>
    <t>cg13387113</t>
  </si>
  <si>
    <t>cg13389502</t>
  </si>
  <si>
    <t>cg13395035</t>
  </si>
  <si>
    <t>cg13405332</t>
  </si>
  <si>
    <t>cg13416007</t>
  </si>
  <si>
    <t>cg13418007</t>
  </si>
  <si>
    <t>cg13421133</t>
  </si>
  <si>
    <t>cg13437726</t>
  </si>
  <si>
    <t>cg13438631</t>
  </si>
  <si>
    <t>cg13443575</t>
  </si>
  <si>
    <t>cg13443605</t>
  </si>
  <si>
    <t>cg13443733</t>
  </si>
  <si>
    <t>cg13451370</t>
  </si>
  <si>
    <t>cg13452260</t>
  </si>
  <si>
    <t>cg13453053</t>
  </si>
  <si>
    <t>cg13463683</t>
  </si>
  <si>
    <t>cg13465826</t>
  </si>
  <si>
    <t>cg13466002</t>
  </si>
  <si>
    <t>cg13466409</t>
  </si>
  <si>
    <t>cg13466974</t>
  </si>
  <si>
    <t>cg13469058</t>
  </si>
  <si>
    <t>cg13470069</t>
  </si>
  <si>
    <t>cg13476078</t>
  </si>
  <si>
    <t>cg13479204</t>
  </si>
  <si>
    <t>cg13482620</t>
  </si>
  <si>
    <t>cg13483263</t>
  </si>
  <si>
    <t>cg13484608</t>
  </si>
  <si>
    <t>cg13518988</t>
  </si>
  <si>
    <t>cg13521908</t>
  </si>
  <si>
    <t>cg13522835</t>
  </si>
  <si>
    <t>cg13525026</t>
  </si>
  <si>
    <t>cg13530679</t>
  </si>
  <si>
    <t>cg13537801</t>
  </si>
  <si>
    <t>cg13540171</t>
  </si>
  <si>
    <t>cg13541146</t>
  </si>
  <si>
    <t>cg13541588</t>
  </si>
  <si>
    <t>cg13542090</t>
  </si>
  <si>
    <t>cg13546736</t>
  </si>
  <si>
    <t>cg13565301</t>
  </si>
  <si>
    <t>cg13567725</t>
  </si>
  <si>
    <t>cg13568106</t>
  </si>
  <si>
    <t>cg13602798</t>
  </si>
  <si>
    <t>cg13605142</t>
  </si>
  <si>
    <t>cg13605248</t>
  </si>
  <si>
    <t>cg13605398</t>
  </si>
  <si>
    <t>cg13606691</t>
  </si>
  <si>
    <t>cg13607699</t>
  </si>
  <si>
    <t>cg13614092</t>
  </si>
  <si>
    <t>cg13621679</t>
  </si>
  <si>
    <t>cg13626544</t>
  </si>
  <si>
    <t>cg13636502</t>
  </si>
  <si>
    <t>cg13640959</t>
  </si>
  <si>
    <t>cg13641043</t>
  </si>
  <si>
    <t>cg13645908</t>
  </si>
  <si>
    <t>cg13652281</t>
  </si>
  <si>
    <t>cg13655563</t>
  </si>
  <si>
    <t>cg13656025</t>
  </si>
  <si>
    <t>cg13658231</t>
  </si>
  <si>
    <t>cg13663416</t>
  </si>
  <si>
    <t>cg13664195</t>
  </si>
  <si>
    <t>cg13670595</t>
  </si>
  <si>
    <t>cg13674535</t>
  </si>
  <si>
    <t>cg13676983</t>
  </si>
  <si>
    <t>cg13678641</t>
  </si>
  <si>
    <t>cg13682044</t>
  </si>
  <si>
    <t>cg13696300</t>
  </si>
  <si>
    <t>cg13706041</t>
  </si>
  <si>
    <t>cg13708869</t>
  </si>
  <si>
    <t>cg13710969</t>
  </si>
  <si>
    <t>cg13715127</t>
  </si>
  <si>
    <t>cg13717446</t>
  </si>
  <si>
    <t>cg13721589</t>
  </si>
  <si>
    <t>cg13721600</t>
  </si>
  <si>
    <t>cg13723693</t>
  </si>
  <si>
    <t>cg13725958</t>
  </si>
  <si>
    <t>cg13727849</t>
  </si>
  <si>
    <t>cg13729043</t>
  </si>
  <si>
    <t>cg13731387</t>
  </si>
  <si>
    <t>cg13749379</t>
  </si>
  <si>
    <t>cg13749424</t>
  </si>
  <si>
    <t>cg13751265</t>
  </si>
  <si>
    <t>cg13752239</t>
  </si>
  <si>
    <t>cg13753550</t>
  </si>
  <si>
    <t>cg13756790</t>
  </si>
  <si>
    <t>cg13757826</t>
  </si>
  <si>
    <t>cg13764778</t>
  </si>
  <si>
    <t>cg13768055</t>
  </si>
  <si>
    <t>cg13768953</t>
  </si>
  <si>
    <t>cg13769046</t>
  </si>
  <si>
    <t>cg13773689</t>
  </si>
  <si>
    <t>cg13775913</t>
  </si>
  <si>
    <t>cg13777502</t>
  </si>
  <si>
    <t>cg13782728</t>
  </si>
  <si>
    <t>cg13785189</t>
  </si>
  <si>
    <t>cg13800049</t>
  </si>
  <si>
    <t>cg13812613</t>
  </si>
  <si>
    <t>cg13813458</t>
  </si>
  <si>
    <t>cg13823003</t>
  </si>
  <si>
    <t>cg13823188</t>
  </si>
  <si>
    <t>cg13823403</t>
  </si>
  <si>
    <t>cg13829089</t>
  </si>
  <si>
    <t>cg13831922</t>
  </si>
  <si>
    <t>cg13845634</t>
  </si>
  <si>
    <t>cg13847120</t>
  </si>
  <si>
    <t>cg13853046</t>
  </si>
  <si>
    <t>cg13872326</t>
  </si>
  <si>
    <t>cg13872965</t>
  </si>
  <si>
    <t>cg13873263</t>
  </si>
  <si>
    <t>cg13873511</t>
  </si>
  <si>
    <t>cg13874070</t>
  </si>
  <si>
    <t>cg13877465</t>
  </si>
  <si>
    <t>cg13895343</t>
  </si>
  <si>
    <t>cg13898605</t>
  </si>
  <si>
    <t>cg13901433</t>
  </si>
  <si>
    <t>cg13911393</t>
  </si>
  <si>
    <t>cg13917614</t>
  </si>
  <si>
    <t>cg13923669</t>
  </si>
  <si>
    <t>cg13944286</t>
  </si>
  <si>
    <t>cg13947929</t>
  </si>
  <si>
    <t>cg13949903</t>
  </si>
  <si>
    <t>cg13951527</t>
  </si>
  <si>
    <t>cg13956095</t>
  </si>
  <si>
    <t>cg13984928</t>
  </si>
  <si>
    <t>cg13995769</t>
  </si>
  <si>
    <t>cg13998712</t>
  </si>
  <si>
    <t>cg14008134</t>
  </si>
  <si>
    <t>cg14012082</t>
  </si>
  <si>
    <t>cg14012233</t>
  </si>
  <si>
    <t>cg14014527</t>
  </si>
  <si>
    <t>cg14016875</t>
  </si>
  <si>
    <t>cg14020176</t>
  </si>
  <si>
    <t>cg14033514</t>
  </si>
  <si>
    <t>cg14042635</t>
  </si>
  <si>
    <t>cg14047361</t>
  </si>
  <si>
    <t>cg14051556</t>
  </si>
  <si>
    <t>cg14053257</t>
  </si>
  <si>
    <t>cg14057352</t>
  </si>
  <si>
    <t>cg14059340</t>
  </si>
  <si>
    <t>cg14063104</t>
  </si>
  <si>
    <t>cg14067364</t>
  </si>
  <si>
    <t>cg14073057</t>
  </si>
  <si>
    <t>cg14073722</t>
  </si>
  <si>
    <t>cg14074715</t>
  </si>
  <si>
    <t>cg14078322</t>
  </si>
  <si>
    <t>cg14087806</t>
  </si>
  <si>
    <t>cg14090409</t>
  </si>
  <si>
    <t>cg14102880</t>
  </si>
  <si>
    <t>cg14103143</t>
  </si>
  <si>
    <t>cg14110885</t>
  </si>
  <si>
    <t>cg14115324</t>
  </si>
  <si>
    <t>cg14116222</t>
  </si>
  <si>
    <t>cg14116624</t>
  </si>
  <si>
    <t>cg14122138</t>
  </si>
  <si>
    <t>cg14122358</t>
  </si>
  <si>
    <t>cg14126688</t>
  </si>
  <si>
    <t>cg14129397</t>
  </si>
  <si>
    <t>cg14131889</t>
  </si>
  <si>
    <t>cg14134128</t>
  </si>
  <si>
    <t>cg14136096</t>
  </si>
  <si>
    <t>cg14136893</t>
  </si>
  <si>
    <t>cg14159220</t>
  </si>
  <si>
    <t>cg14170999</t>
  </si>
  <si>
    <t>cg14173476</t>
  </si>
  <si>
    <t>cg14178294</t>
  </si>
  <si>
    <t>cg14181409</t>
  </si>
  <si>
    <t>cg14190264</t>
  </si>
  <si>
    <t>cg14195925</t>
  </si>
  <si>
    <t>cg14196211</t>
  </si>
  <si>
    <t>cg14202491</t>
  </si>
  <si>
    <t>cg14204478</t>
  </si>
  <si>
    <t>cg14207210</t>
  </si>
  <si>
    <t>cg14209926</t>
  </si>
  <si>
    <t>cg14210275</t>
  </si>
  <si>
    <t>cg14212850</t>
  </si>
  <si>
    <t>cg14225146</t>
  </si>
  <si>
    <t>cg14228980</t>
  </si>
  <si>
    <t>cg14230810</t>
  </si>
  <si>
    <t>cg14231704</t>
  </si>
  <si>
    <t>cg14232289</t>
  </si>
  <si>
    <t>cg14235273</t>
  </si>
  <si>
    <t>cg14235568</t>
  </si>
  <si>
    <t>cg14244013</t>
  </si>
  <si>
    <t>cg14247862</t>
  </si>
  <si>
    <t>cg14248106</t>
  </si>
  <si>
    <t>cg14251555</t>
  </si>
  <si>
    <t>cg14257814</t>
  </si>
  <si>
    <t>cg14260695</t>
  </si>
  <si>
    <t>cg14263391</t>
  </si>
  <si>
    <t>cg14264380</t>
  </si>
  <si>
    <t>cg14265254</t>
  </si>
  <si>
    <t>cg14270687</t>
  </si>
  <si>
    <t>cg14275842</t>
  </si>
  <si>
    <t>cg14278501</t>
  </si>
  <si>
    <t>cg14311597</t>
  </si>
  <si>
    <t>cg14312018</t>
  </si>
  <si>
    <t>cg14312586</t>
  </si>
  <si>
    <t>cg14312959</t>
  </si>
  <si>
    <t>cg14314071</t>
  </si>
  <si>
    <t>cg14318679</t>
  </si>
  <si>
    <t>cg14328782</t>
  </si>
  <si>
    <t>cg14330293</t>
  </si>
  <si>
    <t>cg14330713</t>
  </si>
  <si>
    <t>cg14331245</t>
  </si>
  <si>
    <t>cg14334911</t>
  </si>
  <si>
    <t>cg14335894</t>
  </si>
  <si>
    <t>cg14343091</t>
  </si>
  <si>
    <t>cg14343513</t>
  </si>
  <si>
    <t>cg14347999</t>
  </si>
  <si>
    <t>cg14349867</t>
  </si>
  <si>
    <t>cg14351634</t>
  </si>
  <si>
    <t>cg14362416</t>
  </si>
  <si>
    <t>cg14365070</t>
  </si>
  <si>
    <t>cg14372333</t>
  </si>
  <si>
    <t>cg14375282</t>
  </si>
  <si>
    <t>cg14381348</t>
  </si>
  <si>
    <t>cg14381448</t>
  </si>
  <si>
    <t>cg14383174</t>
  </si>
  <si>
    <t>cg14388195</t>
  </si>
  <si>
    <t>cg14390580</t>
  </si>
  <si>
    <t>cg14396505</t>
  </si>
  <si>
    <t>cg14403398</t>
  </si>
  <si>
    <t>cg14405773</t>
  </si>
  <si>
    <t>cg14407883</t>
  </si>
  <si>
    <t>cg14408505</t>
  </si>
  <si>
    <t>cg14409414</t>
  </si>
  <si>
    <t>cg14413466</t>
  </si>
  <si>
    <t>cg14419393</t>
  </si>
  <si>
    <t>cg14434187</t>
  </si>
  <si>
    <t>cg14438323</t>
  </si>
  <si>
    <t>cg14445451</t>
  </si>
  <si>
    <t>cg14457782</t>
  </si>
  <si>
    <t>cg14458783</t>
  </si>
  <si>
    <t>cg14458834</t>
  </si>
  <si>
    <t>cg14467181</t>
  </si>
  <si>
    <t>cg14482741</t>
  </si>
  <si>
    <t>cg14485004</t>
  </si>
  <si>
    <t>cg14489159</t>
  </si>
  <si>
    <t>cg14491169</t>
  </si>
  <si>
    <t>cg14496450</t>
  </si>
  <si>
    <t>cg14501061</t>
  </si>
  <si>
    <t>cg14502606</t>
  </si>
  <si>
    <t>cg14503165</t>
  </si>
  <si>
    <t>cg14506834</t>
  </si>
  <si>
    <t>cg14509967</t>
  </si>
  <si>
    <t>cg14510947</t>
  </si>
  <si>
    <t>cg14511070</t>
  </si>
  <si>
    <t>cg14511089</t>
  </si>
  <si>
    <t>cg14515250</t>
  </si>
  <si>
    <t>cg14517108</t>
  </si>
  <si>
    <t>cg14517217</t>
  </si>
  <si>
    <t>cg14521546</t>
  </si>
  <si>
    <t>cg14524553</t>
  </si>
  <si>
    <t>cg14526166</t>
  </si>
  <si>
    <t>cg14530304</t>
  </si>
  <si>
    <t>cg14538808</t>
  </si>
  <si>
    <t>cg14539210</t>
  </si>
  <si>
    <t>cg14543255</t>
  </si>
  <si>
    <t>cg14545159</t>
  </si>
  <si>
    <t>cg14546714</t>
  </si>
  <si>
    <t>cg14551002</t>
  </si>
  <si>
    <t>cg14553224</t>
  </si>
  <si>
    <t>cg14553881</t>
  </si>
  <si>
    <t>cg14559369</t>
  </si>
  <si>
    <t>cg14562871</t>
  </si>
  <si>
    <t>cg14564046</t>
  </si>
  <si>
    <t>cg14564692</t>
  </si>
  <si>
    <t>cg14567414</t>
  </si>
  <si>
    <t>cg14569471</t>
  </si>
  <si>
    <t>cg14572424</t>
  </si>
  <si>
    <t>cg14572485</t>
  </si>
  <si>
    <t>cg14572634</t>
  </si>
  <si>
    <t>cg14573056</t>
  </si>
  <si>
    <t>cg14575854</t>
  </si>
  <si>
    <t>cg14576294</t>
  </si>
  <si>
    <t>cg14577476</t>
  </si>
  <si>
    <t>cg14595059</t>
  </si>
  <si>
    <t>cg14595275</t>
  </si>
  <si>
    <t>cg14598327</t>
  </si>
  <si>
    <t>cg14601050</t>
  </si>
  <si>
    <t>cg14602220</t>
  </si>
  <si>
    <t>cg14603098</t>
  </si>
  <si>
    <t>cg14603620</t>
  </si>
  <si>
    <t>cg14605961</t>
  </si>
  <si>
    <t>cg14606117</t>
  </si>
  <si>
    <t>cg14606680</t>
  </si>
  <si>
    <t>cg14610915</t>
  </si>
  <si>
    <t>cg14610962</t>
  </si>
  <si>
    <t>cg14622441</t>
  </si>
  <si>
    <t>cg14624505</t>
  </si>
  <si>
    <t>cg14625581</t>
  </si>
  <si>
    <t>cg14627760</t>
  </si>
  <si>
    <t>cg14627921</t>
  </si>
  <si>
    <t>cg14630905</t>
  </si>
  <si>
    <t>cg14633757</t>
  </si>
  <si>
    <t>cg14636441</t>
  </si>
  <si>
    <t>cg14637631</t>
  </si>
  <si>
    <t>cg14640386</t>
  </si>
  <si>
    <t>cg14642671</t>
  </si>
  <si>
    <t>cg14645721</t>
  </si>
  <si>
    <t>cg14654468</t>
  </si>
  <si>
    <t>cg14664030</t>
  </si>
  <si>
    <t>cg14668747</t>
  </si>
  <si>
    <t>cg14672709</t>
  </si>
  <si>
    <t>cg14676825</t>
  </si>
  <si>
    <t>cg14680303</t>
  </si>
  <si>
    <t>cg14681176</t>
  </si>
  <si>
    <t>cg14683380</t>
  </si>
  <si>
    <t>cg14685095</t>
  </si>
  <si>
    <t>cg14689219</t>
  </si>
  <si>
    <t>cg14692377</t>
  </si>
  <si>
    <t>cg14697743</t>
  </si>
  <si>
    <t>cg14698339</t>
  </si>
  <si>
    <t>cg14725215</t>
  </si>
  <si>
    <t>cg14726117</t>
  </si>
  <si>
    <t>cg14728380</t>
  </si>
  <si>
    <t>cg14729456</t>
  </si>
  <si>
    <t>cg14732136</t>
  </si>
  <si>
    <t>cg14754787</t>
  </si>
  <si>
    <t>cg14758740</t>
  </si>
  <si>
    <t>cg14775474</t>
  </si>
  <si>
    <t>cg14781919</t>
  </si>
  <si>
    <t>cg14787260</t>
  </si>
  <si>
    <t>cg14806146</t>
  </si>
  <si>
    <t>cg14809226</t>
  </si>
  <si>
    <t>cg14819132</t>
  </si>
  <si>
    <t>cg14821192</t>
  </si>
  <si>
    <t>cg14821507</t>
  </si>
  <si>
    <t>cg14822696</t>
  </si>
  <si>
    <t>cg14823851</t>
  </si>
  <si>
    <t>cg14826331</t>
  </si>
  <si>
    <t>cg14826764</t>
  </si>
  <si>
    <t>cg14843989</t>
  </si>
  <si>
    <t>cg14848859</t>
  </si>
  <si>
    <t>cg14858951</t>
  </si>
  <si>
    <t>cg14860614</t>
  </si>
  <si>
    <t>cg14862207</t>
  </si>
  <si>
    <t>cg14865717</t>
  </si>
  <si>
    <t>cg14893889</t>
  </si>
  <si>
    <t>cg14899563</t>
  </si>
  <si>
    <t>cg14905632</t>
  </si>
  <si>
    <t>cg14912728</t>
  </si>
  <si>
    <t>cg14928057</t>
  </si>
  <si>
    <t>cg14929100</t>
  </si>
  <si>
    <t>cg14932794</t>
  </si>
  <si>
    <t>cg14933266</t>
  </si>
  <si>
    <t>cg14939300</t>
  </si>
  <si>
    <t>cg14947218</t>
  </si>
  <si>
    <t>cg14950751</t>
  </si>
  <si>
    <t>cg14952312</t>
  </si>
  <si>
    <t>cg14954491</t>
  </si>
  <si>
    <t>cg14955300</t>
  </si>
  <si>
    <t>cg14955495</t>
  </si>
  <si>
    <t>cg14957904</t>
  </si>
  <si>
    <t>cg14996929</t>
  </si>
  <si>
    <t>cg15014624</t>
  </si>
  <si>
    <t>cg15020801</t>
  </si>
  <si>
    <t>cg15026277</t>
  </si>
  <si>
    <t>cg15044248</t>
  </si>
  <si>
    <t>cg15052447</t>
  </si>
  <si>
    <t>cg15055494</t>
  </si>
  <si>
    <t>cg15066416</t>
  </si>
  <si>
    <t>cg15082992</t>
  </si>
  <si>
    <t>cg15083255</t>
  </si>
  <si>
    <t>cg15085989</t>
  </si>
  <si>
    <t>cg15092787</t>
  </si>
  <si>
    <t>cg15097584</t>
  </si>
  <si>
    <t>cg15102325</t>
  </si>
  <si>
    <t>cg15106136</t>
  </si>
  <si>
    <t>cg15109179</t>
  </si>
  <si>
    <t>cg15116388</t>
  </si>
  <si>
    <t>cg15125686</t>
  </si>
  <si>
    <t>cg15135241</t>
  </si>
  <si>
    <t>cg15138339</t>
  </si>
  <si>
    <t>cg15167646</t>
  </si>
  <si>
    <t>cg15168189</t>
  </si>
  <si>
    <t>cg15190451</t>
  </si>
  <si>
    <t>cg15191021</t>
  </si>
  <si>
    <t>cg15193133</t>
  </si>
  <si>
    <t>cg15206062</t>
  </si>
  <si>
    <t>cg15207091</t>
  </si>
  <si>
    <t>cg15209885</t>
  </si>
  <si>
    <t>cg15212295</t>
  </si>
  <si>
    <t>cg15212418</t>
  </si>
  <si>
    <t>cg15214092</t>
  </si>
  <si>
    <t>cg15215114</t>
  </si>
  <si>
    <t>cg15218456</t>
  </si>
  <si>
    <t>cg15220605</t>
  </si>
  <si>
    <t>cg15226715</t>
  </si>
  <si>
    <t>cg15227574</t>
  </si>
  <si>
    <t>cg15236528</t>
  </si>
  <si>
    <t>cg15249062</t>
  </si>
  <si>
    <t>cg15249106</t>
  </si>
  <si>
    <t>cg15251212</t>
  </si>
  <si>
    <t>cg15253293</t>
  </si>
  <si>
    <t>cg15253387</t>
  </si>
  <si>
    <t>cg15255390</t>
  </si>
  <si>
    <t>cg15256305</t>
  </si>
  <si>
    <t>cg15256944</t>
  </si>
  <si>
    <t>cg15260437</t>
  </si>
  <si>
    <t>cg15260839</t>
  </si>
  <si>
    <t>cg15262242</t>
  </si>
  <si>
    <t>cg15267890</t>
  </si>
  <si>
    <t>cg15288140</t>
  </si>
  <si>
    <t>cg15291235</t>
  </si>
  <si>
    <t>cg15291740</t>
  </si>
  <si>
    <t>cg15327300</t>
  </si>
  <si>
    <t>cg15332951</t>
  </si>
  <si>
    <t>cg15371732</t>
  </si>
  <si>
    <t>cg15376949</t>
  </si>
  <si>
    <t>cg15386368</t>
  </si>
  <si>
    <t>cg15390413</t>
  </si>
  <si>
    <t>cg15401418</t>
  </si>
  <si>
    <t>cg15403654</t>
  </si>
  <si>
    <t>cg15407226</t>
  </si>
  <si>
    <t>cg15412291</t>
  </si>
  <si>
    <t>cg15416179</t>
  </si>
  <si>
    <t>cg15419295</t>
  </si>
  <si>
    <t>cg15435170</t>
  </si>
  <si>
    <t>cg15437676</t>
  </si>
  <si>
    <t>cg15462411</t>
  </si>
  <si>
    <t>cg15466505</t>
  </si>
  <si>
    <t>cg15468129</t>
  </si>
  <si>
    <t>cg15471812</t>
  </si>
  <si>
    <t>cg15485817</t>
  </si>
  <si>
    <t>cg15520042</t>
  </si>
  <si>
    <t>cg15520606</t>
  </si>
  <si>
    <t>cg15547276</t>
  </si>
  <si>
    <t>cg15565065</t>
  </si>
  <si>
    <t>cg15566554</t>
  </si>
  <si>
    <t>cg15567929</t>
  </si>
  <si>
    <t>cg15596816</t>
  </si>
  <si>
    <t>cg15596932</t>
  </si>
  <si>
    <t>cg15600365</t>
  </si>
  <si>
    <t>cg15601682</t>
  </si>
  <si>
    <t>cg15606388</t>
  </si>
  <si>
    <t>cg15610667</t>
  </si>
  <si>
    <t>cg15611993</t>
  </si>
  <si>
    <t>cg15612845</t>
  </si>
  <si>
    <t>cg15615160</t>
  </si>
  <si>
    <t>cg15616641</t>
  </si>
  <si>
    <t>cg15627380</t>
  </si>
  <si>
    <t>cg15659924</t>
  </si>
  <si>
    <t>cg15663173</t>
  </si>
  <si>
    <t>cg15664909</t>
  </si>
  <si>
    <t>cg15665342</t>
  </si>
  <si>
    <t>cg15667495</t>
  </si>
  <si>
    <t>cg15670680</t>
  </si>
  <si>
    <t>cg15680937</t>
  </si>
  <si>
    <t>cg15690475</t>
  </si>
  <si>
    <t>cg15696816</t>
  </si>
  <si>
    <t>cg15700989</t>
  </si>
  <si>
    <t>cg15702825</t>
  </si>
  <si>
    <t>cg15704988</t>
  </si>
  <si>
    <t>cg15705266</t>
  </si>
  <si>
    <t>cg15710971</t>
  </si>
  <si>
    <t>cg15724937</t>
  </si>
  <si>
    <t>cg15734955</t>
  </si>
  <si>
    <t>cg15735664</t>
  </si>
  <si>
    <t>cg15736767</t>
  </si>
  <si>
    <t>cg15739389</t>
  </si>
  <si>
    <t>cg15740385</t>
  </si>
  <si>
    <t>cg15744026</t>
  </si>
  <si>
    <t>cg15754548</t>
  </si>
  <si>
    <t>cg15760257</t>
  </si>
  <si>
    <t>cg15765054</t>
  </si>
  <si>
    <t>cg15769424</t>
  </si>
  <si>
    <t>cg15769475</t>
  </si>
  <si>
    <t>cg15769726</t>
  </si>
  <si>
    <t>cg15769921</t>
  </si>
  <si>
    <t>cg15771579</t>
  </si>
  <si>
    <t>cg15791108</t>
  </si>
  <si>
    <t>cg15793197</t>
  </si>
  <si>
    <t>cg15802555</t>
  </si>
  <si>
    <t>cg15803122</t>
  </si>
  <si>
    <t>cg15803221</t>
  </si>
  <si>
    <t>cg15806857</t>
  </si>
  <si>
    <t>cg15816084</t>
  </si>
  <si>
    <t>cg15825264</t>
  </si>
  <si>
    <t>cg15825321</t>
  </si>
  <si>
    <t>cg15825417</t>
  </si>
  <si>
    <t>cg15826437</t>
  </si>
  <si>
    <t>cg15829277</t>
  </si>
  <si>
    <t>cg15833843</t>
  </si>
  <si>
    <t>cg15835536</t>
  </si>
  <si>
    <t>cg15837531</t>
  </si>
  <si>
    <t>cg15839435</t>
  </si>
  <si>
    <t>cg15842208</t>
  </si>
  <si>
    <t>cg15847614</t>
  </si>
  <si>
    <t>cg15853299</t>
  </si>
  <si>
    <t>cg15853350</t>
  </si>
  <si>
    <t>cg15853812</t>
  </si>
  <si>
    <t>cg15854179</t>
  </si>
  <si>
    <t>cg15862680</t>
  </si>
  <si>
    <t>cg15864779</t>
  </si>
  <si>
    <t>cg15865771</t>
  </si>
  <si>
    <t>cg15866977</t>
  </si>
  <si>
    <t>cg15869492</t>
  </si>
  <si>
    <t>cg15880760</t>
  </si>
  <si>
    <t>cg15888472</t>
  </si>
  <si>
    <t>cg15906794</t>
  </si>
  <si>
    <t>cg15908921</t>
  </si>
  <si>
    <t>cg15909132</t>
  </si>
  <si>
    <t>cg15909319</t>
  </si>
  <si>
    <t>cg15910686</t>
  </si>
  <si>
    <t>cg15936999</t>
  </si>
  <si>
    <t>cg15944684</t>
  </si>
  <si>
    <t>cg15945417</t>
  </si>
  <si>
    <t>cg15945867</t>
  </si>
  <si>
    <t>cg15949687</t>
  </si>
  <si>
    <t>cg15949830</t>
  </si>
  <si>
    <t>cg15951188</t>
  </si>
  <si>
    <t>cg15951870</t>
  </si>
  <si>
    <t>cg15954353</t>
  </si>
  <si>
    <t>cg15961785</t>
  </si>
  <si>
    <t>cg15963109</t>
  </si>
  <si>
    <t>cg15963551</t>
  </si>
  <si>
    <t>cg15966315</t>
  </si>
  <si>
    <t>cg15971010</t>
  </si>
  <si>
    <t>cg15971496</t>
  </si>
  <si>
    <t>cg16006004</t>
  </si>
  <si>
    <t>cg16006242</t>
  </si>
  <si>
    <t>cg16011583</t>
  </si>
  <si>
    <t>cg16011800</t>
  </si>
  <si>
    <t>cg16017144</t>
  </si>
  <si>
    <t>cg16017578</t>
  </si>
  <si>
    <t>cg16024729</t>
  </si>
  <si>
    <t>cg16024891</t>
  </si>
  <si>
    <t>cg16028064</t>
  </si>
  <si>
    <t>cg16028735</t>
  </si>
  <si>
    <t>cg16029368</t>
  </si>
  <si>
    <t>cg16031711</t>
  </si>
  <si>
    <t>cg16045459</t>
  </si>
  <si>
    <t>cg16047279</t>
  </si>
  <si>
    <t>cg16047348</t>
  </si>
  <si>
    <t>cg16047490</t>
  </si>
  <si>
    <t>cg16048942</t>
  </si>
  <si>
    <t>cg16050165</t>
  </si>
  <si>
    <t>cg16050897</t>
  </si>
  <si>
    <t>cg16054451</t>
  </si>
  <si>
    <t>cg16057782</t>
  </si>
  <si>
    <t>cg16067980</t>
  </si>
  <si>
    <t>cg16069936</t>
  </si>
  <si>
    <t>cg16080427</t>
  </si>
  <si>
    <t>cg16080759</t>
  </si>
  <si>
    <t>cg16087457</t>
  </si>
  <si>
    <t>cg16093752</t>
  </si>
  <si>
    <t>cg16102016</t>
  </si>
  <si>
    <t>cg16102971</t>
  </si>
  <si>
    <t>cg16106293</t>
  </si>
  <si>
    <t>cg16116066</t>
  </si>
  <si>
    <t>cg16121929</t>
  </si>
  <si>
    <t>cg16143763</t>
  </si>
  <si>
    <t>cg16177058</t>
  </si>
  <si>
    <t>cg16179976</t>
  </si>
  <si>
    <t>cg16182148</t>
  </si>
  <si>
    <t>cg16191750</t>
  </si>
  <si>
    <t>cg16193196</t>
  </si>
  <si>
    <t>cg16195091</t>
  </si>
  <si>
    <t>cg16201762</t>
  </si>
  <si>
    <t>cg16201883</t>
  </si>
  <si>
    <t>cg16202470</t>
  </si>
  <si>
    <t>cg16202734</t>
  </si>
  <si>
    <t>cg16205163</t>
  </si>
  <si>
    <t>cg16206138</t>
  </si>
  <si>
    <t>cg16208357</t>
  </si>
  <si>
    <t>cg16216148</t>
  </si>
  <si>
    <t>cg16228365</t>
  </si>
  <si>
    <t>cg16246294</t>
  </si>
  <si>
    <t>cg16246366</t>
  </si>
  <si>
    <t>cg16249355</t>
  </si>
  <si>
    <t>cg16260274</t>
  </si>
  <si>
    <t>cg16262623</t>
  </si>
  <si>
    <t>cg16263848</t>
  </si>
  <si>
    <t>cg16264458</t>
  </si>
  <si>
    <t>cg16264813</t>
  </si>
  <si>
    <t>cg16268778</t>
  </si>
  <si>
    <t>cg16274474</t>
  </si>
  <si>
    <t>cg16276209</t>
  </si>
  <si>
    <t>cg16293131</t>
  </si>
  <si>
    <t>cg16293631</t>
  </si>
  <si>
    <t>cg16296356</t>
  </si>
  <si>
    <t>cg16296745</t>
  </si>
  <si>
    <t>cg16301599</t>
  </si>
  <si>
    <t>cg16308533</t>
  </si>
  <si>
    <t>cg16315742</t>
  </si>
  <si>
    <t>cg16317052</t>
  </si>
  <si>
    <t>cg16318240</t>
  </si>
  <si>
    <t>cg16323231</t>
  </si>
  <si>
    <t>cg16331972</t>
  </si>
  <si>
    <t>cg16337457</t>
  </si>
  <si>
    <t>cg16340422</t>
  </si>
  <si>
    <t>cg16343401</t>
  </si>
  <si>
    <t>cg16357477</t>
  </si>
  <si>
    <t>cg16364121</t>
  </si>
  <si>
    <t>cg16366685</t>
  </si>
  <si>
    <t>cg16377836</t>
  </si>
  <si>
    <t>cg16380414</t>
  </si>
  <si>
    <t>cg16393749</t>
  </si>
  <si>
    <t>cg16395712</t>
  </si>
  <si>
    <t>cg16398388</t>
  </si>
  <si>
    <t>cg16426293</t>
  </si>
  <si>
    <t>cg16426714</t>
  </si>
  <si>
    <t>cg16436489</t>
  </si>
  <si>
    <t>cg16440629</t>
  </si>
  <si>
    <t>cg16444001</t>
  </si>
  <si>
    <t>cg16447652</t>
  </si>
  <si>
    <t>cg16449816</t>
  </si>
  <si>
    <t>cg16452329</t>
  </si>
  <si>
    <t>cg16466065</t>
  </si>
  <si>
    <t>cg16467854</t>
  </si>
  <si>
    <t>cg16472998</t>
  </si>
  <si>
    <t>cg16503489</t>
  </si>
  <si>
    <t>cg16513459</t>
  </si>
  <si>
    <t>cg16514513</t>
  </si>
  <si>
    <t>cg16518742</t>
  </si>
  <si>
    <t>cg16520238</t>
  </si>
  <si>
    <t>cg16530437</t>
  </si>
  <si>
    <t>cg16534505</t>
  </si>
  <si>
    <t>cg16541275</t>
  </si>
  <si>
    <t>cg16545499</t>
  </si>
  <si>
    <t>cg16546279</t>
  </si>
  <si>
    <t>cg16551483</t>
  </si>
  <si>
    <t>cg16557858</t>
  </si>
  <si>
    <t>cg16560774</t>
  </si>
  <si>
    <t>cg16561266</t>
  </si>
  <si>
    <t>cg16562099</t>
  </si>
  <si>
    <t>cg16563470</t>
  </si>
  <si>
    <t>cg16564327</t>
  </si>
  <si>
    <t>cg16571098</t>
  </si>
  <si>
    <t>cg16571354</t>
  </si>
  <si>
    <t>cg16574333</t>
  </si>
  <si>
    <t>cg16579555</t>
  </si>
  <si>
    <t>cg16597689</t>
  </si>
  <si>
    <t>cg16608053</t>
  </si>
  <si>
    <t>cg16608636</t>
  </si>
  <si>
    <t>cg16609818</t>
  </si>
  <si>
    <t>cg16613143</t>
  </si>
  <si>
    <t>cg16624787</t>
  </si>
  <si>
    <t>cg16628201</t>
  </si>
  <si>
    <t>cg16630982</t>
  </si>
  <si>
    <t>cg16632575</t>
  </si>
  <si>
    <t>cg16638092</t>
  </si>
  <si>
    <t>cg16638385</t>
  </si>
  <si>
    <t>cg16638648</t>
  </si>
  <si>
    <t>cg16652462</t>
  </si>
  <si>
    <t>cg16655754</t>
  </si>
  <si>
    <t>cg16656196</t>
  </si>
  <si>
    <t>cg16658099</t>
  </si>
  <si>
    <t>cg16661234</t>
  </si>
  <si>
    <t>cg16674433</t>
  </si>
  <si>
    <t>cg16677019</t>
  </si>
  <si>
    <t>cg16684259</t>
  </si>
  <si>
    <t>cg16685860</t>
  </si>
  <si>
    <t>cg16686174</t>
  </si>
  <si>
    <t>cg16696035</t>
  </si>
  <si>
    <t>cg16702774</t>
  </si>
  <si>
    <t>cg16709232</t>
  </si>
  <si>
    <t>cg16721879</t>
  </si>
  <si>
    <t>cg16739096</t>
  </si>
  <si>
    <t>cg16740067</t>
  </si>
  <si>
    <t>cg16755500</t>
  </si>
  <si>
    <t>cg16755833</t>
  </si>
  <si>
    <t>cg16761752</t>
  </si>
  <si>
    <t>cg16766889</t>
  </si>
  <si>
    <t>cg16766914</t>
  </si>
  <si>
    <t>cg16776981</t>
  </si>
  <si>
    <t>cg16779463</t>
  </si>
  <si>
    <t>cg16779839</t>
  </si>
  <si>
    <t>cg16786868</t>
  </si>
  <si>
    <t>cg16789104</t>
  </si>
  <si>
    <t>cg16789592</t>
  </si>
  <si>
    <t>cg16805816</t>
  </si>
  <si>
    <t>cg16806519</t>
  </si>
  <si>
    <t>cg16810279</t>
  </si>
  <si>
    <t>cg16811443</t>
  </si>
  <si>
    <t>cg16817946</t>
  </si>
  <si>
    <t>cg16827057</t>
  </si>
  <si>
    <t>cg16828657</t>
  </si>
  <si>
    <t>cg16833264</t>
  </si>
  <si>
    <t>cg16833444</t>
  </si>
  <si>
    <t>cg16835101</t>
  </si>
  <si>
    <t>cg16838980</t>
  </si>
  <si>
    <t>cg16850458</t>
  </si>
  <si>
    <t>cg16859924</t>
  </si>
  <si>
    <t>cg16861241</t>
  </si>
  <si>
    <t>cg16862315</t>
  </si>
  <si>
    <t>cg16862762</t>
  </si>
  <si>
    <t>cg16863795</t>
  </si>
  <si>
    <t>cg16865777</t>
  </si>
  <si>
    <t>cg16878652</t>
  </si>
  <si>
    <t>cg16879222</t>
  </si>
  <si>
    <t>cg16879549</t>
  </si>
  <si>
    <t>cg16885511</t>
  </si>
  <si>
    <t>cg16885600</t>
  </si>
  <si>
    <t>cg16886468</t>
  </si>
  <si>
    <t>cg16888106</t>
  </si>
  <si>
    <t>cg16889556</t>
  </si>
  <si>
    <t>cg16892887</t>
  </si>
  <si>
    <t>cg16898239</t>
  </si>
  <si>
    <t>cg16913064</t>
  </si>
  <si>
    <t>cg16913254</t>
  </si>
  <si>
    <t>cg16916914</t>
  </si>
  <si>
    <t>cg16918989</t>
  </si>
  <si>
    <t>cg16925697</t>
  </si>
  <si>
    <t>cg16931807</t>
  </si>
  <si>
    <t>cg16954280</t>
  </si>
  <si>
    <t>cg16958716</t>
  </si>
  <si>
    <t>cg16963062</t>
  </si>
  <si>
    <t>cg16968985</t>
  </si>
  <si>
    <t>cg16969368</t>
  </si>
  <si>
    <t>cg16988072</t>
  </si>
  <si>
    <t>cg16991298</t>
  </si>
  <si>
    <t>cg17029019</t>
  </si>
  <si>
    <t>cg17045523</t>
  </si>
  <si>
    <t>cg17046890</t>
  </si>
  <si>
    <t>cg17047734</t>
  </si>
  <si>
    <t>cg17049621</t>
  </si>
  <si>
    <t>cg17050724</t>
  </si>
  <si>
    <t>cg17051395</t>
  </si>
  <si>
    <t>cg17053854</t>
  </si>
  <si>
    <t>cg17054691</t>
  </si>
  <si>
    <t>cg17055821</t>
  </si>
  <si>
    <t>cg17055950</t>
  </si>
  <si>
    <t>cg17059575</t>
  </si>
  <si>
    <t>cg17062109</t>
  </si>
  <si>
    <t>cg17062279</t>
  </si>
  <si>
    <t>cg17068985</t>
  </si>
  <si>
    <t>cg17072271</t>
  </si>
  <si>
    <t>cg17075913</t>
  </si>
  <si>
    <t>cg17079137</t>
  </si>
  <si>
    <t>cg17082373</t>
  </si>
  <si>
    <t>cg17083506</t>
  </si>
  <si>
    <t>cg17091361</t>
  </si>
  <si>
    <t>cg17091998</t>
  </si>
  <si>
    <t>cg17093615</t>
  </si>
  <si>
    <t>cg17093642</t>
  </si>
  <si>
    <t>cg17094593</t>
  </si>
  <si>
    <t>cg17094688</t>
  </si>
  <si>
    <t>cg17100696</t>
  </si>
  <si>
    <t>cg17101358</t>
  </si>
  <si>
    <t>cg17103051</t>
  </si>
  <si>
    <t>cg17103702</t>
  </si>
  <si>
    <t>cg17103705</t>
  </si>
  <si>
    <t>cg17107156</t>
  </si>
  <si>
    <t>cg17111795</t>
  </si>
  <si>
    <t>cg17119066</t>
  </si>
  <si>
    <t>cg17124387</t>
  </si>
  <si>
    <t>cg17125121</t>
  </si>
  <si>
    <t>cg17128996</t>
  </si>
  <si>
    <t>cg17129028</t>
  </si>
  <si>
    <t>cg17129986</t>
  </si>
  <si>
    <t>cg17143565</t>
  </si>
  <si>
    <t>cg17144164</t>
  </si>
  <si>
    <t>cg17154187</t>
  </si>
  <si>
    <t>cg17154586</t>
  </si>
  <si>
    <t>cg17170741</t>
  </si>
  <si>
    <t>cg17171801</t>
  </si>
  <si>
    <t>cg17171962</t>
  </si>
  <si>
    <t>cg17172593</t>
  </si>
  <si>
    <t>cg17177017</t>
  </si>
  <si>
    <t>cg17179862</t>
  </si>
  <si>
    <t>cg17181325</t>
  </si>
  <si>
    <t>cg17182270</t>
  </si>
  <si>
    <t>cg17182507</t>
  </si>
  <si>
    <t>cg17184161</t>
  </si>
  <si>
    <t>cg17184392</t>
  </si>
  <si>
    <t>cg17189020</t>
  </si>
  <si>
    <t>cg17192115</t>
  </si>
  <si>
    <t>cg17193961</t>
  </si>
  <si>
    <t>cg17199681</t>
  </si>
  <si>
    <t>cg17203313</t>
  </si>
  <si>
    <t>cg17205803</t>
  </si>
  <si>
    <t>cg17206528</t>
  </si>
  <si>
    <t>cg17210004</t>
  </si>
  <si>
    <t>cg17211761</t>
  </si>
  <si>
    <t>cg17212008</t>
  </si>
  <si>
    <t>cg17217158</t>
  </si>
  <si>
    <t>cg17217189</t>
  </si>
  <si>
    <t>cg17218435</t>
  </si>
  <si>
    <t>cg17224754</t>
  </si>
  <si>
    <t>cg17225407</t>
  </si>
  <si>
    <t>cg17226280</t>
  </si>
  <si>
    <t>cg17227503</t>
  </si>
  <si>
    <t>cg17227680</t>
  </si>
  <si>
    <t>cg17228200</t>
  </si>
  <si>
    <t>cg17228232</t>
  </si>
  <si>
    <t>cg17231690</t>
  </si>
  <si>
    <t>cg17235374</t>
  </si>
  <si>
    <t>cg17241816</t>
  </si>
  <si>
    <t>cg17252669</t>
  </si>
  <si>
    <t>cg17255878</t>
  </si>
  <si>
    <t>cg17257636</t>
  </si>
  <si>
    <t>cg17258335</t>
  </si>
  <si>
    <t>cg17262868</t>
  </si>
  <si>
    <t>cg17274771</t>
  </si>
  <si>
    <t>cg17276853</t>
  </si>
  <si>
    <t>cg17278466</t>
  </si>
  <si>
    <t>cg17278472</t>
  </si>
  <si>
    <t>cg17278655</t>
  </si>
  <si>
    <t>cg17279125</t>
  </si>
  <si>
    <t>cg17279789</t>
  </si>
  <si>
    <t>cg17286790</t>
  </si>
  <si>
    <t>cg17289057</t>
  </si>
  <si>
    <t>cg17290526</t>
  </si>
  <si>
    <t>cg17298275</t>
  </si>
  <si>
    <t>cg17299935</t>
  </si>
  <si>
    <t>cg17300544</t>
  </si>
  <si>
    <t>cg17304878</t>
  </si>
  <si>
    <t>cg17316185</t>
  </si>
  <si>
    <t>cg17335595</t>
  </si>
  <si>
    <t>cg17340338</t>
  </si>
  <si>
    <t>cg17341933</t>
  </si>
  <si>
    <t>cg17342064</t>
  </si>
  <si>
    <t>cg17354190</t>
  </si>
  <si>
    <t>cg17355719</t>
  </si>
  <si>
    <t>cg17367884</t>
  </si>
  <si>
    <t>cg17369991</t>
  </si>
  <si>
    <t>cg17371350</t>
  </si>
  <si>
    <t>cg17376960</t>
  </si>
  <si>
    <t>cg17378535</t>
  </si>
  <si>
    <t>cg17379325</t>
  </si>
  <si>
    <t>cg17381632</t>
  </si>
  <si>
    <t>cg17408291</t>
  </si>
  <si>
    <t>cg17411103</t>
  </si>
  <si>
    <t>cg17416271</t>
  </si>
  <si>
    <t>cg17416280</t>
  </si>
  <si>
    <t>cg17427926</t>
  </si>
  <si>
    <t>cg17430268</t>
  </si>
  <si>
    <t>cg17434690</t>
  </si>
  <si>
    <t>cg17441377</t>
  </si>
  <si>
    <t>cg17444781</t>
  </si>
  <si>
    <t>cg17444839</t>
  </si>
  <si>
    <t>cg17445839</t>
  </si>
  <si>
    <t>cg17457986</t>
  </si>
  <si>
    <t>cg17459387</t>
  </si>
  <si>
    <t>cg17460285</t>
  </si>
  <si>
    <t>cg17462165</t>
  </si>
  <si>
    <t>cg17462356</t>
  </si>
  <si>
    <t>cg17464350</t>
  </si>
  <si>
    <t>cg17468553</t>
  </si>
  <si>
    <t>cg17468987</t>
  </si>
  <si>
    <t>cg17473382</t>
  </si>
  <si>
    <t>cg17477442</t>
  </si>
  <si>
    <t>cg17479060</t>
  </si>
  <si>
    <t>cg17481490</t>
  </si>
  <si>
    <t>cg17514665</t>
  </si>
  <si>
    <t>cg17515702</t>
  </si>
  <si>
    <t>cg17516384</t>
  </si>
  <si>
    <t>cg17517390</t>
  </si>
  <si>
    <t>cg17520314</t>
  </si>
  <si>
    <t>cg17525495</t>
  </si>
  <si>
    <t>cg17531849</t>
  </si>
  <si>
    <t>cg17540765</t>
  </si>
  <si>
    <t>cg17547812</t>
  </si>
  <si>
    <t>cg17549546</t>
  </si>
  <si>
    <t>cg17552357</t>
  </si>
  <si>
    <t>cg17553389</t>
  </si>
  <si>
    <t>cg17554502</t>
  </si>
  <si>
    <t>cg17562433</t>
  </si>
  <si>
    <t>cg17578309</t>
  </si>
  <si>
    <t>cg17590003</t>
  </si>
  <si>
    <t>cg17594131</t>
  </si>
  <si>
    <t>cg17599186</t>
  </si>
  <si>
    <t>cg17600662</t>
  </si>
  <si>
    <t>cg17602102</t>
  </si>
  <si>
    <t>cg17612148</t>
  </si>
  <si>
    <t>cg17613375</t>
  </si>
  <si>
    <t>cg17614275</t>
  </si>
  <si>
    <t>cg17614564</t>
  </si>
  <si>
    <t>cg17624038</t>
  </si>
  <si>
    <t>cg17624073</t>
  </si>
  <si>
    <t>cg17624802</t>
  </si>
  <si>
    <t>cg17630641</t>
  </si>
  <si>
    <t>cg17633033</t>
  </si>
  <si>
    <t>cg17642873</t>
  </si>
  <si>
    <t>cg17644569</t>
  </si>
  <si>
    <t>cg17652435</t>
  </si>
  <si>
    <t>cg17658213</t>
  </si>
  <si>
    <t>cg17669899</t>
  </si>
  <si>
    <t>cg17676237</t>
  </si>
  <si>
    <t>cg17714010</t>
  </si>
  <si>
    <t>cg17714154</t>
  </si>
  <si>
    <t>cg17730048</t>
  </si>
  <si>
    <t>cg17730474</t>
  </si>
  <si>
    <t>cg17730530</t>
  </si>
  <si>
    <t>cg17733447</t>
  </si>
  <si>
    <t>cg17733616</t>
  </si>
  <si>
    <t>cg17738503</t>
  </si>
  <si>
    <t>cg17739038</t>
  </si>
  <si>
    <t>cg17744261</t>
  </si>
  <si>
    <t>cg17745562</t>
  </si>
  <si>
    <t>cg17746570</t>
  </si>
  <si>
    <t>cg17746833</t>
  </si>
  <si>
    <t>cg17748287</t>
  </si>
  <si>
    <t>cg17752015</t>
  </si>
  <si>
    <t>cg17753942</t>
  </si>
  <si>
    <t>cg17777561</t>
  </si>
  <si>
    <t>cg17779790</t>
  </si>
  <si>
    <t>cg17780995</t>
  </si>
  <si>
    <t>cg17787134</t>
  </si>
  <si>
    <t>cg17789012</t>
  </si>
  <si>
    <t>cg17793286</t>
  </si>
  <si>
    <t>cg17807479</t>
  </si>
  <si>
    <t>cg17807663</t>
  </si>
  <si>
    <t>cg17811167</t>
  </si>
  <si>
    <t>cg17812026</t>
  </si>
  <si>
    <t>cg17812788</t>
  </si>
  <si>
    <t>cg17829116</t>
  </si>
  <si>
    <t>cg17833265</t>
  </si>
  <si>
    <t>cg17834632</t>
  </si>
  <si>
    <t>cg17842157</t>
  </si>
  <si>
    <t>cg17843418</t>
  </si>
  <si>
    <t>cg17845279</t>
  </si>
  <si>
    <t>cg17861455</t>
  </si>
  <si>
    <t>cg17862722</t>
  </si>
  <si>
    <t>cg17863042</t>
  </si>
  <si>
    <t>cg17866352</t>
  </si>
  <si>
    <t>cg17875760</t>
  </si>
  <si>
    <t>cg17881910</t>
  </si>
  <si>
    <t>cg17882278</t>
  </si>
  <si>
    <t>cg17888096</t>
  </si>
  <si>
    <t>cg17890850</t>
  </si>
  <si>
    <t>cg17892539</t>
  </si>
  <si>
    <t>cg17893857</t>
  </si>
  <si>
    <t>cg17901038</t>
  </si>
  <si>
    <t>cg17910679</t>
  </si>
  <si>
    <t>cg17911788</t>
  </si>
  <si>
    <t>cg17913115</t>
  </si>
  <si>
    <t>cg17913405</t>
  </si>
  <si>
    <t>cg17929917</t>
  </si>
  <si>
    <t>cg17934743</t>
  </si>
  <si>
    <t>cg17938919</t>
  </si>
  <si>
    <t>cg17944940</t>
  </si>
  <si>
    <t>cg17945140</t>
  </si>
  <si>
    <t>cg17949255</t>
  </si>
  <si>
    <t>cg17949256</t>
  </si>
  <si>
    <t>cg17953633</t>
  </si>
  <si>
    <t>cg17955575</t>
  </si>
  <si>
    <t>cg17955752</t>
  </si>
  <si>
    <t>cg17956819</t>
  </si>
  <si>
    <t>cg17957801</t>
  </si>
  <si>
    <t>cg17957827</t>
  </si>
  <si>
    <t>cg17960573</t>
  </si>
  <si>
    <t>cg17971210</t>
  </si>
  <si>
    <t>cg17977031</t>
  </si>
  <si>
    <t>cg17977470</t>
  </si>
  <si>
    <t>cg17985944</t>
  </si>
  <si>
    <t>cg18002447</t>
  </si>
  <si>
    <t>cg18002814</t>
  </si>
  <si>
    <t>cg18006085</t>
  </si>
  <si>
    <t>cg18007837</t>
  </si>
  <si>
    <t>cg18009376</t>
  </si>
  <si>
    <t>cg18009825</t>
  </si>
  <si>
    <t>cg18010718</t>
  </si>
  <si>
    <t>cg18013782</t>
  </si>
  <si>
    <t>cg18026225</t>
  </si>
  <si>
    <t>cg18030774</t>
  </si>
  <si>
    <t>cg18035537</t>
  </si>
  <si>
    <t>cg18041123</t>
  </si>
  <si>
    <t>cg18045515</t>
  </si>
  <si>
    <t>cg18049142</t>
  </si>
  <si>
    <t>cg18050291</t>
  </si>
  <si>
    <t>cg18050634</t>
  </si>
  <si>
    <t>cg18050844</t>
  </si>
  <si>
    <t>cg18051346</t>
  </si>
  <si>
    <t>cg18051461</t>
  </si>
  <si>
    <t>cg18051889</t>
  </si>
  <si>
    <t>cg18052222</t>
  </si>
  <si>
    <t>cg18059383</t>
  </si>
  <si>
    <t>cg18064787</t>
  </si>
  <si>
    <t>cg18070621</t>
  </si>
  <si>
    <t>cg18083305</t>
  </si>
  <si>
    <t>cg18085866</t>
  </si>
  <si>
    <t>cg18087672</t>
  </si>
  <si>
    <t>cg18117780</t>
  </si>
  <si>
    <t>cg18125573</t>
  </si>
  <si>
    <t>cg18128536</t>
  </si>
  <si>
    <t>cg18146443</t>
  </si>
  <si>
    <t>cg18156543</t>
  </si>
  <si>
    <t>cg18157915</t>
  </si>
  <si>
    <t>cg18160402</t>
  </si>
  <si>
    <t>cg18172830</t>
  </si>
  <si>
    <t>cg18173185</t>
  </si>
  <si>
    <t>cg18183042</t>
  </si>
  <si>
    <t>cg18183406</t>
  </si>
  <si>
    <t>cg18201630</t>
  </si>
  <si>
    <t>cg18202751</t>
  </si>
  <si>
    <t>cg18208654</t>
  </si>
  <si>
    <t>cg18208707</t>
  </si>
  <si>
    <t>cg18208742</t>
  </si>
  <si>
    <t>cg18209359</t>
  </si>
  <si>
    <t>cg18218381</t>
  </si>
  <si>
    <t>cg18222083</t>
  </si>
  <si>
    <t>cg18223453</t>
  </si>
  <si>
    <t>cg18224819</t>
  </si>
  <si>
    <t>cg18238165</t>
  </si>
  <si>
    <t>cg18241130</t>
  </si>
  <si>
    <t>cg18242682</t>
  </si>
  <si>
    <t>cg18253799</t>
  </si>
  <si>
    <t>cg18256949</t>
  </si>
  <si>
    <t>cg18261462</t>
  </si>
  <si>
    <t>cg18263841</t>
  </si>
  <si>
    <t>cg18265938</t>
  </si>
  <si>
    <t>cg18268267</t>
  </si>
  <si>
    <t>cg18272889</t>
  </si>
  <si>
    <t>cg18307912</t>
  </si>
  <si>
    <t>cg18310007</t>
  </si>
  <si>
    <t>cg18311066</t>
  </si>
  <si>
    <t>cg18317349</t>
  </si>
  <si>
    <t>cg18318818</t>
  </si>
  <si>
    <t>cg18320854</t>
  </si>
  <si>
    <t>cg18322023</t>
  </si>
  <si>
    <t>cg18324467</t>
  </si>
  <si>
    <t>cg18331855</t>
  </si>
  <si>
    <t>cg18368019</t>
  </si>
  <si>
    <t>cg18368502</t>
  </si>
  <si>
    <t>cg18375296</t>
  </si>
  <si>
    <t>cg18378490</t>
  </si>
  <si>
    <t>cg18387671</t>
  </si>
  <si>
    <t>cg18390610</t>
  </si>
  <si>
    <t>cg18394776</t>
  </si>
  <si>
    <t>cg18395466</t>
  </si>
  <si>
    <t>cg18402490</t>
  </si>
  <si>
    <t>cg18405360</t>
  </si>
  <si>
    <t>cg18413830</t>
  </si>
  <si>
    <t>cg18418651</t>
  </si>
  <si>
    <t>cg18420143</t>
  </si>
  <si>
    <t>cg18420298</t>
  </si>
  <si>
    <t>cg18426444</t>
  </si>
  <si>
    <t>cg18432414</t>
  </si>
  <si>
    <t>cg18447950</t>
  </si>
  <si>
    <t>cg18448746</t>
  </si>
  <si>
    <t>cg18450294</t>
  </si>
  <si>
    <t>cg18453188</t>
  </si>
  <si>
    <t>cg18453874</t>
  </si>
  <si>
    <t>cg18457159</t>
  </si>
  <si>
    <t>cg18459257</t>
  </si>
  <si>
    <t>cg18464160</t>
  </si>
  <si>
    <t>cg18473033</t>
  </si>
  <si>
    <t>cg18473137</t>
  </si>
  <si>
    <t>cg18482164</t>
  </si>
  <si>
    <t>cg18493449</t>
  </si>
  <si>
    <t>cg18495307</t>
  </si>
  <si>
    <t>cg18499201</t>
  </si>
  <si>
    <t>cg18499839</t>
  </si>
  <si>
    <t>cg18502099</t>
  </si>
  <si>
    <t>cg18516228</t>
  </si>
  <si>
    <t>cg18517961</t>
  </si>
  <si>
    <t>cg18518256</t>
  </si>
  <si>
    <t>cg18528094</t>
  </si>
  <si>
    <t>cg18529840</t>
  </si>
  <si>
    <t>cg18530840</t>
  </si>
  <si>
    <t>cg18532727</t>
  </si>
  <si>
    <t>cg18536123</t>
  </si>
  <si>
    <t>cg18540255</t>
  </si>
  <si>
    <t>cg18562525</t>
  </si>
  <si>
    <t>cg18562896</t>
  </si>
  <si>
    <t>cg18569335</t>
  </si>
  <si>
    <t>cg18574725</t>
  </si>
  <si>
    <t>cg18575532</t>
  </si>
  <si>
    <t>cg18576335</t>
  </si>
  <si>
    <t>cg18577618</t>
  </si>
  <si>
    <t>cg18579396</t>
  </si>
  <si>
    <t>cg18584364</t>
  </si>
  <si>
    <t>cg18586515</t>
  </si>
  <si>
    <t>cg18588024</t>
  </si>
  <si>
    <t>cg18595957</t>
  </si>
  <si>
    <t>cg18596053</t>
  </si>
  <si>
    <t>cg18602928</t>
  </si>
  <si>
    <t>cg18603276</t>
  </si>
  <si>
    <t>cg18603466</t>
  </si>
  <si>
    <t>cg18609339</t>
  </si>
  <si>
    <t>cg18612589</t>
  </si>
  <si>
    <t>cg18614984</t>
  </si>
  <si>
    <t>cg18620913</t>
  </si>
  <si>
    <t>cg18631330</t>
  </si>
  <si>
    <t>cg18635284</t>
  </si>
  <si>
    <t>cg18637486</t>
  </si>
  <si>
    <t>cg18639049</t>
  </si>
  <si>
    <t>cg18640302</t>
  </si>
  <si>
    <t>cg18647259</t>
  </si>
  <si>
    <t>cg18658096</t>
  </si>
  <si>
    <t>cg18664899</t>
  </si>
  <si>
    <t>cg18664900</t>
  </si>
  <si>
    <t>cg18671949</t>
  </si>
  <si>
    <t>cg18685956</t>
  </si>
  <si>
    <t>cg18686527</t>
  </si>
  <si>
    <t>cg18699112</t>
  </si>
  <si>
    <t>cg18700572</t>
  </si>
  <si>
    <t>cg18708384</t>
  </si>
  <si>
    <t>cg18708960</t>
  </si>
  <si>
    <t>cg18709110</t>
  </si>
  <si>
    <t>cg18711081</t>
  </si>
  <si>
    <t>cg18711617</t>
  </si>
  <si>
    <t>cg18713450</t>
  </si>
  <si>
    <t>cg18733255</t>
  </si>
  <si>
    <t>cg18733820</t>
  </si>
  <si>
    <t>cg18733967</t>
  </si>
  <si>
    <t>cg18749563</t>
  </si>
  <si>
    <t>cg18755191</t>
  </si>
  <si>
    <t>cg18755950</t>
  </si>
  <si>
    <t>cg18758230</t>
  </si>
  <si>
    <t>cg18762288</t>
  </si>
  <si>
    <t>cg18767057</t>
  </si>
  <si>
    <t>cg18783374</t>
  </si>
  <si>
    <t>cg18800827</t>
  </si>
  <si>
    <t>cg18815765</t>
  </si>
  <si>
    <t>cg18829560</t>
  </si>
  <si>
    <t>cg18830251</t>
  </si>
  <si>
    <t>cg18831773</t>
  </si>
  <si>
    <t>cg18868622</t>
  </si>
  <si>
    <t>cg18870720</t>
  </si>
  <si>
    <t>cg18903834</t>
  </si>
  <si>
    <t>cg18909469</t>
  </si>
  <si>
    <t>cg18911472</t>
  </si>
  <si>
    <t>cg18915099</t>
  </si>
  <si>
    <t>cg18919720</t>
  </si>
  <si>
    <t>cg18920754</t>
  </si>
  <si>
    <t>cg18923721</t>
  </si>
  <si>
    <t>cg18934136</t>
  </si>
  <si>
    <t>cg18935014</t>
  </si>
  <si>
    <t>cg18936378</t>
  </si>
  <si>
    <t>cg18943957</t>
  </si>
  <si>
    <t>cg18944047</t>
  </si>
  <si>
    <t>cg18951256</t>
  </si>
  <si>
    <t>cg18954504</t>
  </si>
  <si>
    <t>cg18955753</t>
  </si>
  <si>
    <t>cg18956540</t>
  </si>
  <si>
    <t>cg18961773</t>
  </si>
  <si>
    <t>cg18962055</t>
  </si>
  <si>
    <t>cg18964590</t>
  </si>
  <si>
    <t>cg18972517</t>
  </si>
  <si>
    <t>cg18972666</t>
  </si>
  <si>
    <t>cg18975124</t>
  </si>
  <si>
    <t>cg18976370</t>
  </si>
  <si>
    <t>cg18984002</t>
  </si>
  <si>
    <t>cg18995143</t>
  </si>
  <si>
    <t>cg18996910</t>
  </si>
  <si>
    <t>cg19000879</t>
  </si>
  <si>
    <t>cg19001909</t>
  </si>
  <si>
    <t>cg19003337</t>
  </si>
  <si>
    <t>cg19003389</t>
  </si>
  <si>
    <t>cg19003733</t>
  </si>
  <si>
    <t>cg19009781</t>
  </si>
  <si>
    <t>cg19013489</t>
  </si>
  <si>
    <t>cg19015955</t>
  </si>
  <si>
    <t>cg19016444</t>
  </si>
  <si>
    <t>cg19019804</t>
  </si>
  <si>
    <t>cg19021197</t>
  </si>
  <si>
    <t>cg19026207</t>
  </si>
  <si>
    <t>cg19032492</t>
  </si>
  <si>
    <t>cg19038804</t>
  </si>
  <si>
    <t>cg19040620</t>
  </si>
  <si>
    <t>cg19040702</t>
  </si>
  <si>
    <t>cg19046167</t>
  </si>
  <si>
    <t>cg19046826</t>
  </si>
  <si>
    <t>cg19051036</t>
  </si>
  <si>
    <t>cg19051195</t>
  </si>
  <si>
    <t>cg19052064</t>
  </si>
  <si>
    <t>cg19052829</t>
  </si>
  <si>
    <t>cg19055217</t>
  </si>
  <si>
    <t>cg19056506</t>
  </si>
  <si>
    <t>cg19056772</t>
  </si>
  <si>
    <t>cg19057986</t>
  </si>
  <si>
    <t>cg19058189</t>
  </si>
  <si>
    <t>cg19064492</t>
  </si>
  <si>
    <t>cg19076702</t>
  </si>
  <si>
    <t>cg19079546</t>
  </si>
  <si>
    <t>cg19101998</t>
  </si>
  <si>
    <t>cg19106087</t>
  </si>
  <si>
    <t>cg19106932</t>
  </si>
  <si>
    <t>cg19117517</t>
  </si>
  <si>
    <t>cg19118797</t>
  </si>
  <si>
    <t>cg19122260</t>
  </si>
  <si>
    <t>cg19133221</t>
  </si>
  <si>
    <t>cg19138865</t>
  </si>
  <si>
    <t>cg19140560</t>
  </si>
  <si>
    <t>cg19149410</t>
  </si>
  <si>
    <t>cg19156875</t>
  </si>
  <si>
    <t>cg19157647</t>
  </si>
  <si>
    <t>cg19158325</t>
  </si>
  <si>
    <t>cg19159404</t>
  </si>
  <si>
    <t>cg19163194</t>
  </si>
  <si>
    <t>cg19163395</t>
  </si>
  <si>
    <t>cg19165652</t>
  </si>
  <si>
    <t>cg19169246</t>
  </si>
  <si>
    <t>cg19169976</t>
  </si>
  <si>
    <t>cg19172750</t>
  </si>
  <si>
    <t>cg19175649</t>
  </si>
  <si>
    <t>cg19176553</t>
  </si>
  <si>
    <t>cg19178362</t>
  </si>
  <si>
    <t>cg19178740</t>
  </si>
  <si>
    <t>cg19179603</t>
  </si>
  <si>
    <t>cg19183833</t>
  </si>
  <si>
    <t>cg19193384</t>
  </si>
  <si>
    <t>cg19197440</t>
  </si>
  <si>
    <t>cg19198791</t>
  </si>
  <si>
    <t>cg19216660</t>
  </si>
  <si>
    <t>cg19219577</t>
  </si>
  <si>
    <t>cg19222080</t>
  </si>
  <si>
    <t>cg19223675</t>
  </si>
  <si>
    <t>cg19226007</t>
  </si>
  <si>
    <t>cg19227924</t>
  </si>
  <si>
    <t>cg19233843</t>
  </si>
  <si>
    <t>cg19241670</t>
  </si>
  <si>
    <t>cg19242851</t>
  </si>
  <si>
    <t>cg19245361</t>
  </si>
  <si>
    <t>cg19245381</t>
  </si>
  <si>
    <t>cg19248656</t>
  </si>
  <si>
    <t>cg19249708</t>
  </si>
  <si>
    <t>cg19255333</t>
  </si>
  <si>
    <t>cg19267846</t>
  </si>
  <si>
    <t>cg19272348</t>
  </si>
  <si>
    <t>cg19276540</t>
  </si>
  <si>
    <t>cg19277182</t>
  </si>
  <si>
    <t>cg19285752</t>
  </si>
  <si>
    <t>cg19293468</t>
  </si>
  <si>
    <t>cg19295840</t>
  </si>
  <si>
    <t>cg19300475</t>
  </si>
  <si>
    <t>cg19354750</t>
  </si>
  <si>
    <t>cg19370934</t>
  </si>
  <si>
    <t>cg19378036</t>
  </si>
  <si>
    <t>cg19378416</t>
  </si>
  <si>
    <t>cg19383689</t>
  </si>
  <si>
    <t>cg19394169</t>
  </si>
  <si>
    <t>cg19394857</t>
  </si>
  <si>
    <t>cg19397489</t>
  </si>
  <si>
    <t>cg19401340</t>
  </si>
  <si>
    <t>cg19407385</t>
  </si>
  <si>
    <t>cg19409060</t>
  </si>
  <si>
    <t>cg19415364</t>
  </si>
  <si>
    <t>cg19430391</t>
  </si>
  <si>
    <t>cg19430537</t>
  </si>
  <si>
    <t>cg19435033</t>
  </si>
  <si>
    <t>cg19439123</t>
  </si>
  <si>
    <t>cg19440264</t>
  </si>
  <si>
    <t>cg19443023</t>
  </si>
  <si>
    <t>cg19445996</t>
  </si>
  <si>
    <t>cg19447962</t>
  </si>
  <si>
    <t>cg19458020</t>
  </si>
  <si>
    <t>cg19458266</t>
  </si>
  <si>
    <t>cg19467586</t>
  </si>
  <si>
    <t>cg19472078</t>
  </si>
  <si>
    <t>cg19475258</t>
  </si>
  <si>
    <t>cg19476016</t>
  </si>
  <si>
    <t>cg19477926</t>
  </si>
  <si>
    <t>cg19479919</t>
  </si>
  <si>
    <t>cg19481596</t>
  </si>
  <si>
    <t>cg19494960</t>
  </si>
  <si>
    <t>cg19495043</t>
  </si>
  <si>
    <t>cg19495068</t>
  </si>
  <si>
    <t>cg19496059</t>
  </si>
  <si>
    <t>cg19497767</t>
  </si>
  <si>
    <t>cg19497798</t>
  </si>
  <si>
    <t>cg19506535</t>
  </si>
  <si>
    <t>cg19532212</t>
  </si>
  <si>
    <t>cg19536407</t>
  </si>
  <si>
    <t>cg19548004</t>
  </si>
  <si>
    <t>cg19557518</t>
  </si>
  <si>
    <t>cg19559537</t>
  </si>
  <si>
    <t>cg19563062</t>
  </si>
  <si>
    <t>cg19563510</t>
  </si>
  <si>
    <t>cg19567046</t>
  </si>
  <si>
    <t>cg19586165</t>
  </si>
  <si>
    <t>cg19589680</t>
  </si>
  <si>
    <t>cg19594156</t>
  </si>
  <si>
    <t>cg19595402</t>
  </si>
  <si>
    <t>cg19617599</t>
  </si>
  <si>
    <t>cg19618279</t>
  </si>
  <si>
    <t>cg19619387</t>
  </si>
  <si>
    <t>cg19643390</t>
  </si>
  <si>
    <t>cg19651223</t>
  </si>
  <si>
    <t>cg19652678</t>
  </si>
  <si>
    <t>cg19655128</t>
  </si>
  <si>
    <t>cg19656070</t>
  </si>
  <si>
    <t>cg19656808</t>
  </si>
  <si>
    <t>cg19670923</t>
  </si>
  <si>
    <t>cg19683800</t>
  </si>
  <si>
    <t>cg19693015</t>
  </si>
  <si>
    <t>cg19695198</t>
  </si>
  <si>
    <t>cg19700341</t>
  </si>
  <si>
    <t>cg19704558</t>
  </si>
  <si>
    <t>cg19707379</t>
  </si>
  <si>
    <t>cg19709355</t>
  </si>
  <si>
    <t>cg19709878</t>
  </si>
  <si>
    <t>cg19711530</t>
  </si>
  <si>
    <t>cg19711783</t>
  </si>
  <si>
    <t>cg19713567</t>
  </si>
  <si>
    <t>cg19715081</t>
  </si>
  <si>
    <t>cg19717572</t>
  </si>
  <si>
    <t>cg19720780</t>
  </si>
  <si>
    <t>cg19724632</t>
  </si>
  <si>
    <t>cg19729649</t>
  </si>
  <si>
    <t>cg19734779</t>
  </si>
  <si>
    <t>cg19735097</t>
  </si>
  <si>
    <t>cg19735250</t>
  </si>
  <si>
    <t>cg19754187</t>
  </si>
  <si>
    <t>cg19757154</t>
  </si>
  <si>
    <t>cg19758151</t>
  </si>
  <si>
    <t>cg19760225</t>
  </si>
  <si>
    <t>cg19760241</t>
  </si>
  <si>
    <t>cg19760249</t>
  </si>
  <si>
    <t>cg19774488</t>
  </si>
  <si>
    <t>cg19776793</t>
  </si>
  <si>
    <t>cg19779810</t>
  </si>
  <si>
    <t>cg19784903</t>
  </si>
  <si>
    <t>cg19785810</t>
  </si>
  <si>
    <t>cg19786784</t>
  </si>
  <si>
    <t>cg19789848</t>
  </si>
  <si>
    <t>cg19790877</t>
  </si>
  <si>
    <t>cg19801556</t>
  </si>
  <si>
    <t>cg19803550</t>
  </si>
  <si>
    <t>cg19807420</t>
  </si>
  <si>
    <t>cg19811446</t>
  </si>
  <si>
    <t>cg19812938</t>
  </si>
  <si>
    <t>cg19816930</t>
  </si>
  <si>
    <t>cg19822764</t>
  </si>
  <si>
    <t>cg19824037</t>
  </si>
  <si>
    <t>cg19824334</t>
  </si>
  <si>
    <t>cg19826544</t>
  </si>
  <si>
    <t>cg19826802</t>
  </si>
  <si>
    <t>cg19828220</t>
  </si>
  <si>
    <t>cg19830245</t>
  </si>
  <si>
    <t>cg19831935</t>
  </si>
  <si>
    <t>cg19846264</t>
  </si>
  <si>
    <t>cg19847411</t>
  </si>
  <si>
    <t>cg19847638</t>
  </si>
  <si>
    <t>cg19849151</t>
  </si>
  <si>
    <t>cg19860759</t>
  </si>
  <si>
    <t>cg19863411</t>
  </si>
  <si>
    <t>cg19865564</t>
  </si>
  <si>
    <t>cg19872299</t>
  </si>
  <si>
    <t>cg19872368</t>
  </si>
  <si>
    <t>cg19874450</t>
  </si>
  <si>
    <t>cg19881928</t>
  </si>
  <si>
    <t>cg19910399</t>
  </si>
  <si>
    <t>cg19914345</t>
  </si>
  <si>
    <t>cg19917030</t>
  </si>
  <si>
    <t>cg19935040</t>
  </si>
  <si>
    <t>cg19941230</t>
  </si>
  <si>
    <t>cg19949018</t>
  </si>
  <si>
    <t>cg19949441</t>
  </si>
  <si>
    <t>cg19949929</t>
  </si>
  <si>
    <t>cg19954017</t>
  </si>
  <si>
    <t>cg19961043</t>
  </si>
  <si>
    <t>cg19962565</t>
  </si>
  <si>
    <t>cg19963747</t>
  </si>
  <si>
    <t>cg19967433</t>
  </si>
  <si>
    <t>cg19971939</t>
  </si>
  <si>
    <t>cg19973604</t>
  </si>
  <si>
    <t>cg19977194</t>
  </si>
  <si>
    <t>cg19978141</t>
  </si>
  <si>
    <t>cg19979355</t>
  </si>
  <si>
    <t>cg19982129</t>
  </si>
  <si>
    <t>cg19992242</t>
  </si>
  <si>
    <t>cg20001360</t>
  </si>
  <si>
    <t>cg20011726</t>
  </si>
  <si>
    <t>cg20014304</t>
  </si>
  <si>
    <t>cg20014819</t>
  </si>
  <si>
    <t>cg20030796</t>
  </si>
  <si>
    <t>cg20034209</t>
  </si>
  <si>
    <t>cg20045910</t>
  </si>
  <si>
    <t>cg20046608</t>
  </si>
  <si>
    <t>cg20046964</t>
  </si>
  <si>
    <t>cg20050012</t>
  </si>
  <si>
    <t>cg20060089</t>
  </si>
  <si>
    <t>cg20094282</t>
  </si>
  <si>
    <t>cg20098514</t>
  </si>
  <si>
    <t>cg20099018</t>
  </si>
  <si>
    <t>cg20113012</t>
  </si>
  <si>
    <t>cg20116491</t>
  </si>
  <si>
    <t>cg20116579</t>
  </si>
  <si>
    <t>cg20123153</t>
  </si>
  <si>
    <t>cg20129313</t>
  </si>
  <si>
    <t>cg20130344</t>
  </si>
  <si>
    <t>cg20132735</t>
  </si>
  <si>
    <t>cg20133788</t>
  </si>
  <si>
    <t>cg20139145</t>
  </si>
  <si>
    <t>cg20140052</t>
  </si>
  <si>
    <t>cg20143862</t>
  </si>
  <si>
    <t>cg20152539</t>
  </si>
  <si>
    <t>cg20161976</t>
  </si>
  <si>
    <t>cg20162553</t>
  </si>
  <si>
    <t>cg20162580</t>
  </si>
  <si>
    <t>cg20166106</t>
  </si>
  <si>
    <t>cg20187250</t>
  </si>
  <si>
    <t>cg20187825</t>
  </si>
  <si>
    <t>cg20189467</t>
  </si>
  <si>
    <t>cg20194814</t>
  </si>
  <si>
    <t>cg20198948</t>
  </si>
  <si>
    <t>cg20202881</t>
  </si>
  <si>
    <t>cg20204401</t>
  </si>
  <si>
    <t>cg20211509</t>
  </si>
  <si>
    <t>cg20211711</t>
  </si>
  <si>
    <t>cg20219172</t>
  </si>
  <si>
    <t>cg20228512</t>
  </si>
  <si>
    <t>cg20241952</t>
  </si>
  <si>
    <t>cg20243357</t>
  </si>
  <si>
    <t>cg20252742</t>
  </si>
  <si>
    <t>cg20272287</t>
  </si>
  <si>
    <t>cg20275462</t>
  </si>
  <si>
    <t>cg20276947</t>
  </si>
  <si>
    <t>cg20286236</t>
  </si>
  <si>
    <t>cg20287461</t>
  </si>
  <si>
    <t>cg20289237</t>
  </si>
  <si>
    <t>cg20292110</t>
  </si>
  <si>
    <t>cg20296188</t>
  </si>
  <si>
    <t>cg20297979</t>
  </si>
  <si>
    <t>cg20300175</t>
  </si>
  <si>
    <t>cg20306425</t>
  </si>
  <si>
    <t>cg20319634</t>
  </si>
  <si>
    <t>cg20322093</t>
  </si>
  <si>
    <t>cg20327686</t>
  </si>
  <si>
    <t>cg20347916</t>
  </si>
  <si>
    <t>cg20354430</t>
  </si>
  <si>
    <t>cg20354552</t>
  </si>
  <si>
    <t>cg20358227</t>
  </si>
  <si>
    <t>cg20361594</t>
  </si>
  <si>
    <t>cg20363309</t>
  </si>
  <si>
    <t>cg20364320</t>
  </si>
  <si>
    <t>cg20370678</t>
  </si>
  <si>
    <t>cg20388580</t>
  </si>
  <si>
    <t>cg20402747</t>
  </si>
  <si>
    <t>cg20403644</t>
  </si>
  <si>
    <t>cg20405017</t>
  </si>
  <si>
    <t>cg20417953</t>
  </si>
  <si>
    <t>cg20418281</t>
  </si>
  <si>
    <t>cg20419127</t>
  </si>
  <si>
    <t>cg20420791</t>
  </si>
  <si>
    <t>cg20426671</t>
  </si>
  <si>
    <t>cg20439633</t>
  </si>
  <si>
    <t>cg20440414</t>
  </si>
  <si>
    <t>cg20442550</t>
  </si>
  <si>
    <t>cg20443278</t>
  </si>
  <si>
    <t>cg20445034</t>
  </si>
  <si>
    <t>cg20448966</t>
  </si>
  <si>
    <t>cg20449764</t>
  </si>
  <si>
    <t>cg20457894</t>
  </si>
  <si>
    <t>cg20461999</t>
  </si>
  <si>
    <t>cg20463302</t>
  </si>
  <si>
    <t>cg20468063</t>
  </si>
  <si>
    <t>cg20468081</t>
  </si>
  <si>
    <t>cg20478261</t>
  </si>
  <si>
    <t>cg20479311</t>
  </si>
  <si>
    <t>cg20481110</t>
  </si>
  <si>
    <t>cg20482334</t>
  </si>
  <si>
    <t>cg20483215</t>
  </si>
  <si>
    <t>cg20487025</t>
  </si>
  <si>
    <t>cg20487366</t>
  </si>
  <si>
    <t>cg20493718</t>
  </si>
  <si>
    <t>cg20493885</t>
  </si>
  <si>
    <t>cg20495019</t>
  </si>
  <si>
    <t>cg20501069</t>
  </si>
  <si>
    <t>cg20502694</t>
  </si>
  <si>
    <t>cg20504474</t>
  </si>
  <si>
    <t>cg20510845</t>
  </si>
  <si>
    <t>cg20525712</t>
  </si>
  <si>
    <t>cg20537408</t>
  </si>
  <si>
    <t>cg20538228</t>
  </si>
  <si>
    <t>cg20544410</t>
  </si>
  <si>
    <t>cg20550224</t>
  </si>
  <si>
    <t>cg20552412</t>
  </si>
  <si>
    <t>cg20558369</t>
  </si>
  <si>
    <t>cg20565374</t>
  </si>
  <si>
    <t>cg20569194</t>
  </si>
  <si>
    <t>cg20570761</t>
  </si>
  <si>
    <t>cg20572882</t>
  </si>
  <si>
    <t>cg20577613</t>
  </si>
  <si>
    <t>cg20589078</t>
  </si>
  <si>
    <t>cg20591136</t>
  </si>
  <si>
    <t>cg20592144</t>
  </si>
  <si>
    <t>cg20593599</t>
  </si>
  <si>
    <t>cg20614214</t>
  </si>
  <si>
    <t>cg20623506</t>
  </si>
  <si>
    <t>cg20627652</t>
  </si>
  <si>
    <t>cg20629788</t>
  </si>
  <si>
    <t>cg20632978</t>
  </si>
  <si>
    <t>cg20634442</t>
  </si>
  <si>
    <t>cg20634733</t>
  </si>
  <si>
    <t>cg20636580</t>
  </si>
  <si>
    <t>cg20638805</t>
  </si>
  <si>
    <t>cg20643039</t>
  </si>
  <si>
    <t>cg20650138</t>
  </si>
  <si>
    <t>cg20650693</t>
  </si>
  <si>
    <t>cg20651080</t>
  </si>
  <si>
    <t>cg20664636</t>
  </si>
  <si>
    <t>cg20666069</t>
  </si>
  <si>
    <t>cg20668644</t>
  </si>
  <si>
    <t>cg20669292</t>
  </si>
  <si>
    <t>cg20679082</t>
  </si>
  <si>
    <t>cg20681798</t>
  </si>
  <si>
    <t>cg20686234</t>
  </si>
  <si>
    <t>cg20689780</t>
  </si>
  <si>
    <t>cg20691120</t>
  </si>
  <si>
    <t>cg20696752</t>
  </si>
  <si>
    <t>cg20700813</t>
  </si>
  <si>
    <t>cg20701404</t>
  </si>
  <si>
    <t>cg20702314</t>
  </si>
  <si>
    <t>cg20703671</t>
  </si>
  <si>
    <t>cg20705251</t>
  </si>
  <si>
    <t>cg20707279</t>
  </si>
  <si>
    <t>cg20709984</t>
  </si>
  <si>
    <t>cg20710824</t>
  </si>
  <si>
    <t>cg20715365</t>
  </si>
  <si>
    <t>cg20723425</t>
  </si>
  <si>
    <t>cg20736065</t>
  </si>
  <si>
    <t>cg20741429</t>
  </si>
  <si>
    <t>cg20745568</t>
  </si>
  <si>
    <t>cg20752903</t>
  </si>
  <si>
    <t>cg20754634</t>
  </si>
  <si>
    <t>cg20756454</t>
  </si>
  <si>
    <t>cg20764358</t>
  </si>
  <si>
    <t>cg20769177</t>
  </si>
  <si>
    <t>cg20771846</t>
  </si>
  <si>
    <t>cg20772300</t>
  </si>
  <si>
    <t>cg20774722</t>
  </si>
  <si>
    <t>cg20780302</t>
  </si>
  <si>
    <t>cg20781461</t>
  </si>
  <si>
    <t>cg20792436</t>
  </si>
  <si>
    <t>cg20796382</t>
  </si>
  <si>
    <t>cg20797740</t>
  </si>
  <si>
    <t>cg20798677</t>
  </si>
  <si>
    <t>cg20805367</t>
  </si>
  <si>
    <t>cg20814095</t>
  </si>
  <si>
    <t>cg20814826</t>
  </si>
  <si>
    <t>cg20815026</t>
  </si>
  <si>
    <t>cg20817100</t>
  </si>
  <si>
    <t>cg20818528</t>
  </si>
  <si>
    <t>cg20819191</t>
  </si>
  <si>
    <t>cg20820438</t>
  </si>
  <si>
    <t>cg20830965</t>
  </si>
  <si>
    <t>cg20840778</t>
  </si>
  <si>
    <t>cg20840825</t>
  </si>
  <si>
    <t>cg20843650</t>
  </si>
  <si>
    <t>cg20850195</t>
  </si>
  <si>
    <t>cg20851790</t>
  </si>
  <si>
    <t>cg20853569</t>
  </si>
  <si>
    <t>cg20859089</t>
  </si>
  <si>
    <t>cg20861314</t>
  </si>
  <si>
    <t>cg20865239</t>
  </si>
  <si>
    <t>cg20866075</t>
  </si>
  <si>
    <t>cg20866375</t>
  </si>
  <si>
    <t>cg20874811</t>
  </si>
  <si>
    <t>cg20876723</t>
  </si>
  <si>
    <t>cg20878190</t>
  </si>
  <si>
    <t>cg20889395</t>
  </si>
  <si>
    <t>cg20898347</t>
  </si>
  <si>
    <t>cg20898358</t>
  </si>
  <si>
    <t>cg20901787</t>
  </si>
  <si>
    <t>cg20918484</t>
  </si>
  <si>
    <t>cg20919942</t>
  </si>
  <si>
    <t>cg20940164</t>
  </si>
  <si>
    <t>cg20941843</t>
  </si>
  <si>
    <t>cg20942990</t>
  </si>
  <si>
    <t>cg20943032</t>
  </si>
  <si>
    <t>cg20945055</t>
  </si>
  <si>
    <t>cg20945566</t>
  </si>
  <si>
    <t>cg20947476</t>
  </si>
  <si>
    <t>cg20954110</t>
  </si>
  <si>
    <t>cg20959872</t>
  </si>
  <si>
    <t>cg20963020</t>
  </si>
  <si>
    <t>cg20966513</t>
  </si>
  <si>
    <t>cg20966754</t>
  </si>
  <si>
    <t>cg20969781</t>
  </si>
  <si>
    <t>cg20992503</t>
  </si>
  <si>
    <t>cg20994022</t>
  </si>
  <si>
    <t>cg20994686</t>
  </si>
  <si>
    <t>cg20995065</t>
  </si>
  <si>
    <t>cg21007116</t>
  </si>
  <si>
    <t>cg21015669</t>
  </si>
  <si>
    <t>cg21018429</t>
  </si>
  <si>
    <t>cg21026553</t>
  </si>
  <si>
    <t>cg21029030</t>
  </si>
  <si>
    <t>cg21030970</t>
  </si>
  <si>
    <t>cg21035471</t>
  </si>
  <si>
    <t>cg21039822</t>
  </si>
  <si>
    <t>cg21041512</t>
  </si>
  <si>
    <t>cg21043572</t>
  </si>
  <si>
    <t>cg21046967</t>
  </si>
  <si>
    <t>cg21047354</t>
  </si>
  <si>
    <t>cg21082028</t>
  </si>
  <si>
    <t>cg21086066</t>
  </si>
  <si>
    <t>cg21087016</t>
  </si>
  <si>
    <t>cg21097105</t>
  </si>
  <si>
    <t>cg21099776</t>
  </si>
  <si>
    <t>cg21101720</t>
  </si>
  <si>
    <t>cg21139392</t>
  </si>
  <si>
    <t>cg21150625</t>
  </si>
  <si>
    <t>cg21155515</t>
  </si>
  <si>
    <t>cg21158087</t>
  </si>
  <si>
    <t>cg21163262</t>
  </si>
  <si>
    <t>cg21178548</t>
  </si>
  <si>
    <t>cg21185826</t>
  </si>
  <si>
    <t>cg21186576</t>
  </si>
  <si>
    <t>cg21189099</t>
  </si>
  <si>
    <t>cg21199995</t>
  </si>
  <si>
    <t>cg21211480</t>
  </si>
  <si>
    <t>cg21215811</t>
  </si>
  <si>
    <t>cg21218476</t>
  </si>
  <si>
    <t>cg21235259</t>
  </si>
  <si>
    <t>cg21235925</t>
  </si>
  <si>
    <t>cg21237687</t>
  </si>
  <si>
    <t>cg21248590</t>
  </si>
  <si>
    <t>cg21253966</t>
  </si>
  <si>
    <t>cg21254277</t>
  </si>
  <si>
    <t>cg21263269</t>
  </si>
  <si>
    <t>cg21263980</t>
  </si>
  <si>
    <t>cg21269781</t>
  </si>
  <si>
    <t>cg21269893</t>
  </si>
  <si>
    <t>cg21273787</t>
  </si>
  <si>
    <t>cg21282054</t>
  </si>
  <si>
    <t>cg21282998</t>
  </si>
  <si>
    <t>cg21287519</t>
  </si>
  <si>
    <t>cg21301655</t>
  </si>
  <si>
    <t>cg21304062</t>
  </si>
  <si>
    <t>cg21306329</t>
  </si>
  <si>
    <t>cg21309100</t>
  </si>
  <si>
    <t>cg21314304</t>
  </si>
  <si>
    <t>cg21317428</t>
  </si>
  <si>
    <t>cg21320455</t>
  </si>
  <si>
    <t>cg21323494</t>
  </si>
  <si>
    <t>cg21327194</t>
  </si>
  <si>
    <t>cg21331417</t>
  </si>
  <si>
    <t>cg21332495</t>
  </si>
  <si>
    <t>cg21336127</t>
  </si>
  <si>
    <t>cg21342910</t>
  </si>
  <si>
    <t>cg21348406</t>
  </si>
  <si>
    <t>cg21352959</t>
  </si>
  <si>
    <t>cg21355201</t>
  </si>
  <si>
    <t>cg21365914</t>
  </si>
  <si>
    <t>cg21369801</t>
  </si>
  <si>
    <t>cg21370527</t>
  </si>
  <si>
    <t>cg21373192</t>
  </si>
  <si>
    <t>cg21373806</t>
  </si>
  <si>
    <t>cg21376526</t>
  </si>
  <si>
    <t>cg21376831</t>
  </si>
  <si>
    <t>cg21378393</t>
  </si>
  <si>
    <t>cg21380024</t>
  </si>
  <si>
    <t>cg21383891</t>
  </si>
  <si>
    <t>cg21384021</t>
  </si>
  <si>
    <t>cg21384971</t>
  </si>
  <si>
    <t>cg21385821</t>
  </si>
  <si>
    <t>cg21387117</t>
  </si>
  <si>
    <t>cg21390276</t>
  </si>
  <si>
    <t>cg21392845</t>
  </si>
  <si>
    <t>cg21399057</t>
  </si>
  <si>
    <t>cg21433231</t>
  </si>
  <si>
    <t>cg21433558</t>
  </si>
  <si>
    <t>cg21435684</t>
  </si>
  <si>
    <t>cg21437208</t>
  </si>
  <si>
    <t>cg21453758</t>
  </si>
  <si>
    <t>cg21454031</t>
  </si>
  <si>
    <t>cg21460081</t>
  </si>
  <si>
    <t>cg21462697</t>
  </si>
  <si>
    <t>cg21465150</t>
  </si>
  <si>
    <t>cg21467371</t>
  </si>
  <si>
    <t>cg21476673</t>
  </si>
  <si>
    <t>cg21477861</t>
  </si>
  <si>
    <t>cg21478140</t>
  </si>
  <si>
    <t>cg21487830</t>
  </si>
  <si>
    <t>cg21487894</t>
  </si>
  <si>
    <t>cg21489863</t>
  </si>
  <si>
    <t>cg21497218</t>
  </si>
  <si>
    <t>cg21498233</t>
  </si>
  <si>
    <t>cg21499391</t>
  </si>
  <si>
    <t>cg21507958</t>
  </si>
  <si>
    <t>cg21509931</t>
  </si>
  <si>
    <t>cg21511817</t>
  </si>
  <si>
    <t>cg21517865</t>
  </si>
  <si>
    <t>cg21519872</t>
  </si>
  <si>
    <t>cg21525032</t>
  </si>
  <si>
    <t>cg21528136</t>
  </si>
  <si>
    <t>cg21546671</t>
  </si>
  <si>
    <t>cg21551132</t>
  </si>
  <si>
    <t>cg21555877</t>
  </si>
  <si>
    <t>cg21556389</t>
  </si>
  <si>
    <t>cg21558409</t>
  </si>
  <si>
    <t>cg21562071</t>
  </si>
  <si>
    <t>cg21564235</t>
  </si>
  <si>
    <t>cg21565823</t>
  </si>
  <si>
    <t>cg21577651</t>
  </si>
  <si>
    <t>cg21605022</t>
  </si>
  <si>
    <t>cg21621482</t>
  </si>
  <si>
    <t>cg21624342</t>
  </si>
  <si>
    <t>cg21637826</t>
  </si>
  <si>
    <t>cg21639988</t>
  </si>
  <si>
    <t>cg21644011</t>
  </si>
  <si>
    <t>cg21644669</t>
  </si>
  <si>
    <t>cg21647833</t>
  </si>
  <si>
    <t>cg21652344</t>
  </si>
  <si>
    <t>cg21653132</t>
  </si>
  <si>
    <t>cg21654314</t>
  </si>
  <si>
    <t>cg21657705</t>
  </si>
  <si>
    <t>cg21667817</t>
  </si>
  <si>
    <t>cg21690627</t>
  </si>
  <si>
    <t>cg21692194</t>
  </si>
  <si>
    <t>cg21705506</t>
  </si>
  <si>
    <t>cg21714061</t>
  </si>
  <si>
    <t>cg21721093</t>
  </si>
  <si>
    <t>cg21722141</t>
  </si>
  <si>
    <t>cg21722655</t>
  </si>
  <si>
    <t>cg21724796</t>
  </si>
  <si>
    <t>cg21726327</t>
  </si>
  <si>
    <t>cg21732977</t>
  </si>
  <si>
    <t>cg21733011</t>
  </si>
  <si>
    <t>cg21735093</t>
  </si>
  <si>
    <t>cg21735374</t>
  </si>
  <si>
    <t>cg21736854</t>
  </si>
  <si>
    <t>cg21745612</t>
  </si>
  <si>
    <t>cg21746222</t>
  </si>
  <si>
    <t>cg21767373</t>
  </si>
  <si>
    <t>cg21768884</t>
  </si>
  <si>
    <t>cg21773967</t>
  </si>
  <si>
    <t>cg21778900</t>
  </si>
  <si>
    <t>cg21784498</t>
  </si>
  <si>
    <t>cg21794518</t>
  </si>
  <si>
    <t>cg21799227</t>
  </si>
  <si>
    <t>cg21800704</t>
  </si>
  <si>
    <t>cg21807925</t>
  </si>
  <si>
    <t>cg21816330</t>
  </si>
  <si>
    <t>cg21816532</t>
  </si>
  <si>
    <t>cg21817720</t>
  </si>
  <si>
    <t>cg21820132</t>
  </si>
  <si>
    <t>cg21823101</t>
  </si>
  <si>
    <t>cg21823995</t>
  </si>
  <si>
    <t>cg21824343</t>
  </si>
  <si>
    <t>cg21828899</t>
  </si>
  <si>
    <t>cg21830368</t>
  </si>
  <si>
    <t>cg21840211</t>
  </si>
  <si>
    <t>cg21842478</t>
  </si>
  <si>
    <t>cg21845633</t>
  </si>
  <si>
    <t>cg21848117</t>
  </si>
  <si>
    <t>cg21848700</t>
  </si>
  <si>
    <t>cg21850518</t>
  </si>
  <si>
    <t>cg21852429</t>
  </si>
  <si>
    <t>cg21854952</t>
  </si>
  <si>
    <t>cg21855944</t>
  </si>
  <si>
    <t>cg21858614</t>
  </si>
  <si>
    <t>cg21865150</t>
  </si>
  <si>
    <t>cg21871213</t>
  </si>
  <si>
    <t>cg21876181</t>
  </si>
  <si>
    <t>cg21880149</t>
  </si>
  <si>
    <t>cg21881273</t>
  </si>
  <si>
    <t>cg21881859</t>
  </si>
  <si>
    <t>cg21882300</t>
  </si>
  <si>
    <t>cg21915678</t>
  </si>
  <si>
    <t>cg21915970</t>
  </si>
  <si>
    <t>cg21919448</t>
  </si>
  <si>
    <t>cg21919790</t>
  </si>
  <si>
    <t>cg21930286</t>
  </si>
  <si>
    <t>cg21930351</t>
  </si>
  <si>
    <t>cg21936552</t>
  </si>
  <si>
    <t>cg21937867</t>
  </si>
  <si>
    <t>cg21949830</t>
  </si>
  <si>
    <t>cg21955686</t>
  </si>
  <si>
    <t>cg21977075</t>
  </si>
  <si>
    <t>cg21981500</t>
  </si>
  <si>
    <t>cg21985352</t>
  </si>
  <si>
    <t>cg21997555</t>
  </si>
  <si>
    <t>cg22000330</t>
  </si>
  <si>
    <t>cg22000938</t>
  </si>
  <si>
    <t>cg22005990</t>
  </si>
  <si>
    <t>cg22027897</t>
  </si>
  <si>
    <t>cg22033559</t>
  </si>
  <si>
    <t>cg22040627</t>
  </si>
  <si>
    <t>cg22047977</t>
  </si>
  <si>
    <t>cg22048132</t>
  </si>
  <si>
    <t>cg22078907</t>
  </si>
  <si>
    <t>cg22082329</t>
  </si>
  <si>
    <t>cg22087450</t>
  </si>
  <si>
    <t>cg22097768</t>
  </si>
  <si>
    <t>cg22105090</t>
  </si>
  <si>
    <t>cg22116821</t>
  </si>
  <si>
    <t>cg22118604</t>
  </si>
  <si>
    <t>cg22120714</t>
  </si>
  <si>
    <t>cg22127773</t>
  </si>
  <si>
    <t>cg22128613</t>
  </si>
  <si>
    <t>cg22131217</t>
  </si>
  <si>
    <t>cg22140675</t>
  </si>
  <si>
    <t>cg22141797</t>
  </si>
  <si>
    <t>cg22147539</t>
  </si>
  <si>
    <t>cg22151941</t>
  </si>
  <si>
    <t>cg22158723</t>
  </si>
  <si>
    <t>cg22163056</t>
  </si>
  <si>
    <t>cg22163280</t>
  </si>
  <si>
    <t>cg22163463</t>
  </si>
  <si>
    <t>cg22171626</t>
  </si>
  <si>
    <t>cg22175624</t>
  </si>
  <si>
    <t>cg22175814</t>
  </si>
  <si>
    <t>cg22183053</t>
  </si>
  <si>
    <t>cg22188945</t>
  </si>
  <si>
    <t>cg22190438</t>
  </si>
  <si>
    <t>cg22191696</t>
  </si>
  <si>
    <t>cg22191741</t>
  </si>
  <si>
    <t>cg22193912</t>
  </si>
  <si>
    <t>cg22202154</t>
  </si>
  <si>
    <t>cg22207733</t>
  </si>
  <si>
    <t>cg22208012</t>
  </si>
  <si>
    <t>cg22210779</t>
  </si>
  <si>
    <t>cg22213821</t>
  </si>
  <si>
    <t>cg22215737</t>
  </si>
  <si>
    <t>cg22227433</t>
  </si>
  <si>
    <t>cg22228677</t>
  </si>
  <si>
    <t>cg22230229</t>
  </si>
  <si>
    <t>cg22230584</t>
  </si>
  <si>
    <t>cg22233152</t>
  </si>
  <si>
    <t>cg22233844</t>
  </si>
  <si>
    <t>cg22237200</t>
  </si>
  <si>
    <t>cg22240880</t>
  </si>
  <si>
    <t>cg22241504</t>
  </si>
  <si>
    <t>cg22241593</t>
  </si>
  <si>
    <t>cg22242926</t>
  </si>
  <si>
    <t>cg22246218</t>
  </si>
  <si>
    <t>cg22247039</t>
  </si>
  <si>
    <t>cg22248382</t>
  </si>
  <si>
    <t>cg22251298</t>
  </si>
  <si>
    <t>cg22254299</t>
  </si>
  <si>
    <t>cg22256604</t>
  </si>
  <si>
    <t>cg22259831</t>
  </si>
  <si>
    <t>cg22260415</t>
  </si>
  <si>
    <t>cg22261030</t>
  </si>
  <si>
    <t>cg22261226</t>
  </si>
  <si>
    <t>cg22264930</t>
  </si>
  <si>
    <t>cg22265110</t>
  </si>
  <si>
    <t>cg22266211</t>
  </si>
  <si>
    <t>cg22272508</t>
  </si>
  <si>
    <t>cg22280238</t>
  </si>
  <si>
    <t>cg22281195</t>
  </si>
  <si>
    <t>cg22286687</t>
  </si>
  <si>
    <t>cg22287064</t>
  </si>
  <si>
    <t>cg22290782</t>
  </si>
  <si>
    <t>cg22291922</t>
  </si>
  <si>
    <t>cg22292478</t>
  </si>
  <si>
    <t>cg22296762</t>
  </si>
  <si>
    <t>cg22297934</t>
  </si>
  <si>
    <t>cg22300619</t>
  </si>
  <si>
    <t>cg22301080</t>
  </si>
  <si>
    <t>cg22305258</t>
  </si>
  <si>
    <t>cg22311200</t>
  </si>
  <si>
    <t>cg22319207</t>
  </si>
  <si>
    <t>cg22320365</t>
  </si>
  <si>
    <t>cg22322863</t>
  </si>
  <si>
    <t>cg22325196</t>
  </si>
  <si>
    <t>cg22330492</t>
  </si>
  <si>
    <t>cg22345911</t>
  </si>
  <si>
    <t>cg22346355</t>
  </si>
  <si>
    <t>cg22349396</t>
  </si>
  <si>
    <t>cg22352029</t>
  </si>
  <si>
    <t>cg22353329</t>
  </si>
  <si>
    <t>cg22357164</t>
  </si>
  <si>
    <t>cg22358067</t>
  </si>
  <si>
    <t>cg22370370</t>
  </si>
  <si>
    <t>cg22375853</t>
  </si>
  <si>
    <t>cg22376739</t>
  </si>
  <si>
    <t>cg22379915</t>
  </si>
  <si>
    <t>cg22381563</t>
  </si>
  <si>
    <t>cg22382854</t>
  </si>
  <si>
    <t>cg22385817</t>
  </si>
  <si>
    <t>cg22431184</t>
  </si>
  <si>
    <t>cg22433210</t>
  </si>
  <si>
    <t>cg22433574</t>
  </si>
  <si>
    <t>cg22435810</t>
  </si>
  <si>
    <t>cg22440715</t>
  </si>
  <si>
    <t>cg22441074</t>
  </si>
  <si>
    <t>cg22448889</t>
  </si>
  <si>
    <t>cg22450146</t>
  </si>
  <si>
    <t>cg22451358</t>
  </si>
  <si>
    <t>cg22453113</t>
  </si>
  <si>
    <t>cg22454227</t>
  </si>
  <si>
    <t>cg22455250</t>
  </si>
  <si>
    <t>cg22458832</t>
  </si>
  <si>
    <t>cg22459320</t>
  </si>
  <si>
    <t>cg22462714</t>
  </si>
  <si>
    <t>cg22468868</t>
  </si>
  <si>
    <t>cg22471726</t>
  </si>
  <si>
    <t>cg22474865</t>
  </si>
  <si>
    <t>cg22482194</t>
  </si>
  <si>
    <t>cg22482278</t>
  </si>
  <si>
    <t>cg22496001</t>
  </si>
  <si>
    <t>cg22503106</t>
  </si>
  <si>
    <t>cg22507023</t>
  </si>
  <si>
    <t>cg22509384</t>
  </si>
  <si>
    <t>cg22512847</t>
  </si>
  <si>
    <t>cg22517607</t>
  </si>
  <si>
    <t>cg22530822</t>
  </si>
  <si>
    <t>cg22532155</t>
  </si>
  <si>
    <t>cg22534110</t>
  </si>
  <si>
    <t>cg22539359</t>
  </si>
  <si>
    <t>cg22553289</t>
  </si>
  <si>
    <t>cg22561647</t>
  </si>
  <si>
    <t>cg22563987</t>
  </si>
  <si>
    <t>cg22571038</t>
  </si>
  <si>
    <t>cg22571278</t>
  </si>
  <si>
    <t>cg22583148</t>
  </si>
  <si>
    <t>cg22588307</t>
  </si>
  <si>
    <t>cg22591672</t>
  </si>
  <si>
    <t>cg22605799</t>
  </si>
  <si>
    <t>cg22606179</t>
  </si>
  <si>
    <t>cg22608492</t>
  </si>
  <si>
    <t>cg22608646</t>
  </si>
  <si>
    <t>cg22622164</t>
  </si>
  <si>
    <t>cg22625220</t>
  </si>
  <si>
    <t>cg22626663</t>
  </si>
  <si>
    <t>cg22633590</t>
  </si>
  <si>
    <t>cg22637538</t>
  </si>
  <si>
    <t>cg22638185</t>
  </si>
  <si>
    <t>cg22640193</t>
  </si>
  <si>
    <t>cg22648143</t>
  </si>
  <si>
    <t>cg22653469</t>
  </si>
  <si>
    <t>cg22654677</t>
  </si>
  <si>
    <t>cg22655521</t>
  </si>
  <si>
    <t>cg22660147</t>
  </si>
  <si>
    <t>cg22660578</t>
  </si>
  <si>
    <t>cg22660933</t>
  </si>
  <si>
    <t>cg22663117</t>
  </si>
  <si>
    <t>cg22674412</t>
  </si>
  <si>
    <t>cg22700039</t>
  </si>
  <si>
    <t>cg22700360</t>
  </si>
  <si>
    <t>cg22700854</t>
  </si>
  <si>
    <t>cg22702328</t>
  </si>
  <si>
    <t>cg22748686</t>
  </si>
  <si>
    <t>cg22748698</t>
  </si>
  <si>
    <t>cg22749051</t>
  </si>
  <si>
    <t>cg22750557</t>
  </si>
  <si>
    <t>cg22751101</t>
  </si>
  <si>
    <t>cg22752506</t>
  </si>
  <si>
    <t>cg22756089</t>
  </si>
  <si>
    <t>cg22760295</t>
  </si>
  <si>
    <t>cg22778178</t>
  </si>
  <si>
    <t>cg22781525</t>
  </si>
  <si>
    <t>cg22789318</t>
  </si>
  <si>
    <t>cg22790777</t>
  </si>
  <si>
    <t>cg22791987</t>
  </si>
  <si>
    <t>cg22801561</t>
  </si>
  <si>
    <t>cg22802068</t>
  </si>
  <si>
    <t>cg22804352</t>
  </si>
  <si>
    <t>cg22805688</t>
  </si>
  <si>
    <t>cg22806444</t>
  </si>
  <si>
    <t>cg22806907</t>
  </si>
  <si>
    <t>cg22810790</t>
  </si>
  <si>
    <t>cg22839729</t>
  </si>
  <si>
    <t>cg22842836</t>
  </si>
  <si>
    <t>cg22842932</t>
  </si>
  <si>
    <t>cg22846109</t>
  </si>
  <si>
    <t>cg22891316</t>
  </si>
  <si>
    <t>cg22891619</t>
  </si>
  <si>
    <t>cg22892328</t>
  </si>
  <si>
    <t>cg22894896</t>
  </si>
  <si>
    <t>cg22895420</t>
  </si>
  <si>
    <t>cg22896991</t>
  </si>
  <si>
    <t>cg22909138</t>
  </si>
  <si>
    <t>cg22912359</t>
  </si>
  <si>
    <t>cg22913933</t>
  </si>
  <si>
    <t>cg22934970</t>
  </si>
  <si>
    <t>cg22935501</t>
  </si>
  <si>
    <t>cg22937649</t>
  </si>
  <si>
    <t>cg22957752</t>
  </si>
  <si>
    <t>cg22960869</t>
  </si>
  <si>
    <t>cg22969524</t>
  </si>
  <si>
    <t>cg22975695</t>
  </si>
  <si>
    <t>cg22977072</t>
  </si>
  <si>
    <t>cg22979080</t>
  </si>
  <si>
    <t>cg22979531</t>
  </si>
  <si>
    <t>cg22980380</t>
  </si>
  <si>
    <t>cg22985122</t>
  </si>
  <si>
    <t>cg22990129</t>
  </si>
  <si>
    <t>cg22996004</t>
  </si>
  <si>
    <t>cg22998033</t>
  </si>
  <si>
    <t>cg23001456</t>
  </si>
  <si>
    <t>cg23008871</t>
  </si>
  <si>
    <t>cg23010302</t>
  </si>
  <si>
    <t>cg23014425</t>
  </si>
  <si>
    <t>cg23017654</t>
  </si>
  <si>
    <t>cg23018755</t>
  </si>
  <si>
    <t>cg23051272</t>
  </si>
  <si>
    <t>cg23053723</t>
  </si>
  <si>
    <t>cg23098912</t>
  </si>
  <si>
    <t>cg23101014</t>
  </si>
  <si>
    <t>cg23108367</t>
  </si>
  <si>
    <t>cg23114746</t>
  </si>
  <si>
    <t>cg23114772</t>
  </si>
  <si>
    <t>cg23148992</t>
  </si>
  <si>
    <t>cg23159296</t>
  </si>
  <si>
    <t>cg23160483</t>
  </si>
  <si>
    <t>cg23161218</t>
  </si>
  <si>
    <t>cg23162510</t>
  </si>
  <si>
    <t>cg23163279</t>
  </si>
  <si>
    <t>cg23163754</t>
  </si>
  <si>
    <t>cg23167225</t>
  </si>
  <si>
    <t>cg23176214</t>
  </si>
  <si>
    <t>cg23178322</t>
  </si>
  <si>
    <t>cg23179181</t>
  </si>
  <si>
    <t>cg23194024</t>
  </si>
  <si>
    <t>cg23196133</t>
  </si>
  <si>
    <t>cg23207054</t>
  </si>
  <si>
    <t>cg23210013</t>
  </si>
  <si>
    <t>cg23216654</t>
  </si>
  <si>
    <t>cg23220623</t>
  </si>
  <si>
    <t>cg23221506</t>
  </si>
  <si>
    <t>cg23222247</t>
  </si>
  <si>
    <t>cg23224458</t>
  </si>
  <si>
    <t>cg23226397</t>
  </si>
  <si>
    <t>cg23238918</t>
  </si>
  <si>
    <t>cg23239052</t>
  </si>
  <si>
    <t>cg23241448</t>
  </si>
  <si>
    <t>cg23244169</t>
  </si>
  <si>
    <t>cg23244421</t>
  </si>
  <si>
    <t>cg23245800</t>
  </si>
  <si>
    <t>cg23253879</t>
  </si>
  <si>
    <t>cg23256393</t>
  </si>
  <si>
    <t>cg23261070</t>
  </si>
  <si>
    <t>cg23262030</t>
  </si>
  <si>
    <t>cg23263051</t>
  </si>
  <si>
    <t>cg23265439</t>
  </si>
  <si>
    <t>cg23267110</t>
  </si>
  <si>
    <t>cg23272880</t>
  </si>
  <si>
    <t>cg23275764</t>
  </si>
  <si>
    <t>cg23289581</t>
  </si>
  <si>
    <t>cg23290834</t>
  </si>
  <si>
    <t>cg23294158</t>
  </si>
  <si>
    <t>cg23301492</t>
  </si>
  <si>
    <t>cg23302321</t>
  </si>
  <si>
    <t>cg23324289</t>
  </si>
  <si>
    <t>cg23328329</t>
  </si>
  <si>
    <t>cg23329073</t>
  </si>
  <si>
    <t>cg23346516</t>
  </si>
  <si>
    <t>cg23350904</t>
  </si>
  <si>
    <t>cg23355997</t>
  </si>
  <si>
    <t>cg23356993</t>
  </si>
  <si>
    <t>cg23358871</t>
  </si>
  <si>
    <t>cg23365178</t>
  </si>
  <si>
    <t>cg23367339</t>
  </si>
  <si>
    <t>cg23372936</t>
  </si>
  <si>
    <t>cg23374885</t>
  </si>
  <si>
    <t>cg23375169</t>
  </si>
  <si>
    <t>cg23375783</t>
  </si>
  <si>
    <t>cg23378453</t>
  </si>
  <si>
    <t>cg23391107</t>
  </si>
  <si>
    <t>cg23393196</t>
  </si>
  <si>
    <t>cg23400642</t>
  </si>
  <si>
    <t>cg23400985</t>
  </si>
  <si>
    <t>cg23401459</t>
  </si>
  <si>
    <t>cg23401912</t>
  </si>
  <si>
    <t>cg23402661</t>
  </si>
  <si>
    <t>cg23402821</t>
  </si>
  <si>
    <t>cg23407809</t>
  </si>
  <si>
    <t>cg23411318</t>
  </si>
  <si>
    <t>cg23415203</t>
  </si>
  <si>
    <t>cg23415212</t>
  </si>
  <si>
    <t>cg23415756</t>
  </si>
  <si>
    <t>cg23415789</t>
  </si>
  <si>
    <t>cg23418198</t>
  </si>
  <si>
    <t>cg23418434</t>
  </si>
  <si>
    <t>cg23422659</t>
  </si>
  <si>
    <t>cg23455341</t>
  </si>
  <si>
    <t>cg23459409</t>
  </si>
  <si>
    <t>cg23465427</t>
  </si>
  <si>
    <t>cg23470128</t>
  </si>
  <si>
    <t>cg23471393</t>
  </si>
  <si>
    <t>cg23473419</t>
  </si>
  <si>
    <t>cg23473955</t>
  </si>
  <si>
    <t>cg23488685</t>
  </si>
  <si>
    <t>cg23496516</t>
  </si>
  <si>
    <t>cg23500559</t>
  </si>
  <si>
    <t>cg23506944</t>
  </si>
  <si>
    <t>cg23510258</t>
  </si>
  <si>
    <t>cg23510443</t>
  </si>
  <si>
    <t>cg23512165</t>
  </si>
  <si>
    <t>cg23513814</t>
  </si>
  <si>
    <t>cg23514211</t>
  </si>
  <si>
    <t>cg23528625</t>
  </si>
  <si>
    <t>cg23535310</t>
  </si>
  <si>
    <t>cg23537517</t>
  </si>
  <si>
    <t>cg23540704</t>
  </si>
  <si>
    <t>cg23542426</t>
  </si>
  <si>
    <t>cg23546619</t>
  </si>
  <si>
    <t>cg23549869</t>
  </si>
  <si>
    <t>cg23551198</t>
  </si>
  <si>
    <t>cg23558601</t>
  </si>
  <si>
    <t>cg23586394</t>
  </si>
  <si>
    <t>cg23586996</t>
  </si>
  <si>
    <t>cg23590916</t>
  </si>
  <si>
    <t>cg23591595</t>
  </si>
  <si>
    <t>cg23613219</t>
  </si>
  <si>
    <t>cg23614229</t>
  </si>
  <si>
    <t>cg23616383</t>
  </si>
  <si>
    <t>cg23616527</t>
  </si>
  <si>
    <t>cg23621097</t>
  </si>
  <si>
    <t>cg23622325</t>
  </si>
  <si>
    <t>cg23622369</t>
  </si>
  <si>
    <t>cg23623270</t>
  </si>
  <si>
    <t>cg23629001</t>
  </si>
  <si>
    <t>cg23629029</t>
  </si>
  <si>
    <t>cg23630158</t>
  </si>
  <si>
    <t>cg23632389</t>
  </si>
  <si>
    <t>cg23633635</t>
  </si>
  <si>
    <t>cg23634124</t>
  </si>
  <si>
    <t>cg23635355</t>
  </si>
  <si>
    <t>cg23637705</t>
  </si>
  <si>
    <t>cg23642587</t>
  </si>
  <si>
    <t>cg23643814</t>
  </si>
  <si>
    <t>cg23649161</t>
  </si>
  <si>
    <t>cg23659289</t>
  </si>
  <si>
    <t>cg23661344</t>
  </si>
  <si>
    <t>cg23665668</t>
  </si>
  <si>
    <t>cg23667734</t>
  </si>
  <si>
    <t>cg23668057</t>
  </si>
  <si>
    <t>cg23669611</t>
  </si>
  <si>
    <t>cg23672176</t>
  </si>
  <si>
    <t>cg23674344</t>
  </si>
  <si>
    <t>cg23682543</t>
  </si>
  <si>
    <t>cg23685529</t>
  </si>
  <si>
    <t>cg23688420</t>
  </si>
  <si>
    <t>cg23694114</t>
  </si>
  <si>
    <t>cg23702945</t>
  </si>
  <si>
    <t>cg23709902</t>
  </si>
  <si>
    <t>cg23713156</t>
  </si>
  <si>
    <t>cg23716141</t>
  </si>
  <si>
    <t>cg23716696</t>
  </si>
  <si>
    <t>cg23728636</t>
  </si>
  <si>
    <t>cg23730222</t>
  </si>
  <si>
    <t>cg23730436</t>
  </si>
  <si>
    <t>cg23730606</t>
  </si>
  <si>
    <t>cg23748923</t>
  </si>
  <si>
    <t>cg23753807</t>
  </si>
  <si>
    <t>cg23757506</t>
  </si>
  <si>
    <t>cg23758120</t>
  </si>
  <si>
    <t>cg23758822</t>
  </si>
  <si>
    <t>cg23764603</t>
  </si>
  <si>
    <t>cg23765003</t>
  </si>
  <si>
    <t>cg23766254</t>
  </si>
  <si>
    <t>cg23766305</t>
  </si>
  <si>
    <t>cg23788733</t>
  </si>
  <si>
    <t>cg23791505</t>
  </si>
  <si>
    <t>cg23792115</t>
  </si>
  <si>
    <t>cg23797200</t>
  </si>
  <si>
    <t>cg23797577</t>
  </si>
  <si>
    <t>cg23798387</t>
  </si>
  <si>
    <t>cg23825688</t>
  </si>
  <si>
    <t>cg23831155</t>
  </si>
  <si>
    <t>cg23831542</t>
  </si>
  <si>
    <t>cg23831897</t>
  </si>
  <si>
    <t>cg23832237</t>
  </si>
  <si>
    <t>cg23833461</t>
  </si>
  <si>
    <t>cg23834812</t>
  </si>
  <si>
    <t>cg23836594</t>
  </si>
  <si>
    <t>cg23838308</t>
  </si>
  <si>
    <t>cg23838375</t>
  </si>
  <si>
    <t>cg23838531</t>
  </si>
  <si>
    <t>cg23842572</t>
  </si>
  <si>
    <t>cg23845806</t>
  </si>
  <si>
    <t>cg23869307</t>
  </si>
  <si>
    <t>cg23873654</t>
  </si>
  <si>
    <t>cg23878564</t>
  </si>
  <si>
    <t>cg23880131</t>
  </si>
  <si>
    <t>cg23881099</t>
  </si>
  <si>
    <t>cg23885108</t>
  </si>
  <si>
    <t>cg23886776</t>
  </si>
  <si>
    <t>cg23887396</t>
  </si>
  <si>
    <t>cg23888304</t>
  </si>
  <si>
    <t>cg23890876</t>
  </si>
  <si>
    <t>cg23891399</t>
  </si>
  <si>
    <t>cg23891712</t>
  </si>
  <si>
    <t>cg23892310</t>
  </si>
  <si>
    <t>cg23892547</t>
  </si>
  <si>
    <t>cg23894539</t>
  </si>
  <si>
    <t>cg23897996</t>
  </si>
  <si>
    <t>cg23905542</t>
  </si>
  <si>
    <t>cg23905935</t>
  </si>
  <si>
    <t>cg23906144</t>
  </si>
  <si>
    <t>cg23906291</t>
  </si>
  <si>
    <t>cg23911396</t>
  </si>
  <si>
    <t>cg23913400</t>
  </si>
  <si>
    <t>cg23919433</t>
  </si>
  <si>
    <t>cg23919795</t>
  </si>
  <si>
    <t>cg23925022</t>
  </si>
  <si>
    <t>cg23925513</t>
  </si>
  <si>
    <t>cg23926615</t>
  </si>
  <si>
    <t>cg23928525</t>
  </si>
  <si>
    <t>cg23932769</t>
  </si>
  <si>
    <t>cg23933179</t>
  </si>
  <si>
    <t>cg23936215</t>
  </si>
  <si>
    <t>cg23936585</t>
  </si>
  <si>
    <t>cg23936681</t>
  </si>
  <si>
    <t>cg23946400</t>
  </si>
  <si>
    <t>cg23952189</t>
  </si>
  <si>
    <t>cg23953396</t>
  </si>
  <si>
    <t>cg23956071</t>
  </si>
  <si>
    <t>cg23956791</t>
  </si>
  <si>
    <t>cg23965689</t>
  </si>
  <si>
    <t>cg23966329</t>
  </si>
  <si>
    <t>cg23968286</t>
  </si>
  <si>
    <t>cg23969309</t>
  </si>
  <si>
    <t>cg23979544</t>
  </si>
  <si>
    <t>cg23989207</t>
  </si>
  <si>
    <t>cg23989336</t>
  </si>
  <si>
    <t>cg23994303</t>
  </si>
  <si>
    <t>cg24008544</t>
  </si>
  <si>
    <t>cg24011501</t>
  </si>
  <si>
    <t>cg24015037</t>
  </si>
  <si>
    <t>cg24027179</t>
  </si>
  <si>
    <t>cg24028141</t>
  </si>
  <si>
    <t>cg24030622</t>
  </si>
  <si>
    <t>cg24037243</t>
  </si>
  <si>
    <t>cg24037380</t>
  </si>
  <si>
    <t>cg24037813</t>
  </si>
  <si>
    <t>cg24042242</t>
  </si>
  <si>
    <t>cg24042517</t>
  </si>
  <si>
    <t>cg24048517</t>
  </si>
  <si>
    <t>cg24060473</t>
  </si>
  <si>
    <t>cg24060527</t>
  </si>
  <si>
    <t>cg24069602</t>
  </si>
  <si>
    <t>cg24072885</t>
  </si>
  <si>
    <t>cg24075412</t>
  </si>
  <si>
    <t>cg24079672</t>
  </si>
  <si>
    <t>cg24095592</t>
  </si>
  <si>
    <t>cg24099023</t>
  </si>
  <si>
    <t>cg24102491</t>
  </si>
  <si>
    <t>cg24102938</t>
  </si>
  <si>
    <t>cg24104567</t>
  </si>
  <si>
    <t>cg24106824</t>
  </si>
  <si>
    <t>cg24113784</t>
  </si>
  <si>
    <t>cg24114556</t>
  </si>
  <si>
    <t>cg24115818</t>
  </si>
  <si>
    <t>cg24122498</t>
  </si>
  <si>
    <t>cg24124424</t>
  </si>
  <si>
    <t>cg24127656</t>
  </si>
  <si>
    <t>cg24129310</t>
  </si>
  <si>
    <t>cg24132129</t>
  </si>
  <si>
    <t>cg24132481</t>
  </si>
  <si>
    <t>cg24136288</t>
  </si>
  <si>
    <t>cg24136318</t>
  </si>
  <si>
    <t>cg24137427</t>
  </si>
  <si>
    <t>cg24138194</t>
  </si>
  <si>
    <t>cg24138691</t>
  </si>
  <si>
    <t>cg24140204</t>
  </si>
  <si>
    <t>cg24148719</t>
  </si>
  <si>
    <t>cg24149295</t>
  </si>
  <si>
    <t>cg24149806</t>
  </si>
  <si>
    <t>cg24157219</t>
  </si>
  <si>
    <t>cg24157892</t>
  </si>
  <si>
    <t>cg24158363</t>
  </si>
  <si>
    <t>cg24158452</t>
  </si>
  <si>
    <t>cg24159547</t>
  </si>
  <si>
    <t>cg24161106</t>
  </si>
  <si>
    <t>cg24165907</t>
  </si>
  <si>
    <t>cg24166112</t>
  </si>
  <si>
    <t>cg24171114</t>
  </si>
  <si>
    <t>cg24171594</t>
  </si>
  <si>
    <t>cg24171938</t>
  </si>
  <si>
    <t>cg24173182</t>
  </si>
  <si>
    <t>cg24175817</t>
  </si>
  <si>
    <t>cg24182963</t>
  </si>
  <si>
    <t>cg24183338</t>
  </si>
  <si>
    <t>cg24184221</t>
  </si>
  <si>
    <t>cg24186864</t>
  </si>
  <si>
    <t>cg24190377</t>
  </si>
  <si>
    <t>cg24191285</t>
  </si>
  <si>
    <t>cg24194093</t>
  </si>
  <si>
    <t>cg24201890</t>
  </si>
  <si>
    <t>cg24203758</t>
  </si>
  <si>
    <t>cg24204940</t>
  </si>
  <si>
    <t>cg24205792</t>
  </si>
  <si>
    <t>cg24207248</t>
  </si>
  <si>
    <t>cg24213196</t>
  </si>
  <si>
    <t>cg24214214</t>
  </si>
  <si>
    <t>cg24220178</t>
  </si>
  <si>
    <t>cg24220766</t>
  </si>
  <si>
    <t>cg24240567</t>
  </si>
  <si>
    <t>cg24241925</t>
  </si>
  <si>
    <t>cg24251564</t>
  </si>
  <si>
    <t>cg24252287</t>
  </si>
  <si>
    <t>cg24274272</t>
  </si>
  <si>
    <t>cg24275195</t>
  </si>
  <si>
    <t>cg24276841</t>
  </si>
  <si>
    <t>cg24278218</t>
  </si>
  <si>
    <t>cg24280439</t>
  </si>
  <si>
    <t>cg24280645</t>
  </si>
  <si>
    <t>cg24318263</t>
  </si>
  <si>
    <t>cg24322398</t>
  </si>
  <si>
    <t>cg24337993</t>
  </si>
  <si>
    <t>cg24350213</t>
  </si>
  <si>
    <t>cg24350392</t>
  </si>
  <si>
    <t>cg24350884</t>
  </si>
  <si>
    <t>cg24352934</t>
  </si>
  <si>
    <t>cg24352971</t>
  </si>
  <si>
    <t>cg24354954</t>
  </si>
  <si>
    <t>cg24357463</t>
  </si>
  <si>
    <t>cg24364518</t>
  </si>
  <si>
    <t>cg24364564</t>
  </si>
  <si>
    <t>cg24365142</t>
  </si>
  <si>
    <t>cg24366429</t>
  </si>
  <si>
    <t>cg24375399</t>
  </si>
  <si>
    <t>cg24383056</t>
  </si>
  <si>
    <t>cg24385580</t>
  </si>
  <si>
    <t>cg24389730</t>
  </si>
  <si>
    <t>cg24394934</t>
  </si>
  <si>
    <t>cg24396683</t>
  </si>
  <si>
    <t>cg24398932</t>
  </si>
  <si>
    <t>cg24419101</t>
  </si>
  <si>
    <t>cg24422027</t>
  </si>
  <si>
    <t>cg24422283</t>
  </si>
  <si>
    <t>cg24428002</t>
  </si>
  <si>
    <t>cg24432120</t>
  </si>
  <si>
    <t>cg24435730</t>
  </si>
  <si>
    <t>cg24438145</t>
  </si>
  <si>
    <t>cg24443925</t>
  </si>
  <si>
    <t>cg24455236</t>
  </si>
  <si>
    <t>cg24455359</t>
  </si>
  <si>
    <t>cg24479027</t>
  </si>
  <si>
    <t>cg24479590</t>
  </si>
  <si>
    <t>cg24500823</t>
  </si>
  <si>
    <t>cg24517323</t>
  </si>
  <si>
    <t>cg24517611</t>
  </si>
  <si>
    <t>cg24525630</t>
  </si>
  <si>
    <t>cg24526702</t>
  </si>
  <si>
    <t>cg24530508</t>
  </si>
  <si>
    <t>cg24534173</t>
  </si>
  <si>
    <t>cg24535234</t>
  </si>
  <si>
    <t>cg24535636</t>
  </si>
  <si>
    <t>cg24537348</t>
  </si>
  <si>
    <t>cg24539999</t>
  </si>
  <si>
    <t>cg24540710</t>
  </si>
  <si>
    <t>cg24542230</t>
  </si>
  <si>
    <t>cg24542492</t>
  </si>
  <si>
    <t>cg24545250</t>
  </si>
  <si>
    <t>cg24546492</t>
  </si>
  <si>
    <t>cg24547137</t>
  </si>
  <si>
    <t>cg24548754</t>
  </si>
  <si>
    <t>cg24550644</t>
  </si>
  <si>
    <t>cg24553076</t>
  </si>
  <si>
    <t>cg24562927</t>
  </si>
  <si>
    <t>cg24574382</t>
  </si>
  <si>
    <t>cg24576285</t>
  </si>
  <si>
    <t>cg24581160</t>
  </si>
  <si>
    <t>cg24581262</t>
  </si>
  <si>
    <t>cg24584890</t>
  </si>
  <si>
    <t>cg24587056</t>
  </si>
  <si>
    <t>cg24591374</t>
  </si>
  <si>
    <t>cg24607181</t>
  </si>
  <si>
    <t>cg24612059</t>
  </si>
  <si>
    <t>cg24612420</t>
  </si>
  <si>
    <t>cg24613080</t>
  </si>
  <si>
    <t>cg24613083</t>
  </si>
  <si>
    <t>cg24626312</t>
  </si>
  <si>
    <t>cg24627793</t>
  </si>
  <si>
    <t>cg24644110</t>
  </si>
  <si>
    <t>cg24655899</t>
  </si>
  <si>
    <t>cg24668364</t>
  </si>
  <si>
    <t>cg24672833</t>
  </si>
  <si>
    <t>cg24676514</t>
  </si>
  <si>
    <t>cg24677220</t>
  </si>
  <si>
    <t>cg24679317</t>
  </si>
  <si>
    <t>cg24704730</t>
  </si>
  <si>
    <t>cg24706032</t>
  </si>
  <si>
    <t>cg24709951</t>
  </si>
  <si>
    <t>cg24712277</t>
  </si>
  <si>
    <t>cg24712484</t>
  </si>
  <si>
    <t>cg24713878</t>
  </si>
  <si>
    <t>cg24715260</t>
  </si>
  <si>
    <t>cg24718197</t>
  </si>
  <si>
    <t>cg24743791</t>
  </si>
  <si>
    <t>cg24748448</t>
  </si>
  <si>
    <t>cg24751717</t>
  </si>
  <si>
    <t>cg24756292</t>
  </si>
  <si>
    <t>cg24757533</t>
  </si>
  <si>
    <t>cg24759994</t>
  </si>
  <si>
    <t>cg24761507</t>
  </si>
  <si>
    <t>cg24763869</t>
  </si>
  <si>
    <t>cg24766002</t>
  </si>
  <si>
    <t>cg24766650</t>
  </si>
  <si>
    <t>cg24771017</t>
  </si>
  <si>
    <t>cg24775616</t>
  </si>
  <si>
    <t>cg24776910</t>
  </si>
  <si>
    <t>cg24777868</t>
  </si>
  <si>
    <t>cg24793584</t>
  </si>
  <si>
    <t>cg24795630</t>
  </si>
  <si>
    <t>cg24797574</t>
  </si>
  <si>
    <t>cg24801067</t>
  </si>
  <si>
    <t>cg24802244</t>
  </si>
  <si>
    <t>cg24803719</t>
  </si>
  <si>
    <t>cg24805759</t>
  </si>
  <si>
    <t>cg24806732</t>
  </si>
  <si>
    <t>cg24806953</t>
  </si>
  <si>
    <t>cg24834599</t>
  </si>
  <si>
    <t>cg24837744</t>
  </si>
  <si>
    <t>cg24844295</t>
  </si>
  <si>
    <t>cg24847636</t>
  </si>
  <si>
    <t>cg24849872</t>
  </si>
  <si>
    <t>cg24866651</t>
  </si>
  <si>
    <t>cg24867468</t>
  </si>
  <si>
    <t>cg24868248</t>
  </si>
  <si>
    <t>cg24870966</t>
  </si>
  <si>
    <t>cg24877198</t>
  </si>
  <si>
    <t>cg24880124</t>
  </si>
  <si>
    <t>cg24883605</t>
  </si>
  <si>
    <t>cg24893562</t>
  </si>
  <si>
    <t>cg24896697</t>
  </si>
  <si>
    <t>cg24900425</t>
  </si>
  <si>
    <t>cg24903006</t>
  </si>
  <si>
    <t>cg24908234</t>
  </si>
  <si>
    <t>cg24910739</t>
  </si>
  <si>
    <t>cg24914404</t>
  </si>
  <si>
    <t>cg24917527</t>
  </si>
  <si>
    <t>cg24924502</t>
  </si>
  <si>
    <t>cg24927852</t>
  </si>
  <si>
    <t>cg24937796</t>
  </si>
  <si>
    <t>cg24940138</t>
  </si>
  <si>
    <t>cg24948499</t>
  </si>
  <si>
    <t>cg24958916</t>
  </si>
  <si>
    <t>cg24960563</t>
  </si>
  <si>
    <t>cg24963810</t>
  </si>
  <si>
    <t>cg24965497</t>
  </si>
  <si>
    <t>cg24971957</t>
  </si>
  <si>
    <t>cg24973150</t>
  </si>
  <si>
    <t>cg24973886</t>
  </si>
  <si>
    <t>cg24974737</t>
  </si>
  <si>
    <t>cg24975662</t>
  </si>
  <si>
    <t>cg24975666</t>
  </si>
  <si>
    <t>cg24983367</t>
  </si>
  <si>
    <t>cg24985331</t>
  </si>
  <si>
    <t>cg24994111</t>
  </si>
  <si>
    <t>cg24994893</t>
  </si>
  <si>
    <t>cg24997298</t>
  </si>
  <si>
    <t>cg24997744</t>
  </si>
  <si>
    <t>cg25004679</t>
  </si>
  <si>
    <t>cg25004693</t>
  </si>
  <si>
    <t>cg25008494</t>
  </si>
  <si>
    <t>cg25014117</t>
  </si>
  <si>
    <t>cg25018458</t>
  </si>
  <si>
    <t>cg25019648</t>
  </si>
  <si>
    <t>cg25021622</t>
  </si>
  <si>
    <t>cg25023058</t>
  </si>
  <si>
    <t>cg25026013</t>
  </si>
  <si>
    <t>cg25026703</t>
  </si>
  <si>
    <t>cg25026715</t>
  </si>
  <si>
    <t>cg25029315</t>
  </si>
  <si>
    <t>cg25034117</t>
  </si>
  <si>
    <t>cg25039722</t>
  </si>
  <si>
    <t>cg25042948</t>
  </si>
  <si>
    <t>cg25060468</t>
  </si>
  <si>
    <t>cg25066224</t>
  </si>
  <si>
    <t>cg25069807</t>
  </si>
  <si>
    <t>cg25104488</t>
  </si>
  <si>
    <t>cg25112590</t>
  </si>
  <si>
    <t>cg25116237</t>
  </si>
  <si>
    <t>cg25117523</t>
  </si>
  <si>
    <t>cg25118678</t>
  </si>
  <si>
    <t>cg25120284</t>
  </si>
  <si>
    <t>cg25120705</t>
  </si>
  <si>
    <t>cg25135457</t>
  </si>
  <si>
    <t>cg25135801</t>
  </si>
  <si>
    <t>cg25141766</t>
  </si>
  <si>
    <t>cg25161161</t>
  </si>
  <si>
    <t>cg25161310</t>
  </si>
  <si>
    <t>cg25169790</t>
  </si>
  <si>
    <t>cg25172604</t>
  </si>
  <si>
    <t>cg25172682</t>
  </si>
  <si>
    <t>cg25173971</t>
  </si>
  <si>
    <t>cg25180585</t>
  </si>
  <si>
    <t>cg25189626</t>
  </si>
  <si>
    <t>cg25191231</t>
  </si>
  <si>
    <t>cg25194055</t>
  </si>
  <si>
    <t>cg25194201</t>
  </si>
  <si>
    <t>cg25202618</t>
  </si>
  <si>
    <t>cg25206705</t>
  </si>
  <si>
    <t>cg25208969</t>
  </si>
  <si>
    <t>cg25213539</t>
  </si>
  <si>
    <t>cg25215117</t>
  </si>
  <si>
    <t>cg25217842</t>
  </si>
  <si>
    <t>cg25219679</t>
  </si>
  <si>
    <t>cg25222319</t>
  </si>
  <si>
    <t>cg25227462</t>
  </si>
  <si>
    <t>cg25236028</t>
  </si>
  <si>
    <t>cg25236446</t>
  </si>
  <si>
    <t>cg25241322</t>
  </si>
  <si>
    <t>cg25244778</t>
  </si>
  <si>
    <t>cg25245636</t>
  </si>
  <si>
    <t>cg25267284</t>
  </si>
  <si>
    <t>cg25268537</t>
  </si>
  <si>
    <t>cg25269247</t>
  </si>
  <si>
    <t>cg25270498</t>
  </si>
  <si>
    <t>cg25270886</t>
  </si>
  <si>
    <t>cg25278187</t>
  </si>
  <si>
    <t>cg25279059</t>
  </si>
  <si>
    <t>cg25281481</t>
  </si>
  <si>
    <t>cg25282976</t>
  </si>
  <si>
    <t>cg25288161</t>
  </si>
  <si>
    <t>cg25288807</t>
  </si>
  <si>
    <t>cg25295727</t>
  </si>
  <si>
    <t>cg25296236</t>
  </si>
  <si>
    <t>cg25299176</t>
  </si>
  <si>
    <t>cg25306087</t>
  </si>
  <si>
    <t>cg25309759</t>
  </si>
  <si>
    <t>cg25328923</t>
  </si>
  <si>
    <t>cg25333216</t>
  </si>
  <si>
    <t>cg25337705</t>
  </si>
  <si>
    <t>cg25338843</t>
  </si>
  <si>
    <t>cg25339705</t>
  </si>
  <si>
    <t>cg25342861</t>
  </si>
  <si>
    <t>cg25344180</t>
  </si>
  <si>
    <t>cg25348105</t>
  </si>
  <si>
    <t>cg25362068</t>
  </si>
  <si>
    <t>cg25363258</t>
  </si>
  <si>
    <t>cg25365518</t>
  </si>
  <si>
    <t>cg25365746</t>
  </si>
  <si>
    <t>cg25373595</t>
  </si>
  <si>
    <t>cg25373847</t>
  </si>
  <si>
    <t>cg25377665</t>
  </si>
  <si>
    <t>cg25378085</t>
  </si>
  <si>
    <t>cg25383057</t>
  </si>
  <si>
    <t>cg25384247</t>
  </si>
  <si>
    <t>cg25384861</t>
  </si>
  <si>
    <t>cg25385760</t>
  </si>
  <si>
    <t>cg25387636</t>
  </si>
  <si>
    <t>cg25393109</t>
  </si>
  <si>
    <t>cg25400422</t>
  </si>
  <si>
    <t>cg25400614</t>
  </si>
  <si>
    <t>cg25401140</t>
  </si>
  <si>
    <t>cg25405318</t>
  </si>
  <si>
    <t>cg25406346</t>
  </si>
  <si>
    <t>cg25416067</t>
  </si>
  <si>
    <t>cg25418406</t>
  </si>
  <si>
    <t>cg25423848</t>
  </si>
  <si>
    <t>cg25431220</t>
  </si>
  <si>
    <t>cg25432975</t>
  </si>
  <si>
    <t>cg25433496</t>
  </si>
  <si>
    <t>cg25436152</t>
  </si>
  <si>
    <t>cg25436245</t>
  </si>
  <si>
    <t>cg25440818</t>
  </si>
  <si>
    <t>cg25445749</t>
  </si>
  <si>
    <t>cg25447019</t>
  </si>
  <si>
    <t>cg25447164</t>
  </si>
  <si>
    <t>cg25449542</t>
  </si>
  <si>
    <t>cg25453677</t>
  </si>
  <si>
    <t>cg25499099</t>
  </si>
  <si>
    <t>cg25499573</t>
  </si>
  <si>
    <t>cg25500196</t>
  </si>
  <si>
    <t>cg25503540</t>
  </si>
  <si>
    <t>cg25503565</t>
  </si>
  <si>
    <t>cg25509121</t>
  </si>
  <si>
    <t>cg25509822</t>
  </si>
  <si>
    <t>cg25513853</t>
  </si>
  <si>
    <t>cg25517427</t>
  </si>
  <si>
    <t>cg25518968</t>
  </si>
  <si>
    <t>cg25523462</t>
  </si>
  <si>
    <t>cg25525087</t>
  </si>
  <si>
    <t>cg25532627</t>
  </si>
  <si>
    <t>cg25532925</t>
  </si>
  <si>
    <t>cg25534244</t>
  </si>
  <si>
    <t>cg25538415</t>
  </si>
  <si>
    <t>cg25538602</t>
  </si>
  <si>
    <t>cg25538649</t>
  </si>
  <si>
    <t>cg25543676</t>
  </si>
  <si>
    <t>cg25551622</t>
  </si>
  <si>
    <t>cg25555460</t>
  </si>
  <si>
    <t>cg25561754</t>
  </si>
  <si>
    <t>cg25563067</t>
  </si>
  <si>
    <t>cg25563256</t>
  </si>
  <si>
    <t>cg25565098</t>
  </si>
  <si>
    <t>cg25575464</t>
  </si>
  <si>
    <t>cg25578609</t>
  </si>
  <si>
    <t>cg25579774</t>
  </si>
  <si>
    <t>cg25580342</t>
  </si>
  <si>
    <t>cg25581784</t>
  </si>
  <si>
    <t>cg25587223</t>
  </si>
  <si>
    <t>cg25592977</t>
  </si>
  <si>
    <t>cg25597760</t>
  </si>
  <si>
    <t>cg25601366</t>
  </si>
  <si>
    <t>cg25602921</t>
  </si>
  <si>
    <t>cg25616535</t>
  </si>
  <si>
    <t>cg25617307</t>
  </si>
  <si>
    <t>cg25625860</t>
  </si>
  <si>
    <t>cg25626992</t>
  </si>
  <si>
    <t>cg25631723</t>
  </si>
  <si>
    <t>cg25638997</t>
  </si>
  <si>
    <t>cg25653802</t>
  </si>
  <si>
    <t>cg25654301</t>
  </si>
  <si>
    <t>cg25660188</t>
  </si>
  <si>
    <t>cg25674838</t>
  </si>
  <si>
    <t>cg25677314</t>
  </si>
  <si>
    <t>cg25678929</t>
  </si>
  <si>
    <t>cg25680645</t>
  </si>
  <si>
    <t>cg25681339</t>
  </si>
  <si>
    <t>cg25690958</t>
  </si>
  <si>
    <t>cg25695068</t>
  </si>
  <si>
    <t>cg25717227</t>
  </si>
  <si>
    <t>cg25732961</t>
  </si>
  <si>
    <t>cg25735425</t>
  </si>
  <si>
    <t>cg25735490</t>
  </si>
  <si>
    <t>cg25737491</t>
  </si>
  <si>
    <t>cg25738236</t>
  </si>
  <si>
    <t>cg25741116</t>
  </si>
  <si>
    <t>cg25742382</t>
  </si>
  <si>
    <t>cg25743486</t>
  </si>
  <si>
    <t>cg25745651</t>
  </si>
  <si>
    <t>cg25749101</t>
  </si>
  <si>
    <t>cg25751081</t>
  </si>
  <si>
    <t>cg25752539</t>
  </si>
  <si>
    <t>cg25755953</t>
  </si>
  <si>
    <t>cg25792439</t>
  </si>
  <si>
    <t>cg25792518</t>
  </si>
  <si>
    <t>cg25808892</t>
  </si>
  <si>
    <t>cg25809561</t>
  </si>
  <si>
    <t>cg25818522</t>
  </si>
  <si>
    <t>cg25824897</t>
  </si>
  <si>
    <t>cg25826360</t>
  </si>
  <si>
    <t>cg25826457</t>
  </si>
  <si>
    <t>cg25830048</t>
  </si>
  <si>
    <t>cg25832370</t>
  </si>
  <si>
    <t>cg25834768</t>
  </si>
  <si>
    <t>cg25835160</t>
  </si>
  <si>
    <t>cg25841159</t>
  </si>
  <si>
    <t>cg25855326</t>
  </si>
  <si>
    <t>cg25856005</t>
  </si>
  <si>
    <t>cg25857798</t>
  </si>
  <si>
    <t>cg25858132</t>
  </si>
  <si>
    <t>cg25858983</t>
  </si>
  <si>
    <t>cg25871824</t>
  </si>
  <si>
    <t>cg25874034</t>
  </si>
  <si>
    <t>cg25875702</t>
  </si>
  <si>
    <t>cg25876186</t>
  </si>
  <si>
    <t>cg25877086</t>
  </si>
  <si>
    <t>cg25889465</t>
  </si>
  <si>
    <t>cg25891204</t>
  </si>
  <si>
    <t>cg25895971</t>
  </si>
  <si>
    <t>cg25900280</t>
  </si>
  <si>
    <t>cg25908434</t>
  </si>
  <si>
    <t>cg25908504</t>
  </si>
  <si>
    <t>cg25910803</t>
  </si>
  <si>
    <t>cg25915919</t>
  </si>
  <si>
    <t>cg25921609</t>
  </si>
  <si>
    <t>cg25923214</t>
  </si>
  <si>
    <t>cg25924217</t>
  </si>
  <si>
    <t>cg25924583</t>
  </si>
  <si>
    <t>cg25925670</t>
  </si>
  <si>
    <t>cg25927164</t>
  </si>
  <si>
    <t>cg25937114</t>
  </si>
  <si>
    <t>cg25937155</t>
  </si>
  <si>
    <t>cg25952997</t>
  </si>
  <si>
    <t>cg25953464</t>
  </si>
  <si>
    <t>cg25953504</t>
  </si>
  <si>
    <t>cg25958454</t>
  </si>
  <si>
    <t>cg25987082</t>
  </si>
  <si>
    <t>cg25987185</t>
  </si>
  <si>
    <t>cg25992610</t>
  </si>
  <si>
    <t>cg26002784</t>
  </si>
  <si>
    <t>cg26003140</t>
  </si>
  <si>
    <t>cg26003388</t>
  </si>
  <si>
    <t>cg26008916</t>
  </si>
  <si>
    <t>cg26009649</t>
  </si>
  <si>
    <t>cg26015501</t>
  </si>
  <si>
    <t>cg26016484</t>
  </si>
  <si>
    <t>cg26020635</t>
  </si>
  <si>
    <t>cg26022073</t>
  </si>
  <si>
    <t>cg26023938</t>
  </si>
  <si>
    <t>cg26030974</t>
  </si>
  <si>
    <t>cg26033501</t>
  </si>
  <si>
    <t>cg26034516</t>
  </si>
  <si>
    <t>cg26041076</t>
  </si>
  <si>
    <t>cg26046953</t>
  </si>
  <si>
    <t>cg26053771</t>
  </si>
  <si>
    <t>cg26066277</t>
  </si>
  <si>
    <t>cg26072705</t>
  </si>
  <si>
    <t>cg26072759</t>
  </si>
  <si>
    <t>cg26079857</t>
  </si>
  <si>
    <t>cg26081003</t>
  </si>
  <si>
    <t>cg26087535</t>
  </si>
  <si>
    <t>cg26089877</t>
  </si>
  <si>
    <t>cg26090619</t>
  </si>
  <si>
    <t>cg26091183</t>
  </si>
  <si>
    <t>cg26093106</t>
  </si>
  <si>
    <t>cg26097999</t>
  </si>
  <si>
    <t>cg26102082</t>
  </si>
  <si>
    <t>cg26102512</t>
  </si>
  <si>
    <t>cg26103512</t>
  </si>
  <si>
    <t>cg26105062</t>
  </si>
  <si>
    <t>cg26109145</t>
  </si>
  <si>
    <t>cg26111030</t>
  </si>
  <si>
    <t>cg26113972</t>
  </si>
  <si>
    <t>cg26128121</t>
  </si>
  <si>
    <t>cg26130488</t>
  </si>
  <si>
    <t>cg26142380</t>
  </si>
  <si>
    <t>cg26144202</t>
  </si>
  <si>
    <t>cg26149244</t>
  </si>
  <si>
    <t>cg26161329</t>
  </si>
  <si>
    <t>cg26162794</t>
  </si>
  <si>
    <t>cg26163368</t>
  </si>
  <si>
    <t>cg26163374</t>
  </si>
  <si>
    <t>cg26164886</t>
  </si>
  <si>
    <t>cg26168577</t>
  </si>
  <si>
    <t>cg26169845</t>
  </si>
  <si>
    <t>cg26172211</t>
  </si>
  <si>
    <t>cg26174768</t>
  </si>
  <si>
    <t>cg26176726</t>
  </si>
  <si>
    <t>cg26181743</t>
  </si>
  <si>
    <t>cg26182037</t>
  </si>
  <si>
    <t>cg26182097</t>
  </si>
  <si>
    <t>cg26185554</t>
  </si>
  <si>
    <t>cg26187342</t>
  </si>
  <si>
    <t>cg26202898</t>
  </si>
  <si>
    <t>cg26210654</t>
  </si>
  <si>
    <t>cg26213471</t>
  </si>
  <si>
    <t>cg26213496</t>
  </si>
  <si>
    <t>cg26226202</t>
  </si>
  <si>
    <t>cg26230658</t>
  </si>
  <si>
    <t>cg26233408</t>
  </si>
  <si>
    <t>cg26234980</t>
  </si>
  <si>
    <t>cg26248155</t>
  </si>
  <si>
    <t>cg26248908</t>
  </si>
  <si>
    <t>cg26250143</t>
  </si>
  <si>
    <t>cg26257145</t>
  </si>
  <si>
    <t>cg26261361</t>
  </si>
  <si>
    <t>cg26263664</t>
  </si>
  <si>
    <t>cg26281453</t>
  </si>
  <si>
    <t>cg26282123</t>
  </si>
  <si>
    <t>cg26282887</t>
  </si>
  <si>
    <t>cg26283426</t>
  </si>
  <si>
    <t>cg26284982</t>
  </si>
  <si>
    <t>cg26289012</t>
  </si>
  <si>
    <t>cg26293001</t>
  </si>
  <si>
    <t>cg26297547</t>
  </si>
  <si>
    <t>cg26307359</t>
  </si>
  <si>
    <t>cg26312493</t>
  </si>
  <si>
    <t>cg26314534</t>
  </si>
  <si>
    <t>cg26314765</t>
  </si>
  <si>
    <t>cg26327071</t>
  </si>
  <si>
    <t>cg26331991</t>
  </si>
  <si>
    <t>cg26334023</t>
  </si>
  <si>
    <t>cg26348995</t>
  </si>
  <si>
    <t>cg26349395</t>
  </si>
  <si>
    <t>cg26352073</t>
  </si>
  <si>
    <t>cg26366347</t>
  </si>
  <si>
    <t>cg26369505</t>
  </si>
  <si>
    <t>cg26370608</t>
  </si>
  <si>
    <t>cg26377000</t>
  </si>
  <si>
    <t>cg26381501</t>
  </si>
  <si>
    <t>cg26388450</t>
  </si>
  <si>
    <t>cg26403559</t>
  </si>
  <si>
    <t>cg26408777</t>
  </si>
  <si>
    <t>cg26411280</t>
  </si>
  <si>
    <t>cg26416159</t>
  </si>
  <si>
    <t>cg26421286</t>
  </si>
  <si>
    <t>cg26451188</t>
  </si>
  <si>
    <t>cg26458497</t>
  </si>
  <si>
    <t>cg26458775</t>
  </si>
  <si>
    <t>cg26459419</t>
  </si>
  <si>
    <t>cg26461676</t>
  </si>
  <si>
    <t>cg26462136</t>
  </si>
  <si>
    <t>cg26468119</t>
  </si>
  <si>
    <t>cg26471040</t>
  </si>
  <si>
    <t>cg26471390</t>
  </si>
  <si>
    <t>cg26476599</t>
  </si>
  <si>
    <t>cg26500080</t>
  </si>
  <si>
    <t>cg26502852</t>
  </si>
  <si>
    <t>cg26504248</t>
  </si>
  <si>
    <t>cg26508844</t>
  </si>
  <si>
    <t>cg26523693</t>
  </si>
  <si>
    <t>cg26524256</t>
  </si>
  <si>
    <t>cg26535158</t>
  </si>
  <si>
    <t>cg26537098</t>
  </si>
  <si>
    <t>cg26543917</t>
  </si>
  <si>
    <t>cg26563005</t>
  </si>
  <si>
    <t>cg26565893</t>
  </si>
  <si>
    <t>cg26582733</t>
  </si>
  <si>
    <t>cg26586300</t>
  </si>
  <si>
    <t>cg26589485</t>
  </si>
  <si>
    <t>cg26591144</t>
  </si>
  <si>
    <t>cg26603632</t>
  </si>
  <si>
    <t>cg26604214</t>
  </si>
  <si>
    <t>cg26606256</t>
  </si>
  <si>
    <t>cg26608174</t>
  </si>
  <si>
    <t>cg26609111</t>
  </si>
  <si>
    <t>cg26612088</t>
  </si>
  <si>
    <t>cg26615130</t>
  </si>
  <si>
    <t>cg26619043</t>
  </si>
  <si>
    <t>cg26631178</t>
  </si>
  <si>
    <t>cg26634885</t>
  </si>
  <si>
    <t>cg26638003</t>
  </si>
  <si>
    <t>cg26638570</t>
  </si>
  <si>
    <t>cg26640205</t>
  </si>
  <si>
    <t>cg26648054</t>
  </si>
  <si>
    <t>cg26652532</t>
  </si>
  <si>
    <t>cg26653293</t>
  </si>
  <si>
    <t>cg26653725</t>
  </si>
  <si>
    <t>cg26660305</t>
  </si>
  <si>
    <t>cg26662261</t>
  </si>
  <si>
    <t>cg26663490</t>
  </si>
  <si>
    <t>cg26677084</t>
  </si>
  <si>
    <t>cg26678013</t>
  </si>
  <si>
    <t>cg26682649</t>
  </si>
  <si>
    <t>cg26683252</t>
  </si>
  <si>
    <t>cg26683316</t>
  </si>
  <si>
    <t>cg26692463</t>
  </si>
  <si>
    <t>cg26694616</t>
  </si>
  <si>
    <t>cg26700077</t>
  </si>
  <si>
    <t>cg26706811</t>
  </si>
  <si>
    <t>cg26712763</t>
  </si>
  <si>
    <t>cg26723185</t>
  </si>
  <si>
    <t>cg26729197</t>
  </si>
  <si>
    <t>cg26731060</t>
  </si>
  <si>
    <t>cg26738404</t>
  </si>
  <si>
    <t>cg26739149</t>
  </si>
  <si>
    <t>cg26741280</t>
  </si>
  <si>
    <t>cg26742995</t>
  </si>
  <si>
    <t>cg26747885</t>
  </si>
  <si>
    <t>cg26757221</t>
  </si>
  <si>
    <t>cg26758486</t>
  </si>
  <si>
    <t>cg26764764</t>
  </si>
  <si>
    <t>cg26768419</t>
  </si>
  <si>
    <t>cg26772766</t>
  </si>
  <si>
    <t>cg26773771</t>
  </si>
  <si>
    <t>cg26774059</t>
  </si>
  <si>
    <t>cg26778336</t>
  </si>
  <si>
    <t>cg26782108</t>
  </si>
  <si>
    <t>cg26785617</t>
  </si>
  <si>
    <t>cg26787435</t>
  </si>
  <si>
    <t>cg26787505</t>
  </si>
  <si>
    <t>cg26847193</t>
  </si>
  <si>
    <t>cg26849884</t>
  </si>
  <si>
    <t>cg26853549</t>
  </si>
  <si>
    <t>cg26855689</t>
  </si>
  <si>
    <t>cg26863324</t>
  </si>
  <si>
    <t>cg26877648</t>
  </si>
  <si>
    <t>cg26882487</t>
  </si>
  <si>
    <t>cg26887266</t>
  </si>
  <si>
    <t>cg26887302</t>
  </si>
  <si>
    <t>cg26891576</t>
  </si>
  <si>
    <t>cg26892702</t>
  </si>
  <si>
    <t>cg26894438</t>
  </si>
  <si>
    <t>cg26894624</t>
  </si>
  <si>
    <t>cg26897150</t>
  </si>
  <si>
    <t>cg26905826</t>
  </si>
  <si>
    <t>cg26917215</t>
  </si>
  <si>
    <t>cg26925669</t>
  </si>
  <si>
    <t>cg26930529</t>
  </si>
  <si>
    <t>cg26932779</t>
  </si>
  <si>
    <t>cg26940676</t>
  </si>
  <si>
    <t>cg26944981</t>
  </si>
  <si>
    <t>cg26946821</t>
  </si>
  <si>
    <t>cg26952205</t>
  </si>
  <si>
    <t>cg26953153</t>
  </si>
  <si>
    <t>cg26953640</t>
  </si>
  <si>
    <t>cg26959235</t>
  </si>
  <si>
    <t>cg26963545</t>
  </si>
  <si>
    <t>cg26969942</t>
  </si>
  <si>
    <t>cg26973266</t>
  </si>
  <si>
    <t>cg26973854</t>
  </si>
  <si>
    <t>cg26974415</t>
  </si>
  <si>
    <t>cg26981809</t>
  </si>
  <si>
    <t>cg26984694</t>
  </si>
  <si>
    <t>cg26985878</t>
  </si>
  <si>
    <t>cg26989291</t>
  </si>
  <si>
    <t>cg26998842</t>
  </si>
  <si>
    <t>cg27000944</t>
  </si>
  <si>
    <t>cg27007178</t>
  </si>
  <si>
    <t>cg27011024</t>
  </si>
  <si>
    <t>cg27013630</t>
  </si>
  <si>
    <t>cg27025247</t>
  </si>
  <si>
    <t>cg27039898</t>
  </si>
  <si>
    <t>cg27056599</t>
  </si>
  <si>
    <t>cg27058018</t>
  </si>
  <si>
    <t>cg27066067</t>
  </si>
  <si>
    <t>cg27066254</t>
  </si>
  <si>
    <t>cg27075175</t>
  </si>
  <si>
    <t>cg27099373</t>
  </si>
  <si>
    <t>cg27101023</t>
  </si>
  <si>
    <t>cg27104117</t>
  </si>
  <si>
    <t>cg27123975</t>
  </si>
  <si>
    <t>cg27125505</t>
  </si>
  <si>
    <t>cg27125605</t>
  </si>
  <si>
    <t>cg27125849</t>
  </si>
  <si>
    <t>cg27131607</t>
  </si>
  <si>
    <t>cg27141898</t>
  </si>
  <si>
    <t>cg27143703</t>
  </si>
  <si>
    <t>cg27144709</t>
  </si>
  <si>
    <t>cg27147556</t>
  </si>
  <si>
    <t>cg27169819</t>
  </si>
  <si>
    <t>cg27170782</t>
  </si>
  <si>
    <t>cg27177415</t>
  </si>
  <si>
    <t>cg27182413</t>
  </si>
  <si>
    <t>cg27183188</t>
  </si>
  <si>
    <t>cg27185128</t>
  </si>
  <si>
    <t>cg27198013</t>
  </si>
  <si>
    <t>cg27199872</t>
  </si>
  <si>
    <t>cg27200824</t>
  </si>
  <si>
    <t>cg27201457</t>
  </si>
  <si>
    <t>cg27206345</t>
  </si>
  <si>
    <t>cg27206407</t>
  </si>
  <si>
    <t>cg27211088</t>
  </si>
  <si>
    <t>cg27213352</t>
  </si>
  <si>
    <t>cg27217253</t>
  </si>
  <si>
    <t>cg27218536</t>
  </si>
  <si>
    <t>cg27220681</t>
  </si>
  <si>
    <t>cg27221688</t>
  </si>
  <si>
    <t>cg27227786</t>
  </si>
  <si>
    <t>cg27230784</t>
  </si>
  <si>
    <t>cg27244773</t>
  </si>
  <si>
    <t>cg27246933</t>
  </si>
  <si>
    <t>cg27247702</t>
  </si>
  <si>
    <t>cg27248073</t>
  </si>
  <si>
    <t>cg27249422</t>
  </si>
  <si>
    <t>cg27295561</t>
  </si>
  <si>
    <t>cg27295781</t>
  </si>
  <si>
    <t>cg27298164</t>
  </si>
  <si>
    <t>cg27299033</t>
  </si>
  <si>
    <t>cg27300230</t>
  </si>
  <si>
    <t>cg27300494</t>
  </si>
  <si>
    <t>cg27343663</t>
  </si>
  <si>
    <t>cg27346528</t>
  </si>
  <si>
    <t>cg27349120</t>
  </si>
  <si>
    <t>cg27366766</t>
  </si>
  <si>
    <t>cg27370188</t>
  </si>
  <si>
    <t>cg27371984</t>
  </si>
  <si>
    <t>cg27373627</t>
  </si>
  <si>
    <t>cg27375378</t>
  </si>
  <si>
    <t>cg27383203</t>
  </si>
  <si>
    <t>cg27394203</t>
  </si>
  <si>
    <t>cg27395066</t>
  </si>
  <si>
    <t>cg27399012</t>
  </si>
  <si>
    <t>cg27402043</t>
  </si>
  <si>
    <t>cg27403810</t>
  </si>
  <si>
    <t>cg27406845</t>
  </si>
  <si>
    <t>cg27410601</t>
  </si>
  <si>
    <t>cg27413820</t>
  </si>
  <si>
    <t>cg27416749</t>
  </si>
  <si>
    <t>cg27421939</t>
  </si>
  <si>
    <t>cg27431237</t>
  </si>
  <si>
    <t>cg27432036</t>
  </si>
  <si>
    <t>cg27434072</t>
  </si>
  <si>
    <t>cg27437806</t>
  </si>
  <si>
    <t>cg27450688</t>
  </si>
  <si>
    <t>cg27455049</t>
  </si>
  <si>
    <t>cg27456487</t>
  </si>
  <si>
    <t>cg27457169</t>
  </si>
  <si>
    <t>cg27457201</t>
  </si>
  <si>
    <t>cg27460534</t>
  </si>
  <si>
    <t>cg27466615</t>
  </si>
  <si>
    <t>cg27470213</t>
  </si>
  <si>
    <t>cg27471464</t>
  </si>
  <si>
    <t>cg27478603</t>
  </si>
  <si>
    <t>cg27479693</t>
  </si>
  <si>
    <t>cg27482485</t>
  </si>
  <si>
    <t>cg27485530</t>
  </si>
  <si>
    <t>cg27490352</t>
  </si>
  <si>
    <t>cg27496615</t>
  </si>
  <si>
    <t>cg27502066</t>
  </si>
  <si>
    <t>cg27503360</t>
  </si>
  <si>
    <t>cg27527736</t>
  </si>
  <si>
    <t>cg27530058</t>
  </si>
  <si>
    <t>cg27544799</t>
  </si>
  <si>
    <t>cg27546736</t>
  </si>
  <si>
    <t>cg27551618</t>
  </si>
  <si>
    <t>cg27566289</t>
  </si>
  <si>
    <t>cg27566403</t>
  </si>
  <si>
    <t>cg27574673</t>
  </si>
  <si>
    <t>cg27576755</t>
  </si>
  <si>
    <t>cg27576946</t>
  </si>
  <si>
    <t>cg27578341</t>
  </si>
  <si>
    <t>cg27579532</t>
  </si>
  <si>
    <t>cg27588119</t>
  </si>
  <si>
    <t>cg27591450</t>
  </si>
  <si>
    <t>cg27600813</t>
  </si>
  <si>
    <t>cg27605300</t>
  </si>
  <si>
    <t>cg27605355</t>
  </si>
  <si>
    <t>cg27607639</t>
  </si>
  <si>
    <t>cg27612695</t>
  </si>
  <si>
    <t>cg27614186</t>
  </si>
  <si>
    <t>cg27616541</t>
  </si>
  <si>
    <t>cg27618671</t>
  </si>
  <si>
    <t>cg27618811</t>
  </si>
  <si>
    <t>cg27619163</t>
  </si>
  <si>
    <t>cg27627381</t>
  </si>
  <si>
    <t>cg27645294</t>
  </si>
  <si>
    <t>cg27657473</t>
  </si>
  <si>
    <t>cg27659478</t>
  </si>
  <si>
    <t>cg27659505</t>
  </si>
  <si>
    <t>cg27660155</t>
  </si>
  <si>
    <t>cg27666046</t>
  </si>
  <si>
    <t>cg00014996</t>
  </si>
  <si>
    <t>cg00019809</t>
  </si>
  <si>
    <t>cg00019841</t>
  </si>
  <si>
    <t>cg00027083</t>
  </si>
  <si>
    <t>cg00033220</t>
  </si>
  <si>
    <t>cg00050590</t>
  </si>
  <si>
    <t>cg00145489</t>
  </si>
  <si>
    <t>cg00145587</t>
  </si>
  <si>
    <t>cg00214056</t>
  </si>
  <si>
    <t>cg00234446</t>
  </si>
  <si>
    <t>cg00263584</t>
  </si>
  <si>
    <t>cg00264380</t>
  </si>
  <si>
    <t>cg00323448</t>
  </si>
  <si>
    <t>cg00358220</t>
  </si>
  <si>
    <t>cg00366917</t>
  </si>
  <si>
    <t>cg00377133</t>
  </si>
  <si>
    <t>cg00389976</t>
  </si>
  <si>
    <t>cg00397673</t>
  </si>
  <si>
    <t>cg00418882</t>
  </si>
  <si>
    <t>cg00445548</t>
  </si>
  <si>
    <t>cg00448482</t>
  </si>
  <si>
    <t>cg00451058</t>
  </si>
  <si>
    <t>cg00472640</t>
  </si>
  <si>
    <t>cg00474194</t>
  </si>
  <si>
    <t>cg00532474</t>
  </si>
  <si>
    <t>cg00593773</t>
  </si>
  <si>
    <t>cg00624834</t>
  </si>
  <si>
    <t>cg00625334</t>
  </si>
  <si>
    <t>cg00636427</t>
  </si>
  <si>
    <t>cg00647528</t>
  </si>
  <si>
    <t>cg00669119</t>
  </si>
  <si>
    <t>cg00686761</t>
  </si>
  <si>
    <t>cg00706570</t>
  </si>
  <si>
    <t>cg00745962</t>
  </si>
  <si>
    <t>cg00851770</t>
  </si>
  <si>
    <t>cg00854242</t>
  </si>
  <si>
    <t>cg00884606</t>
  </si>
  <si>
    <t>cg00991755</t>
  </si>
  <si>
    <t>cg01022219</t>
  </si>
  <si>
    <t>cg01029302</t>
  </si>
  <si>
    <t>cg01083994</t>
  </si>
  <si>
    <t>cg01110525</t>
  </si>
  <si>
    <t>cg01156768</t>
  </si>
  <si>
    <t>cg01226265</t>
  </si>
  <si>
    <t>cg01301382</t>
  </si>
  <si>
    <t>cg01493318</t>
  </si>
  <si>
    <t>cg01499217</t>
  </si>
  <si>
    <t>cg02273078</t>
  </si>
  <si>
    <t>cg02717437</t>
  </si>
  <si>
    <t>cg02731042</t>
  </si>
  <si>
    <t>cg02750262</t>
  </si>
  <si>
    <t>cg02754224</t>
  </si>
  <si>
    <t>cg02774186</t>
  </si>
  <si>
    <t>cg02808338</t>
  </si>
  <si>
    <t>cg02824202</t>
  </si>
  <si>
    <t>cg02840109</t>
  </si>
  <si>
    <t>cg02840839</t>
  </si>
  <si>
    <t>cg02889418</t>
  </si>
  <si>
    <t>cg02901122</t>
  </si>
  <si>
    <t>cg02901177</t>
  </si>
  <si>
    <t>cg02918581</t>
  </si>
  <si>
    <t>cg02931159</t>
  </si>
  <si>
    <t>cg02935272</t>
  </si>
  <si>
    <t>cg02958004</t>
  </si>
  <si>
    <t>cg02988422</t>
  </si>
  <si>
    <t>cg02996413</t>
  </si>
  <si>
    <t>cg03004714</t>
  </si>
  <si>
    <t>cg03010041</t>
  </si>
  <si>
    <t>cg03012170</t>
  </si>
  <si>
    <t>cg03017520</t>
  </si>
  <si>
    <t>cg03045425</t>
  </si>
  <si>
    <t>cg03066930</t>
  </si>
  <si>
    <t>cg03089945</t>
  </si>
  <si>
    <t>cg03093033</t>
  </si>
  <si>
    <t>cg03096126</t>
  </si>
  <si>
    <t>cg03116922</t>
  </si>
  <si>
    <t>cg03117976</t>
  </si>
  <si>
    <t>cg03143886</t>
  </si>
  <si>
    <t>cg03148084</t>
  </si>
  <si>
    <t>cg03159124</t>
  </si>
  <si>
    <t>cg03175653</t>
  </si>
  <si>
    <t>cg03176434</t>
  </si>
  <si>
    <t>cg03183058</t>
  </si>
  <si>
    <t>cg03238298</t>
  </si>
  <si>
    <t>cg03255741</t>
  </si>
  <si>
    <t>cg03273509</t>
  </si>
  <si>
    <t>cg03278146</t>
  </si>
  <si>
    <t>cg03278924</t>
  </si>
  <si>
    <t>cg03314166</t>
  </si>
  <si>
    <t>cg03318937</t>
  </si>
  <si>
    <t>cg03327386</t>
  </si>
  <si>
    <t>cg03357540</t>
  </si>
  <si>
    <t>cg03361575</t>
  </si>
  <si>
    <t>cg03396005</t>
  </si>
  <si>
    <t>cg03400437</t>
  </si>
  <si>
    <t>cg03403032</t>
  </si>
  <si>
    <t>cg03405114</t>
  </si>
  <si>
    <t>cg03414732</t>
  </si>
  <si>
    <t>cg03424826</t>
  </si>
  <si>
    <t>cg03473387</t>
  </si>
  <si>
    <t>cg03500911</t>
  </si>
  <si>
    <t>cg03563308</t>
  </si>
  <si>
    <t>cg03566107</t>
  </si>
  <si>
    <t>cg03595406</t>
  </si>
  <si>
    <t>cg03602280</t>
  </si>
  <si>
    <t>cg03617406</t>
  </si>
  <si>
    <t>cg03638874</t>
  </si>
  <si>
    <t>cg03657485</t>
  </si>
  <si>
    <t>cg03659519</t>
  </si>
  <si>
    <t>cg03669797</t>
  </si>
  <si>
    <t>cg03686593</t>
  </si>
  <si>
    <t>cg03718824</t>
  </si>
  <si>
    <t>cg03731646</t>
  </si>
  <si>
    <t>cg03735496</t>
  </si>
  <si>
    <t>cg03740978</t>
  </si>
  <si>
    <t>cg03746133</t>
  </si>
  <si>
    <t>cg03790988</t>
  </si>
  <si>
    <t>cg03803858</t>
  </si>
  <si>
    <t>cg03865257</t>
  </si>
  <si>
    <t>cg03972071</t>
  </si>
  <si>
    <t>cg04058636</t>
  </si>
  <si>
    <t>cg04407853</t>
  </si>
  <si>
    <t>cg04510262</t>
  </si>
  <si>
    <t>cg04534765</t>
  </si>
  <si>
    <t>cg05048372</t>
  </si>
  <si>
    <t>cg05080154</t>
  </si>
  <si>
    <t>cg05093561</t>
  </si>
  <si>
    <t>cg05095774</t>
  </si>
  <si>
    <t>cg05100634</t>
  </si>
  <si>
    <t>cg05102581</t>
  </si>
  <si>
    <t>cg05109245</t>
  </si>
  <si>
    <t>cg05119084</t>
  </si>
  <si>
    <t>cg05128992</t>
  </si>
  <si>
    <t>cg05142358</t>
  </si>
  <si>
    <t>cg05165553</t>
  </si>
  <si>
    <t>cg05175333</t>
  </si>
  <si>
    <t>cg05212510</t>
  </si>
  <si>
    <t>cg05243095</t>
  </si>
  <si>
    <t>cg05251669</t>
  </si>
  <si>
    <t>cg05265538</t>
  </si>
  <si>
    <t>cg05305025</t>
  </si>
  <si>
    <t>cg05310557</t>
  </si>
  <si>
    <t>cg05318026</t>
  </si>
  <si>
    <t>cg05332077</t>
  </si>
  <si>
    <t>cg05350020</t>
  </si>
  <si>
    <t>cg05359465</t>
  </si>
  <si>
    <t>cg05372260</t>
  </si>
  <si>
    <t>cg05378295</t>
  </si>
  <si>
    <t>cg05422369</t>
  </si>
  <si>
    <t>cg05477405</t>
  </si>
  <si>
    <t>cg05491587</t>
  </si>
  <si>
    <t>cg05502939</t>
  </si>
  <si>
    <t>cg05503968</t>
  </si>
  <si>
    <t>cg05513069</t>
  </si>
  <si>
    <t>cg05536998</t>
  </si>
  <si>
    <t>cg05585821</t>
  </si>
  <si>
    <t>cg05610632</t>
  </si>
  <si>
    <t>cg05616792</t>
  </si>
  <si>
    <t>cg05627083</t>
  </si>
  <si>
    <t>cg05649108</t>
  </si>
  <si>
    <t>cg05655972</t>
  </si>
  <si>
    <t>cg05666571</t>
  </si>
  <si>
    <t>cg05700339</t>
  </si>
  <si>
    <t>cg05735180</t>
  </si>
  <si>
    <t>cg05741611</t>
  </si>
  <si>
    <t>cg05746288</t>
  </si>
  <si>
    <t>cg05752393</t>
  </si>
  <si>
    <t>cg05753993</t>
  </si>
  <si>
    <t>cg05794042</t>
  </si>
  <si>
    <t>cg05794480</t>
  </si>
  <si>
    <t>cg05796338</t>
  </si>
  <si>
    <t>cg05812269</t>
  </si>
  <si>
    <t>cg05827233</t>
  </si>
  <si>
    <t>cg05854894</t>
  </si>
  <si>
    <t>cg05859578</t>
  </si>
  <si>
    <t>cg05870479</t>
  </si>
  <si>
    <t>cg05872073</t>
  </si>
  <si>
    <t>cg05872236</t>
  </si>
  <si>
    <t>cg05884032</t>
  </si>
  <si>
    <t>cg05892960</t>
  </si>
  <si>
    <t>cg05899224</t>
  </si>
  <si>
    <t>cg05900883</t>
  </si>
  <si>
    <t>cg05944967</t>
  </si>
  <si>
    <t>cg05945059</t>
  </si>
  <si>
    <t>cg05970790</t>
  </si>
  <si>
    <t>cg05994094</t>
  </si>
  <si>
    <t>cg06003986</t>
  </si>
  <si>
    <t>cg06007607</t>
  </si>
  <si>
    <t>cg06015645</t>
  </si>
  <si>
    <t>cg06030229</t>
  </si>
  <si>
    <t>cg06044794</t>
  </si>
  <si>
    <t>cg06049736</t>
  </si>
  <si>
    <t>cg06090660</t>
  </si>
  <si>
    <t>cg06092834</t>
  </si>
  <si>
    <t>cg06115851</t>
  </si>
  <si>
    <t>cg06116397</t>
  </si>
  <si>
    <t>cg06121461</t>
  </si>
  <si>
    <t>cg06167221</t>
  </si>
  <si>
    <t>cg06225979</t>
  </si>
  <si>
    <t>cg06248560</t>
  </si>
  <si>
    <t>cg06261937</t>
  </si>
  <si>
    <t>cg06263193</t>
  </si>
  <si>
    <t>cg06268875</t>
  </si>
  <si>
    <t>cg06294976</t>
  </si>
  <si>
    <t>cg06316322</t>
  </si>
  <si>
    <t>cg06351029</t>
  </si>
  <si>
    <t>cg06432200</t>
  </si>
  <si>
    <t>cg06434061</t>
  </si>
  <si>
    <t>cg06456717</t>
  </si>
  <si>
    <t>cg06464594</t>
  </si>
  <si>
    <t>cg06467181</t>
  </si>
  <si>
    <t>cg06510438</t>
  </si>
  <si>
    <t>cg06530012</t>
  </si>
  <si>
    <t>cg06530961</t>
  </si>
  <si>
    <t>cg06562865</t>
  </si>
  <si>
    <t>cg06565620</t>
  </si>
  <si>
    <t>cg06614469</t>
  </si>
  <si>
    <t>cg06629130</t>
  </si>
  <si>
    <t>cg06633814</t>
  </si>
  <si>
    <t>cg06655225</t>
  </si>
  <si>
    <t>cg06711831</t>
  </si>
  <si>
    <t>cg06720001</t>
  </si>
  <si>
    <t>cg06753227</t>
  </si>
  <si>
    <t>cg06761921</t>
  </si>
  <si>
    <t>cg06856570</t>
  </si>
  <si>
    <t>cg06893537</t>
  </si>
  <si>
    <t>cg06905387</t>
  </si>
  <si>
    <t>cg06934613</t>
  </si>
  <si>
    <t>cg06942314</t>
  </si>
  <si>
    <t>cg06952751</t>
  </si>
  <si>
    <t>cg06977689</t>
  </si>
  <si>
    <t>cg06980251</t>
  </si>
  <si>
    <t>cg07012770</t>
  </si>
  <si>
    <t>cg07063032</t>
  </si>
  <si>
    <t>cg07064495</t>
  </si>
  <si>
    <t>cg07071206</t>
  </si>
  <si>
    <t>cg07076661</t>
  </si>
  <si>
    <t>cg07085396</t>
  </si>
  <si>
    <t>cg07111678</t>
  </si>
  <si>
    <t>cg07127945</t>
  </si>
  <si>
    <t>cg07142961</t>
  </si>
  <si>
    <t>cg07169535</t>
  </si>
  <si>
    <t>cg07179105</t>
  </si>
  <si>
    <t>cg07204280</t>
  </si>
  <si>
    <t>cg07223312</t>
  </si>
  <si>
    <t>cg07246578</t>
  </si>
  <si>
    <t>cg07262585</t>
  </si>
  <si>
    <t>cg07305215</t>
  </si>
  <si>
    <t>cg07320941</t>
  </si>
  <si>
    <t>cg07333223</t>
  </si>
  <si>
    <t>cg07352438</t>
  </si>
  <si>
    <t>cg07372879</t>
  </si>
  <si>
    <t>cg07403397</t>
  </si>
  <si>
    <t>cg07416455</t>
  </si>
  <si>
    <t>cg07438299</t>
  </si>
  <si>
    <t>cg07461111</t>
  </si>
  <si>
    <t>cg07479961</t>
  </si>
  <si>
    <t>cg07495755</t>
  </si>
  <si>
    <t>cg07519816</t>
  </si>
  <si>
    <t>cg07537417</t>
  </si>
  <si>
    <t>cg07544653</t>
  </si>
  <si>
    <t>cg07578611</t>
  </si>
  <si>
    <t>cg07608621</t>
  </si>
  <si>
    <t>cg07611666</t>
  </si>
  <si>
    <t>cg07661480</t>
  </si>
  <si>
    <t>cg07669403</t>
  </si>
  <si>
    <t>cg07675399</t>
  </si>
  <si>
    <t>cg07724259</t>
  </si>
  <si>
    <t>cg07759042</t>
  </si>
  <si>
    <t>cg07773272</t>
  </si>
  <si>
    <t>cg07796520</t>
  </si>
  <si>
    <t>cg07808661</t>
  </si>
  <si>
    <t>cg07836478</t>
  </si>
  <si>
    <t>cg07846220</t>
  </si>
  <si>
    <t>cg07867133</t>
  </si>
  <si>
    <t>cg07881863</t>
  </si>
  <si>
    <t>cg07891619</t>
  </si>
  <si>
    <t>cg07897248</t>
  </si>
  <si>
    <t>cg07897354</t>
  </si>
  <si>
    <t>cg07910813</t>
  </si>
  <si>
    <t>cg09657097</t>
  </si>
  <si>
    <t>cg09685104</t>
  </si>
  <si>
    <t>cg11255230</t>
  </si>
  <si>
    <t>cg11516594</t>
  </si>
  <si>
    <t>cg11550971</t>
  </si>
  <si>
    <t>cg11652668</t>
  </si>
  <si>
    <t>cg11668079</t>
  </si>
  <si>
    <t>cg11672447</t>
  </si>
  <si>
    <t>cg11697226</t>
  </si>
  <si>
    <t>cg11711015</t>
  </si>
  <si>
    <t>cg11722699</t>
  </si>
  <si>
    <t>cg11749010</t>
  </si>
  <si>
    <t>cg11771234</t>
  </si>
  <si>
    <t>cg11772151</t>
  </si>
  <si>
    <t>cg11801629</t>
  </si>
  <si>
    <t>cg11802583</t>
  </si>
  <si>
    <t>cg11844358</t>
  </si>
  <si>
    <t>cg11850773</t>
  </si>
  <si>
    <t>cg11853811</t>
  </si>
  <si>
    <t>cg11864882</t>
  </si>
  <si>
    <t>cg11877228</t>
  </si>
  <si>
    <t>cg11891983</t>
  </si>
  <si>
    <t>cg11909137</t>
  </si>
  <si>
    <t>cg11913496</t>
  </si>
  <si>
    <t>cg11923627</t>
  </si>
  <si>
    <t>cg11928275</t>
  </si>
  <si>
    <t>cg11931731</t>
  </si>
  <si>
    <t>cg11951604</t>
  </si>
  <si>
    <t>cg11966450</t>
  </si>
  <si>
    <t>cg11977716</t>
  </si>
  <si>
    <t>cg11984636</t>
  </si>
  <si>
    <t>cg12002260</t>
  </si>
  <si>
    <t>cg12026967</t>
  </si>
  <si>
    <t>cg12061113</t>
  </si>
  <si>
    <t>cg12072560</t>
  </si>
  <si>
    <t>cg12072964</t>
  </si>
  <si>
    <t>cg12081291</t>
  </si>
  <si>
    <t>cg12091503</t>
  </si>
  <si>
    <t>cg12146178</t>
  </si>
  <si>
    <t>cg12150406</t>
  </si>
  <si>
    <t>cg12161122</t>
  </si>
  <si>
    <t>cg12205742</t>
  </si>
  <si>
    <t>cg12208258</t>
  </si>
  <si>
    <t>cg12217982</t>
  </si>
  <si>
    <t>cg12229523</t>
  </si>
  <si>
    <t>cg12245438</t>
  </si>
  <si>
    <t>cg12253819</t>
  </si>
  <si>
    <t>cg12268958</t>
  </si>
  <si>
    <t>cg12275487</t>
  </si>
  <si>
    <t>cg12300498</t>
  </si>
  <si>
    <t>cg12351856</t>
  </si>
  <si>
    <t>cg12352896</t>
  </si>
  <si>
    <t>cg12375025</t>
  </si>
  <si>
    <t>cg12376941</t>
  </si>
  <si>
    <t>cg12395929</t>
  </si>
  <si>
    <t>cg12432983</t>
  </si>
  <si>
    <t>cg12456090</t>
  </si>
  <si>
    <t>cg12466737</t>
  </si>
  <si>
    <t>cg12473406</t>
  </si>
  <si>
    <t>cg12474748</t>
  </si>
  <si>
    <t>cg12498801</t>
  </si>
  <si>
    <t>cg12504187</t>
  </si>
  <si>
    <t>cg12548782</t>
  </si>
  <si>
    <t>cg12559913</t>
  </si>
  <si>
    <t>cg12575136</t>
  </si>
  <si>
    <t>cg12594569</t>
  </si>
  <si>
    <t>cg12605662</t>
  </si>
  <si>
    <t>cg12615165</t>
  </si>
  <si>
    <t>cg12615761</t>
  </si>
  <si>
    <t>cg12629103</t>
  </si>
  <si>
    <t>cg12692042</t>
  </si>
  <si>
    <t>cg12709669</t>
  </si>
  <si>
    <t>cg12713893</t>
  </si>
  <si>
    <t>cg12725284</t>
  </si>
  <si>
    <t>cg12735025</t>
  </si>
  <si>
    <t>cg12787512</t>
  </si>
  <si>
    <t>cg12796229</t>
  </si>
  <si>
    <t>cg12799349</t>
  </si>
  <si>
    <t>cg12799689</t>
  </si>
  <si>
    <t>cg12802356</t>
  </si>
  <si>
    <t>cg12813323</t>
  </si>
  <si>
    <t>cg12816979</t>
  </si>
  <si>
    <t>cg12879381</t>
  </si>
  <si>
    <t>cg12881557</t>
  </si>
  <si>
    <t>cg12899157</t>
  </si>
  <si>
    <t>cg12924510</t>
  </si>
  <si>
    <t>cg12924825</t>
  </si>
  <si>
    <t>cg12927990</t>
  </si>
  <si>
    <t>cg12934466</t>
  </si>
  <si>
    <t>cg12934788</t>
  </si>
  <si>
    <t>cg12954646</t>
  </si>
  <si>
    <t>cg12964741</t>
  </si>
  <si>
    <t>cg12967001</t>
  </si>
  <si>
    <t>cg12974637</t>
  </si>
  <si>
    <t>cg12975230</t>
  </si>
  <si>
    <t>cg13010273</t>
  </si>
  <si>
    <t>cg13014058</t>
  </si>
  <si>
    <t>cg13026370</t>
  </si>
  <si>
    <t>cg13033090</t>
  </si>
  <si>
    <t>cg13034837</t>
  </si>
  <si>
    <t>cg13090731</t>
  </si>
  <si>
    <t>cg13095732</t>
  </si>
  <si>
    <t>cg13096436</t>
  </si>
  <si>
    <t>cg13133420</t>
  </si>
  <si>
    <t>cg13135595</t>
  </si>
  <si>
    <t>cg13181251</t>
  </si>
  <si>
    <t>cg13206530</t>
  </si>
  <si>
    <t>cg13216267</t>
  </si>
  <si>
    <t>cg13224081</t>
  </si>
  <si>
    <t>cg13229850</t>
  </si>
  <si>
    <t>cg13348877</t>
  </si>
  <si>
    <t>cg13354228</t>
  </si>
  <si>
    <t>cg13359134</t>
  </si>
  <si>
    <t>cg13379408</t>
  </si>
  <si>
    <t>cg13382322</t>
  </si>
  <si>
    <t>cg13390743</t>
  </si>
  <si>
    <t>cg13397649</t>
  </si>
  <si>
    <t>cg13412866</t>
  </si>
  <si>
    <t>cg13421439</t>
  </si>
  <si>
    <t>cg13422136</t>
  </si>
  <si>
    <t>cg13423076</t>
  </si>
  <si>
    <t>cg13432228</t>
  </si>
  <si>
    <t>cg13437581</t>
  </si>
  <si>
    <t>cg13442966</t>
  </si>
  <si>
    <t>cg13453304</t>
  </si>
  <si>
    <t>cg13455896</t>
  </si>
  <si>
    <t>cg13456321</t>
  </si>
  <si>
    <t>cg13460311</t>
  </si>
  <si>
    <t>cg13471184</t>
  </si>
  <si>
    <t>cg13478031</t>
  </si>
  <si>
    <t>cg13478228</t>
  </si>
  <si>
    <t>cg13487956</t>
  </si>
  <si>
    <t>cg13506219</t>
  </si>
  <si>
    <t>cg13517398</t>
  </si>
  <si>
    <t>cg13533151</t>
  </si>
  <si>
    <t>cg13559259</t>
  </si>
  <si>
    <t>cg13592565</t>
  </si>
  <si>
    <t>cg13596049</t>
  </si>
  <si>
    <t>cg13611347</t>
  </si>
  <si>
    <t>cg13623638</t>
  </si>
  <si>
    <t>cg13625045</t>
  </si>
  <si>
    <t>cg13628146</t>
  </si>
  <si>
    <t>cg13631105</t>
  </si>
  <si>
    <t>cg13643894</t>
  </si>
  <si>
    <t>cg13672975</t>
  </si>
  <si>
    <t>cg13673779</t>
  </si>
  <si>
    <t>cg13674271</t>
  </si>
  <si>
    <t>cg13703062</t>
  </si>
  <si>
    <t>cg13721404</t>
  </si>
  <si>
    <t>cg13739279</t>
  </si>
  <si>
    <t>cg13763729</t>
  </si>
  <si>
    <t>cg13768737</t>
  </si>
  <si>
    <t>cg13781084</t>
  </si>
  <si>
    <t>cg13820589</t>
  </si>
  <si>
    <t>cg13849552</t>
  </si>
  <si>
    <t>cg13871400</t>
  </si>
  <si>
    <t>cg13873920</t>
  </si>
  <si>
    <t>cg13898518</t>
  </si>
  <si>
    <t>cg13905342</t>
  </si>
  <si>
    <t>cg13920818</t>
  </si>
  <si>
    <t>cg13939809</t>
  </si>
  <si>
    <t>cg13941589</t>
  </si>
  <si>
    <t>cg14002960</t>
  </si>
  <si>
    <t>cg14007067</t>
  </si>
  <si>
    <t>cg14059978</t>
  </si>
  <si>
    <t>cg14095692</t>
  </si>
  <si>
    <t>cg14106921</t>
  </si>
  <si>
    <t>cg14118546</t>
  </si>
  <si>
    <t>cg14135988</t>
  </si>
  <si>
    <t>cg14140647</t>
  </si>
  <si>
    <t>cg14185670</t>
  </si>
  <si>
    <t>cg14258243</t>
  </si>
  <si>
    <t>cg14276258</t>
  </si>
  <si>
    <t>cg14291066</t>
  </si>
  <si>
    <t>cg14300568</t>
  </si>
  <si>
    <t>cg14306734</t>
  </si>
  <si>
    <t>cg14312538</t>
  </si>
  <si>
    <t>cg14345128</t>
  </si>
  <si>
    <t>cg14352983</t>
  </si>
  <si>
    <t>cg14364474</t>
  </si>
  <si>
    <t>cg14387610</t>
  </si>
  <si>
    <t>cg14389183</t>
  </si>
  <si>
    <t>cg14393952</t>
  </si>
  <si>
    <t>cg14423557</t>
  </si>
  <si>
    <t>cg14434408</t>
  </si>
  <si>
    <t>cg14439622</t>
  </si>
  <si>
    <t>cg14462906</t>
  </si>
  <si>
    <t>cg14489474</t>
  </si>
  <si>
    <t>cg14505616</t>
  </si>
  <si>
    <t>cg14532644</t>
  </si>
  <si>
    <t>cg14539861</t>
  </si>
  <si>
    <t>cg14544505</t>
  </si>
  <si>
    <t>cg14560339</t>
  </si>
  <si>
    <t>cg14604802</t>
  </si>
  <si>
    <t>cg14623989</t>
  </si>
  <si>
    <t>cg14631834</t>
  </si>
  <si>
    <t>cg14676711</t>
  </si>
  <si>
    <t>cg14693194</t>
  </si>
  <si>
    <t>cg14719951</t>
  </si>
  <si>
    <t>cg14744537</t>
  </si>
  <si>
    <t>cg14775215</t>
  </si>
  <si>
    <t>cg14776016</t>
  </si>
  <si>
    <t>cg14785810</t>
  </si>
  <si>
    <t>cg14799457</t>
  </si>
  <si>
    <t>cg14846965</t>
  </si>
  <si>
    <t>cg14856734</t>
  </si>
  <si>
    <t>cg14901232</t>
  </si>
  <si>
    <t>cg14914822</t>
  </si>
  <si>
    <t>cg14959820</t>
  </si>
  <si>
    <t>cg14993820</t>
  </si>
  <si>
    <t>cg15017004</t>
  </si>
  <si>
    <t>cg15049968</t>
  </si>
  <si>
    <t>cg15084758</t>
  </si>
  <si>
    <t>cg15120176</t>
  </si>
  <si>
    <t>cg15129823</t>
  </si>
  <si>
    <t>cg15133018</t>
  </si>
  <si>
    <t>cg15138382</t>
  </si>
  <si>
    <t>cg15139644</t>
  </si>
  <si>
    <t>cg15142477</t>
  </si>
  <si>
    <t>cg15146859</t>
  </si>
  <si>
    <t>cg15156844</t>
  </si>
  <si>
    <t>cg15160457</t>
  </si>
  <si>
    <t>cg15166561</t>
  </si>
  <si>
    <t>cg15172543</t>
  </si>
  <si>
    <t>cg15179725</t>
  </si>
  <si>
    <t>cg15224291</t>
  </si>
  <si>
    <t>cg15237265</t>
  </si>
  <si>
    <t>cg15248777</t>
  </si>
  <si>
    <t>cg15258649</t>
  </si>
  <si>
    <t>cg15260951</t>
  </si>
  <si>
    <t>cg15264806</t>
  </si>
  <si>
    <t>cg15297799</t>
  </si>
  <si>
    <t>cg15317173</t>
  </si>
  <si>
    <t>cg15363349</t>
  </si>
  <si>
    <t>cg15367021</t>
  </si>
  <si>
    <t>cg15368722</t>
  </si>
  <si>
    <t>cg15374754</t>
  </si>
  <si>
    <t>cg15380914</t>
  </si>
  <si>
    <t>cg15392269</t>
  </si>
  <si>
    <t>cg15434296</t>
  </si>
  <si>
    <t>cg15517343</t>
  </si>
  <si>
    <t>cg15526954</t>
  </si>
  <si>
    <t>cg15533222</t>
  </si>
  <si>
    <t>cg15534507</t>
  </si>
  <si>
    <t>cg15555970</t>
  </si>
  <si>
    <t>cg15579888</t>
  </si>
  <si>
    <t>cg15592690</t>
  </si>
  <si>
    <t>cg15616946</t>
  </si>
  <si>
    <t>cg15633664</t>
  </si>
  <si>
    <t>cg15643428</t>
  </si>
  <si>
    <t>cg15646919</t>
  </si>
  <si>
    <t>cg15653282</t>
  </si>
  <si>
    <t>cg15656901</t>
  </si>
  <si>
    <t>cg15661337</t>
  </si>
  <si>
    <t>cg15673034</t>
  </si>
  <si>
    <t>cg15674514</t>
  </si>
  <si>
    <t>cg15773744</t>
  </si>
  <si>
    <t>cg15775005</t>
  </si>
  <si>
    <t>cg15870739</t>
  </si>
  <si>
    <t>cg15901997</t>
  </si>
  <si>
    <t>cg15916399</t>
  </si>
  <si>
    <t>cg15920310</t>
  </si>
  <si>
    <t>cg15947599</t>
  </si>
  <si>
    <t>cg15974085</t>
  </si>
  <si>
    <t>cg16004501</t>
  </si>
  <si>
    <t>cg16064518</t>
  </si>
  <si>
    <t>cg16065234</t>
  </si>
  <si>
    <t>cg16141316</t>
  </si>
  <si>
    <t>cg16151261</t>
  </si>
  <si>
    <t>cg16152072</t>
  </si>
  <si>
    <t>cg16173322</t>
  </si>
  <si>
    <t>cg16181848</t>
  </si>
  <si>
    <t>cg16189953</t>
  </si>
  <si>
    <t>cg16196758</t>
  </si>
  <si>
    <t>cg16237672</t>
  </si>
  <si>
    <t>cg16246200</t>
  </si>
  <si>
    <t>cg16288354</t>
  </si>
  <si>
    <t>cg16295162</t>
  </si>
  <si>
    <t>cg16300329</t>
  </si>
  <si>
    <t>cg16304950</t>
  </si>
  <si>
    <t>cg16308700</t>
  </si>
  <si>
    <t>cg16313807</t>
  </si>
  <si>
    <t>cg16330517</t>
  </si>
  <si>
    <t>cg16353345</t>
  </si>
  <si>
    <t>cg16366656</t>
  </si>
  <si>
    <t>cg16377998</t>
  </si>
  <si>
    <t>cg16413752</t>
  </si>
  <si>
    <t>cg16421612</t>
  </si>
  <si>
    <t>cg16439118</t>
  </si>
  <si>
    <t>cg16448399</t>
  </si>
  <si>
    <t>cg16452086</t>
  </si>
  <si>
    <t>cg16457786</t>
  </si>
  <si>
    <t>cg16458671</t>
  </si>
  <si>
    <t>cg16467656</t>
  </si>
  <si>
    <t>cg16474170</t>
  </si>
  <si>
    <t>cg16477317</t>
  </si>
  <si>
    <t>cg16479341</t>
  </si>
  <si>
    <t>cg16485682</t>
  </si>
  <si>
    <t>cg16488953</t>
  </si>
  <si>
    <t>cg16550505</t>
  </si>
  <si>
    <t>cg16553796</t>
  </si>
  <si>
    <t>cg16580499</t>
  </si>
  <si>
    <t>cg16590794</t>
  </si>
  <si>
    <t>cg16596493</t>
  </si>
  <si>
    <t>cg16615927</t>
  </si>
  <si>
    <t>cg16622495</t>
  </si>
  <si>
    <t>cg16636641</t>
  </si>
  <si>
    <t>cg16637619</t>
  </si>
  <si>
    <t>cg16643261</t>
  </si>
  <si>
    <t>cg16647169</t>
  </si>
  <si>
    <t>cg16698101</t>
  </si>
  <si>
    <t>cg16705273</t>
  </si>
  <si>
    <t>cg16707720</t>
  </si>
  <si>
    <t>cg16716993</t>
  </si>
  <si>
    <t>cg16720675</t>
  </si>
  <si>
    <t>cg16727201</t>
  </si>
  <si>
    <t>cg16735821</t>
  </si>
  <si>
    <t>cg16801093</t>
  </si>
  <si>
    <t>cg16808455</t>
  </si>
  <si>
    <t>cg16841133</t>
  </si>
  <si>
    <t>cg16852837</t>
  </si>
  <si>
    <t>cg16857548</t>
  </si>
  <si>
    <t>cg16860267</t>
  </si>
  <si>
    <t>cg16868190</t>
  </si>
  <si>
    <t>cg16882097</t>
  </si>
  <si>
    <t>cg16922039</t>
  </si>
  <si>
    <t>cg16924702</t>
  </si>
  <si>
    <t>cg16943083</t>
  </si>
  <si>
    <t>cg16955166</t>
  </si>
  <si>
    <t>cg16968865</t>
  </si>
  <si>
    <t>cg16994510</t>
  </si>
  <si>
    <t>cg16997989</t>
  </si>
  <si>
    <t>cg17012181</t>
  </si>
  <si>
    <t>cg17016890</t>
  </si>
  <si>
    <t>cg17023972</t>
  </si>
  <si>
    <t>cg17056209</t>
  </si>
  <si>
    <t>cg17057218</t>
  </si>
  <si>
    <t>cg17060274</t>
  </si>
  <si>
    <t>cg17074000</t>
  </si>
  <si>
    <t>cg17104099</t>
  </si>
  <si>
    <t>cg17154092</t>
  </si>
  <si>
    <t>cg17159790</t>
  </si>
  <si>
    <t>cg17266581</t>
  </si>
  <si>
    <t>cg17271683</t>
  </si>
  <si>
    <t>cg17289202</t>
  </si>
  <si>
    <t>cg17298239</t>
  </si>
  <si>
    <t>cg17302062</t>
  </si>
  <si>
    <t>cg17307752</t>
  </si>
  <si>
    <t>cg17321214</t>
  </si>
  <si>
    <t>cg17322050</t>
  </si>
  <si>
    <t>cg17329670</t>
  </si>
  <si>
    <t>cg17688525</t>
  </si>
  <si>
    <t>cg17705056</t>
  </si>
  <si>
    <t>cg17797182</t>
  </si>
  <si>
    <t>cg17871792</t>
  </si>
  <si>
    <t>cg17880256</t>
  </si>
  <si>
    <t>cg17903428</t>
  </si>
  <si>
    <t>cg17903999</t>
  </si>
  <si>
    <t>cg17959327</t>
  </si>
  <si>
    <t>cg17995867</t>
  </si>
  <si>
    <t>cg18008880</t>
  </si>
  <si>
    <t>cg18069174</t>
  </si>
  <si>
    <t>cg18101249</t>
  </si>
  <si>
    <t>cg18104674</t>
  </si>
  <si>
    <t>cg18106189</t>
  </si>
  <si>
    <t>cg18140558</t>
  </si>
  <si>
    <t>cg18161374</t>
  </si>
  <si>
    <t>cg18176922</t>
  </si>
  <si>
    <t>cg18234979</t>
  </si>
  <si>
    <t>cg18264657</t>
  </si>
  <si>
    <t>cg18319029</t>
  </si>
  <si>
    <t>cg18319916</t>
  </si>
  <si>
    <t>cg18385254</t>
  </si>
  <si>
    <t>cg18387516</t>
  </si>
  <si>
    <t>cg18409730</t>
  </si>
  <si>
    <t>cg18413367</t>
  </si>
  <si>
    <t>cg18448581</t>
  </si>
  <si>
    <t>cg18464001</t>
  </si>
  <si>
    <t>cg18498035</t>
  </si>
  <si>
    <t>cg18512446</t>
  </si>
  <si>
    <t>cg18519927</t>
  </si>
  <si>
    <t>cg18540374</t>
  </si>
  <si>
    <t>cg18543270</t>
  </si>
  <si>
    <t>cg18556788</t>
  </si>
  <si>
    <t>cg18559136</t>
  </si>
  <si>
    <t>cg18596362</t>
  </si>
  <si>
    <t>cg18621091</t>
  </si>
  <si>
    <t>cg18632602</t>
  </si>
  <si>
    <t>cg18633379</t>
  </si>
  <si>
    <t>cg18669209</t>
  </si>
  <si>
    <t>cg18709881</t>
  </si>
  <si>
    <t>cg18718343</t>
  </si>
  <si>
    <t>cg18756868</t>
  </si>
  <si>
    <t>cg18757695</t>
  </si>
  <si>
    <t>cg18764577</t>
  </si>
  <si>
    <t>cg18780730</t>
  </si>
  <si>
    <t>cg18789636</t>
  </si>
  <si>
    <t>cg18812904</t>
  </si>
  <si>
    <t>cg18824571</t>
  </si>
  <si>
    <t>cg18829162</t>
  </si>
  <si>
    <t>cg18836174</t>
  </si>
  <si>
    <t>cg18864914</t>
  </si>
  <si>
    <t>cg18886814</t>
  </si>
  <si>
    <t>cg18914514</t>
  </si>
  <si>
    <t>cg18934713</t>
  </si>
  <si>
    <t>cg18936757</t>
  </si>
  <si>
    <t>cg18936800</t>
  </si>
  <si>
    <t>cg18988170</t>
  </si>
  <si>
    <t>cg18988435</t>
  </si>
  <si>
    <t>cg19041079</t>
  </si>
  <si>
    <t>cg19077665</t>
  </si>
  <si>
    <t>cg19104836</t>
  </si>
  <si>
    <t>cg19193201</t>
  </si>
  <si>
    <t>cg19215386</t>
  </si>
  <si>
    <t>cg19223541</t>
  </si>
  <si>
    <t>cg19237294</t>
  </si>
  <si>
    <t>cg19262334</t>
  </si>
  <si>
    <t>cg19275261</t>
  </si>
  <si>
    <t>cg19282019</t>
  </si>
  <si>
    <t>cg19302970</t>
  </si>
  <si>
    <t>cg19341630</t>
  </si>
  <si>
    <t>cg19354091</t>
  </si>
  <si>
    <t>cg19369363</t>
  </si>
  <si>
    <t>cg19385725</t>
  </si>
  <si>
    <t>cg19478558</t>
  </si>
  <si>
    <t>cg19575813</t>
  </si>
  <si>
    <t>cg19579167</t>
  </si>
  <si>
    <t>cg19586686</t>
  </si>
  <si>
    <t>cg19629710</t>
  </si>
  <si>
    <t>cg19669959</t>
  </si>
  <si>
    <t>cg19759864</t>
  </si>
  <si>
    <t>cg19774868</t>
  </si>
  <si>
    <t>cg19777991</t>
  </si>
  <si>
    <t>cg19787366</t>
  </si>
  <si>
    <t>cg19804182</t>
  </si>
  <si>
    <t>cg19829856</t>
  </si>
  <si>
    <t>cg19880977</t>
  </si>
  <si>
    <t>cg19886448</t>
  </si>
  <si>
    <t>cg19886613</t>
  </si>
  <si>
    <t>cg19909349</t>
  </si>
  <si>
    <t>cg19926161</t>
  </si>
  <si>
    <t>cg19930057</t>
  </si>
  <si>
    <t>cg19940975</t>
  </si>
  <si>
    <t>cg19948974</t>
  </si>
  <si>
    <t>cg19962075</t>
  </si>
  <si>
    <t>cg20012885</t>
  </si>
  <si>
    <t>cg20022589</t>
  </si>
  <si>
    <t>cg20034091</t>
  </si>
  <si>
    <t>cg20059140</t>
  </si>
  <si>
    <t>cg20089538</t>
  </si>
  <si>
    <t>cg20092531</t>
  </si>
  <si>
    <t>cg20134355</t>
  </si>
  <si>
    <t>cg20168823</t>
  </si>
  <si>
    <t>cg20217034</t>
  </si>
  <si>
    <t>cg20219876</t>
  </si>
  <si>
    <t>cg20227886</t>
  </si>
  <si>
    <t>cg20245515</t>
  </si>
  <si>
    <t>cg20256961</t>
  </si>
  <si>
    <t>cg20263839</t>
  </si>
  <si>
    <t>cg20298895</t>
  </si>
  <si>
    <t>cg20317272</t>
  </si>
  <si>
    <t>cg20329085</t>
  </si>
  <si>
    <t>cg20336460</t>
  </si>
  <si>
    <t>cg20349574</t>
  </si>
  <si>
    <t>cg20382774</t>
  </si>
  <si>
    <t>cg20429104</t>
  </si>
  <si>
    <t>cg20450689</t>
  </si>
  <si>
    <t>cg20466748</t>
  </si>
  <si>
    <t>cg20469799</t>
  </si>
  <si>
    <t>cg20469847</t>
  </si>
  <si>
    <t>cg20486897</t>
  </si>
  <si>
    <t>cg20513080</t>
  </si>
  <si>
    <t>cg20523092</t>
  </si>
  <si>
    <t>cg20523393</t>
  </si>
  <si>
    <t>cg20530339</t>
  </si>
  <si>
    <t>cg20559816</t>
  </si>
  <si>
    <t>cg20581250</t>
  </si>
  <si>
    <t>cg20600053</t>
  </si>
  <si>
    <t>cg20640305</t>
  </si>
  <si>
    <t>cg20645941</t>
  </si>
  <si>
    <t>cg20670302</t>
  </si>
  <si>
    <t>cg20680872</t>
  </si>
  <si>
    <t>cg20711496</t>
  </si>
  <si>
    <t>cg20722436</t>
  </si>
  <si>
    <t>cg20757519</t>
  </si>
  <si>
    <t>cg20777956</t>
  </si>
  <si>
    <t>cg20795550</t>
  </si>
  <si>
    <t>cg20799816</t>
  </si>
  <si>
    <t>cg20801056</t>
  </si>
  <si>
    <t>cg20801603</t>
  </si>
  <si>
    <t>cg20811236</t>
  </si>
  <si>
    <t>cg20820063</t>
  </si>
  <si>
    <t>cg20872937</t>
  </si>
  <si>
    <t>cg20880080</t>
  </si>
  <si>
    <t>cg20914464</t>
  </si>
  <si>
    <t>cg20923716</t>
  </si>
  <si>
    <t>cg20937934</t>
  </si>
  <si>
    <t>cg20957739</t>
  </si>
  <si>
    <t>cg21026022</t>
  </si>
  <si>
    <t>cg21027152</t>
  </si>
  <si>
    <t>cg21050234</t>
  </si>
  <si>
    <t>cg21051976</t>
  </si>
  <si>
    <t>cg21053831</t>
  </si>
  <si>
    <t>cg21128539</t>
  </si>
  <si>
    <t>cg21150921</t>
  </si>
  <si>
    <t>cg21226485</t>
  </si>
  <si>
    <t>cg21235532</t>
  </si>
  <si>
    <t>cg21278787</t>
  </si>
  <si>
    <t>cg21288778</t>
  </si>
  <si>
    <t>cg21290316</t>
  </si>
  <si>
    <t>cg21317088</t>
  </si>
  <si>
    <t>cg21322241</t>
  </si>
  <si>
    <t>cg21330207</t>
  </si>
  <si>
    <t>cg21331088</t>
  </si>
  <si>
    <t>cg21349637</t>
  </si>
  <si>
    <t>cg21384009</t>
  </si>
  <si>
    <t>cg21428148</t>
  </si>
  <si>
    <t>cg21438101</t>
  </si>
  <si>
    <t>cg21444002</t>
  </si>
  <si>
    <t>cg21454925</t>
  </si>
  <si>
    <t>cg21467513</t>
  </si>
  <si>
    <t>cg21484749</t>
  </si>
  <si>
    <t>cg21505940</t>
  </si>
  <si>
    <t>cg21521250</t>
  </si>
  <si>
    <t>cg21529405</t>
  </si>
  <si>
    <t>cg21576904</t>
  </si>
  <si>
    <t>cg21577007</t>
  </si>
  <si>
    <t>cg21634365</t>
  </si>
  <si>
    <t>cg21659774</t>
  </si>
  <si>
    <t>cg21691267</t>
  </si>
  <si>
    <t>cg21711672</t>
  </si>
  <si>
    <t>cg21715088</t>
  </si>
  <si>
    <t>cg21731291</t>
  </si>
  <si>
    <t>cg21753023</t>
  </si>
  <si>
    <t>cg21774115</t>
  </si>
  <si>
    <t>cg21782977</t>
  </si>
  <si>
    <t>cg21793948</t>
  </si>
  <si>
    <t>cg21809942</t>
  </si>
  <si>
    <t>cg21851386</t>
  </si>
  <si>
    <t>cg21861644</t>
  </si>
  <si>
    <t>cg21883621</t>
  </si>
  <si>
    <t>cg21886851</t>
  </si>
  <si>
    <t>cg21938736</t>
  </si>
  <si>
    <t>cg22038796</t>
  </si>
  <si>
    <t>cg22065367</t>
  </si>
  <si>
    <t>cg22067914</t>
  </si>
  <si>
    <t>cg22069342</t>
  </si>
  <si>
    <t>cg22086828</t>
  </si>
  <si>
    <t>cg22124479</t>
  </si>
  <si>
    <t>cg22126437</t>
  </si>
  <si>
    <t>cg22141456</t>
  </si>
  <si>
    <t>cg22144878</t>
  </si>
  <si>
    <t>cg22205276</t>
  </si>
  <si>
    <t>cg22208304</t>
  </si>
  <si>
    <t>cg22223655</t>
  </si>
  <si>
    <t>cg22232327</t>
  </si>
  <si>
    <t>cg22233523</t>
  </si>
  <si>
    <t>cg22263405</t>
  </si>
  <si>
    <t>cg22265394</t>
  </si>
  <si>
    <t>cg22287067</t>
  </si>
  <si>
    <t>cg22306155</t>
  </si>
  <si>
    <t>cg22349573</t>
  </si>
  <si>
    <t>cg22374057</t>
  </si>
  <si>
    <t>cg22374213</t>
  </si>
  <si>
    <t>cg22455914</t>
  </si>
  <si>
    <t>cg22466830</t>
  </si>
  <si>
    <t>cg22487177</t>
  </si>
  <si>
    <t>cg22491141</t>
  </si>
  <si>
    <t>cg22501454</t>
  </si>
  <si>
    <t>cg22532061</t>
  </si>
  <si>
    <t>cg22544720</t>
  </si>
  <si>
    <t>cg22608170</t>
  </si>
  <si>
    <t>cg22792432</t>
  </si>
  <si>
    <t>cg23217126</t>
  </si>
  <si>
    <t>cg23234640</t>
  </si>
  <si>
    <t>cg23267759</t>
  </si>
  <si>
    <t>cg23281729</t>
  </si>
  <si>
    <t>cg23289615</t>
  </si>
  <si>
    <t>cg23319046</t>
  </si>
  <si>
    <t>cg23360087</t>
  </si>
  <si>
    <t>cg23388714</t>
  </si>
  <si>
    <t>cg23397993</t>
  </si>
  <si>
    <t>cg23434186</t>
  </si>
  <si>
    <t>cg23450399</t>
  </si>
  <si>
    <t>cg23453420</t>
  </si>
  <si>
    <t>cg23491124</t>
  </si>
  <si>
    <t>cg23528034</t>
  </si>
  <si>
    <t>cg23553867</t>
  </si>
  <si>
    <t>cg23559352</t>
  </si>
  <si>
    <t>cg23564700</t>
  </si>
  <si>
    <t>cg23602181</t>
  </si>
  <si>
    <t>cg23613305</t>
  </si>
  <si>
    <t>cg23699933</t>
  </si>
  <si>
    <t>cg23754772</t>
  </si>
  <si>
    <t>cg23757446</t>
  </si>
  <si>
    <t>cg23779103</t>
  </si>
  <si>
    <t>cg23782616</t>
  </si>
  <si>
    <t>cg23841467</t>
  </si>
  <si>
    <t>cg23847381</t>
  </si>
  <si>
    <t>cg23862978</t>
  </si>
  <si>
    <t>cg23882285</t>
  </si>
  <si>
    <t>cg23883696</t>
  </si>
  <si>
    <t>cg23889440</t>
  </si>
  <si>
    <t>cg23894768</t>
  </si>
  <si>
    <t>cg23918507</t>
  </si>
  <si>
    <t>cg23954489</t>
  </si>
  <si>
    <t>cg23956068</t>
  </si>
  <si>
    <t>cg23983671</t>
  </si>
  <si>
    <t>cg24011228</t>
  </si>
  <si>
    <t>cg24106536</t>
  </si>
  <si>
    <t>cg24107979</t>
  </si>
  <si>
    <t>cg24131595</t>
  </si>
  <si>
    <t>cg24140841</t>
  </si>
  <si>
    <t>cg24157651</t>
  </si>
  <si>
    <t>cg24182998</t>
  </si>
  <si>
    <t>cg24202131</t>
  </si>
  <si>
    <t>cg24212262</t>
  </si>
  <si>
    <t>cg24213719</t>
  </si>
  <si>
    <t>cg24218995</t>
  </si>
  <si>
    <t>cg24275769</t>
  </si>
  <si>
    <t>cg24276681</t>
  </si>
  <si>
    <t>cg24277715</t>
  </si>
  <si>
    <t>cg24287438</t>
  </si>
  <si>
    <t>cg24304618</t>
  </si>
  <si>
    <t>cg24362812</t>
  </si>
  <si>
    <t>cg24391240</t>
  </si>
  <si>
    <t>cg24404630</t>
  </si>
  <si>
    <t>cg24411723</t>
  </si>
  <si>
    <t>cg24438779</t>
  </si>
  <si>
    <t>cg24471328</t>
  </si>
  <si>
    <t>cg24496223</t>
  </si>
  <si>
    <t>cg24496481</t>
  </si>
  <si>
    <t>cg24498538</t>
  </si>
  <si>
    <t>cg24513433</t>
  </si>
  <si>
    <t>cg24525646</t>
  </si>
  <si>
    <t>cg24538512</t>
  </si>
  <si>
    <t>cg24682036</t>
  </si>
  <si>
    <t>cg24684816</t>
  </si>
  <si>
    <t>cg24704123</t>
  </si>
  <si>
    <t>cg24711626</t>
  </si>
  <si>
    <t>cg24732823</t>
  </si>
  <si>
    <t>cg24740531</t>
  </si>
  <si>
    <t>cg24752582</t>
  </si>
  <si>
    <t>cg24864576</t>
  </si>
  <si>
    <t>cg24879209</t>
  </si>
  <si>
    <t>cg24884543</t>
  </si>
  <si>
    <t>cg24921634</t>
  </si>
  <si>
    <t>cg24928995</t>
  </si>
  <si>
    <t>cg24943627</t>
  </si>
  <si>
    <t>cg24973298</t>
  </si>
  <si>
    <t>cg24983120</t>
  </si>
  <si>
    <t>cg25009504</t>
  </si>
  <si>
    <t>cg25015867</t>
  </si>
  <si>
    <t>cg25019564</t>
  </si>
  <si>
    <t>cg25063864</t>
  </si>
  <si>
    <t>cg25072949</t>
  </si>
  <si>
    <t>cg25075644</t>
  </si>
  <si>
    <t>cg25104716</t>
  </si>
  <si>
    <t>cg25105919</t>
  </si>
  <si>
    <t>cg25145459</t>
  </si>
  <si>
    <t>cg25174615</t>
  </si>
  <si>
    <t>cg25212146</t>
  </si>
  <si>
    <t>cg25260683</t>
  </si>
  <si>
    <t>cg25261764</t>
  </si>
  <si>
    <t>cg25279555</t>
  </si>
  <si>
    <t>cg25282009</t>
  </si>
  <si>
    <t>cg25284710</t>
  </si>
  <si>
    <t>cg25285904</t>
  </si>
  <si>
    <t>cg25291907</t>
  </si>
  <si>
    <t>cg25292698</t>
  </si>
  <si>
    <t>cg25308662</t>
  </si>
  <si>
    <t>cg25332265</t>
  </si>
  <si>
    <t>cg25356164</t>
  </si>
  <si>
    <t>cg25381711</t>
  </si>
  <si>
    <t>cg25400229</t>
  </si>
  <si>
    <t>cg25410117</t>
  </si>
  <si>
    <t>cg25416153</t>
  </si>
  <si>
    <t>cg25500642</t>
  </si>
  <si>
    <t>cg25501902</t>
  </si>
  <si>
    <t>cg25547580</t>
  </si>
  <si>
    <t>cg25551661</t>
  </si>
  <si>
    <t>cg25582295</t>
  </si>
  <si>
    <t>cg25594119</t>
  </si>
  <si>
    <t>cg25595641</t>
  </si>
  <si>
    <t>cg25615024</t>
  </si>
  <si>
    <t>cg25615585</t>
  </si>
  <si>
    <t>cg25678532</t>
  </si>
  <si>
    <t>cg25680245</t>
  </si>
  <si>
    <t>cg25682559</t>
  </si>
  <si>
    <t>cg25691825</t>
  </si>
  <si>
    <t>cg25693302</t>
  </si>
  <si>
    <t>cg25698978</t>
  </si>
  <si>
    <t>cg25705486</t>
  </si>
  <si>
    <t>cg25743490</t>
  </si>
  <si>
    <t>cg25767345</t>
  </si>
  <si>
    <t>cg25768756</t>
  </si>
  <si>
    <t>cg25769020</t>
  </si>
  <si>
    <t>cg25770397</t>
  </si>
  <si>
    <t>cg25772559</t>
  </si>
  <si>
    <t>cg25778220</t>
  </si>
  <si>
    <t>cg25789679</t>
  </si>
  <si>
    <t>cg25824760</t>
  </si>
  <si>
    <t>cg25846285</t>
  </si>
  <si>
    <t>cg25881719</t>
  </si>
  <si>
    <t>cg25887236</t>
  </si>
  <si>
    <t>cg25890679</t>
  </si>
  <si>
    <t>cg25893004</t>
  </si>
  <si>
    <t>cg25916505</t>
  </si>
  <si>
    <t>cg25925582</t>
  </si>
  <si>
    <t>cg25943372</t>
  </si>
  <si>
    <t>cg25951288</t>
  </si>
  <si>
    <t>cg25958283</t>
  </si>
  <si>
    <t>cg25964954</t>
  </si>
  <si>
    <t>cg25983589</t>
  </si>
  <si>
    <t>cg25995825</t>
  </si>
  <si>
    <t>cg26000693</t>
  </si>
  <si>
    <t>cg26043149</t>
  </si>
  <si>
    <t>cg26070636</t>
  </si>
  <si>
    <t>cg26100137</t>
  </si>
  <si>
    <t>cg26102748</t>
  </si>
  <si>
    <t>cg26170805</t>
  </si>
  <si>
    <t>cg26177316</t>
  </si>
  <si>
    <t>cg26198107</t>
  </si>
  <si>
    <t>cg26203055</t>
  </si>
  <si>
    <t>cg26230516</t>
  </si>
  <si>
    <t>cg26277730</t>
  </si>
  <si>
    <t>cg26298979</t>
  </si>
  <si>
    <t>cg26302103</t>
  </si>
  <si>
    <t>cg26306636</t>
  </si>
  <si>
    <t>cg26378453</t>
  </si>
  <si>
    <t>cg26383001</t>
  </si>
  <si>
    <t>cg26383870</t>
  </si>
  <si>
    <t>cg26417871</t>
  </si>
  <si>
    <t>cg26444623</t>
  </si>
  <si>
    <t>cg26454730</t>
  </si>
  <si>
    <t>cg26460471</t>
  </si>
  <si>
    <t>cg26514337</t>
  </si>
  <si>
    <t>cg26552784</t>
  </si>
  <si>
    <t>cg26557404</t>
  </si>
  <si>
    <t>cg26560656</t>
  </si>
  <si>
    <t>cg26598649</t>
  </si>
  <si>
    <t>cg26610812</t>
  </si>
  <si>
    <t>cg26626598</t>
  </si>
  <si>
    <t>cg26627665</t>
  </si>
  <si>
    <t>cg26710686</t>
  </si>
  <si>
    <t>cg26721264</t>
  </si>
  <si>
    <t>cg26725274</t>
  </si>
  <si>
    <t>cg26774079</t>
  </si>
  <si>
    <t>cg26820220</t>
  </si>
  <si>
    <t>cg26840726</t>
  </si>
  <si>
    <t>cg26861703</t>
  </si>
  <si>
    <t>cg26875867</t>
  </si>
  <si>
    <t>cg26888493</t>
  </si>
  <si>
    <t>cg26938597</t>
  </si>
  <si>
    <t>cg26973045</t>
  </si>
  <si>
    <t>cg26993965</t>
  </si>
  <si>
    <t>cg27019126</t>
  </si>
  <si>
    <t>cg27051931</t>
  </si>
  <si>
    <t>cg27060699</t>
  </si>
  <si>
    <t>cg27062159</t>
  </si>
  <si>
    <t>cg27079446</t>
  </si>
  <si>
    <t>cg27092705</t>
  </si>
  <si>
    <t>cg27100149</t>
  </si>
  <si>
    <t>cg27107110</t>
  </si>
  <si>
    <t>cg27109614</t>
  </si>
  <si>
    <t>cg27112102</t>
  </si>
  <si>
    <t>cg27113059</t>
  </si>
  <si>
    <t>cg27114094</t>
  </si>
  <si>
    <t>cg27128322</t>
  </si>
  <si>
    <t>cg27180880</t>
  </si>
  <si>
    <t>cg27189087</t>
  </si>
  <si>
    <t>cg27240008</t>
  </si>
  <si>
    <t>cg27275115</t>
  </si>
  <si>
    <t>cg27278787</t>
  </si>
  <si>
    <t>cg27329548</t>
  </si>
  <si>
    <t>cg27332026</t>
  </si>
  <si>
    <t>cg27347932</t>
  </si>
  <si>
    <t>cg27359501</t>
  </si>
  <si>
    <t>cg27385734</t>
  </si>
  <si>
    <t>cg27392024</t>
  </si>
  <si>
    <t>cg27445005</t>
  </si>
  <si>
    <t>cg27446047</t>
  </si>
  <si>
    <t>cg27449777</t>
  </si>
  <si>
    <t>cg27553564</t>
  </si>
  <si>
    <t>cg27577023</t>
  </si>
  <si>
    <t>cg27592410</t>
  </si>
  <si>
    <t>cg27593384</t>
  </si>
  <si>
    <t>cg27613357</t>
  </si>
  <si>
    <t>cg27641522</t>
  </si>
  <si>
    <t>cg27648075</t>
  </si>
  <si>
    <t>cg00001510</t>
  </si>
  <si>
    <t>cg00002033</t>
  </si>
  <si>
    <t>cg00017441</t>
  </si>
  <si>
    <t>cg00021945</t>
  </si>
  <si>
    <t>cg00024280</t>
  </si>
  <si>
    <t>cg00031663</t>
  </si>
  <si>
    <t>cg00033371</t>
  </si>
  <si>
    <t>cg00038584</t>
  </si>
  <si>
    <t>cg00038736</t>
  </si>
  <si>
    <t>cg00136192</t>
  </si>
  <si>
    <t>cg00275232</t>
  </si>
  <si>
    <t>cg00308133</t>
  </si>
  <si>
    <t>cg00311654</t>
  </si>
  <si>
    <t>cg00338229</t>
  </si>
  <si>
    <t>cg00342532</t>
  </si>
  <si>
    <t>cg00345621</t>
  </si>
  <si>
    <t>cg00353411</t>
  </si>
  <si>
    <t>cg00355678</t>
  </si>
  <si>
    <t>cg00356811</t>
  </si>
  <si>
    <t>cg00357593</t>
  </si>
  <si>
    <t>cg00358695</t>
  </si>
  <si>
    <t>cg00366837</t>
  </si>
  <si>
    <t>cg00369438</t>
  </si>
  <si>
    <t>cg00371453</t>
  </si>
  <si>
    <t>cg00378510</t>
  </si>
  <si>
    <t>cg00379720</t>
  </si>
  <si>
    <t>cg00380835</t>
  </si>
  <si>
    <t>cg00381697</t>
  </si>
  <si>
    <t>cg00383598</t>
  </si>
  <si>
    <t>cg00384577</t>
  </si>
  <si>
    <t>cg00389176</t>
  </si>
  <si>
    <t>cg00394214</t>
  </si>
  <si>
    <t>cg00395140</t>
  </si>
  <si>
    <t>cg00395795</t>
  </si>
  <si>
    <t>cg00405152</t>
  </si>
  <si>
    <t>cg00405356</t>
  </si>
  <si>
    <t>cg00406796</t>
  </si>
  <si>
    <t>cg00411741</t>
  </si>
  <si>
    <t>cg00412239</t>
  </si>
  <si>
    <t>cg00422248</t>
  </si>
  <si>
    <t>cg00422699</t>
  </si>
  <si>
    <t>cg00424677</t>
  </si>
  <si>
    <t>cg00428193</t>
  </si>
  <si>
    <t>cg00429081</t>
  </si>
  <si>
    <t>cg00429497</t>
  </si>
  <si>
    <t>cg00433917</t>
  </si>
  <si>
    <t>cg00434573</t>
  </si>
  <si>
    <t>cg00437311</t>
  </si>
  <si>
    <t>cg00441754</t>
  </si>
  <si>
    <t>cg00446966</t>
  </si>
  <si>
    <t>cg00449767</t>
  </si>
  <si>
    <t>cg00466364</t>
  </si>
  <si>
    <t>cg00469630</t>
  </si>
  <si>
    <t>cg00474840</t>
  </si>
  <si>
    <t>cg00475161</t>
  </si>
  <si>
    <t>cg00475310</t>
  </si>
  <si>
    <t>cg00479463</t>
  </si>
  <si>
    <t>cg00479908</t>
  </si>
  <si>
    <t>cg00487727</t>
  </si>
  <si>
    <t>cg00487737</t>
  </si>
  <si>
    <t>cg00487780</t>
  </si>
  <si>
    <t>cg00496805</t>
  </si>
  <si>
    <t>cg00496914</t>
  </si>
  <si>
    <t>cg00498024</t>
  </si>
  <si>
    <t>cg00501787</t>
  </si>
  <si>
    <t>cg00502241</t>
  </si>
  <si>
    <t>cg00502555</t>
  </si>
  <si>
    <t>cg00503539</t>
  </si>
  <si>
    <t>cg00507154</t>
  </si>
  <si>
    <t>cg00508563</t>
  </si>
  <si>
    <t>cg00509507</t>
  </si>
  <si>
    <t>cg00510025</t>
  </si>
  <si>
    <t>cg00512622</t>
  </si>
  <si>
    <t>cg00513060</t>
  </si>
  <si>
    <t>cg00513941</t>
  </si>
  <si>
    <t>cg00515457</t>
  </si>
  <si>
    <t>cg00518029</t>
  </si>
  <si>
    <t>cg00519346</t>
  </si>
  <si>
    <t>cg00520717</t>
  </si>
  <si>
    <t>cg00522555</t>
  </si>
  <si>
    <t>cg00523012</t>
  </si>
  <si>
    <t>cg00524108</t>
  </si>
  <si>
    <t>cg00538604</t>
  </si>
  <si>
    <t>cg00544901</t>
  </si>
  <si>
    <t>cg00545804</t>
  </si>
  <si>
    <t>cg00547077</t>
  </si>
  <si>
    <t>cg00550498</t>
  </si>
  <si>
    <t>cg00553487</t>
  </si>
  <si>
    <t>cg00558053</t>
  </si>
  <si>
    <t>cg00558215</t>
  </si>
  <si>
    <t>cg00562265</t>
  </si>
  <si>
    <t>cg00564598</t>
  </si>
  <si>
    <t>cg00565070</t>
  </si>
  <si>
    <t>cg00565991</t>
  </si>
  <si>
    <t>cg00575088</t>
  </si>
  <si>
    <t>cg00578154</t>
  </si>
  <si>
    <t>cg00578719</t>
  </si>
  <si>
    <t>cg00588262</t>
  </si>
  <si>
    <t>cg00588756</t>
  </si>
  <si>
    <t>cg00590063</t>
  </si>
  <si>
    <t>cg00590639</t>
  </si>
  <si>
    <t>cg00591868</t>
  </si>
  <si>
    <t>cg00593900</t>
  </si>
  <si>
    <t>cg00595030</t>
  </si>
  <si>
    <t>cg00598747</t>
  </si>
  <si>
    <t>cg00642306</t>
  </si>
  <si>
    <t>cg00674365</t>
  </si>
  <si>
    <t>cg00698688</t>
  </si>
  <si>
    <t>cg00701992</t>
  </si>
  <si>
    <t>cg00703849</t>
  </si>
  <si>
    <t>cg00704626</t>
  </si>
  <si>
    <t>cg00706019</t>
  </si>
  <si>
    <t>cg00708258</t>
  </si>
  <si>
    <t>cg00711496</t>
  </si>
  <si>
    <t>cg00711596</t>
  </si>
  <si>
    <t>cg00711628</t>
  </si>
  <si>
    <t>cg00713223</t>
  </si>
  <si>
    <t>cg00721207</t>
  </si>
  <si>
    <t>cg00723019</t>
  </si>
  <si>
    <t>cg00724774</t>
  </si>
  <si>
    <t>cg00730023</t>
  </si>
  <si>
    <t>cg00734895</t>
  </si>
  <si>
    <t>cg00734970</t>
  </si>
  <si>
    <t>cg00736283</t>
  </si>
  <si>
    <t>cg00737344</t>
  </si>
  <si>
    <t>cg00740020</t>
  </si>
  <si>
    <t>cg00740822</t>
  </si>
  <si>
    <t>cg00746693</t>
  </si>
  <si>
    <t>cg00747647</t>
  </si>
  <si>
    <t>cg00757182</t>
  </si>
  <si>
    <t>cg00759295</t>
  </si>
  <si>
    <t>cg00762326</t>
  </si>
  <si>
    <t>cg00767042</t>
  </si>
  <si>
    <t>cg00771642</t>
  </si>
  <si>
    <t>cg00772840</t>
  </si>
  <si>
    <t>cg00773902</t>
  </si>
  <si>
    <t>cg00793543</t>
  </si>
  <si>
    <t>cg00796360</t>
  </si>
  <si>
    <t>cg00803419</t>
  </si>
  <si>
    <t>cg00804031</t>
  </si>
  <si>
    <t>cg00806126</t>
  </si>
  <si>
    <t>cg00810187</t>
  </si>
  <si>
    <t>cg00810316</t>
  </si>
  <si>
    <t>cg00810914</t>
  </si>
  <si>
    <t>cg00811961</t>
  </si>
  <si>
    <t>cg00812921</t>
  </si>
  <si>
    <t>cg00813540</t>
  </si>
  <si>
    <t>cg00816880</t>
  </si>
  <si>
    <t>cg00819163</t>
  </si>
  <si>
    <t>cg00824880</t>
  </si>
  <si>
    <t>cg00827581</t>
  </si>
  <si>
    <t>cg00838399</t>
  </si>
  <si>
    <t>cg00839675</t>
  </si>
  <si>
    <t>cg00841452</t>
  </si>
  <si>
    <t>cg00842231</t>
  </si>
  <si>
    <t>cg00842534</t>
  </si>
  <si>
    <t>cg00843623</t>
  </si>
  <si>
    <t>cg00843912</t>
  </si>
  <si>
    <t>cg00844600</t>
  </si>
  <si>
    <t>cg00849435</t>
  </si>
  <si>
    <t>cg00850501</t>
  </si>
  <si>
    <t>cg00853445</t>
  </si>
  <si>
    <t>cg00855626</t>
  </si>
  <si>
    <t>cg00861411</t>
  </si>
  <si>
    <t>cg00865724</t>
  </si>
  <si>
    <t>cg00868383</t>
  </si>
  <si>
    <t>cg00869285</t>
  </si>
  <si>
    <t>cg00869989</t>
  </si>
  <si>
    <t>cg00871381</t>
  </si>
  <si>
    <t>cg00876541</t>
  </si>
  <si>
    <t>cg00876704</t>
  </si>
  <si>
    <t>cg00878516</t>
  </si>
  <si>
    <t>cg00879497</t>
  </si>
  <si>
    <t>cg00879606</t>
  </si>
  <si>
    <t>cg00880290</t>
  </si>
  <si>
    <t>cg00911192</t>
  </si>
  <si>
    <t>cg00942551</t>
  </si>
  <si>
    <t>cg00979628</t>
  </si>
  <si>
    <t>cg00990635</t>
  </si>
  <si>
    <t>cg00992298</t>
  </si>
  <si>
    <t>cg00994644</t>
  </si>
  <si>
    <t>cg00994936</t>
  </si>
  <si>
    <t>cg00995911</t>
  </si>
  <si>
    <t>cg00998146</t>
  </si>
  <si>
    <t>cg01000657</t>
  </si>
  <si>
    <t>cg01001924</t>
  </si>
  <si>
    <t>cg01010868</t>
  </si>
  <si>
    <t>cg01011910</t>
  </si>
  <si>
    <t>cg01012280</t>
  </si>
  <si>
    <t>cg01015090</t>
  </si>
  <si>
    <t>cg01017355</t>
  </si>
  <si>
    <t>cg01018726</t>
  </si>
  <si>
    <t>cg01021045</t>
  </si>
  <si>
    <t>cg01023751</t>
  </si>
  <si>
    <t>cg01035107</t>
  </si>
  <si>
    <t>cg01035190</t>
  </si>
  <si>
    <t>cg01037673</t>
  </si>
  <si>
    <t>cg01039355</t>
  </si>
  <si>
    <t>cg01044608</t>
  </si>
  <si>
    <t>cg01044695</t>
  </si>
  <si>
    <t>cg01048962</t>
  </si>
  <si>
    <t>cg01050704</t>
  </si>
  <si>
    <t>cg01057656</t>
  </si>
  <si>
    <t>cg01065748</t>
  </si>
  <si>
    <t>cg01065977</t>
  </si>
  <si>
    <t>cg01068412</t>
  </si>
  <si>
    <t>cg01069170</t>
  </si>
  <si>
    <t>cg01073369</t>
  </si>
  <si>
    <t>cg01077808</t>
  </si>
  <si>
    <t>cg01078271</t>
  </si>
  <si>
    <t>cg01078627</t>
  </si>
  <si>
    <t>cg01083584</t>
  </si>
  <si>
    <t>cg01085362</t>
  </si>
  <si>
    <t>cg01086369</t>
  </si>
  <si>
    <t>cg01092531</t>
  </si>
  <si>
    <t>cg01094684</t>
  </si>
  <si>
    <t>cg01096752</t>
  </si>
  <si>
    <t>cg01097964</t>
  </si>
  <si>
    <t>cg01098142</t>
  </si>
  <si>
    <t>cg01102013</t>
  </si>
  <si>
    <t>cg01219129</t>
  </si>
  <si>
    <t>cg01221623</t>
  </si>
  <si>
    <t>cg01232410</t>
  </si>
  <si>
    <t>cg01263386</t>
  </si>
  <si>
    <t>cg01263877</t>
  </si>
  <si>
    <t>cg01264379</t>
  </si>
  <si>
    <t>cg01268683</t>
  </si>
  <si>
    <t>cg01272058</t>
  </si>
  <si>
    <t>cg01273580</t>
  </si>
  <si>
    <t>cg01276128</t>
  </si>
  <si>
    <t>cg01284702</t>
  </si>
  <si>
    <t>cg01287132</t>
  </si>
  <si>
    <t>cg01291544</t>
  </si>
  <si>
    <t>cg01297721</t>
  </si>
  <si>
    <t>cg01297744</t>
  </si>
  <si>
    <t>cg01300405</t>
  </si>
  <si>
    <t>cg01306005</t>
  </si>
  <si>
    <t>cg01307007</t>
  </si>
  <si>
    <t>cg01308806</t>
  </si>
  <si>
    <t>cg01308827</t>
  </si>
  <si>
    <t>cg01316047</t>
  </si>
  <si>
    <t>cg01316535</t>
  </si>
  <si>
    <t>cg01325460</t>
  </si>
  <si>
    <t>cg01329093</t>
  </si>
  <si>
    <t>cg01331105</t>
  </si>
  <si>
    <t>cg01332181</t>
  </si>
  <si>
    <t>cg01380634</t>
  </si>
  <si>
    <t>cg01382281</t>
  </si>
  <si>
    <t>cg01395261</t>
  </si>
  <si>
    <t>cg01402698</t>
  </si>
  <si>
    <t>cg01403055</t>
  </si>
  <si>
    <t>cg01403305</t>
  </si>
  <si>
    <t>cg01403885</t>
  </si>
  <si>
    <t>cg01403948</t>
  </si>
  <si>
    <t>cg01410876</t>
  </si>
  <si>
    <t>cg01413268</t>
  </si>
  <si>
    <t>cg01416521</t>
  </si>
  <si>
    <t>cg01421963</t>
  </si>
  <si>
    <t>cg01427575</t>
  </si>
  <si>
    <t>cg01428589</t>
  </si>
  <si>
    <t>cg01436128</t>
  </si>
  <si>
    <t>cg01441114</t>
  </si>
  <si>
    <t>cg01447828</t>
  </si>
  <si>
    <t>cg01462053</t>
  </si>
  <si>
    <t>cg01467266</t>
  </si>
  <si>
    <t>cg01469284</t>
  </si>
  <si>
    <t>cg01483653</t>
  </si>
  <si>
    <t>cg01483824</t>
  </si>
  <si>
    <t>cg01485046</t>
  </si>
  <si>
    <t>cg01485266</t>
  </si>
  <si>
    <t>cg01485548</t>
  </si>
  <si>
    <t>cg01487433</t>
  </si>
  <si>
    <t>cg01493303</t>
  </si>
  <si>
    <t>cg01496199</t>
  </si>
  <si>
    <t>cg01498384</t>
  </si>
  <si>
    <t>cg01501819</t>
  </si>
  <si>
    <t>cg01505148</t>
  </si>
  <si>
    <t>cg01505690</t>
  </si>
  <si>
    <t>cg01507033</t>
  </si>
  <si>
    <t>cg01507128</t>
  </si>
  <si>
    <t>cg01508159</t>
  </si>
  <si>
    <t>cg01515516</t>
  </si>
  <si>
    <t>cg01516933</t>
  </si>
  <si>
    <t>cg01519158</t>
  </si>
  <si>
    <t>cg01519784</t>
  </si>
  <si>
    <t>cg01519877</t>
  </si>
  <si>
    <t>cg01528063</t>
  </si>
  <si>
    <t>cg01528762</t>
  </si>
  <si>
    <t>cg01531915</t>
  </si>
  <si>
    <t>cg01532713</t>
  </si>
  <si>
    <t>cg01534506</t>
  </si>
  <si>
    <t>cg01537471</t>
  </si>
  <si>
    <t>cg01537765</t>
  </si>
  <si>
    <t>cg01538066</t>
  </si>
  <si>
    <t>cg01542019</t>
  </si>
  <si>
    <t>cg01545223</t>
  </si>
  <si>
    <t>cg01555270</t>
  </si>
  <si>
    <t>cg01559787</t>
  </si>
  <si>
    <t>cg01559912</t>
  </si>
  <si>
    <t>cg01561108</t>
  </si>
  <si>
    <t>cg01562385</t>
  </si>
  <si>
    <t>cg01563558</t>
  </si>
  <si>
    <t>cg01565028</t>
  </si>
  <si>
    <t>cg01571625</t>
  </si>
  <si>
    <t>cg01573162</t>
  </si>
  <si>
    <t>cg01580888</t>
  </si>
  <si>
    <t>cg01586208</t>
  </si>
  <si>
    <t>cg01587190</t>
  </si>
  <si>
    <t>cg01587390</t>
  </si>
  <si>
    <t>cg01588546</t>
  </si>
  <si>
    <t>cg01588901</t>
  </si>
  <si>
    <t>cg01589153</t>
  </si>
  <si>
    <t>cg01589629</t>
  </si>
  <si>
    <t>cg01591881</t>
  </si>
  <si>
    <t>cg01592198</t>
  </si>
  <si>
    <t>cg01592530</t>
  </si>
  <si>
    <t>cg01595484</t>
  </si>
  <si>
    <t>cg01597066</t>
  </si>
  <si>
    <t>cg01597604</t>
  </si>
  <si>
    <t>cg01599094</t>
  </si>
  <si>
    <t>cg01600621</t>
  </si>
  <si>
    <t>cg01601746</t>
  </si>
  <si>
    <t>cg01602621</t>
  </si>
  <si>
    <t>cg01608315</t>
  </si>
  <si>
    <t>cg01610602</t>
  </si>
  <si>
    <t>cg01615850</t>
  </si>
  <si>
    <t>cg01620580</t>
  </si>
  <si>
    <t>cg01631375</t>
  </si>
  <si>
    <t>cg01632288</t>
  </si>
  <si>
    <t>cg01642183</t>
  </si>
  <si>
    <t>cg01642564</t>
  </si>
  <si>
    <t>cg01648131</t>
  </si>
  <si>
    <t>cg01686044</t>
  </si>
  <si>
    <t>cg01755369</t>
  </si>
  <si>
    <t>cg01857594</t>
  </si>
  <si>
    <t>cg01859739</t>
  </si>
  <si>
    <t>cg01860947</t>
  </si>
  <si>
    <t>cg01863319</t>
  </si>
  <si>
    <t>cg01869405</t>
  </si>
  <si>
    <t>cg01879534</t>
  </si>
  <si>
    <t>cg01970519</t>
  </si>
  <si>
    <t>cg01977762</t>
  </si>
  <si>
    <t>cg01980562</t>
  </si>
  <si>
    <t>cg01985054</t>
  </si>
  <si>
    <t>cg01996497</t>
  </si>
  <si>
    <t>cg01997529</t>
  </si>
  <si>
    <t>cg02001279</t>
  </si>
  <si>
    <t>cg02005505</t>
  </si>
  <si>
    <t>cg02005847</t>
  </si>
  <si>
    <t>cg02007638</t>
  </si>
  <si>
    <t>cg02008951</t>
  </si>
  <si>
    <t>cg02010738</t>
  </si>
  <si>
    <t>cg02010868</t>
  </si>
  <si>
    <t>cg02010894</t>
  </si>
  <si>
    <t>cg02011446</t>
  </si>
  <si>
    <t>cg02018121</t>
  </si>
  <si>
    <t>cg02020019</t>
  </si>
  <si>
    <t>cg02026160</t>
  </si>
  <si>
    <t>cg02026306</t>
  </si>
  <si>
    <t>cg02035330</t>
  </si>
  <si>
    <t>cg02085507</t>
  </si>
  <si>
    <t>cg02128655</t>
  </si>
  <si>
    <t>cg02144298</t>
  </si>
  <si>
    <t>cg02197293</t>
  </si>
  <si>
    <t>cg02239082</t>
  </si>
  <si>
    <t>cg02255098</t>
  </si>
  <si>
    <t>cg02257300</t>
  </si>
  <si>
    <t>cg02259934</t>
  </si>
  <si>
    <t>cg02261780</t>
  </si>
  <si>
    <t>cg02262775</t>
  </si>
  <si>
    <t>cg02267698</t>
  </si>
  <si>
    <t>cg02279127</t>
  </si>
  <si>
    <t>cg02281038</t>
  </si>
  <si>
    <t>cg02285278</t>
  </si>
  <si>
    <t>cg02288564</t>
  </si>
  <si>
    <t>cg02289741</t>
  </si>
  <si>
    <t>cg02290823</t>
  </si>
  <si>
    <t>cg02294312</t>
  </si>
  <si>
    <t>cg02296807</t>
  </si>
  <si>
    <t>cg02298523</t>
  </si>
  <si>
    <t>cg02301978</t>
  </si>
  <si>
    <t>cg02305149</t>
  </si>
  <si>
    <t>cg02306127</t>
  </si>
  <si>
    <t>cg02306730</t>
  </si>
  <si>
    <t>cg02307130</t>
  </si>
  <si>
    <t>cg02307165</t>
  </si>
  <si>
    <t>cg02308560</t>
  </si>
  <si>
    <t>cg02316216</t>
  </si>
  <si>
    <t>cg02319549</t>
  </si>
  <si>
    <t>cg02322048</t>
  </si>
  <si>
    <t>cg02344868</t>
  </si>
  <si>
    <t>cg02348347</t>
  </si>
  <si>
    <t>cg02349096</t>
  </si>
  <si>
    <t>cg02349638</t>
  </si>
  <si>
    <t>cg02349739</t>
  </si>
  <si>
    <t>cg02356872</t>
  </si>
  <si>
    <t>cg02359186</t>
  </si>
  <si>
    <t>cg02360514</t>
  </si>
  <si>
    <t>cg02362385</t>
  </si>
  <si>
    <t>cg02364038</t>
  </si>
  <si>
    <t>cg02364276</t>
  </si>
  <si>
    <t>cg02366228</t>
  </si>
  <si>
    <t>cg02368428</t>
  </si>
  <si>
    <t>cg02369015</t>
  </si>
  <si>
    <t>cg02371040</t>
  </si>
  <si>
    <t>cg02372201</t>
  </si>
  <si>
    <t>cg02372889</t>
  </si>
  <si>
    <t>cg02384543</t>
  </si>
  <si>
    <t>cg02389270</t>
  </si>
  <si>
    <t>cg02392025</t>
  </si>
  <si>
    <t>cg02393114</t>
  </si>
  <si>
    <t>cg02393535</t>
  </si>
  <si>
    <t>cg02394686</t>
  </si>
  <si>
    <t>cg02395245</t>
  </si>
  <si>
    <t>cg02395768</t>
  </si>
  <si>
    <t>cg02399469</t>
  </si>
  <si>
    <t>cg02400238</t>
  </si>
  <si>
    <t>cg02401399</t>
  </si>
  <si>
    <t>cg02418055</t>
  </si>
  <si>
    <t>cg02422689</t>
  </si>
  <si>
    <t>cg02427230</t>
  </si>
  <si>
    <t>cg02428100</t>
  </si>
  <si>
    <t>cg02429669</t>
  </si>
  <si>
    <t>cg02430562</t>
  </si>
  <si>
    <t>cg02432888</t>
  </si>
  <si>
    <t>cg02438054</t>
  </si>
  <si>
    <t>cg02439053</t>
  </si>
  <si>
    <t>cg02440947</t>
  </si>
  <si>
    <t>cg02442496</t>
  </si>
  <si>
    <t>cg02446106</t>
  </si>
  <si>
    <t>cg02446487</t>
  </si>
  <si>
    <t>cg02452966</t>
  </si>
  <si>
    <t>cg02453828</t>
  </si>
  <si>
    <t>cg02455501</t>
  </si>
  <si>
    <t>cg02455703</t>
  </si>
  <si>
    <t>cg02457644</t>
  </si>
  <si>
    <t>cg02458065</t>
  </si>
  <si>
    <t>cg02464563</t>
  </si>
  <si>
    <t>cg02473103</t>
  </si>
  <si>
    <t>cg02473540</t>
  </si>
  <si>
    <t>cg02474799</t>
  </si>
  <si>
    <t>cg02475871</t>
  </si>
  <si>
    <t>cg02478023</t>
  </si>
  <si>
    <t>cg02478247</t>
  </si>
  <si>
    <t>cg02479575</t>
  </si>
  <si>
    <t>cg02479949</t>
  </si>
  <si>
    <t>cg02480840</t>
  </si>
  <si>
    <t>cg02484774</t>
  </si>
  <si>
    <t>cg02495971</t>
  </si>
  <si>
    <t>cg02571816</t>
  </si>
  <si>
    <t>cg02572755</t>
  </si>
  <si>
    <t>cg02576468</t>
  </si>
  <si>
    <t>cg02577963</t>
  </si>
  <si>
    <t>cg02578673</t>
  </si>
  <si>
    <t>cg02584867</t>
  </si>
  <si>
    <t>cg02587685</t>
  </si>
  <si>
    <t>cg02591871</t>
  </si>
  <si>
    <t>cg02592062</t>
  </si>
  <si>
    <t>cg02593082</t>
  </si>
  <si>
    <t>cg02595575</t>
  </si>
  <si>
    <t>cg02595770</t>
  </si>
  <si>
    <t>cg02604121</t>
  </si>
  <si>
    <t>cg02605370</t>
  </si>
  <si>
    <t>cg02608596</t>
  </si>
  <si>
    <t>cg02611618</t>
  </si>
  <si>
    <t>cg02612712</t>
  </si>
  <si>
    <t>cg02617655</t>
  </si>
  <si>
    <t>cg02624855</t>
  </si>
  <si>
    <t>cg02631082</t>
  </si>
  <si>
    <t>cg02637078</t>
  </si>
  <si>
    <t>cg02637086</t>
  </si>
  <si>
    <t>cg02644301</t>
  </si>
  <si>
    <t>cg02660440</t>
  </si>
  <si>
    <t>cg02660823</t>
  </si>
  <si>
    <t>cg02665744</t>
  </si>
  <si>
    <t>cg02668248</t>
  </si>
  <si>
    <t>cg02669964</t>
  </si>
  <si>
    <t>cg02671671</t>
  </si>
  <si>
    <t>cg02674126</t>
  </si>
  <si>
    <t>cg02674562</t>
  </si>
  <si>
    <t>cg02675646</t>
  </si>
  <si>
    <t>cg02683314</t>
  </si>
  <si>
    <t>cg02690316</t>
  </si>
  <si>
    <t>cg02691685</t>
  </si>
  <si>
    <t>cg02694017</t>
  </si>
  <si>
    <t>cg02695467</t>
  </si>
  <si>
    <t>cg02699829</t>
  </si>
  <si>
    <t>cg02700369</t>
  </si>
  <si>
    <t>cg02704345</t>
  </si>
  <si>
    <t>cg02707552</t>
  </si>
  <si>
    <t>cg02715602</t>
  </si>
  <si>
    <t>cg02718654</t>
  </si>
  <si>
    <t>cg02720697</t>
  </si>
  <si>
    <t>cg02725885</t>
  </si>
  <si>
    <t>cg02727444</t>
  </si>
  <si>
    <t>cg02758612</t>
  </si>
  <si>
    <t>cg02761523</t>
  </si>
  <si>
    <t>cg02763101</t>
  </si>
  <si>
    <t>cg02768013</t>
  </si>
  <si>
    <t>cg02770751</t>
  </si>
  <si>
    <t>cg02774542</t>
  </si>
  <si>
    <t>cg02774856</t>
  </si>
  <si>
    <t>cg02775417</t>
  </si>
  <si>
    <t>cg02776035</t>
  </si>
  <si>
    <t>cg02776177</t>
  </si>
  <si>
    <t>cg02776314</t>
  </si>
  <si>
    <t>cg02776867</t>
  </si>
  <si>
    <t>cg02782369</t>
  </si>
  <si>
    <t>cg02783799</t>
  </si>
  <si>
    <t>cg02784823</t>
  </si>
  <si>
    <t>cg02792140</t>
  </si>
  <si>
    <t>cg02792521</t>
  </si>
  <si>
    <t>cg02793099</t>
  </si>
  <si>
    <t>cg02795700</t>
  </si>
  <si>
    <t>cg02798280</t>
  </si>
  <si>
    <t>cg02798295</t>
  </si>
  <si>
    <t>cg02799478</t>
  </si>
  <si>
    <t>cg02801453</t>
  </si>
  <si>
    <t>cg02801772</t>
  </si>
  <si>
    <t>cg02809199</t>
  </si>
  <si>
    <t>cg02810156</t>
  </si>
  <si>
    <t>cg02812809</t>
  </si>
  <si>
    <t>cg02813298</t>
  </si>
  <si>
    <t>cg02816363</t>
  </si>
  <si>
    <t>cg02817839</t>
  </si>
  <si>
    <t>cg02817925</t>
  </si>
  <si>
    <t>cg02820072</t>
  </si>
  <si>
    <t>cg02820958</t>
  </si>
  <si>
    <t>cg02822381</t>
  </si>
  <si>
    <t>cg02824295</t>
  </si>
  <si>
    <t>cg02825211</t>
  </si>
  <si>
    <t>cg02827075</t>
  </si>
  <si>
    <t>cg02828054</t>
  </si>
  <si>
    <t>cg02834497</t>
  </si>
  <si>
    <t>cg02835423</t>
  </si>
  <si>
    <t>cg02837111</t>
  </si>
  <si>
    <t>cg02839306</t>
  </si>
  <si>
    <t>cg02839544</t>
  </si>
  <si>
    <t>cg02842104</t>
  </si>
  <si>
    <t>cg02842850</t>
  </si>
  <si>
    <t>cg02849924</t>
  </si>
  <si>
    <t>cg02854695</t>
  </si>
  <si>
    <t>cg02863073</t>
  </si>
  <si>
    <t>cg02871028</t>
  </si>
  <si>
    <t>cg02873868</t>
  </si>
  <si>
    <t>cg02874942</t>
  </si>
  <si>
    <t>cg02875130</t>
  </si>
  <si>
    <t>cg02876066</t>
  </si>
  <si>
    <t>cg02876237</t>
  </si>
  <si>
    <t>cg02878907</t>
  </si>
  <si>
    <t>cg02879662</t>
  </si>
  <si>
    <t>cg02884588</t>
  </si>
  <si>
    <t>cg02899346</t>
  </si>
  <si>
    <t>cg02905964</t>
  </si>
  <si>
    <t>cg02912127</t>
  </si>
  <si>
    <t>cg02912187</t>
  </si>
  <si>
    <t>cg02918253</t>
  </si>
  <si>
    <t>cg02919615</t>
  </si>
  <si>
    <t>cg02928052</t>
  </si>
  <si>
    <t>cg02928664</t>
  </si>
  <si>
    <t>cg02930615</t>
  </si>
  <si>
    <t>cg02930664</t>
  </si>
  <si>
    <t>cg02933881</t>
  </si>
  <si>
    <t>cg02935627</t>
  </si>
  <si>
    <t>cg02936752</t>
  </si>
  <si>
    <t>cg02946248</t>
  </si>
  <si>
    <t>cg02951558</t>
  </si>
  <si>
    <t>cg02952396</t>
  </si>
  <si>
    <t>cg02952625</t>
  </si>
  <si>
    <t>cg02955050</t>
  </si>
  <si>
    <t>cg02961385</t>
  </si>
  <si>
    <t>cg02961707</t>
  </si>
  <si>
    <t>cg02962892</t>
  </si>
  <si>
    <t>cg02966153</t>
  </si>
  <si>
    <t>cg02967595</t>
  </si>
  <si>
    <t>cg02971481</t>
  </si>
  <si>
    <t>cg02977761</t>
  </si>
  <si>
    <t>cg02978959</t>
  </si>
  <si>
    <t>cg02984314</t>
  </si>
  <si>
    <t>cg02986494</t>
  </si>
  <si>
    <t>cg02987130</t>
  </si>
  <si>
    <t>cg02987853</t>
  </si>
  <si>
    <t>cg02991799</t>
  </si>
  <si>
    <t>cg02993991</t>
  </si>
  <si>
    <t>cg02996471</t>
  </si>
  <si>
    <t>cg02997868</t>
  </si>
  <si>
    <t>cg02999013</t>
  </si>
  <si>
    <t>cg03000603</t>
  </si>
  <si>
    <t>cg03001901</t>
  </si>
  <si>
    <t>cg03002695</t>
  </si>
  <si>
    <t>cg03004350</t>
  </si>
  <si>
    <t>cg03008525</t>
  </si>
  <si>
    <t>cg03009240</t>
  </si>
  <si>
    <t>cg03014882</t>
  </si>
  <si>
    <t>cg03016975</t>
  </si>
  <si>
    <t>cg03031726</t>
  </si>
  <si>
    <t>cg03032253</t>
  </si>
  <si>
    <t>cg03033930</t>
  </si>
  <si>
    <t>cg03049243</t>
  </si>
  <si>
    <t>cg03052794</t>
  </si>
  <si>
    <t>cg03054370</t>
  </si>
  <si>
    <t>cg03057712</t>
  </si>
  <si>
    <t>cg03060201</t>
  </si>
  <si>
    <t>cg03063453</t>
  </si>
  <si>
    <t>cg03064080</t>
  </si>
  <si>
    <t>cg03065476</t>
  </si>
  <si>
    <t>cg03067574</t>
  </si>
  <si>
    <t>cg03067599</t>
  </si>
  <si>
    <t>cg03067828</t>
  </si>
  <si>
    <t>cg03070187</t>
  </si>
  <si>
    <t>cg03072616</t>
  </si>
  <si>
    <t>cg03076130</t>
  </si>
  <si>
    <t>cg03079761</t>
  </si>
  <si>
    <t>cg03087507</t>
  </si>
  <si>
    <t>cg03088725</t>
  </si>
  <si>
    <t>cg03089244</t>
  </si>
  <si>
    <t>cg03090351</t>
  </si>
  <si>
    <t>cg03093076</t>
  </si>
  <si>
    <t>cg03094935</t>
  </si>
  <si>
    <t>cg03099728</t>
  </si>
  <si>
    <t>cg03100511</t>
  </si>
  <si>
    <t>cg03103770</t>
  </si>
  <si>
    <t>cg03104309</t>
  </si>
  <si>
    <t>cg03108419</t>
  </si>
  <si>
    <t>cg03110633</t>
  </si>
  <si>
    <t>cg03113475</t>
  </si>
  <si>
    <t>cg03114595</t>
  </si>
  <si>
    <t>cg03116355</t>
  </si>
  <si>
    <t>cg03117053</t>
  </si>
  <si>
    <t>cg03119288</t>
  </si>
  <si>
    <t>cg03119618</t>
  </si>
  <si>
    <t>cg03119731</t>
  </si>
  <si>
    <t>cg03122164</t>
  </si>
  <si>
    <t>cg03124313</t>
  </si>
  <si>
    <t>cg03125498</t>
  </si>
  <si>
    <t>cg03125787</t>
  </si>
  <si>
    <t>cg03126579</t>
  </si>
  <si>
    <t>cg03127558</t>
  </si>
  <si>
    <t>cg03130936</t>
  </si>
  <si>
    <t>cg03131736</t>
  </si>
  <si>
    <t>cg03136563</t>
  </si>
  <si>
    <t>cg03137153</t>
  </si>
  <si>
    <t>cg03139475</t>
  </si>
  <si>
    <t>cg03140441</t>
  </si>
  <si>
    <t>cg03140678</t>
  </si>
  <si>
    <t>cg03141971</t>
  </si>
  <si>
    <t>cg03146949</t>
  </si>
  <si>
    <t>cg03148858</t>
  </si>
  <si>
    <t>cg03149093</t>
  </si>
  <si>
    <t>cg03151258</t>
  </si>
  <si>
    <t>cg03153658</t>
  </si>
  <si>
    <t>cg03156477</t>
  </si>
  <si>
    <t>cg03157226</t>
  </si>
  <si>
    <t>cg03157509</t>
  </si>
  <si>
    <t>cg03159563</t>
  </si>
  <si>
    <t>cg03160342</t>
  </si>
  <si>
    <t>cg03164238</t>
  </si>
  <si>
    <t>cg03164785</t>
  </si>
  <si>
    <t>cg03168501</t>
  </si>
  <si>
    <t>cg03170318</t>
  </si>
  <si>
    <t>cg03176143</t>
  </si>
  <si>
    <t>cg03178838</t>
  </si>
  <si>
    <t>cg03186620</t>
  </si>
  <si>
    <t>cg03190876</t>
  </si>
  <si>
    <t>cg03191565</t>
  </si>
  <si>
    <t>cg03191830</t>
  </si>
  <si>
    <t>cg03192598</t>
  </si>
  <si>
    <t>cg03203646</t>
  </si>
  <si>
    <t>cg03207391</t>
  </si>
  <si>
    <t>cg03208830</t>
  </si>
  <si>
    <t>cg03208951</t>
  </si>
  <si>
    <t>cg03210848</t>
  </si>
  <si>
    <t>cg03212129</t>
  </si>
  <si>
    <t>cg03214277</t>
  </si>
  <si>
    <t>cg03214395</t>
  </si>
  <si>
    <t>cg03218303</t>
  </si>
  <si>
    <t>cg03228222</t>
  </si>
  <si>
    <t>cg03228408</t>
  </si>
  <si>
    <t>cg03230858</t>
  </si>
  <si>
    <t>cg03231960</t>
  </si>
  <si>
    <t>cg03232621</t>
  </si>
  <si>
    <t>cg03235494</t>
  </si>
  <si>
    <t>cg03241502</t>
  </si>
  <si>
    <t>cg03242360</t>
  </si>
  <si>
    <t>cg03243432</t>
  </si>
  <si>
    <t>cg03243965</t>
  </si>
  <si>
    <t>cg03246954</t>
  </si>
  <si>
    <t>cg03247567</t>
  </si>
  <si>
    <t>cg03247675</t>
  </si>
  <si>
    <t>cg03249789</t>
  </si>
  <si>
    <t>cg03249985</t>
  </si>
  <si>
    <t>cg03253314</t>
  </si>
  <si>
    <t>cg03255868</t>
  </si>
  <si>
    <t>cg03256597</t>
  </si>
  <si>
    <t>cg03278866</t>
  </si>
  <si>
    <t>cg03280624</t>
  </si>
  <si>
    <t>cg03281705</t>
  </si>
  <si>
    <t>cg03287340</t>
  </si>
  <si>
    <t>cg03288340</t>
  </si>
  <si>
    <t>cg03289602</t>
  </si>
  <si>
    <t>cg03300705</t>
  </si>
  <si>
    <t>cg03301945</t>
  </si>
  <si>
    <t>cg03302259</t>
  </si>
  <si>
    <t>cg03305587</t>
  </si>
  <si>
    <t>cg03305624</t>
  </si>
  <si>
    <t>cg03306486</t>
  </si>
  <si>
    <t>cg03307401</t>
  </si>
  <si>
    <t>cg03307749</t>
  </si>
  <si>
    <t>cg03309347</t>
  </si>
  <si>
    <t>cg03311682</t>
  </si>
  <si>
    <t>cg03313751</t>
  </si>
  <si>
    <t>cg03320255</t>
  </si>
  <si>
    <t>cg03323938</t>
  </si>
  <si>
    <t>cg03324815</t>
  </si>
  <si>
    <t>cg03324821</t>
  </si>
  <si>
    <t>cg03332897</t>
  </si>
  <si>
    <t>cg03336268</t>
  </si>
  <si>
    <t>cg03337057</t>
  </si>
  <si>
    <t>cg03338220</t>
  </si>
  <si>
    <t>cg03339469</t>
  </si>
  <si>
    <t>cg03342114</t>
  </si>
  <si>
    <t>cg03342928</t>
  </si>
  <si>
    <t>cg03344030</t>
  </si>
  <si>
    <t>cg03344031</t>
  </si>
  <si>
    <t>cg03346025</t>
  </si>
  <si>
    <t>cg03351460</t>
  </si>
  <si>
    <t>cg03352322</t>
  </si>
  <si>
    <t>cg03354590</t>
  </si>
  <si>
    <t>cg03356490</t>
  </si>
  <si>
    <t>cg03361557</t>
  </si>
  <si>
    <t>cg03361665</t>
  </si>
  <si>
    <t>cg03430067</t>
  </si>
  <si>
    <t>cg03439990</t>
  </si>
  <si>
    <t>cg03443751</t>
  </si>
  <si>
    <t>cg03521258</t>
  </si>
  <si>
    <t>cg03521736</t>
  </si>
  <si>
    <t>cg03523122</t>
  </si>
  <si>
    <t>cg03530740</t>
  </si>
  <si>
    <t>cg03532013</t>
  </si>
  <si>
    <t>cg03532019</t>
  </si>
  <si>
    <t>cg03532815</t>
  </si>
  <si>
    <t>cg03534846</t>
  </si>
  <si>
    <t>cg03535829</t>
  </si>
  <si>
    <t>cg03536881</t>
  </si>
  <si>
    <t>cg03537163</t>
  </si>
  <si>
    <t>cg03540731</t>
  </si>
  <si>
    <t>cg03550930</t>
  </si>
  <si>
    <t>cg03552401</t>
  </si>
  <si>
    <t>cg03552658</t>
  </si>
  <si>
    <t>cg03554264</t>
  </si>
  <si>
    <t>cg03559133</t>
  </si>
  <si>
    <t>cg03560053</t>
  </si>
  <si>
    <t>cg03562044</t>
  </si>
  <si>
    <t>cg03563807</t>
  </si>
  <si>
    <t>cg03564727</t>
  </si>
  <si>
    <t>cg03570035</t>
  </si>
  <si>
    <t>cg03571548</t>
  </si>
  <si>
    <t>cg03575974</t>
  </si>
  <si>
    <t>cg03579738</t>
  </si>
  <si>
    <t>cg03584535</t>
  </si>
  <si>
    <t>cg03585263</t>
  </si>
  <si>
    <t>cg03585419</t>
  </si>
  <si>
    <t>cg03587422</t>
  </si>
  <si>
    <t>cg03588376</t>
  </si>
  <si>
    <t>cg03591801</t>
  </si>
  <si>
    <t>cg03592197</t>
  </si>
  <si>
    <t>cg03593550</t>
  </si>
  <si>
    <t>cg03596320</t>
  </si>
  <si>
    <t>cg03597034</t>
  </si>
  <si>
    <t>cg03598185</t>
  </si>
  <si>
    <t>cg03603808</t>
  </si>
  <si>
    <t>cg03604073</t>
  </si>
  <si>
    <t>cg03605037</t>
  </si>
  <si>
    <t>cg03606222</t>
  </si>
  <si>
    <t>cg03606898</t>
  </si>
  <si>
    <t>cg03608313</t>
  </si>
  <si>
    <t>cg03616130</t>
  </si>
  <si>
    <t>cg03620623</t>
  </si>
  <si>
    <t>cg03620853</t>
  </si>
  <si>
    <t>cg03628274</t>
  </si>
  <si>
    <t>cg03629926</t>
  </si>
  <si>
    <t>cg03641858</t>
  </si>
  <si>
    <t>cg03644895</t>
  </si>
  <si>
    <t>cg03650154</t>
  </si>
  <si>
    <t>cg03650429</t>
  </si>
  <si>
    <t>cg03651904</t>
  </si>
  <si>
    <t>cg03658384</t>
  </si>
  <si>
    <t>cg03658716</t>
  </si>
  <si>
    <t>cg03669587</t>
  </si>
  <si>
    <t>cg03671148</t>
  </si>
  <si>
    <t>cg03671191</t>
  </si>
  <si>
    <t>cg03673295</t>
  </si>
  <si>
    <t>cg03688668</t>
  </si>
  <si>
    <t>cg03697856</t>
  </si>
  <si>
    <t>cg03698702</t>
  </si>
  <si>
    <t>cg03698729</t>
  </si>
  <si>
    <t>cg03705926</t>
  </si>
  <si>
    <t>cg03710719</t>
  </si>
  <si>
    <t>cg03716592</t>
  </si>
  <si>
    <t>cg03716852</t>
  </si>
  <si>
    <t>cg03725064</t>
  </si>
  <si>
    <t>cg03725130</t>
  </si>
  <si>
    <t>cg03726569</t>
  </si>
  <si>
    <t>cg03733219</t>
  </si>
  <si>
    <t>cg03736058</t>
  </si>
  <si>
    <t>cg03748603</t>
  </si>
  <si>
    <t>cg03751272</t>
  </si>
  <si>
    <t>cg03751967</t>
  </si>
  <si>
    <t>cg03753066</t>
  </si>
  <si>
    <t>cg03753297</t>
  </si>
  <si>
    <t>cg03758150</t>
  </si>
  <si>
    <t>cg03762081</t>
  </si>
  <si>
    <t>cg03766516</t>
  </si>
  <si>
    <t>cg03768007</t>
  </si>
  <si>
    <t>cg03773731</t>
  </si>
  <si>
    <t>cg03791325</t>
  </si>
  <si>
    <t>cg03950599</t>
  </si>
  <si>
    <t>cg04001556</t>
  </si>
  <si>
    <t>cg04052466</t>
  </si>
  <si>
    <t>cg04126816</t>
  </si>
  <si>
    <t>cg04150574</t>
  </si>
  <si>
    <t>cg04154502</t>
  </si>
  <si>
    <t>cg04156970</t>
  </si>
  <si>
    <t>cg04160663</t>
  </si>
  <si>
    <t>cg04164538</t>
  </si>
  <si>
    <t>cg04164838</t>
  </si>
  <si>
    <t>cg04169912</t>
  </si>
  <si>
    <t>cg04175604</t>
  </si>
  <si>
    <t>cg04176437</t>
  </si>
  <si>
    <t>cg04176888</t>
  </si>
  <si>
    <t>cg04178634</t>
  </si>
  <si>
    <t>cg04180125</t>
  </si>
  <si>
    <t>cg04224968</t>
  </si>
  <si>
    <t>cg04247135</t>
  </si>
  <si>
    <t>cg04247584</t>
  </si>
  <si>
    <t>cg04252689</t>
  </si>
  <si>
    <t>cg04254066</t>
  </si>
  <si>
    <t>cg04259907</t>
  </si>
  <si>
    <t>cg04264658</t>
  </si>
  <si>
    <t>cg04266179</t>
  </si>
  <si>
    <t>cg04271289</t>
  </si>
  <si>
    <t>cg04276069</t>
  </si>
  <si>
    <t>cg04291888</t>
  </si>
  <si>
    <t>cg04293065</t>
  </si>
  <si>
    <t>cg04301623</t>
  </si>
  <si>
    <t>cg04308224</t>
  </si>
  <si>
    <t>cg04311994</t>
  </si>
  <si>
    <t>cg04319218</t>
  </si>
  <si>
    <t>cg04324758</t>
  </si>
  <si>
    <t>cg04329510</t>
  </si>
  <si>
    <t>cg04329845</t>
  </si>
  <si>
    <t>cg04330389</t>
  </si>
  <si>
    <t>cg04332287</t>
  </si>
  <si>
    <t>cg04332534</t>
  </si>
  <si>
    <t>cg04335562</t>
  </si>
  <si>
    <t>cg04338055</t>
  </si>
  <si>
    <t>cg04342092</t>
  </si>
  <si>
    <t>cg04346879</t>
  </si>
  <si>
    <t>cg04349565</t>
  </si>
  <si>
    <t>cg04352310</t>
  </si>
  <si>
    <t>cg04354271</t>
  </si>
  <si>
    <t>cg04359527</t>
  </si>
  <si>
    <t>cg04360313</t>
  </si>
  <si>
    <t>cg04366619</t>
  </si>
  <si>
    <t>cg04369958</t>
  </si>
  <si>
    <t>cg04376747</t>
  </si>
  <si>
    <t>cg04377525</t>
  </si>
  <si>
    <t>cg04382396</t>
  </si>
  <si>
    <t>cg04385818</t>
  </si>
  <si>
    <t>cg04388075</t>
  </si>
  <si>
    <t>cg04395369</t>
  </si>
  <si>
    <t>cg04396125</t>
  </si>
  <si>
    <t>cg04407520</t>
  </si>
  <si>
    <t>cg04410039</t>
  </si>
  <si>
    <t>cg04410777</t>
  </si>
  <si>
    <t>cg04411166</t>
  </si>
  <si>
    <t>cg04414542</t>
  </si>
  <si>
    <t>cg04417471</t>
  </si>
  <si>
    <t>cg04419610</t>
  </si>
  <si>
    <t>cg04424597</t>
  </si>
  <si>
    <t>cg04425820</t>
  </si>
  <si>
    <t>cg04497176</t>
  </si>
  <si>
    <t>cg04512704</t>
  </si>
  <si>
    <t>cg04514109</t>
  </si>
  <si>
    <t>cg04516253</t>
  </si>
  <si>
    <t>cg04517722</t>
  </si>
  <si>
    <t>cg04518195</t>
  </si>
  <si>
    <t>cg04522694</t>
  </si>
  <si>
    <t>cg04523095</t>
  </si>
  <si>
    <t>cg04523661</t>
  </si>
  <si>
    <t>cg04524120</t>
  </si>
  <si>
    <t>cg04524552</t>
  </si>
  <si>
    <t>cg04526209</t>
  </si>
  <si>
    <t>cg04529543</t>
  </si>
  <si>
    <t>cg04530860</t>
  </si>
  <si>
    <t>cg04534026</t>
  </si>
  <si>
    <t>cg04535176</t>
  </si>
  <si>
    <t>cg04535340</t>
  </si>
  <si>
    <t>cg04539503</t>
  </si>
  <si>
    <t>cg04541675</t>
  </si>
  <si>
    <t>cg04543115</t>
  </si>
  <si>
    <t>cg04547205</t>
  </si>
  <si>
    <t>cg04547554</t>
  </si>
  <si>
    <t>cg04566159</t>
  </si>
  <si>
    <t>cg04570604</t>
  </si>
  <si>
    <t>cg04570735</t>
  </si>
  <si>
    <t>cg04571369</t>
  </si>
  <si>
    <t>cg04571847</t>
  </si>
  <si>
    <t>cg04575144</t>
  </si>
  <si>
    <t>cg04576182</t>
  </si>
  <si>
    <t>cg04576684</t>
  </si>
  <si>
    <t>cg04577214</t>
  </si>
  <si>
    <t>cg04582539</t>
  </si>
  <si>
    <t>cg04583149</t>
  </si>
  <si>
    <t>cg04583529</t>
  </si>
  <si>
    <t>cg04584009</t>
  </si>
  <si>
    <t>cg04587220</t>
  </si>
  <si>
    <t>cg04588972</t>
  </si>
  <si>
    <t>cg04591308</t>
  </si>
  <si>
    <t>cg04592292</t>
  </si>
  <si>
    <t>cg04592958</t>
  </si>
  <si>
    <t>cg04599342</t>
  </si>
  <si>
    <t>cg04600122</t>
  </si>
  <si>
    <t>cg04603391</t>
  </si>
  <si>
    <t>cg04607867</t>
  </si>
  <si>
    <t>cg04610450</t>
  </si>
  <si>
    <t>cg04610589</t>
  </si>
  <si>
    <t>cg04612824</t>
  </si>
  <si>
    <t>cg04614053</t>
  </si>
  <si>
    <t>cg04614655</t>
  </si>
  <si>
    <t>cg04635671</t>
  </si>
  <si>
    <t>cg04655136</t>
  </si>
  <si>
    <t>cg04656042</t>
  </si>
  <si>
    <t>cg04661001</t>
  </si>
  <si>
    <t>cg04664179</t>
  </si>
  <si>
    <t>cg04671526</t>
  </si>
  <si>
    <t>cg04674143</t>
  </si>
  <si>
    <t>cg04677326</t>
  </si>
  <si>
    <t>cg04677623</t>
  </si>
  <si>
    <t>cg04678989</t>
  </si>
  <si>
    <t>cg04681368</t>
  </si>
  <si>
    <t>cg04682120</t>
  </si>
  <si>
    <t>cg04685880</t>
  </si>
  <si>
    <t>cg04689371</t>
  </si>
  <si>
    <t>cg04693399</t>
  </si>
  <si>
    <t>cg04693824</t>
  </si>
  <si>
    <t>cg04696881</t>
  </si>
  <si>
    <t>cg04697482</t>
  </si>
  <si>
    <t>cg04698845</t>
  </si>
  <si>
    <t>cg04699474</t>
  </si>
  <si>
    <t>cg04709736</t>
  </si>
  <si>
    <t>cg04714638</t>
  </si>
  <si>
    <t>cg04722177</t>
  </si>
  <si>
    <t>cg04722620</t>
  </si>
  <si>
    <t>cg04722977</t>
  </si>
  <si>
    <t>cg04724735</t>
  </si>
  <si>
    <t>cg04726439</t>
  </si>
  <si>
    <t>cg04727071</t>
  </si>
  <si>
    <t>cg04728310</t>
  </si>
  <si>
    <t>cg04731544</t>
  </si>
  <si>
    <t>cg04731926</t>
  </si>
  <si>
    <t>cg04736260</t>
  </si>
  <si>
    <t>cg04737133</t>
  </si>
  <si>
    <t>cg04738220</t>
  </si>
  <si>
    <t>cg04738224</t>
  </si>
  <si>
    <t>cg04738552</t>
  </si>
  <si>
    <t>cg04740229</t>
  </si>
  <si>
    <t>cg04742047</t>
  </si>
  <si>
    <t>cg04744134</t>
  </si>
  <si>
    <t>cg04747007</t>
  </si>
  <si>
    <t>cg04748673</t>
  </si>
  <si>
    <t>cg04748923</t>
  </si>
  <si>
    <t>cg04749993</t>
  </si>
  <si>
    <t>cg04750166</t>
  </si>
  <si>
    <t>cg04753936</t>
  </si>
  <si>
    <t>cg04756034</t>
  </si>
  <si>
    <t>cg04760261</t>
  </si>
  <si>
    <t>cg04762346</t>
  </si>
  <si>
    <t>cg04763917</t>
  </si>
  <si>
    <t>cg04765236</t>
  </si>
  <si>
    <t>cg04765929</t>
  </si>
  <si>
    <t>cg04768697</t>
  </si>
  <si>
    <t>cg04772683</t>
  </si>
  <si>
    <t>cg04777726</t>
  </si>
  <si>
    <t>cg04778274</t>
  </si>
  <si>
    <t>cg04782667</t>
  </si>
  <si>
    <t>cg04784475</t>
  </si>
  <si>
    <t>cg04845144</t>
  </si>
  <si>
    <t>cg04848343</t>
  </si>
  <si>
    <t>cg04865692</t>
  </si>
  <si>
    <t>cg04948038</t>
  </si>
  <si>
    <t>cg04985611</t>
  </si>
  <si>
    <t>cg04986864</t>
  </si>
  <si>
    <t>cg04988224</t>
  </si>
  <si>
    <t>cg04988514</t>
  </si>
  <si>
    <t>cg04992837</t>
  </si>
  <si>
    <t>cg04993883</t>
  </si>
  <si>
    <t>cg04996158</t>
  </si>
  <si>
    <t>cg04998634</t>
  </si>
  <si>
    <t>cg05007985</t>
  </si>
  <si>
    <t>cg05012672</t>
  </si>
  <si>
    <t>cg05012825</t>
  </si>
  <si>
    <t>cg05014211</t>
  </si>
  <si>
    <t>cg05020604</t>
  </si>
  <si>
    <t>cg05023114</t>
  </si>
  <si>
    <t>cg05027597</t>
  </si>
  <si>
    <t>cg05195235</t>
  </si>
  <si>
    <t>cg05205152</t>
  </si>
  <si>
    <t>cg05209525</t>
  </si>
  <si>
    <t>cg05211836</t>
  </si>
  <si>
    <t>cg05213896</t>
  </si>
  <si>
    <t>cg05215830</t>
  </si>
  <si>
    <t>cg05219517</t>
  </si>
  <si>
    <t>cg05222072</t>
  </si>
  <si>
    <t>cg05231480</t>
  </si>
  <si>
    <t>cg05231821</t>
  </si>
  <si>
    <t>cg05233128</t>
  </si>
  <si>
    <t>cg05241461</t>
  </si>
  <si>
    <t>cg05242371</t>
  </si>
  <si>
    <t>cg05245655</t>
  </si>
  <si>
    <t>cg05247780</t>
  </si>
  <si>
    <t>cg05247914</t>
  </si>
  <si>
    <t>cg05249644</t>
  </si>
  <si>
    <t>cg05250932</t>
  </si>
  <si>
    <t>cg05254098</t>
  </si>
  <si>
    <t>cg05254946</t>
  </si>
  <si>
    <t>cg05264760</t>
  </si>
  <si>
    <t>cg05265569</t>
  </si>
  <si>
    <t>cg05266537</t>
  </si>
  <si>
    <t>cg05278271</t>
  </si>
  <si>
    <t>cg05279901</t>
  </si>
  <si>
    <t>cg05304331</t>
  </si>
  <si>
    <t>cg05304622</t>
  </si>
  <si>
    <t>cg05307257</t>
  </si>
  <si>
    <t>cg05308391</t>
  </si>
  <si>
    <t>cg05310990</t>
  </si>
  <si>
    <t>cg05317275</t>
  </si>
  <si>
    <t>cg05317605</t>
  </si>
  <si>
    <t>cg05317710</t>
  </si>
  <si>
    <t>cg05320945</t>
  </si>
  <si>
    <t>cg05325182</t>
  </si>
  <si>
    <t>cg05325369</t>
  </si>
  <si>
    <t>cg05329180</t>
  </si>
  <si>
    <t>cg05333564</t>
  </si>
  <si>
    <t>cg05337743</t>
  </si>
  <si>
    <t>cg05338009</t>
  </si>
  <si>
    <t>cg05338317</t>
  </si>
  <si>
    <t>cg05344295</t>
  </si>
  <si>
    <t>cg05345154</t>
  </si>
  <si>
    <t>cg05345285</t>
  </si>
  <si>
    <t>cg05350360</t>
  </si>
  <si>
    <t>cg05355764</t>
  </si>
  <si>
    <t>cg05356662</t>
  </si>
  <si>
    <t>cg05358717</t>
  </si>
  <si>
    <t>cg05359285</t>
  </si>
  <si>
    <t>cg05364412</t>
  </si>
  <si>
    <t>cg05365033</t>
  </si>
  <si>
    <t>cg05368115</t>
  </si>
  <si>
    <t>cg05368740</t>
  </si>
  <si>
    <t>cg05370802</t>
  </si>
  <si>
    <t>cg05370860</t>
  </si>
  <si>
    <t>cg05372113</t>
  </si>
  <si>
    <t>cg05372495</t>
  </si>
  <si>
    <t>cg05377998</t>
  </si>
  <si>
    <t>cg05501958</t>
  </si>
  <si>
    <t>cg05502312</t>
  </si>
  <si>
    <t>cg05509203</t>
  </si>
  <si>
    <t>cg05511815</t>
  </si>
  <si>
    <t>cg05512505</t>
  </si>
  <si>
    <t>cg05513979</t>
  </si>
  <si>
    <t>cg05537380</t>
  </si>
  <si>
    <t>cg05606351</t>
  </si>
  <si>
    <t>cg05607388</t>
  </si>
  <si>
    <t>cg05607482</t>
  </si>
  <si>
    <t>cg05611414</t>
  </si>
  <si>
    <t>cg05613364</t>
  </si>
  <si>
    <t>cg05614058</t>
  </si>
  <si>
    <t>cg05616010</t>
  </si>
  <si>
    <t>cg05617300</t>
  </si>
  <si>
    <t>cg05617973</t>
  </si>
  <si>
    <t>cg05620261</t>
  </si>
  <si>
    <t>cg05620923</t>
  </si>
  <si>
    <t>cg05624199</t>
  </si>
  <si>
    <t>cg05628381</t>
  </si>
  <si>
    <t>cg05635953</t>
  </si>
  <si>
    <t>cg05636811</t>
  </si>
  <si>
    <t>cg05637188</t>
  </si>
  <si>
    <t>cg05637266</t>
  </si>
  <si>
    <t>cg05639624</t>
  </si>
  <si>
    <t>cg05647208</t>
  </si>
  <si>
    <t>cg05648345</t>
  </si>
  <si>
    <t>cg05655555</t>
  </si>
  <si>
    <t>cg05659223</t>
  </si>
  <si>
    <t>cg05660570</t>
  </si>
  <si>
    <t>cg05661282</t>
  </si>
  <si>
    <t>cg05663122</t>
  </si>
  <si>
    <t>cg05667101</t>
  </si>
  <si>
    <t>cg05670192</t>
  </si>
  <si>
    <t>cg05670459</t>
  </si>
  <si>
    <t>cg05697969</t>
  </si>
  <si>
    <t>cg05796838</t>
  </si>
  <si>
    <t>cg05815685</t>
  </si>
  <si>
    <t>cg05878849</t>
  </si>
  <si>
    <t>cg05880641</t>
  </si>
  <si>
    <t>cg05881698</t>
  </si>
  <si>
    <t>cg05885959</t>
  </si>
  <si>
    <t>cg05886453</t>
  </si>
  <si>
    <t>cg05886952</t>
  </si>
  <si>
    <t>cg05891007</t>
  </si>
  <si>
    <t>cg05894948</t>
  </si>
  <si>
    <t>cg05896042</t>
  </si>
  <si>
    <t>cg05896689</t>
  </si>
  <si>
    <t>cg05904218</t>
  </si>
  <si>
    <t>cg05908775</t>
  </si>
  <si>
    <t>cg05910615</t>
  </si>
  <si>
    <t>cg05913672</t>
  </si>
  <si>
    <t>cg05914712</t>
  </si>
  <si>
    <t>cg05918679</t>
  </si>
  <si>
    <t>cg05922545</t>
  </si>
  <si>
    <t>cg05923062</t>
  </si>
  <si>
    <t>cg05925971</t>
  </si>
  <si>
    <t>cg05926784</t>
  </si>
  <si>
    <t>cg05932799</t>
  </si>
  <si>
    <t>cg05933408</t>
  </si>
  <si>
    <t>cg05934682</t>
  </si>
  <si>
    <t>cg05935360</t>
  </si>
  <si>
    <t>cg05970528</t>
  </si>
  <si>
    <t>cg06005396</t>
  </si>
  <si>
    <t>cg06243556</t>
  </si>
  <si>
    <t>cg06369522</t>
  </si>
  <si>
    <t>cg06369833</t>
  </si>
  <si>
    <t>cg06370795</t>
  </si>
  <si>
    <t>cg06373096</t>
  </si>
  <si>
    <t>cg06377221</t>
  </si>
  <si>
    <t>cg06379095</t>
  </si>
  <si>
    <t>cg06379435</t>
  </si>
  <si>
    <t>cg06383531</t>
  </si>
  <si>
    <t>cg06387980</t>
  </si>
  <si>
    <t>cg06403289</t>
  </si>
  <si>
    <t>cg06409856</t>
  </si>
  <si>
    <t>cg06410591</t>
  </si>
  <si>
    <t>cg06423357</t>
  </si>
  <si>
    <t>cg06423533</t>
  </si>
  <si>
    <t>cg06429617</t>
  </si>
  <si>
    <t>cg06436655</t>
  </si>
  <si>
    <t>cg06440553</t>
  </si>
  <si>
    <t>cg06448070</t>
  </si>
  <si>
    <t>cg06452642</t>
  </si>
  <si>
    <t>cg06454410</t>
  </si>
  <si>
    <t>cg06454848</t>
  </si>
  <si>
    <t>cg06455032</t>
  </si>
  <si>
    <t>cg06458248</t>
  </si>
  <si>
    <t>cg06460350</t>
  </si>
  <si>
    <t>cg06470424</t>
  </si>
  <si>
    <t>cg06473082</t>
  </si>
  <si>
    <t>cg06477444</t>
  </si>
  <si>
    <t>cg06484340</t>
  </si>
  <si>
    <t>cg06491725</t>
  </si>
  <si>
    <t>cg06496344</t>
  </si>
  <si>
    <t>cg06512885</t>
  </si>
  <si>
    <t>cg06513194</t>
  </si>
  <si>
    <t>cg06513733</t>
  </si>
  <si>
    <t>cg06515543</t>
  </si>
  <si>
    <t>cg06522681</t>
  </si>
  <si>
    <t>cg06526320</t>
  </si>
  <si>
    <t>cg06528584</t>
  </si>
  <si>
    <t>cg06530742</t>
  </si>
  <si>
    <t>cg06532212</t>
  </si>
  <si>
    <t>cg06535952</t>
  </si>
  <si>
    <t>cg06537894</t>
  </si>
  <si>
    <t>cg06539622</t>
  </si>
  <si>
    <t>cg06548442</t>
  </si>
  <si>
    <t>cg06552046</t>
  </si>
  <si>
    <t>cg06552549</t>
  </si>
  <si>
    <t>cg06553422</t>
  </si>
  <si>
    <t>cg06554781</t>
  </si>
  <si>
    <t>cg06563149</t>
  </si>
  <si>
    <t>cg06564132</t>
  </si>
  <si>
    <t>cg06564284</t>
  </si>
  <si>
    <t>cg06572160</t>
  </si>
  <si>
    <t>cg06583549</t>
  </si>
  <si>
    <t>cg06591892</t>
  </si>
  <si>
    <t>cg06595479</t>
  </si>
  <si>
    <t>cg06599322</t>
  </si>
  <si>
    <t>cg06600420</t>
  </si>
  <si>
    <t>cg06611810</t>
  </si>
  <si>
    <t>cg06613111</t>
  </si>
  <si>
    <t>cg06620210</t>
  </si>
  <si>
    <t>cg06620654</t>
  </si>
  <si>
    <t>cg06622468</t>
  </si>
  <si>
    <t>cg06623219</t>
  </si>
  <si>
    <t>cg06627077</t>
  </si>
  <si>
    <t>cg06630098</t>
  </si>
  <si>
    <t>cg06636316</t>
  </si>
  <si>
    <t>cg06639079</t>
  </si>
  <si>
    <t>cg06639101</t>
  </si>
  <si>
    <t>cg06639191</t>
  </si>
  <si>
    <t>cg06641548</t>
  </si>
  <si>
    <t>cg06643849</t>
  </si>
  <si>
    <t>cg06647026</t>
  </si>
  <si>
    <t>cg06653635</t>
  </si>
  <si>
    <t>cg06658864</t>
  </si>
  <si>
    <t>cg06663668</t>
  </si>
  <si>
    <t>cg06665109</t>
  </si>
  <si>
    <t>cg06668844</t>
  </si>
  <si>
    <t>cg06671561</t>
  </si>
  <si>
    <t>cg06673536</t>
  </si>
  <si>
    <t>cg06678890</t>
  </si>
  <si>
    <t>cg06680921</t>
  </si>
  <si>
    <t>cg06684987</t>
  </si>
  <si>
    <t>cg06686742</t>
  </si>
  <si>
    <t>cg06690050</t>
  </si>
  <si>
    <t>cg06690609</t>
  </si>
  <si>
    <t>cg06692641</t>
  </si>
  <si>
    <t>cg06693983</t>
  </si>
  <si>
    <t>cg06694331</t>
  </si>
  <si>
    <t>cg06695833</t>
  </si>
  <si>
    <t>cg06697339</t>
  </si>
  <si>
    <t>cg06697929</t>
  </si>
  <si>
    <t>cg06706159</t>
  </si>
  <si>
    <t>cg06707236</t>
  </si>
  <si>
    <t>cg06707544</t>
  </si>
  <si>
    <t>cg06710981</t>
  </si>
  <si>
    <t>cg06711307</t>
  </si>
  <si>
    <t>cg06716283</t>
  </si>
  <si>
    <t>cg06717850</t>
  </si>
  <si>
    <t>cg06720949</t>
  </si>
  <si>
    <t>cg06721975</t>
  </si>
  <si>
    <t>cg06724266</t>
  </si>
  <si>
    <t>cg06724566</t>
  </si>
  <si>
    <t>cg06726602</t>
  </si>
  <si>
    <t>cg06729532</t>
  </si>
  <si>
    <t>cg06732516</t>
  </si>
  <si>
    <t>cg06736160</t>
  </si>
  <si>
    <t>cg06740600</t>
  </si>
  <si>
    <t>cg06742493</t>
  </si>
  <si>
    <t>cg06742891</t>
  </si>
  <si>
    <t>cg06744585</t>
  </si>
  <si>
    <t>cg06746893</t>
  </si>
  <si>
    <t>cg06747432</t>
  </si>
  <si>
    <t>cg06751603</t>
  </si>
  <si>
    <t>cg06753949</t>
  </si>
  <si>
    <t>cg06807379</t>
  </si>
  <si>
    <t>cg06852575</t>
  </si>
  <si>
    <t>cg06855983</t>
  </si>
  <si>
    <t>cg06857263</t>
  </si>
  <si>
    <t>cg06857516</t>
  </si>
  <si>
    <t>cg06858150</t>
  </si>
  <si>
    <t>cg06860122</t>
  </si>
  <si>
    <t>cg06860352</t>
  </si>
  <si>
    <t>cg06862696</t>
  </si>
  <si>
    <t>cg06864275</t>
  </si>
  <si>
    <t>cg06875740</t>
  </si>
  <si>
    <t>cg06877599</t>
  </si>
  <si>
    <t>cg06879406</t>
  </si>
  <si>
    <t>cg06880365</t>
  </si>
  <si>
    <t>cg06882591</t>
  </si>
  <si>
    <t>cg06888554</t>
  </si>
  <si>
    <t>cg06905453</t>
  </si>
  <si>
    <t>cg06905726</t>
  </si>
  <si>
    <t>cg06905970</t>
  </si>
  <si>
    <t>cg06907708</t>
  </si>
  <si>
    <t>cg06911149</t>
  </si>
  <si>
    <t>cg06917548</t>
  </si>
  <si>
    <t>cg06926306</t>
  </si>
  <si>
    <t>cg06926349</t>
  </si>
  <si>
    <t>cg06931446</t>
  </si>
  <si>
    <t>cg06931615</t>
  </si>
  <si>
    <t>cg06936564</t>
  </si>
  <si>
    <t>cg06936631</t>
  </si>
  <si>
    <t>cg06942742</t>
  </si>
  <si>
    <t>cg06943912</t>
  </si>
  <si>
    <t>cg06945456</t>
  </si>
  <si>
    <t>cg06945936</t>
  </si>
  <si>
    <t>cg06947320</t>
  </si>
  <si>
    <t>cg06948492</t>
  </si>
  <si>
    <t>cg06950070</t>
  </si>
  <si>
    <t>cg06950392</t>
  </si>
  <si>
    <t>cg06952291</t>
  </si>
  <si>
    <t>cg07051257</t>
  </si>
  <si>
    <t>cg07051718</t>
  </si>
  <si>
    <t>cg07052524</t>
  </si>
  <si>
    <t>cg07052663</t>
  </si>
  <si>
    <t>cg07056645</t>
  </si>
  <si>
    <t>cg07059167</t>
  </si>
  <si>
    <t>cg07060551</t>
  </si>
  <si>
    <t>cg07061579</t>
  </si>
  <si>
    <t>cg07063351</t>
  </si>
  <si>
    <t>cg07071106</t>
  </si>
  <si>
    <t>cg07071609</t>
  </si>
  <si>
    <t>cg07086492</t>
  </si>
  <si>
    <t>cg07099627</t>
  </si>
  <si>
    <t>cg07186707</t>
  </si>
  <si>
    <t>cg07248407</t>
  </si>
  <si>
    <t>cg07375277</t>
  </si>
  <si>
    <t>cg07377422</t>
  </si>
  <si>
    <t>cg07382454</t>
  </si>
  <si>
    <t>cg07385220</t>
  </si>
  <si>
    <t>cg07451103</t>
  </si>
  <si>
    <t>cg07452728</t>
  </si>
  <si>
    <t>cg07453218</t>
  </si>
  <si>
    <t>cg07454803</t>
  </si>
  <si>
    <t>cg07455468</t>
  </si>
  <si>
    <t>cg07455685</t>
  </si>
  <si>
    <t>cg07455963</t>
  </si>
  <si>
    <t>cg07458509</t>
  </si>
  <si>
    <t>cg07462848</t>
  </si>
  <si>
    <t>cg07464974</t>
  </si>
  <si>
    <t>cg07469949</t>
  </si>
  <si>
    <t>cg07471089</t>
  </si>
  <si>
    <t>cg07478662</t>
  </si>
  <si>
    <t>cg07481380</t>
  </si>
  <si>
    <t>cg07482222</t>
  </si>
  <si>
    <t>cg07482574</t>
  </si>
  <si>
    <t>cg07484403</t>
  </si>
  <si>
    <t>cg07489123</t>
  </si>
  <si>
    <t>cg07492962</t>
  </si>
  <si>
    <t>cg07497190</t>
  </si>
  <si>
    <t>cg07500242</t>
  </si>
  <si>
    <t>cg07504984</t>
  </si>
  <si>
    <t>cg07513435</t>
  </si>
  <si>
    <t>cg07515196</t>
  </si>
  <si>
    <t>cg07515422</t>
  </si>
  <si>
    <t>cg07516702</t>
  </si>
  <si>
    <t>cg07517893</t>
  </si>
  <si>
    <t>cg07521902</t>
  </si>
  <si>
    <t>cg07525817</t>
  </si>
  <si>
    <t>cg07530681</t>
  </si>
  <si>
    <t>cg07531072</t>
  </si>
  <si>
    <t>cg07531516</t>
  </si>
  <si>
    <t>cg07532993</t>
  </si>
  <si>
    <t>cg07535740</t>
  </si>
  <si>
    <t>cg07543967</t>
  </si>
  <si>
    <t>cg07544187</t>
  </si>
  <si>
    <t>cg07551545</t>
  </si>
  <si>
    <t>cg07554231</t>
  </si>
  <si>
    <t>cg07555787</t>
  </si>
  <si>
    <t>cg07562135</t>
  </si>
  <si>
    <t>cg07569219</t>
  </si>
  <si>
    <t>cg07569288</t>
  </si>
  <si>
    <t>cg07572348</t>
  </si>
  <si>
    <t>cg07573872</t>
  </si>
  <si>
    <t>cg07577499</t>
  </si>
  <si>
    <t>cg07583296</t>
  </si>
  <si>
    <t>cg07583894</t>
  </si>
  <si>
    <t>cg07584494</t>
  </si>
  <si>
    <t>cg07586008</t>
  </si>
  <si>
    <t>cg07587706</t>
  </si>
  <si>
    <t>cg07589081</t>
  </si>
  <si>
    <t>cg07589166</t>
  </si>
  <si>
    <t>cg07592136</t>
  </si>
  <si>
    <t>cg07593637</t>
  </si>
  <si>
    <t>cg07594804</t>
  </si>
  <si>
    <t>cg07595134</t>
  </si>
  <si>
    <t>cg07595291</t>
  </si>
  <si>
    <t>cg07598522</t>
  </si>
  <si>
    <t>cg07599133</t>
  </si>
  <si>
    <t>cg07602980</t>
  </si>
  <si>
    <t>cg07603357</t>
  </si>
  <si>
    <t>cg07605062</t>
  </si>
  <si>
    <t>cg07605620</t>
  </si>
  <si>
    <t>cg07613693</t>
  </si>
  <si>
    <t>cg07614018</t>
  </si>
  <si>
    <t>cg07618159</t>
  </si>
  <si>
    <t>cg07630189</t>
  </si>
  <si>
    <t>cg07633506</t>
  </si>
  <si>
    <t>cg07634150</t>
  </si>
  <si>
    <t>cg07640648</t>
  </si>
  <si>
    <t>cg07642463</t>
  </si>
  <si>
    <t>cg07642566</t>
  </si>
  <si>
    <t>cg07646999</t>
  </si>
  <si>
    <t>cg07648048</t>
  </si>
  <si>
    <t>cg07652592</t>
  </si>
  <si>
    <t>cg07654012</t>
  </si>
  <si>
    <t>cg07655450</t>
  </si>
  <si>
    <t>cg07661340</t>
  </si>
  <si>
    <t>cg07663468</t>
  </si>
  <si>
    <t>cg07667813</t>
  </si>
  <si>
    <t>cg07669147</t>
  </si>
  <si>
    <t>cg07676517</t>
  </si>
  <si>
    <t>cg07680195</t>
  </si>
  <si>
    <t>cg07681156</t>
  </si>
  <si>
    <t>cg07686635</t>
  </si>
  <si>
    <t>cg07713031</t>
  </si>
  <si>
    <t>cg07714600</t>
  </si>
  <si>
    <t>cg07716663</t>
  </si>
  <si>
    <t>cg07718690</t>
  </si>
  <si>
    <t>cg07719100</t>
  </si>
  <si>
    <t>cg07720105</t>
  </si>
  <si>
    <t>cg07721276</t>
  </si>
  <si>
    <t>cg07723983</t>
  </si>
  <si>
    <t>cg07727872</t>
  </si>
  <si>
    <t>cg07730715</t>
  </si>
  <si>
    <t>cg07731025</t>
  </si>
  <si>
    <t>cg07737564</t>
  </si>
  <si>
    <t>cg07739686</t>
  </si>
  <si>
    <t>cg07742499</t>
  </si>
  <si>
    <t>cg07742633</t>
  </si>
  <si>
    <t>cg07746323</t>
  </si>
  <si>
    <t>cg07746960</t>
  </si>
  <si>
    <t>cg07749412</t>
  </si>
  <si>
    <t>cg07749923</t>
  </si>
  <si>
    <t>cg07752026</t>
  </si>
  <si>
    <t>cg07752304</t>
  </si>
  <si>
    <t>cg07754407</t>
  </si>
  <si>
    <t>cg07759570</t>
  </si>
  <si>
    <t>cg07764513</t>
  </si>
  <si>
    <t>cg07765912</t>
  </si>
  <si>
    <t>cg07769588</t>
  </si>
  <si>
    <t>cg07769957</t>
  </si>
  <si>
    <t>cg07773593</t>
  </si>
  <si>
    <t>cg07778837</t>
  </si>
  <si>
    <t>cg07779699</t>
  </si>
  <si>
    <t>cg07785717</t>
  </si>
  <si>
    <t>cg07789559</t>
  </si>
  <si>
    <t>cg07791762</t>
  </si>
  <si>
    <t>cg07791834</t>
  </si>
  <si>
    <t>cg07799434</t>
  </si>
  <si>
    <t>cg07804711</t>
  </si>
  <si>
    <t>cg07805221</t>
  </si>
  <si>
    <t>cg07805238</t>
  </si>
  <si>
    <t>cg07808231</t>
  </si>
  <si>
    <t>cg07808983</t>
  </si>
  <si>
    <t>cg07811113</t>
  </si>
  <si>
    <t>cg07811719</t>
  </si>
  <si>
    <t>cg07812877</t>
  </si>
  <si>
    <t>cg07813370</t>
  </si>
  <si>
    <t>cg07813608</t>
  </si>
  <si>
    <t>cg07814338</t>
  </si>
  <si>
    <t>cg07814697</t>
  </si>
  <si>
    <t>cg07817697</t>
  </si>
  <si>
    <t>cg07818063</t>
  </si>
  <si>
    <t>cg07819497</t>
  </si>
  <si>
    <t>cg07819892</t>
  </si>
  <si>
    <t>cg07821574</t>
  </si>
  <si>
    <t>cg07822928</t>
  </si>
  <si>
    <t>cg07824663</t>
  </si>
  <si>
    <t>cg07827337</t>
  </si>
  <si>
    <t>cg07829071</t>
  </si>
  <si>
    <t>cg07830086</t>
  </si>
  <si>
    <t>cg07831731</t>
  </si>
  <si>
    <t>cg07839313</t>
  </si>
  <si>
    <t>cg07843568</t>
  </si>
  <si>
    <t>cg07843572</t>
  </si>
  <si>
    <t>cg07847428</t>
  </si>
  <si>
    <t>cg07857792</t>
  </si>
  <si>
    <t>cg07869434</t>
  </si>
  <si>
    <t>cg07871636</t>
  </si>
  <si>
    <t>cg07873812</t>
  </si>
  <si>
    <t>cg07876162</t>
  </si>
  <si>
    <t>cg07877431</t>
  </si>
  <si>
    <t>cg07890457</t>
  </si>
  <si>
    <t>cg07900968</t>
  </si>
  <si>
    <t>cg07902188</t>
  </si>
  <si>
    <t>cg07903280</t>
  </si>
  <si>
    <t>cg07905049</t>
  </si>
  <si>
    <t>cg07909274</t>
  </si>
  <si>
    <t>cg07917289</t>
  </si>
  <si>
    <t>cg07918620</t>
  </si>
  <si>
    <t>cg07930329</t>
  </si>
  <si>
    <t>cg07931151</t>
  </si>
  <si>
    <t>cg07931190</t>
  </si>
  <si>
    <t>cg07931411</t>
  </si>
  <si>
    <t>cg07934232</t>
  </si>
  <si>
    <t>cg07935355</t>
  </si>
  <si>
    <t>cg07935520</t>
  </si>
  <si>
    <t>cg07936323</t>
  </si>
  <si>
    <t>cg07936931</t>
  </si>
  <si>
    <t>cg07938763</t>
  </si>
  <si>
    <t>cg07938869</t>
  </si>
  <si>
    <t>cg07962882</t>
  </si>
  <si>
    <t>cg07964833</t>
  </si>
  <si>
    <t>cg07975472</t>
  </si>
  <si>
    <t>cg07980164</t>
  </si>
  <si>
    <t>cg07980295</t>
  </si>
  <si>
    <t>cg07981869</t>
  </si>
  <si>
    <t>cg07987262</t>
  </si>
  <si>
    <t>cg07989796</t>
  </si>
  <si>
    <t>cg07990198</t>
  </si>
  <si>
    <t>cg07992594</t>
  </si>
  <si>
    <t>cg07993547</t>
  </si>
  <si>
    <t>cg08000684</t>
  </si>
  <si>
    <t>cg08009568</t>
  </si>
  <si>
    <t>cg08011245</t>
  </si>
  <si>
    <t>cg08013262</t>
  </si>
  <si>
    <t>cg08015704</t>
  </si>
  <si>
    <t>cg08016310</t>
  </si>
  <si>
    <t>cg08017990</t>
  </si>
  <si>
    <t>cg08018356</t>
  </si>
  <si>
    <t>cg08021833</t>
  </si>
  <si>
    <t>cg08021986</t>
  </si>
  <si>
    <t>cg08024114</t>
  </si>
  <si>
    <t>cg08033031</t>
  </si>
  <si>
    <t>cg08038667</t>
  </si>
  <si>
    <t>cg08038761</t>
  </si>
  <si>
    <t>cg08039142</t>
  </si>
  <si>
    <t>cg08040740</t>
  </si>
  <si>
    <t>cg08048222</t>
  </si>
  <si>
    <t>cg08056423</t>
  </si>
  <si>
    <t>cg08056716</t>
  </si>
  <si>
    <t>cg08059845</t>
  </si>
  <si>
    <t>cg08059859</t>
  </si>
  <si>
    <t>cg08060902</t>
  </si>
  <si>
    <t>cg08060936</t>
  </si>
  <si>
    <t>cg08063125</t>
  </si>
  <si>
    <t>cg08066035</t>
  </si>
  <si>
    <t>cg08068820</t>
  </si>
  <si>
    <t>cg08069088</t>
  </si>
  <si>
    <t>cg08069712</t>
  </si>
  <si>
    <t>cg08070578</t>
  </si>
  <si>
    <t>cg08072574</t>
  </si>
  <si>
    <t>cg08072992</t>
  </si>
  <si>
    <t>cg08078058</t>
  </si>
  <si>
    <t>cg08080060</t>
  </si>
  <si>
    <t>cg08080923</t>
  </si>
  <si>
    <t>cg08081805</t>
  </si>
  <si>
    <t>cg08092446</t>
  </si>
  <si>
    <t>cg08093216</t>
  </si>
  <si>
    <t>cg08097614</t>
  </si>
  <si>
    <t>cg08098964</t>
  </si>
  <si>
    <t>cg08099193</t>
  </si>
  <si>
    <t>cg08100233</t>
  </si>
  <si>
    <t>cg08101139</t>
  </si>
  <si>
    <t>cg08107402</t>
  </si>
  <si>
    <t>cg08112740</t>
  </si>
  <si>
    <t>cg08113595</t>
  </si>
  <si>
    <t>cg08113998</t>
  </si>
  <si>
    <t>cg08114521</t>
  </si>
  <si>
    <t>cg08115069</t>
  </si>
  <si>
    <t>cg08118159</t>
  </si>
  <si>
    <t>cg08122172</t>
  </si>
  <si>
    <t>cg08124027</t>
  </si>
  <si>
    <t>cg08128925</t>
  </si>
  <si>
    <t>cg08130813</t>
  </si>
  <si>
    <t>cg08133350</t>
  </si>
  <si>
    <t>cg08134106</t>
  </si>
  <si>
    <t>cg08136747</t>
  </si>
  <si>
    <t>cg08136809</t>
  </si>
  <si>
    <t>cg08140343</t>
  </si>
  <si>
    <t>cg08145067</t>
  </si>
  <si>
    <t>cg08145495</t>
  </si>
  <si>
    <t>cg08148553</t>
  </si>
  <si>
    <t>cg08151612</t>
  </si>
  <si>
    <t>cg08151828</t>
  </si>
  <si>
    <t>cg08151866</t>
  </si>
  <si>
    <t>cg08153621</t>
  </si>
  <si>
    <t>cg08153694</t>
  </si>
  <si>
    <t>cg08157739</t>
  </si>
  <si>
    <t>cg08162337</t>
  </si>
  <si>
    <t>cg08165261</t>
  </si>
  <si>
    <t>cg08172637</t>
  </si>
  <si>
    <t>cg08172787</t>
  </si>
  <si>
    <t>cg08177264</t>
  </si>
  <si>
    <t>cg08184586</t>
  </si>
  <si>
    <t>cg08189659</t>
  </si>
  <si>
    <t>cg08195029</t>
  </si>
  <si>
    <t>cg08196968</t>
  </si>
  <si>
    <t>cg08198330</t>
  </si>
  <si>
    <t>cg08198862</t>
  </si>
  <si>
    <t>cg08200625</t>
  </si>
  <si>
    <t>cg08201854</t>
  </si>
  <si>
    <t>cg08207256</t>
  </si>
  <si>
    <t>cg08214688</t>
  </si>
  <si>
    <t>cg08217545</t>
  </si>
  <si>
    <t>cg08220598</t>
  </si>
  <si>
    <t>cg08224208</t>
  </si>
  <si>
    <t>cg08228914</t>
  </si>
  <si>
    <t>cg08229488</t>
  </si>
  <si>
    <t>cg08230215</t>
  </si>
  <si>
    <t>cg08233142</t>
  </si>
  <si>
    <t>cg08243434</t>
  </si>
  <si>
    <t>cg08243728</t>
  </si>
  <si>
    <t>cg08248366</t>
  </si>
  <si>
    <t>cg08249988</t>
  </si>
  <si>
    <t>cg08251398</t>
  </si>
  <si>
    <t>cg08251598</t>
  </si>
  <si>
    <t>cg08253494</t>
  </si>
  <si>
    <t>cg08258000</t>
  </si>
  <si>
    <t>cg08259958</t>
  </si>
  <si>
    <t>cg08261125</t>
  </si>
  <si>
    <t>cg08263398</t>
  </si>
  <si>
    <t>cg08265265</t>
  </si>
  <si>
    <t>cg08267614</t>
  </si>
  <si>
    <t>cg08269119</t>
  </si>
  <si>
    <t>cg08269974</t>
  </si>
  <si>
    <t>cg08270964</t>
  </si>
  <si>
    <t>cg08271318</t>
  </si>
  <si>
    <t>cg08275585</t>
  </si>
  <si>
    <t>cg08278357</t>
  </si>
  <si>
    <t>cg08282037</t>
  </si>
  <si>
    <t>cg08287334</t>
  </si>
  <si>
    <t>cg08288406</t>
  </si>
  <si>
    <t>cg08289409</t>
  </si>
  <si>
    <t>cg08291069</t>
  </si>
  <si>
    <t>cg08292079</t>
  </si>
  <si>
    <t>cg08293825</t>
  </si>
  <si>
    <t>cg08298679</t>
  </si>
  <si>
    <t>cg08305436</t>
  </si>
  <si>
    <t>cg08312600</t>
  </si>
  <si>
    <t>cg08320164</t>
  </si>
  <si>
    <t>cg08326019</t>
  </si>
  <si>
    <t>cg08332492</t>
  </si>
  <si>
    <t>cg08332658</t>
  </si>
  <si>
    <t>cg08333703</t>
  </si>
  <si>
    <t>cg08334575</t>
  </si>
  <si>
    <t>cg08336861</t>
  </si>
  <si>
    <t>cg08337184</t>
  </si>
  <si>
    <t>cg08337835</t>
  </si>
  <si>
    <t>cg08340521</t>
  </si>
  <si>
    <t>cg08341673</t>
  </si>
  <si>
    <t>cg08346078</t>
  </si>
  <si>
    <t>cg08347042</t>
  </si>
  <si>
    <t>cg08347471</t>
  </si>
  <si>
    <t>cg08350509</t>
  </si>
  <si>
    <t>cg08355109</t>
  </si>
  <si>
    <t>cg08355316</t>
  </si>
  <si>
    <t>cg08357055</t>
  </si>
  <si>
    <t>cg08358907</t>
  </si>
  <si>
    <t>cg08359958</t>
  </si>
  <si>
    <t>cg08371124</t>
  </si>
  <si>
    <t>cg08371772</t>
  </si>
  <si>
    <t>cg08375754</t>
  </si>
  <si>
    <t>cg08376051</t>
  </si>
  <si>
    <t>cg08377010</t>
  </si>
  <si>
    <t>cg08379738</t>
  </si>
  <si>
    <t>cg08380252</t>
  </si>
  <si>
    <t>cg08391709</t>
  </si>
  <si>
    <t>cg08391848</t>
  </si>
  <si>
    <t>cg08397273</t>
  </si>
  <si>
    <t>cg08397339</t>
  </si>
  <si>
    <t>cg08397818</t>
  </si>
  <si>
    <t>cg08405405</t>
  </si>
  <si>
    <t>cg08407014</t>
  </si>
  <si>
    <t>cg08408433</t>
  </si>
  <si>
    <t>cg08409301</t>
  </si>
  <si>
    <t>cg08409566</t>
  </si>
  <si>
    <t>cg08411068</t>
  </si>
  <si>
    <t>cg08415986</t>
  </si>
  <si>
    <t>cg08418670</t>
  </si>
  <si>
    <t>cg08418841</t>
  </si>
  <si>
    <t>cg08420572</t>
  </si>
  <si>
    <t>cg08422181</t>
  </si>
  <si>
    <t>cg08426951</t>
  </si>
  <si>
    <t>cg08427305</t>
  </si>
  <si>
    <t>cg08429214</t>
  </si>
  <si>
    <t>cg08434594</t>
  </si>
  <si>
    <t>cg08435603</t>
  </si>
  <si>
    <t>cg08437802</t>
  </si>
  <si>
    <t>cg08438705</t>
  </si>
  <si>
    <t>cg08447324</t>
  </si>
  <si>
    <t>cg08450106</t>
  </si>
  <si>
    <t>cg08452898</t>
  </si>
  <si>
    <t>cg08461097</t>
  </si>
  <si>
    <t>cg08461949</t>
  </si>
  <si>
    <t>cg08464520</t>
  </si>
  <si>
    <t>cg08466351</t>
  </si>
  <si>
    <t>cg08467108</t>
  </si>
  <si>
    <t>cg08467185</t>
  </si>
  <si>
    <t>cg08480266</t>
  </si>
  <si>
    <t>cg08484671</t>
  </si>
  <si>
    <t>cg08486065</t>
  </si>
  <si>
    <t>cg08494041</t>
  </si>
  <si>
    <t>cg08496742</t>
  </si>
  <si>
    <t>cg08499107</t>
  </si>
  <si>
    <t>cg08502240</t>
  </si>
  <si>
    <t>cg08506306</t>
  </si>
  <si>
    <t>cg08508074</t>
  </si>
  <si>
    <t>cg08509172</t>
  </si>
  <si>
    <t>cg08512167</t>
  </si>
  <si>
    <t>cg08512928</t>
  </si>
  <si>
    <t>cg08514957</t>
  </si>
  <si>
    <t>cg08516217</t>
  </si>
  <si>
    <t>cg08520228</t>
  </si>
  <si>
    <t>cg08521321</t>
  </si>
  <si>
    <t>cg08525314</t>
  </si>
  <si>
    <t>cg08529186</t>
  </si>
  <si>
    <t>cg08531052</t>
  </si>
  <si>
    <t>cg08531998</t>
  </si>
  <si>
    <t>cg08536835</t>
  </si>
  <si>
    <t>cg08541729</t>
  </si>
  <si>
    <t>cg08543966</t>
  </si>
  <si>
    <t>cg08545132</t>
  </si>
  <si>
    <t>cg08551532</t>
  </si>
  <si>
    <t>cg08552819</t>
  </si>
  <si>
    <t>cg08553820</t>
  </si>
  <si>
    <t>cg08553857</t>
  </si>
  <si>
    <t>cg08561856</t>
  </si>
  <si>
    <t>cg08565675</t>
  </si>
  <si>
    <t>cg08570691</t>
  </si>
  <si>
    <t>cg08576658</t>
  </si>
  <si>
    <t>cg08579082</t>
  </si>
  <si>
    <t>cg08579502</t>
  </si>
  <si>
    <t>cg08580347</t>
  </si>
  <si>
    <t>cg08582038</t>
  </si>
  <si>
    <t>cg08583001</t>
  </si>
  <si>
    <t>cg08586541</t>
  </si>
  <si>
    <t>cg08595563</t>
  </si>
  <si>
    <t>cg08599448</t>
  </si>
  <si>
    <t>cg08603836</t>
  </si>
  <si>
    <t>cg08607018</t>
  </si>
  <si>
    <t>cg08610687</t>
  </si>
  <si>
    <t>cg08613384</t>
  </si>
  <si>
    <t>cg08617160</t>
  </si>
  <si>
    <t>cg08626004</t>
  </si>
  <si>
    <t>cg08630279</t>
  </si>
  <si>
    <t>cg08633479</t>
  </si>
  <si>
    <t>cg08639244</t>
  </si>
  <si>
    <t>cg08642014</t>
  </si>
  <si>
    <t>cg08643005</t>
  </si>
  <si>
    <t>cg08647419</t>
  </si>
  <si>
    <t>cg08648367</t>
  </si>
  <si>
    <t>cg08648566</t>
  </si>
  <si>
    <t>cg08648727</t>
  </si>
  <si>
    <t>cg08651378</t>
  </si>
  <si>
    <t>cg08651867</t>
  </si>
  <si>
    <t>cg08653692</t>
  </si>
  <si>
    <t>cg08654020</t>
  </si>
  <si>
    <t>cg08655701</t>
  </si>
  <si>
    <t>cg08658407</t>
  </si>
  <si>
    <t>cg08660999</t>
  </si>
  <si>
    <t>cg08663936</t>
  </si>
  <si>
    <t>cg08668112</t>
  </si>
  <si>
    <t>cg08671133</t>
  </si>
  <si>
    <t>cg08672999</t>
  </si>
  <si>
    <t>cg08673054</t>
  </si>
  <si>
    <t>cg08676534</t>
  </si>
  <si>
    <t>cg08679971</t>
  </si>
  <si>
    <t>cg08680162</t>
  </si>
  <si>
    <t>cg08684551</t>
  </si>
  <si>
    <t>cg08687515</t>
  </si>
  <si>
    <t>cg08688822</t>
  </si>
  <si>
    <t>cg08694680</t>
  </si>
  <si>
    <t>cg08697092</t>
  </si>
  <si>
    <t>cg08701479</t>
  </si>
  <si>
    <t>cg08704562</t>
  </si>
  <si>
    <t>cg08812242</t>
  </si>
  <si>
    <t>cg08817644</t>
  </si>
  <si>
    <t>cg08826281</t>
  </si>
  <si>
    <t>cg08826460</t>
  </si>
  <si>
    <t>cg08827079</t>
  </si>
  <si>
    <t>cg08831348</t>
  </si>
  <si>
    <t>cg08832799</t>
  </si>
  <si>
    <t>cg08834593</t>
  </si>
  <si>
    <t>cg08835342</t>
  </si>
  <si>
    <t>cg08836353</t>
  </si>
  <si>
    <t>cg08837627</t>
  </si>
  <si>
    <t>cg08840441</t>
  </si>
  <si>
    <t>cg08844501</t>
  </si>
  <si>
    <t>cg08849938</t>
  </si>
  <si>
    <t>cg08850289</t>
  </si>
  <si>
    <t>cg08851591</t>
  </si>
  <si>
    <t>cg08853419</t>
  </si>
  <si>
    <t>cg08861722</t>
  </si>
  <si>
    <t>cg08865350</t>
  </si>
  <si>
    <t>cg08868736</t>
  </si>
  <si>
    <t>cg08870433</t>
  </si>
  <si>
    <t>cg08871608</t>
  </si>
  <si>
    <t>cg08871964</t>
  </si>
  <si>
    <t>cg08873701</t>
  </si>
  <si>
    <t>cg08873940</t>
  </si>
  <si>
    <t>cg08874471</t>
  </si>
  <si>
    <t>cg08878662</t>
  </si>
  <si>
    <t>cg08879172</t>
  </si>
  <si>
    <t>cg08884571</t>
  </si>
  <si>
    <t>cg08886546</t>
  </si>
  <si>
    <t>cg08888278</t>
  </si>
  <si>
    <t>cg08888354</t>
  </si>
  <si>
    <t>cg08893650</t>
  </si>
  <si>
    <t>cg08894891</t>
  </si>
  <si>
    <t>cg08900977</t>
  </si>
  <si>
    <t>cg08901057</t>
  </si>
  <si>
    <t>cg08902698</t>
  </si>
  <si>
    <t>cg08995662</t>
  </si>
  <si>
    <t>cg09231514</t>
  </si>
  <si>
    <t>cg09235562</t>
  </si>
  <si>
    <t>cg09248655</t>
  </si>
  <si>
    <t>cg09252214</t>
  </si>
  <si>
    <t>cg09253581</t>
  </si>
  <si>
    <t>cg09254823</t>
  </si>
  <si>
    <t>cg09255318</t>
  </si>
  <si>
    <t>cg09259004</t>
  </si>
  <si>
    <t>cg09260640</t>
  </si>
  <si>
    <t>cg09262666</t>
  </si>
  <si>
    <t>cg09263111</t>
  </si>
  <si>
    <t>cg09264330</t>
  </si>
  <si>
    <t>cg09265397</t>
  </si>
  <si>
    <t>cg09265529</t>
  </si>
  <si>
    <t>cg09267217</t>
  </si>
  <si>
    <t>cg09279544</t>
  </si>
  <si>
    <t>cg09284703</t>
  </si>
  <si>
    <t>cg09284949</t>
  </si>
  <si>
    <t>cg09288755</t>
  </si>
  <si>
    <t>cg09293614</t>
  </si>
  <si>
    <t>cg09294629</t>
  </si>
  <si>
    <t>cg09300796</t>
  </si>
  <si>
    <t>cg09310891</t>
  </si>
  <si>
    <t>cg09316894</t>
  </si>
  <si>
    <t>cg09317102</t>
  </si>
  <si>
    <t>cg09317632</t>
  </si>
  <si>
    <t>cg09320690</t>
  </si>
  <si>
    <t>cg09325679</t>
  </si>
  <si>
    <t>cg09331335</t>
  </si>
  <si>
    <t>cg09334331</t>
  </si>
  <si>
    <t>cg09336988</t>
  </si>
  <si>
    <t>cg09352155</t>
  </si>
  <si>
    <t>cg09354444</t>
  </si>
  <si>
    <t>cg09364328</t>
  </si>
  <si>
    <t>cg09365533</t>
  </si>
  <si>
    <t>cg09370594</t>
  </si>
  <si>
    <t>cg09371559</t>
  </si>
  <si>
    <t>cg09373983</t>
  </si>
  <si>
    <t>cg09374949</t>
  </si>
  <si>
    <t>cg09377704</t>
  </si>
  <si>
    <t>cg09377855</t>
  </si>
  <si>
    <t>cg09380415</t>
  </si>
  <si>
    <t>cg09380636</t>
  </si>
  <si>
    <t>cg09386954</t>
  </si>
  <si>
    <t>cg09387215</t>
  </si>
  <si>
    <t>cg09397868</t>
  </si>
  <si>
    <t>cg09407273</t>
  </si>
  <si>
    <t>cg09414987</t>
  </si>
  <si>
    <t>cg09416588</t>
  </si>
  <si>
    <t>cg09418063</t>
  </si>
  <si>
    <t>cg09418984</t>
  </si>
  <si>
    <t>cg09428024</t>
  </si>
  <si>
    <t>cg09429435</t>
  </si>
  <si>
    <t>cg09430954</t>
  </si>
  <si>
    <t>cg09431544</t>
  </si>
  <si>
    <t>cg09432136</t>
  </si>
  <si>
    <t>cg09433135</t>
  </si>
  <si>
    <t>cg09433379</t>
  </si>
  <si>
    <t>cg09434500</t>
  </si>
  <si>
    <t>cg09434832</t>
  </si>
  <si>
    <t>cg09449030</t>
  </si>
  <si>
    <t>cg09450037</t>
  </si>
  <si>
    <t>cg09463900</t>
  </si>
  <si>
    <t>cg09466465</t>
  </si>
  <si>
    <t>cg09467605</t>
  </si>
  <si>
    <t>cg09469223</t>
  </si>
  <si>
    <t>cg09470902</t>
  </si>
  <si>
    <t>cg09474331</t>
  </si>
  <si>
    <t>cg09483781</t>
  </si>
  <si>
    <t>cg09484638</t>
  </si>
  <si>
    <t>cg09487101</t>
  </si>
  <si>
    <t>cg09487449</t>
  </si>
  <si>
    <t>cg09488502</t>
  </si>
  <si>
    <t>cg09489306</t>
  </si>
  <si>
    <t>cg09495643</t>
  </si>
  <si>
    <t>cg09498106</t>
  </si>
  <si>
    <t>cg09508496</t>
  </si>
  <si>
    <t>cg09510559</t>
  </si>
  <si>
    <t>cg09513133</t>
  </si>
  <si>
    <t>cg09518441</t>
  </si>
  <si>
    <t>cg09521703</t>
  </si>
  <si>
    <t>cg09523171</t>
  </si>
  <si>
    <t>cg09529323</t>
  </si>
  <si>
    <t>cg09530368</t>
  </si>
  <si>
    <t>cg09537107</t>
  </si>
  <si>
    <t>cg09541373</t>
  </si>
  <si>
    <t>cg09547032</t>
  </si>
  <si>
    <t>cg09548950</t>
  </si>
  <si>
    <t>cg09550323</t>
  </si>
  <si>
    <t>cg09554789</t>
  </si>
  <si>
    <t>cg09558872</t>
  </si>
  <si>
    <t>cg09559373</t>
  </si>
  <si>
    <t>cg09565237</t>
  </si>
  <si>
    <t>cg09572175</t>
  </si>
  <si>
    <t>cg09573809</t>
  </si>
  <si>
    <t>cg09575871</t>
  </si>
  <si>
    <t>cg09628601</t>
  </si>
  <si>
    <t>cg09699369</t>
  </si>
  <si>
    <t>cg09759458</t>
  </si>
  <si>
    <t>cg09760057</t>
  </si>
  <si>
    <t>cg09761352</t>
  </si>
  <si>
    <t>cg09769958</t>
  </si>
  <si>
    <t>cg09772661</t>
  </si>
  <si>
    <t>cg09775628</t>
  </si>
  <si>
    <t>cg09775785</t>
  </si>
  <si>
    <t>cg09776718</t>
  </si>
  <si>
    <t>cg09778357</t>
  </si>
  <si>
    <t>cg09779924</t>
  </si>
  <si>
    <t>cg09782300</t>
  </si>
  <si>
    <t>cg09788082</t>
  </si>
  <si>
    <t>cg09790117</t>
  </si>
  <si>
    <t>cg09791665</t>
  </si>
  <si>
    <t>cg09793279</t>
  </si>
  <si>
    <t>cg09906922</t>
  </si>
  <si>
    <t>cg09907936</t>
  </si>
  <si>
    <t>cg09908601</t>
  </si>
  <si>
    <t>cg09911399</t>
  </si>
  <si>
    <t>cg09918296</t>
  </si>
  <si>
    <t>cg09922628</t>
  </si>
  <si>
    <t>cg09922770</t>
  </si>
  <si>
    <t>cg09923756</t>
  </si>
  <si>
    <t>cg09925408</t>
  </si>
  <si>
    <t>cg09926488</t>
  </si>
  <si>
    <t>cg09930748</t>
  </si>
  <si>
    <t>cg09932436</t>
  </si>
  <si>
    <t>cg09932439</t>
  </si>
  <si>
    <t>cg09935271</t>
  </si>
  <si>
    <t>cg09949775</t>
  </si>
  <si>
    <t>cg09961100</t>
  </si>
  <si>
    <t>cg09961571</t>
  </si>
  <si>
    <t>cg09966364</t>
  </si>
  <si>
    <t>cg09969046</t>
  </si>
  <si>
    <t>cg09972205</t>
  </si>
  <si>
    <t>cg09977703</t>
  </si>
  <si>
    <t>cg09977969</t>
  </si>
  <si>
    <t>cg09978321</t>
  </si>
  <si>
    <t>cg09980058</t>
  </si>
  <si>
    <t>cg09980176</t>
  </si>
  <si>
    <t>cg09984898</t>
  </si>
  <si>
    <t>cg09986680</t>
  </si>
  <si>
    <t>cg09992805</t>
  </si>
  <si>
    <t>cg09997638</t>
  </si>
  <si>
    <t>cg09998451</t>
  </si>
  <si>
    <t>cg10004563</t>
  </si>
  <si>
    <t>cg10007372</t>
  </si>
  <si>
    <t>cg10010249</t>
  </si>
  <si>
    <t>cg10010386</t>
  </si>
  <si>
    <t>cg10012059</t>
  </si>
  <si>
    <t>cg10015802</t>
  </si>
  <si>
    <t>cg10016575</t>
  </si>
  <si>
    <t>cg10017888</t>
  </si>
  <si>
    <t>cg10019429</t>
  </si>
  <si>
    <t>cg10023249</t>
  </si>
  <si>
    <t>cg10073349</t>
  </si>
  <si>
    <t>cg10121434</t>
  </si>
  <si>
    <t>cg10122766</t>
  </si>
  <si>
    <t>cg10127463</t>
  </si>
  <si>
    <t>cg10132208</t>
  </si>
  <si>
    <t>cg10133929</t>
  </si>
  <si>
    <t>cg10139370</t>
  </si>
  <si>
    <t>cg10146402</t>
  </si>
  <si>
    <t>cg10151741</t>
  </si>
  <si>
    <t>cg10158633</t>
  </si>
  <si>
    <t>cg10161194</t>
  </si>
  <si>
    <t>cg10163222</t>
  </si>
  <si>
    <t>cg10165008</t>
  </si>
  <si>
    <t>cg10166283</t>
  </si>
  <si>
    <t>cg10169241</t>
  </si>
  <si>
    <t>cg10169854</t>
  </si>
  <si>
    <t>cg10171267</t>
  </si>
  <si>
    <t>cg10171388</t>
  </si>
  <si>
    <t>cg10173182</t>
  </si>
  <si>
    <t>cg10176457</t>
  </si>
  <si>
    <t>cg10176667</t>
  </si>
  <si>
    <t>cg10177748</t>
  </si>
  <si>
    <t>cg10181822</t>
  </si>
  <si>
    <t>cg10192047</t>
  </si>
  <si>
    <t>cg10192736</t>
  </si>
  <si>
    <t>cg10194870</t>
  </si>
  <si>
    <t>cg10204053</t>
  </si>
  <si>
    <t>cg10213924</t>
  </si>
  <si>
    <t>cg10215766</t>
  </si>
  <si>
    <t>cg10218347</t>
  </si>
  <si>
    <t>cg10218876</t>
  </si>
  <si>
    <t>cg10227393</t>
  </si>
  <si>
    <t>cg10227705</t>
  </si>
  <si>
    <t>cg10252086</t>
  </si>
  <si>
    <t>cg10266068</t>
  </si>
  <si>
    <t>cg10271272</t>
  </si>
  <si>
    <t>cg10332700</t>
  </si>
  <si>
    <t>cg10338639</t>
  </si>
  <si>
    <t>cg10342884</t>
  </si>
  <si>
    <t>cg10343723</t>
  </si>
  <si>
    <t>cg10351808</t>
  </si>
  <si>
    <t>cg10358533</t>
  </si>
  <si>
    <t>cg10362865</t>
  </si>
  <si>
    <t>cg10369688</t>
  </si>
  <si>
    <t>cg10373780</t>
  </si>
  <si>
    <t>cg10374084</t>
  </si>
  <si>
    <t>cg10376598</t>
  </si>
  <si>
    <t>cg10381076</t>
  </si>
  <si>
    <t>cg10385411</t>
  </si>
  <si>
    <t>cg10390589</t>
  </si>
  <si>
    <t>cg10400652</t>
  </si>
  <si>
    <t>cg10403539</t>
  </si>
  <si>
    <t>cg10406526</t>
  </si>
  <si>
    <t>cg10459127</t>
  </si>
  <si>
    <t>cg10584766</t>
  </si>
  <si>
    <t>cg10585870</t>
  </si>
  <si>
    <t>cg10589018</t>
  </si>
  <si>
    <t>cg10591771</t>
  </si>
  <si>
    <t>cg10591911</t>
  </si>
  <si>
    <t>cg10593256</t>
  </si>
  <si>
    <t>cg10596108</t>
  </si>
  <si>
    <t>cg10598434</t>
  </si>
  <si>
    <t>cg10599438</t>
  </si>
  <si>
    <t>cg10601761</t>
  </si>
  <si>
    <t>cg10602468</t>
  </si>
  <si>
    <t>cg10604476</t>
  </si>
  <si>
    <t>cg10608596</t>
  </si>
  <si>
    <t>cg10609371</t>
  </si>
  <si>
    <t>cg10611463</t>
  </si>
  <si>
    <t>cg10626209</t>
  </si>
  <si>
    <t>cg10627703</t>
  </si>
  <si>
    <t>cg10628276</t>
  </si>
  <si>
    <t>cg10634317</t>
  </si>
  <si>
    <t>cg10635912</t>
  </si>
  <si>
    <t>cg10638780</t>
  </si>
  <si>
    <t>cg10640845</t>
  </si>
  <si>
    <t>cg10642957</t>
  </si>
  <si>
    <t>cg10649714</t>
  </si>
  <si>
    <t>cg10653926</t>
  </si>
  <si>
    <t>cg10654866</t>
  </si>
  <si>
    <t>cg10655021</t>
  </si>
  <si>
    <t>cg10657121</t>
  </si>
  <si>
    <t>cg10659886</t>
  </si>
  <si>
    <t>cg10661724</t>
  </si>
  <si>
    <t>cg10665321</t>
  </si>
  <si>
    <t>cg10667338</t>
  </si>
  <si>
    <t>cg10671950</t>
  </si>
  <si>
    <t>cg10672726</t>
  </si>
  <si>
    <t>cg10677351</t>
  </si>
  <si>
    <t>cg10678018</t>
  </si>
  <si>
    <t>cg10681125</t>
  </si>
  <si>
    <t>cg10682833</t>
  </si>
  <si>
    <t>cg10684794</t>
  </si>
  <si>
    <t>cg10687087</t>
  </si>
  <si>
    <t>cg10687823</t>
  </si>
  <si>
    <t>cg10689127</t>
  </si>
  <si>
    <t>cg10689470</t>
  </si>
  <si>
    <t>cg10690082</t>
  </si>
  <si>
    <t>cg10691036</t>
  </si>
  <si>
    <t>cg10693058</t>
  </si>
  <si>
    <t>cg10697737</t>
  </si>
  <si>
    <t>cg10699264</t>
  </si>
  <si>
    <t>cg10706553</t>
  </si>
  <si>
    <t>cg10710468</t>
  </si>
  <si>
    <t>cg10711694</t>
  </si>
  <si>
    <t>cg10718940</t>
  </si>
  <si>
    <t>cg10721001</t>
  </si>
  <si>
    <t>cg10721834</t>
  </si>
  <si>
    <t>cg10722938</t>
  </si>
  <si>
    <t>cg10724442</t>
  </si>
  <si>
    <t>cg10727654</t>
  </si>
  <si>
    <t>cg10730370</t>
  </si>
  <si>
    <t>cg10738026</t>
  </si>
  <si>
    <t>cg10741153</t>
  </si>
  <si>
    <t>cg10741422</t>
  </si>
  <si>
    <t>cg10741443</t>
  </si>
  <si>
    <t>cg10742957</t>
  </si>
  <si>
    <t>cg10743145</t>
  </si>
  <si>
    <t>cg10747682</t>
  </si>
  <si>
    <t>cg10752406</t>
  </si>
  <si>
    <t>cg10754777</t>
  </si>
  <si>
    <t>cg10755044</t>
  </si>
  <si>
    <t>cg10756252</t>
  </si>
  <si>
    <t>cg10761804</t>
  </si>
  <si>
    <t>cg10761845</t>
  </si>
  <si>
    <t>cg10767909</t>
  </si>
  <si>
    <t>cg10768564</t>
  </si>
  <si>
    <t>cg10769251</t>
  </si>
  <si>
    <t>cg10777495</t>
  </si>
  <si>
    <t>cg10786645</t>
  </si>
  <si>
    <t>cg10787145</t>
  </si>
  <si>
    <t>cg10788735</t>
  </si>
  <si>
    <t>cg10789018</t>
  </si>
  <si>
    <t>cg10791954</t>
  </si>
  <si>
    <t>cg10802291</t>
  </si>
  <si>
    <t>cg10805856</t>
  </si>
  <si>
    <t>cg10811474</t>
  </si>
  <si>
    <t>cg10812733</t>
  </si>
  <si>
    <t>cg10813644</t>
  </si>
  <si>
    <t>cg10819238</t>
  </si>
  <si>
    <t>cg10819350</t>
  </si>
  <si>
    <t>cg10819847</t>
  </si>
  <si>
    <t>cg10831285</t>
  </si>
  <si>
    <t>cg10832304</t>
  </si>
  <si>
    <t>cg10833620</t>
  </si>
  <si>
    <t>cg10835230</t>
  </si>
  <si>
    <t>cg10836101</t>
  </si>
  <si>
    <t>cg10836401</t>
  </si>
  <si>
    <t>cg10926386</t>
  </si>
  <si>
    <t>cg10968958</t>
  </si>
  <si>
    <t>cg11055358</t>
  </si>
  <si>
    <t>cg11199770</t>
  </si>
  <si>
    <t>cg11224407</t>
  </si>
  <si>
    <t>cg11225056</t>
  </si>
  <si>
    <t>cg11227172</t>
  </si>
  <si>
    <t>cg11231751</t>
  </si>
  <si>
    <t>cg11232793</t>
  </si>
  <si>
    <t>cg11238064</t>
  </si>
  <si>
    <t>cg11239220</t>
  </si>
  <si>
    <t>cg11242791</t>
  </si>
  <si>
    <t>cg11251319</t>
  </si>
  <si>
    <t>cg11252555</t>
  </si>
  <si>
    <t>cg11254700</t>
  </si>
  <si>
    <t>cg11259183</t>
  </si>
  <si>
    <t>cg11259628</t>
  </si>
  <si>
    <t>cg11260072</t>
  </si>
  <si>
    <t>cg11260421</t>
  </si>
  <si>
    <t>cg11274962</t>
  </si>
  <si>
    <t>cg11275630</t>
  </si>
  <si>
    <t>cg11278510</t>
  </si>
  <si>
    <t>cg11280390</t>
  </si>
  <si>
    <t>cg11288801</t>
  </si>
  <si>
    <t>cg11291882</t>
  </si>
  <si>
    <t>cg11293190</t>
  </si>
  <si>
    <t>cg11295777</t>
  </si>
  <si>
    <t>cg11295942</t>
  </si>
  <si>
    <t>cg11298989</t>
  </si>
  <si>
    <t>cg11303561</t>
  </si>
  <si>
    <t>cg11308549</t>
  </si>
  <si>
    <t>cg11315979</t>
  </si>
  <si>
    <t>cg11319719</t>
  </si>
  <si>
    <t>cg11320517</t>
  </si>
  <si>
    <t>cg11326255</t>
  </si>
  <si>
    <t>cg11331422</t>
  </si>
  <si>
    <t>cg11338088</t>
  </si>
  <si>
    <t>cg11340363</t>
  </si>
  <si>
    <t>cg11344352</t>
  </si>
  <si>
    <t>cg11353368</t>
  </si>
  <si>
    <t>cg11354908</t>
  </si>
  <si>
    <t>cg11355029</t>
  </si>
  <si>
    <t>cg11357813</t>
  </si>
  <si>
    <t>cg11358549</t>
  </si>
  <si>
    <t>cg11368509</t>
  </si>
  <si>
    <t>cg11368923</t>
  </si>
  <si>
    <t>cg11369662</t>
  </si>
  <si>
    <t>cg11370532</t>
  </si>
  <si>
    <t>cg11376305</t>
  </si>
  <si>
    <t>cg11378778</t>
  </si>
  <si>
    <t>cg11379392</t>
  </si>
  <si>
    <t>cg11381281</t>
  </si>
  <si>
    <t>cg11383165</t>
  </si>
  <si>
    <t>cg11385013</t>
  </si>
  <si>
    <t>cg11387248</t>
  </si>
  <si>
    <t>cg11390978</t>
  </si>
  <si>
    <t>cg11393479</t>
  </si>
  <si>
    <t>cg11398523</t>
  </si>
  <si>
    <t>cg11410682</t>
  </si>
  <si>
    <t>cg11413751</t>
  </si>
  <si>
    <t>cg11413800</t>
  </si>
  <si>
    <t>cg11419456</t>
  </si>
  <si>
    <t>cg11423822</t>
  </si>
  <si>
    <t>cg11427463</t>
  </si>
  <si>
    <t>cg11434705</t>
  </si>
  <si>
    <t>cg11435087</t>
  </si>
  <si>
    <t>cg11439068</t>
  </si>
  <si>
    <t>cg11441617</t>
  </si>
  <si>
    <t>cg11441935</t>
  </si>
  <si>
    <t>cg11443159</t>
  </si>
  <si>
    <t>cg11445323</t>
  </si>
  <si>
    <t>cg11450094</t>
  </si>
  <si>
    <t>cg11457695</t>
  </si>
  <si>
    <t>cg11539780</t>
  </si>
  <si>
    <t>cg11541479</t>
  </si>
  <si>
    <t>cg11545949</t>
  </si>
  <si>
    <t>cg11548363</t>
  </si>
  <si>
    <t>cg11552585</t>
  </si>
  <si>
    <t>cg11555228</t>
  </si>
  <si>
    <t>cg11557492</t>
  </si>
  <si>
    <t>cg11557938</t>
  </si>
  <si>
    <t>cg11558169</t>
  </si>
  <si>
    <t>cg11573093</t>
  </si>
  <si>
    <t>cg11587635</t>
  </si>
  <si>
    <t>cg11587925</t>
  </si>
  <si>
    <t>cg11588001</t>
  </si>
  <si>
    <t>cg11592938</t>
  </si>
  <si>
    <t>cg11594498</t>
  </si>
  <si>
    <t>cg11595155</t>
  </si>
  <si>
    <t>cg11596498</t>
  </si>
  <si>
    <t>cg11602642</t>
  </si>
  <si>
    <t>cg11606463</t>
  </si>
  <si>
    <t>cg11609001</t>
  </si>
  <si>
    <t>cg11610754</t>
  </si>
  <si>
    <t>cg11616651</t>
  </si>
  <si>
    <t>cg11621725</t>
  </si>
  <si>
    <t>cg11623861</t>
  </si>
  <si>
    <t>cg11631271</t>
  </si>
  <si>
    <t>cg11634930</t>
  </si>
  <si>
    <t>cg11635401</t>
  </si>
  <si>
    <t>cg11635524</t>
  </si>
  <si>
    <t>cg11636699</t>
  </si>
  <si>
    <t>cg11643773</t>
  </si>
  <si>
    <t>cg11646203</t>
  </si>
  <si>
    <t>cg11653758</t>
  </si>
  <si>
    <t>cg11659327</t>
  </si>
  <si>
    <t>cg11666770</t>
  </si>
  <si>
    <t>cg11668770</t>
  </si>
  <si>
    <t>cg11669319</t>
  </si>
  <si>
    <t>cg11673741</t>
  </si>
  <si>
    <t>cg11683563</t>
  </si>
  <si>
    <t>cg11683663</t>
  </si>
  <si>
    <t>cg11685394</t>
  </si>
  <si>
    <t>cg11685814</t>
  </si>
  <si>
    <t>cg11686901</t>
  </si>
  <si>
    <t>cg11692371</t>
  </si>
  <si>
    <t>cg11696861</t>
  </si>
  <si>
    <t>cg11700415</t>
  </si>
  <si>
    <t>cg11701055</t>
  </si>
  <si>
    <t>cg11702448</t>
  </si>
  <si>
    <t>cg11702503</t>
  </si>
  <si>
    <t>cg11707067</t>
  </si>
  <si>
    <t>cg11708963</t>
  </si>
  <si>
    <t>cg11710211</t>
  </si>
  <si>
    <t>cg11712735</t>
  </si>
  <si>
    <t>cg11715095</t>
  </si>
  <si>
    <t>cg11716106</t>
  </si>
  <si>
    <t>cg11720556</t>
  </si>
  <si>
    <t>cg11726363</t>
  </si>
  <si>
    <t>cg11729169</t>
  </si>
  <si>
    <t>cg11737403</t>
  </si>
  <si>
    <t>cg11737710</t>
  </si>
  <si>
    <t>cg11740068</t>
  </si>
  <si>
    <t>cg11756368</t>
  </si>
  <si>
    <t>cg11757033</t>
  </si>
  <si>
    <t>cg11758861</t>
  </si>
  <si>
    <t>cg11759937</t>
  </si>
  <si>
    <t>cg11761572</t>
  </si>
  <si>
    <t>cg11765560</t>
  </si>
  <si>
    <t>cg11766468</t>
  </si>
  <si>
    <t>cg11773346</t>
  </si>
  <si>
    <t>cg11773468</t>
  </si>
  <si>
    <t>cg11776676</t>
  </si>
  <si>
    <t>cg11777782</t>
  </si>
  <si>
    <t>cg11778253</t>
  </si>
  <si>
    <t>cg11781339</t>
  </si>
  <si>
    <t>cg11787367</t>
  </si>
  <si>
    <t>cg11787855</t>
  </si>
  <si>
    <t>cg11794532</t>
  </si>
  <si>
    <t>cg11800244</t>
  </si>
  <si>
    <t>cg11800832</t>
  </si>
  <si>
    <t>cg11804775</t>
  </si>
  <si>
    <t>cg11809123</t>
  </si>
  <si>
    <t>cg11809157</t>
  </si>
  <si>
    <t>cg11812023</t>
  </si>
  <si>
    <t>cg11814875</t>
  </si>
  <si>
    <t>cg11817453</t>
  </si>
  <si>
    <t>cg11835050</t>
  </si>
  <si>
    <t>cg11843700</t>
  </si>
  <si>
    <t>cg11849132</t>
  </si>
  <si>
    <t>cg11856189</t>
  </si>
  <si>
    <t>cg11858450</t>
  </si>
  <si>
    <t>cg11859584</t>
  </si>
  <si>
    <t>cg11861731</t>
  </si>
  <si>
    <t>cg11863417</t>
  </si>
  <si>
    <t>cg11866303</t>
  </si>
  <si>
    <t>cg11867012</t>
  </si>
  <si>
    <t>cg11867671</t>
  </si>
  <si>
    <t>cg11872300</t>
  </si>
  <si>
    <t>cg11877254</t>
  </si>
  <si>
    <t>cg11879536</t>
  </si>
  <si>
    <t>cg11881562</t>
  </si>
  <si>
    <t>cg11884093</t>
  </si>
  <si>
    <t>cg11884179</t>
  </si>
  <si>
    <t>cg11887629</t>
  </si>
  <si>
    <t>cg11888359</t>
  </si>
  <si>
    <t>cg11891735</t>
  </si>
  <si>
    <t>cg11893811</t>
  </si>
  <si>
    <t>cg11894504</t>
  </si>
  <si>
    <t>cg11894951</t>
  </si>
  <si>
    <t>cg11898486</t>
  </si>
  <si>
    <t>cg11902728</t>
  </si>
  <si>
    <t>cg11909748</t>
  </si>
  <si>
    <t>cg11909976</t>
  </si>
  <si>
    <t>cg11912306</t>
  </si>
  <si>
    <t>cg11913072</t>
  </si>
  <si>
    <t>cg11913104</t>
  </si>
  <si>
    <t>cg11914256</t>
  </si>
  <si>
    <t>cg11921270</t>
  </si>
  <si>
    <t>cg11923174</t>
  </si>
  <si>
    <t>cg11923617</t>
  </si>
  <si>
    <t>cg11925103</t>
  </si>
  <si>
    <t>cg11928000</t>
  </si>
  <si>
    <t>cg11947801</t>
  </si>
  <si>
    <t>cg11948055</t>
  </si>
  <si>
    <t>cg11956396</t>
  </si>
  <si>
    <t>cg11957331</t>
  </si>
  <si>
    <t>cg11957798</t>
  </si>
  <si>
    <t>cg11959374</t>
  </si>
  <si>
    <t>cg11960001</t>
  </si>
  <si>
    <t>cg11963430</t>
  </si>
  <si>
    <t>cg11964207</t>
  </si>
  <si>
    <t>cg11967894</t>
  </si>
  <si>
    <t>cg11971371</t>
  </si>
  <si>
    <t>cg11976052</t>
  </si>
  <si>
    <t>cg11977139</t>
  </si>
  <si>
    <t>cg11985287</t>
  </si>
  <si>
    <t>cg11992021</t>
  </si>
  <si>
    <t>cg11992783</t>
  </si>
  <si>
    <t>cg11995300</t>
  </si>
  <si>
    <t>cg11998205</t>
  </si>
  <si>
    <t>cg12008047</t>
  </si>
  <si>
    <t>cg12009516</t>
  </si>
  <si>
    <t>cg12009606</t>
  </si>
  <si>
    <t>cg12011479</t>
  </si>
  <si>
    <t>cg12013591</t>
  </si>
  <si>
    <t>cg12018098</t>
  </si>
  <si>
    <t>cg12019614</t>
  </si>
  <si>
    <t>cg12020396</t>
  </si>
  <si>
    <t>cg12020549</t>
  </si>
  <si>
    <t>cg12025549</t>
  </si>
  <si>
    <t>cg12026095</t>
  </si>
  <si>
    <t>cg12028326</t>
  </si>
  <si>
    <t>cg12028674</t>
  </si>
  <si>
    <t>cg12028762</t>
  </si>
  <si>
    <t>cg12028991</t>
  </si>
  <si>
    <t>cg12029794</t>
  </si>
  <si>
    <t>cg12033021</t>
  </si>
  <si>
    <t>cg12033943</t>
  </si>
  <si>
    <t>cg12040834</t>
  </si>
  <si>
    <t>cg12048253</t>
  </si>
  <si>
    <t>cg12053136</t>
  </si>
  <si>
    <t>cg12054341</t>
  </si>
  <si>
    <t>cg12060744</t>
  </si>
  <si>
    <t>cg12062282</t>
  </si>
  <si>
    <t>cg12062672</t>
  </si>
  <si>
    <t>cg12063490</t>
  </si>
  <si>
    <t>cg12070036</t>
  </si>
  <si>
    <t>cg12074025</t>
  </si>
  <si>
    <t>cg12082325</t>
  </si>
  <si>
    <t>cg12084869</t>
  </si>
  <si>
    <t>cg12085570</t>
  </si>
  <si>
    <t>cg12087432</t>
  </si>
  <si>
    <t>cg12092277</t>
  </si>
  <si>
    <t>cg12096988</t>
  </si>
  <si>
    <t>cg12099279</t>
  </si>
  <si>
    <t>cg12103219</t>
  </si>
  <si>
    <t>cg12104982</t>
  </si>
  <si>
    <t>cg12110584</t>
  </si>
  <si>
    <t>cg12111432</t>
  </si>
  <si>
    <t>cg12116020</t>
  </si>
  <si>
    <t>cg12120729</t>
  </si>
  <si>
    <t>cg12127780</t>
  </si>
  <si>
    <t>cg12129596</t>
  </si>
  <si>
    <t>cg12132029</t>
  </si>
  <si>
    <t>cg12137286</t>
  </si>
  <si>
    <t>cg12138063</t>
  </si>
  <si>
    <t>cg12150039</t>
  </si>
  <si>
    <t>cg12153709</t>
  </si>
  <si>
    <t>cg12154045</t>
  </si>
  <si>
    <t>cg12156512</t>
  </si>
  <si>
    <t>cg12159023</t>
  </si>
  <si>
    <t>cg12159575</t>
  </si>
  <si>
    <t>cg12163845</t>
  </si>
  <si>
    <t>cg12165782</t>
  </si>
  <si>
    <t>cg12166435</t>
  </si>
  <si>
    <t>cg12173535</t>
  </si>
  <si>
    <t>cg12176815</t>
  </si>
  <si>
    <t>cg12178287</t>
  </si>
  <si>
    <t>cg12181217</t>
  </si>
  <si>
    <t>cg12186702</t>
  </si>
  <si>
    <t>cg12186839</t>
  </si>
  <si>
    <t>cg12187069</t>
  </si>
  <si>
    <t>cg12193237</t>
  </si>
  <si>
    <t>cg12199618</t>
  </si>
  <si>
    <t>cg12209965</t>
  </si>
  <si>
    <t>cg12210286</t>
  </si>
  <si>
    <t>cg12214908</t>
  </si>
  <si>
    <t>cg12215853</t>
  </si>
  <si>
    <t>cg12216477</t>
  </si>
  <si>
    <t>cg12218126</t>
  </si>
  <si>
    <t>cg12219311</t>
  </si>
  <si>
    <t>cg12219828</t>
  </si>
  <si>
    <t>cg12230709</t>
  </si>
  <si>
    <t>cg12233208</t>
  </si>
  <si>
    <t>cg12235988</t>
  </si>
  <si>
    <t>cg12237591</t>
  </si>
  <si>
    <t>cg12243267</t>
  </si>
  <si>
    <t>cg12244581</t>
  </si>
  <si>
    <t>cg12245206</t>
  </si>
  <si>
    <t>cg12245770</t>
  </si>
  <si>
    <t>cg12249345</t>
  </si>
  <si>
    <t>cg12254611</t>
  </si>
  <si>
    <t>cg12257170</t>
  </si>
  <si>
    <t>cg12260643</t>
  </si>
  <si>
    <t>cg12261117</t>
  </si>
  <si>
    <t>cg12266551</t>
  </si>
  <si>
    <t>cg12271800</t>
  </si>
  <si>
    <t>cg12272837</t>
  </si>
  <si>
    <t>cg12277122</t>
  </si>
  <si>
    <t>cg12282124</t>
  </si>
  <si>
    <t>cg12285326</t>
  </si>
  <si>
    <t>cg12286123</t>
  </si>
  <si>
    <t>cg12286540</t>
  </si>
  <si>
    <t>cg12286569</t>
  </si>
  <si>
    <t>cg12291109</t>
  </si>
  <si>
    <t>cg12292808</t>
  </si>
  <si>
    <t>cg12295053</t>
  </si>
  <si>
    <t>cg12298955</t>
  </si>
  <si>
    <t>cg12299213</t>
  </si>
  <si>
    <t>cg12412075</t>
  </si>
  <si>
    <t>cg12482755</t>
  </si>
  <si>
    <t>cg12485161</t>
  </si>
  <si>
    <t>cg12486308</t>
  </si>
  <si>
    <t>cg12494124</t>
  </si>
  <si>
    <t>cg12495725</t>
  </si>
  <si>
    <t>cg12496599</t>
  </si>
  <si>
    <t>cg12497319</t>
  </si>
  <si>
    <t>cg12499716</t>
  </si>
  <si>
    <t>cg12499749</t>
  </si>
  <si>
    <t>cg12500284</t>
  </si>
  <si>
    <t>cg12503235</t>
  </si>
  <si>
    <t>cg12505362</t>
  </si>
  <si>
    <t>cg12511261</t>
  </si>
  <si>
    <t>cg12516455</t>
  </si>
  <si>
    <t>cg12520919</t>
  </si>
  <si>
    <t>cg12522736</t>
  </si>
  <si>
    <t>cg12523403</t>
  </si>
  <si>
    <t>cg12524759</t>
  </si>
  <si>
    <t>cg12526923</t>
  </si>
  <si>
    <t>cg12528394</t>
  </si>
  <si>
    <t>cg12529301</t>
  </si>
  <si>
    <t>cg12535894</t>
  </si>
  <si>
    <t>cg12536502</t>
  </si>
  <si>
    <t>cg12542094</t>
  </si>
  <si>
    <t>cg12542255</t>
  </si>
  <si>
    <t>cg12546181</t>
  </si>
  <si>
    <t>cg12548088</t>
  </si>
  <si>
    <t>cg12550816</t>
  </si>
  <si>
    <t>cg12554634</t>
  </si>
  <si>
    <t>cg12555306</t>
  </si>
  <si>
    <t>cg12561338</t>
  </si>
  <si>
    <t>cg12564097</t>
  </si>
  <si>
    <t>cg12571879</t>
  </si>
  <si>
    <t>cg12581241</t>
  </si>
  <si>
    <t>cg12581662</t>
  </si>
  <si>
    <t>cg12586496</t>
  </si>
  <si>
    <t>cg12586594</t>
  </si>
  <si>
    <t>cg12588082</t>
  </si>
  <si>
    <t>cg12589298</t>
  </si>
  <si>
    <t>cg12589308</t>
  </si>
  <si>
    <t>cg12748926</t>
  </si>
  <si>
    <t>cg12803694</t>
  </si>
  <si>
    <t>cg12846938</t>
  </si>
  <si>
    <t>cg12937807</t>
  </si>
  <si>
    <t>cg12946660</t>
  </si>
  <si>
    <t>cg12950624</t>
  </si>
  <si>
    <t>cg12952012</t>
  </si>
  <si>
    <t>cg12953096</t>
  </si>
  <si>
    <t>cg12953705</t>
  </si>
  <si>
    <t>cg12955872</t>
  </si>
  <si>
    <t>cg12955895</t>
  </si>
  <si>
    <t>cg12956079</t>
  </si>
  <si>
    <t>cg12956598</t>
  </si>
  <si>
    <t>cg12957407</t>
  </si>
  <si>
    <t>cg12960866</t>
  </si>
  <si>
    <t>cg12961842</t>
  </si>
  <si>
    <t>cg12965095</t>
  </si>
  <si>
    <t>cg12972062</t>
  </si>
  <si>
    <t>cg12978028</t>
  </si>
  <si>
    <t>cg12978040</t>
  </si>
  <si>
    <t>cg12979120</t>
  </si>
  <si>
    <t>cg12984635</t>
  </si>
  <si>
    <t>cg12985235</t>
  </si>
  <si>
    <t>cg12986327</t>
  </si>
  <si>
    <t>cg13076718</t>
  </si>
  <si>
    <t>cg13083129</t>
  </si>
  <si>
    <t>cg13084669</t>
  </si>
  <si>
    <t>cg13179983</t>
  </si>
  <si>
    <t>cg13326686</t>
  </si>
  <si>
    <t>cg13331354</t>
  </si>
  <si>
    <t>cg13332172</t>
  </si>
  <si>
    <t>cg13333405</t>
  </si>
  <si>
    <t>cg13338783</t>
  </si>
  <si>
    <t>cg13341720</t>
  </si>
  <si>
    <t>cg13348905</t>
  </si>
  <si>
    <t>cg13351503</t>
  </si>
  <si>
    <t>cg13351962</t>
  </si>
  <si>
    <t>cg13352717</t>
  </si>
  <si>
    <t>cg13353472</t>
  </si>
  <si>
    <t>cg13359948</t>
  </si>
  <si>
    <t>cg13361779</t>
  </si>
  <si>
    <t>cg13365901</t>
  </si>
  <si>
    <t>cg13369939</t>
  </si>
  <si>
    <t>cg13370420</t>
  </si>
  <si>
    <t>cg13377803</t>
  </si>
  <si>
    <t>cg13378394</t>
  </si>
  <si>
    <t>cg13378934</t>
  </si>
  <si>
    <t>cg13380624</t>
  </si>
  <si>
    <t>cg13382661</t>
  </si>
  <si>
    <t>cg13388467</t>
  </si>
  <si>
    <t>cg13389652</t>
  </si>
  <si>
    <t>cg13393110</t>
  </si>
  <si>
    <t>cg13393778</t>
  </si>
  <si>
    <t>cg13396246</t>
  </si>
  <si>
    <t>cg13402773</t>
  </si>
  <si>
    <t>cg13404054</t>
  </si>
  <si>
    <t>cg13406908</t>
  </si>
  <si>
    <t>cg13407975</t>
  </si>
  <si>
    <t>cg13409645</t>
  </si>
  <si>
    <t>cg13410609</t>
  </si>
  <si>
    <t>cg13412003</t>
  </si>
  <si>
    <t>cg13419713</t>
  </si>
  <si>
    <t>cg13420792</t>
  </si>
  <si>
    <t>cg13423282</t>
  </si>
  <si>
    <t>cg13424022</t>
  </si>
  <si>
    <t>cg13424330</t>
  </si>
  <si>
    <t>cg13426839</t>
  </si>
  <si>
    <t>cg13428516</t>
  </si>
  <si>
    <t>cg13437146</t>
  </si>
  <si>
    <t>cg13442820</t>
  </si>
  <si>
    <t>cg13444131</t>
  </si>
  <si>
    <t>cg13445126</t>
  </si>
  <si>
    <t>cg13461241</t>
  </si>
  <si>
    <t>cg13462967</t>
  </si>
  <si>
    <t>cg13464744</t>
  </si>
  <si>
    <t>cg13468174</t>
  </si>
  <si>
    <t>cg13484549</t>
  </si>
  <si>
    <t>cg13492600</t>
  </si>
  <si>
    <t>cg13496662</t>
  </si>
  <si>
    <t>cg13499300</t>
  </si>
  <si>
    <t>cg13501085</t>
  </si>
  <si>
    <t>cg13505664</t>
  </si>
  <si>
    <t>cg13513270</t>
  </si>
  <si>
    <t>cg13513411</t>
  </si>
  <si>
    <t>cg13515894</t>
  </si>
  <si>
    <t>cg13518530</t>
  </si>
  <si>
    <t>cg13522114</t>
  </si>
  <si>
    <t>cg13522186</t>
  </si>
  <si>
    <t>cg13523713</t>
  </si>
  <si>
    <t>cg13523818</t>
  </si>
  <si>
    <t>cg13525067</t>
  </si>
  <si>
    <t>cg13531596</t>
  </si>
  <si>
    <t>cg13531989</t>
  </si>
  <si>
    <t>cg13536060</t>
  </si>
  <si>
    <t>cg13539395</t>
  </si>
  <si>
    <t>cg13541861</t>
  </si>
  <si>
    <t>cg13542306</t>
  </si>
  <si>
    <t>cg13549321</t>
  </si>
  <si>
    <t>cg13551088</t>
  </si>
  <si>
    <t>cg13558754</t>
  </si>
  <si>
    <t>cg13559217</t>
  </si>
  <si>
    <t>cg13559773</t>
  </si>
  <si>
    <t>cg13563193</t>
  </si>
  <si>
    <t>cg13563863</t>
  </si>
  <si>
    <t>cg13564825</t>
  </si>
  <si>
    <t>cg13565624</t>
  </si>
  <si>
    <t>cg13569431</t>
  </si>
  <si>
    <t>cg13572146</t>
  </si>
  <si>
    <t>cg13576178</t>
  </si>
  <si>
    <t>cg13579672</t>
  </si>
  <si>
    <t>cg13594655</t>
  </si>
  <si>
    <t>cg13597198</t>
  </si>
  <si>
    <t>cg13599411</t>
  </si>
  <si>
    <t>cg13599485</t>
  </si>
  <si>
    <t>cg13602484</t>
  </si>
  <si>
    <t>cg13604777</t>
  </si>
  <si>
    <t>cg13606616</t>
  </si>
  <si>
    <t>cg13606800</t>
  </si>
  <si>
    <t>cg13607205</t>
  </si>
  <si>
    <t>cg13607935</t>
  </si>
  <si>
    <t>cg13614468</t>
  </si>
  <si>
    <t>cg13618045</t>
  </si>
  <si>
    <t>cg13618323</t>
  </si>
  <si>
    <t>cg13619606</t>
  </si>
  <si>
    <t>cg13620744</t>
  </si>
  <si>
    <t>cg13622968</t>
  </si>
  <si>
    <t>cg13628532</t>
  </si>
  <si>
    <t>cg13630845</t>
  </si>
  <si>
    <t>cg13633497</t>
  </si>
  <si>
    <t>cg13637352</t>
  </si>
  <si>
    <t>cg13640791</t>
  </si>
  <si>
    <t>cg13640804</t>
  </si>
  <si>
    <t>cg13642545</t>
  </si>
  <si>
    <t>cg13644629</t>
  </si>
  <si>
    <t>cg13645481</t>
  </si>
  <si>
    <t>cg13645732</t>
  </si>
  <si>
    <t>cg13647706</t>
  </si>
  <si>
    <t>cg13649886</t>
  </si>
  <si>
    <t>cg13650938</t>
  </si>
  <si>
    <t>cg13654993</t>
  </si>
  <si>
    <t>cg13655893</t>
  </si>
  <si>
    <t>cg13656078</t>
  </si>
  <si>
    <t>cg13658893</t>
  </si>
  <si>
    <t>cg13661211</t>
  </si>
  <si>
    <t>cg13662644</t>
  </si>
  <si>
    <t>cg13668397</t>
  </si>
  <si>
    <t>cg13668618</t>
  </si>
  <si>
    <t>cg13670615</t>
  </si>
  <si>
    <t>cg13670833</t>
  </si>
  <si>
    <t>cg13671109</t>
  </si>
  <si>
    <t>cg13671128</t>
  </si>
  <si>
    <t>cg13673837</t>
  </si>
  <si>
    <t>cg13674662</t>
  </si>
  <si>
    <t>cg13675411</t>
  </si>
  <si>
    <t>cg13675871</t>
  </si>
  <si>
    <t>cg13678615</t>
  </si>
  <si>
    <t>cg13683219</t>
  </si>
  <si>
    <t>cg13689560</t>
  </si>
  <si>
    <t>cg13692001</t>
  </si>
  <si>
    <t>cg13703871</t>
  </si>
  <si>
    <t>cg13705556</t>
  </si>
  <si>
    <t>cg13709128</t>
  </si>
  <si>
    <t>cg13710816</t>
  </si>
  <si>
    <t>cg13711528</t>
  </si>
  <si>
    <t>cg13719843</t>
  </si>
  <si>
    <t>cg13722651</t>
  </si>
  <si>
    <t>cg13724788</t>
  </si>
  <si>
    <t>cg13731052</t>
  </si>
  <si>
    <t>cg13733923</t>
  </si>
  <si>
    <t>cg13735819</t>
  </si>
  <si>
    <t>cg13735959</t>
  </si>
  <si>
    <t>cg13740135</t>
  </si>
  <si>
    <t>cg13740598</t>
  </si>
  <si>
    <t>cg13747275</t>
  </si>
  <si>
    <t>cg13750214</t>
  </si>
  <si>
    <t>cg13751257</t>
  </si>
  <si>
    <t>cg13751927</t>
  </si>
  <si>
    <t>cg13760252</t>
  </si>
  <si>
    <t>cg13761375</t>
  </si>
  <si>
    <t>cg13766830</t>
  </si>
  <si>
    <t>cg13775575</t>
  </si>
  <si>
    <t>cg13775627</t>
  </si>
  <si>
    <t>cg13775856</t>
  </si>
  <si>
    <t>cg13777844</t>
  </si>
  <si>
    <t>cg13786513</t>
  </si>
  <si>
    <t>cg13787982</t>
  </si>
  <si>
    <t>cg13788717</t>
  </si>
  <si>
    <t>cg13791183</t>
  </si>
  <si>
    <t>cg13791658</t>
  </si>
  <si>
    <t>cg13860006</t>
  </si>
  <si>
    <t>cg13916740</t>
  </si>
  <si>
    <t>cg13917712</t>
  </si>
  <si>
    <t>cg13921622</t>
  </si>
  <si>
    <t>cg13922166</t>
  </si>
  <si>
    <t>cg13922681</t>
  </si>
  <si>
    <t>cg13925678</t>
  </si>
  <si>
    <t>cg13927782</t>
  </si>
  <si>
    <t>cg13936972</t>
  </si>
  <si>
    <t>cg13942884</t>
  </si>
  <si>
    <t>cg13944175</t>
  </si>
  <si>
    <t>cg13945644</t>
  </si>
  <si>
    <t>cg13947892</t>
  </si>
  <si>
    <t>cg13950603</t>
  </si>
  <si>
    <t>cg13952954</t>
  </si>
  <si>
    <t>cg13953735</t>
  </si>
  <si>
    <t>cg13954131</t>
  </si>
  <si>
    <t>cg13954461</t>
  </si>
  <si>
    <t>cg13957558</t>
  </si>
  <si>
    <t>cg13960352</t>
  </si>
  <si>
    <t>cg13963729</t>
  </si>
  <si>
    <t>cg13968182</t>
  </si>
  <si>
    <t>cg13974464</t>
  </si>
  <si>
    <t>cg13979592</t>
  </si>
  <si>
    <t>cg13982417</t>
  </si>
  <si>
    <t>cg13983776</t>
  </si>
  <si>
    <t>cg13995193</t>
  </si>
  <si>
    <t>cg13995374</t>
  </si>
  <si>
    <t>cg13999458</t>
  </si>
  <si>
    <t>cg14000467</t>
  </si>
  <si>
    <t>cg14004673</t>
  </si>
  <si>
    <t>cg14006170</t>
  </si>
  <si>
    <t>cg14007004</t>
  </si>
  <si>
    <t>cg14010484</t>
  </si>
  <si>
    <t>cg14010550</t>
  </si>
  <si>
    <t>cg14015300</t>
  </si>
  <si>
    <t>cg14016587</t>
  </si>
  <si>
    <t>cg14017942</t>
  </si>
  <si>
    <t>cg14019158</t>
  </si>
  <si>
    <t>cg14021375</t>
  </si>
  <si>
    <t>cg14032204</t>
  </si>
  <si>
    <t>cg14035717</t>
  </si>
  <si>
    <t>cg14036830</t>
  </si>
  <si>
    <t>cg14038484</t>
  </si>
  <si>
    <t>cg14042851</t>
  </si>
  <si>
    <t>cg14042879</t>
  </si>
  <si>
    <t>cg14043593</t>
  </si>
  <si>
    <t>cg14052235</t>
  </si>
  <si>
    <t>cg14053500</t>
  </si>
  <si>
    <t>cg14055655</t>
  </si>
  <si>
    <t>cg14055896</t>
  </si>
  <si>
    <t>cg14056357</t>
  </si>
  <si>
    <t>cg14056470</t>
  </si>
  <si>
    <t>cg14058998</t>
  </si>
  <si>
    <t>cg14062238</t>
  </si>
  <si>
    <t>cg14070281</t>
  </si>
  <si>
    <t>cg14071503</t>
  </si>
  <si>
    <t>cg14074741</t>
  </si>
  <si>
    <t>cg14075424</t>
  </si>
  <si>
    <t>cg14088357</t>
  </si>
  <si>
    <t>cg14094987</t>
  </si>
  <si>
    <t>cg14097199</t>
  </si>
  <si>
    <t>cg14098468</t>
  </si>
  <si>
    <t>cg14101485</t>
  </si>
  <si>
    <t>cg14103113</t>
  </si>
  <si>
    <t>cg14109663</t>
  </si>
  <si>
    <t>cg14113003</t>
  </si>
  <si>
    <t>cg14117138</t>
  </si>
  <si>
    <t>cg14121414</t>
  </si>
  <si>
    <t>cg14128154</t>
  </si>
  <si>
    <t>cg14138969</t>
  </si>
  <si>
    <t>cg14148055</t>
  </si>
  <si>
    <t>cg14149007</t>
  </si>
  <si>
    <t>cg14189313</t>
  </si>
  <si>
    <t>cg14189609</t>
  </si>
  <si>
    <t>cg14192299</t>
  </si>
  <si>
    <t>cg14192934</t>
  </si>
  <si>
    <t>cg14195122</t>
  </si>
  <si>
    <t>cg14195198</t>
  </si>
  <si>
    <t>cg14195823</t>
  </si>
  <si>
    <t>cg14198223</t>
  </si>
  <si>
    <t>cg14200826</t>
  </si>
  <si>
    <t>cg14202338</t>
  </si>
  <si>
    <t>cg14203252</t>
  </si>
  <si>
    <t>cg14205362</t>
  </si>
  <si>
    <t>cg14206172</t>
  </si>
  <si>
    <t>cg14212467</t>
  </si>
  <si>
    <t>cg14216029</t>
  </si>
  <si>
    <t>cg14218269</t>
  </si>
  <si>
    <t>cg14221825</t>
  </si>
  <si>
    <t>cg14226678</t>
  </si>
  <si>
    <t>cg14230166</t>
  </si>
  <si>
    <t>cg14230238</t>
  </si>
  <si>
    <t>cg14231523</t>
  </si>
  <si>
    <t>cg14235685</t>
  </si>
  <si>
    <t>cg14237711</t>
  </si>
  <si>
    <t>cg14237975</t>
  </si>
  <si>
    <t>cg14239515</t>
  </si>
  <si>
    <t>cg14239588</t>
  </si>
  <si>
    <t>cg14242928</t>
  </si>
  <si>
    <t>cg14250206</t>
  </si>
  <si>
    <t>cg14254396</t>
  </si>
  <si>
    <t>cg14255396</t>
  </si>
  <si>
    <t>cg14257369</t>
  </si>
  <si>
    <t>cg14258555</t>
  </si>
  <si>
    <t>cg14263858</t>
  </si>
  <si>
    <t>cg14266436</t>
  </si>
  <si>
    <t>cg14272860</t>
  </si>
  <si>
    <t>cg14277260</t>
  </si>
  <si>
    <t>cg14277392</t>
  </si>
  <si>
    <t>cg14279439</t>
  </si>
  <si>
    <t>cg14283569</t>
  </si>
  <si>
    <t>cg14292368</t>
  </si>
  <si>
    <t>cg14294115</t>
  </si>
  <si>
    <t>cg14296123</t>
  </si>
  <si>
    <t>cg14299455</t>
  </si>
  <si>
    <t>cg14299696</t>
  </si>
  <si>
    <t>cg14304014</t>
  </si>
  <si>
    <t>cg14307922</t>
  </si>
  <si>
    <t>cg14309501</t>
  </si>
  <si>
    <t>cg14311134</t>
  </si>
  <si>
    <t>cg14312359</t>
  </si>
  <si>
    <t>cg14317062</t>
  </si>
  <si>
    <t>cg14327995</t>
  </si>
  <si>
    <t>cg14330007</t>
  </si>
  <si>
    <t>cg14331002</t>
  </si>
  <si>
    <t>cg14331148</t>
  </si>
  <si>
    <t>cg14339043</t>
  </si>
  <si>
    <t>cg14339287</t>
  </si>
  <si>
    <t>cg14355619</t>
  </si>
  <si>
    <t>cg14423541</t>
  </si>
  <si>
    <t>cg14509125</t>
  </si>
  <si>
    <t>cg14528525</t>
  </si>
  <si>
    <t>cg14530382</t>
  </si>
  <si>
    <t>cg14531862</t>
  </si>
  <si>
    <t>cg14536467</t>
  </si>
  <si>
    <t>cg14536899</t>
  </si>
  <si>
    <t>cg14538146</t>
  </si>
  <si>
    <t>cg14543226</t>
  </si>
  <si>
    <t>cg14544983</t>
  </si>
  <si>
    <t>cg14547801</t>
  </si>
  <si>
    <t>cg14549755</t>
  </si>
  <si>
    <t>cg14550611</t>
  </si>
  <si>
    <t>cg14556070</t>
  </si>
  <si>
    <t>cg14556683</t>
  </si>
  <si>
    <t>cg14557787</t>
  </si>
  <si>
    <t>cg14558639</t>
  </si>
  <si>
    <t>cg14559336</t>
  </si>
  <si>
    <t>cg14559388</t>
  </si>
  <si>
    <t>cg14559733</t>
  </si>
  <si>
    <t>cg14560835</t>
  </si>
  <si>
    <t>cg14575559</t>
  </si>
  <si>
    <t>cg14576286</t>
  </si>
  <si>
    <t>cg14576922</t>
  </si>
  <si>
    <t>cg14580081</t>
  </si>
  <si>
    <t>cg14582763</t>
  </si>
  <si>
    <t>cg14584092</t>
  </si>
  <si>
    <t>cg14584431</t>
  </si>
  <si>
    <t>cg14590369</t>
  </si>
  <si>
    <t>cg14598306</t>
  </si>
  <si>
    <t>cg14602438</t>
  </si>
  <si>
    <t>cg14602640</t>
  </si>
  <si>
    <t>cg14611774</t>
  </si>
  <si>
    <t>cg14651505</t>
  </si>
  <si>
    <t>cg14654587</t>
  </si>
  <si>
    <t>cg14654613</t>
  </si>
  <si>
    <t>cg14661225</t>
  </si>
  <si>
    <t>cg14664575</t>
  </si>
  <si>
    <t>cg14665716</t>
  </si>
  <si>
    <t>cg14667837</t>
  </si>
  <si>
    <t>cg14668761</t>
  </si>
  <si>
    <t>cg14671004</t>
  </si>
  <si>
    <t>cg14673743</t>
  </si>
  <si>
    <t>cg14675896</t>
  </si>
  <si>
    <t>cg14678021</t>
  </si>
  <si>
    <t>cg14678583</t>
  </si>
  <si>
    <t>cg14678774</t>
  </si>
  <si>
    <t>cg14679780</t>
  </si>
  <si>
    <t>cg14680556</t>
  </si>
  <si>
    <t>cg14682345</t>
  </si>
  <si>
    <t>cg14684296</t>
  </si>
  <si>
    <t>cg14684375</t>
  </si>
  <si>
    <t>cg14693961</t>
  </si>
  <si>
    <t>cg14694342</t>
  </si>
  <si>
    <t>cg14696662</t>
  </si>
  <si>
    <t>cg14697425</t>
  </si>
  <si>
    <t>cg14706720</t>
  </si>
  <si>
    <t>cg14707092</t>
  </si>
  <si>
    <t>cg14709766</t>
  </si>
  <si>
    <t>cg14710040</t>
  </si>
  <si>
    <t>cg14712058</t>
  </si>
  <si>
    <t>cg14713933</t>
  </si>
  <si>
    <t>cg14715947</t>
  </si>
  <si>
    <t>cg14723331</t>
  </si>
  <si>
    <t>cg14724749</t>
  </si>
  <si>
    <t>cg14725151</t>
  </si>
  <si>
    <t>cg14725952</t>
  </si>
  <si>
    <t>cg14730085</t>
  </si>
  <si>
    <t>cg14732907</t>
  </si>
  <si>
    <t>cg14733855</t>
  </si>
  <si>
    <t>cg14738670</t>
  </si>
  <si>
    <t>cg14744703</t>
  </si>
  <si>
    <t>cg14750501</t>
  </si>
  <si>
    <t>cg14757267</t>
  </si>
  <si>
    <t>cg14768270</t>
  </si>
  <si>
    <t>cg14780066</t>
  </si>
  <si>
    <t>cg14780795</t>
  </si>
  <si>
    <t>cg14782471</t>
  </si>
  <si>
    <t>cg14782514</t>
  </si>
  <si>
    <t>cg14782883</t>
  </si>
  <si>
    <t>cg14786398</t>
  </si>
  <si>
    <t>cg14786757</t>
  </si>
  <si>
    <t>cg14788369</t>
  </si>
  <si>
    <t>cg14789178</t>
  </si>
  <si>
    <t>cg14792959</t>
  </si>
  <si>
    <t>cg14794043</t>
  </si>
  <si>
    <t>cg14795281</t>
  </si>
  <si>
    <t>cg14798382</t>
  </si>
  <si>
    <t>cg14798653</t>
  </si>
  <si>
    <t>cg14804129</t>
  </si>
  <si>
    <t>cg14813579</t>
  </si>
  <si>
    <t>cg14815743</t>
  </si>
  <si>
    <t>cg14818866</t>
  </si>
  <si>
    <t>cg14865907</t>
  </si>
  <si>
    <t>cg14870062</t>
  </si>
  <si>
    <t>cg14870861</t>
  </si>
  <si>
    <t>cg14871113</t>
  </si>
  <si>
    <t>cg14871628</t>
  </si>
  <si>
    <t>cg14876077</t>
  </si>
  <si>
    <t>cg14878320</t>
  </si>
  <si>
    <t>cg14881209</t>
  </si>
  <si>
    <t>cg14881459</t>
  </si>
  <si>
    <t>cg14886078</t>
  </si>
  <si>
    <t>cg14886235</t>
  </si>
  <si>
    <t>cg14886405</t>
  </si>
  <si>
    <t>cg14889079</t>
  </si>
  <si>
    <t>cg14889329</t>
  </si>
  <si>
    <t>cg14890578</t>
  </si>
  <si>
    <t>cg14893274</t>
  </si>
  <si>
    <t>cg14895945</t>
  </si>
  <si>
    <t>cg14897802</t>
  </si>
  <si>
    <t>cg14898306</t>
  </si>
  <si>
    <t>cg14904261</t>
  </si>
  <si>
    <t>cg14907788</t>
  </si>
  <si>
    <t>cg14911690</t>
  </si>
  <si>
    <t>cg14913644</t>
  </si>
  <si>
    <t>cg14913676</t>
  </si>
  <si>
    <t>cg14916315</t>
  </si>
  <si>
    <t>cg14917512</t>
  </si>
  <si>
    <t>cg14919203</t>
  </si>
  <si>
    <t>cg14925296</t>
  </si>
  <si>
    <t>cg14929757</t>
  </si>
  <si>
    <t>cg14931230</t>
  </si>
  <si>
    <t>cg14933365</t>
  </si>
  <si>
    <t>cg14935078</t>
  </si>
  <si>
    <t>cg14936213</t>
  </si>
  <si>
    <t>cg14938419</t>
  </si>
  <si>
    <t>cg14944575</t>
  </si>
  <si>
    <t>cg14944578</t>
  </si>
  <si>
    <t>cg14950834</t>
  </si>
  <si>
    <t>cg14952000</t>
  </si>
  <si>
    <t>cg14952359</t>
  </si>
  <si>
    <t>cg14952889</t>
  </si>
  <si>
    <t>cg14957846</t>
  </si>
  <si>
    <t>cg14963534</t>
  </si>
  <si>
    <t>cg14964327</t>
  </si>
  <si>
    <t>cg14964512</t>
  </si>
  <si>
    <t>cg14964934</t>
  </si>
  <si>
    <t>cg14972743</t>
  </si>
  <si>
    <t>cg14976569</t>
  </si>
  <si>
    <t>cg14981055</t>
  </si>
  <si>
    <t>cg14985989</t>
  </si>
  <si>
    <t>cg14987048</t>
  </si>
  <si>
    <t>cg14989522</t>
  </si>
  <si>
    <t>cg14990712</t>
  </si>
  <si>
    <t>cg14990970</t>
  </si>
  <si>
    <t>cg14995824</t>
  </si>
  <si>
    <t>cg14996807</t>
  </si>
  <si>
    <t>cg15001636</t>
  </si>
  <si>
    <t>cg15002372</t>
  </si>
  <si>
    <t>cg15004949</t>
  </si>
  <si>
    <t>cg15005255</t>
  </si>
  <si>
    <t>cg15007222</t>
  </si>
  <si>
    <t>cg15007391</t>
  </si>
  <si>
    <t>cg15007959</t>
  </si>
  <si>
    <t>cg15010352</t>
  </si>
  <si>
    <t>cg15011232</t>
  </si>
  <si>
    <t>cg15012607</t>
  </si>
  <si>
    <t>cg15024633</t>
  </si>
  <si>
    <t>cg15034464</t>
  </si>
  <si>
    <t>cg15034692</t>
  </si>
  <si>
    <t>cg15035382</t>
  </si>
  <si>
    <t>cg15038664</t>
  </si>
  <si>
    <t>cg15043935</t>
  </si>
  <si>
    <t>cg15045802</t>
  </si>
  <si>
    <t>cg15048437</t>
  </si>
  <si>
    <t>cg15059065</t>
  </si>
  <si>
    <t>cg15059508</t>
  </si>
  <si>
    <t>cg15060663</t>
  </si>
  <si>
    <t>cg15065854</t>
  </si>
  <si>
    <t>cg15066100</t>
  </si>
  <si>
    <t>cg15072680</t>
  </si>
  <si>
    <t>cg15073853</t>
  </si>
  <si>
    <t>cg15077193</t>
  </si>
  <si>
    <t>cg15078284</t>
  </si>
  <si>
    <t>cg15079565</t>
  </si>
  <si>
    <t>cg15082435</t>
  </si>
  <si>
    <t>cg15082802</t>
  </si>
  <si>
    <t>cg15085454</t>
  </si>
  <si>
    <t>cg15088000</t>
  </si>
  <si>
    <t>cg15096240</t>
  </si>
  <si>
    <t>cg15097028</t>
  </si>
  <si>
    <t>cg15106226</t>
  </si>
  <si>
    <t>cg15107336</t>
  </si>
  <si>
    <t>cg15110900</t>
  </si>
  <si>
    <t>cg15111345</t>
  </si>
  <si>
    <t>cg15114105</t>
  </si>
  <si>
    <t>cg15116481</t>
  </si>
  <si>
    <t>cg15119076</t>
  </si>
  <si>
    <t>cg15123730</t>
  </si>
  <si>
    <t>cg15128562</t>
  </si>
  <si>
    <t>cg15129307</t>
  </si>
  <si>
    <t>cg15129608</t>
  </si>
  <si>
    <t>cg15131414</t>
  </si>
  <si>
    <t>cg15132673</t>
  </si>
  <si>
    <t>cg15139588</t>
  </si>
  <si>
    <t>cg15139906</t>
  </si>
  <si>
    <t>cg15142488</t>
  </si>
  <si>
    <t>cg15149712</t>
  </si>
  <si>
    <t>cg15150615</t>
  </si>
  <si>
    <t>cg15154232</t>
  </si>
  <si>
    <t>cg15162827</t>
  </si>
  <si>
    <t>cg15169257</t>
  </si>
  <si>
    <t>cg15169940</t>
  </si>
  <si>
    <t>cg15174682</t>
  </si>
  <si>
    <t>cg15174949</t>
  </si>
  <si>
    <t>cg15176678</t>
  </si>
  <si>
    <t>cg15187788</t>
  </si>
  <si>
    <t>cg15187882</t>
  </si>
  <si>
    <t>cg15189233</t>
  </si>
  <si>
    <t>cg15191848</t>
  </si>
  <si>
    <t>cg15194935</t>
  </si>
  <si>
    <t>cg15196314</t>
  </si>
  <si>
    <t>cg15202738</t>
  </si>
  <si>
    <t>cg15203833</t>
  </si>
  <si>
    <t>cg15205568</t>
  </si>
  <si>
    <t>cg15208375</t>
  </si>
  <si>
    <t>cg15209566</t>
  </si>
  <si>
    <t>cg15213081</t>
  </si>
  <si>
    <t>cg15215612</t>
  </si>
  <si>
    <t>cg15216636</t>
  </si>
  <si>
    <t>cg15224348</t>
  </si>
  <si>
    <t>cg15226147</t>
  </si>
  <si>
    <t>cg15226532</t>
  </si>
  <si>
    <t>cg15226659</t>
  </si>
  <si>
    <t>cg15229323</t>
  </si>
  <si>
    <t>cg15231942</t>
  </si>
  <si>
    <t>cg15232894</t>
  </si>
  <si>
    <t>cg15236340</t>
  </si>
  <si>
    <t>cg15241920</t>
  </si>
  <si>
    <t>cg15246590</t>
  </si>
  <si>
    <t>cg15248135</t>
  </si>
  <si>
    <t>cg15248591</t>
  </si>
  <si>
    <t>cg15248989</t>
  </si>
  <si>
    <t>cg15249446</t>
  </si>
  <si>
    <t>cg15255455</t>
  </si>
  <si>
    <t>cg15256874</t>
  </si>
  <si>
    <t>cg15257259</t>
  </si>
  <si>
    <t>cg15260109</t>
  </si>
  <si>
    <t>cg15299463</t>
  </si>
  <si>
    <t>cg15375239</t>
  </si>
  <si>
    <t>cg15392792</t>
  </si>
  <si>
    <t>cg15393004</t>
  </si>
  <si>
    <t>cg15400652</t>
  </si>
  <si>
    <t>cg15405796</t>
  </si>
  <si>
    <t>cg15407819</t>
  </si>
  <si>
    <t>cg15408407</t>
  </si>
  <si>
    <t>cg15410253</t>
  </si>
  <si>
    <t>cg15415136</t>
  </si>
  <si>
    <t>cg15419183</t>
  </si>
  <si>
    <t>cg15419852</t>
  </si>
  <si>
    <t>cg15422734</t>
  </si>
  <si>
    <t>cg15424739</t>
  </si>
  <si>
    <t>cg15427393</t>
  </si>
  <si>
    <t>cg15433097</t>
  </si>
  <si>
    <t>cg15436354</t>
  </si>
  <si>
    <t>cg15441416</t>
  </si>
  <si>
    <t>cg15441629</t>
  </si>
  <si>
    <t>cg15444387</t>
  </si>
  <si>
    <t>cg15448064</t>
  </si>
  <si>
    <t>cg15448385</t>
  </si>
  <si>
    <t>cg15449217</t>
  </si>
  <si>
    <t>cg15451413</t>
  </si>
  <si>
    <t>cg15455864</t>
  </si>
  <si>
    <t>cg15459820</t>
  </si>
  <si>
    <t>cg15460739</t>
  </si>
  <si>
    <t>cg15465219</t>
  </si>
  <si>
    <t>cg15469014</t>
  </si>
  <si>
    <t>cg15471825</t>
  </si>
  <si>
    <t>cg15472403</t>
  </si>
  <si>
    <t>cg15473218</t>
  </si>
  <si>
    <t>cg15475080</t>
  </si>
  <si>
    <t>cg15482168</t>
  </si>
  <si>
    <t>cg15485645</t>
  </si>
  <si>
    <t>cg15487992</t>
  </si>
  <si>
    <t>cg15488009</t>
  </si>
  <si>
    <t>cg15492422</t>
  </si>
  <si>
    <t>cg15495901</t>
  </si>
  <si>
    <t>cg15503663</t>
  </si>
  <si>
    <t>cg15504677</t>
  </si>
  <si>
    <t>cg15507206</t>
  </si>
  <si>
    <t>cg15518622</t>
  </si>
  <si>
    <t>cg15519237</t>
  </si>
  <si>
    <t>cg15522728</t>
  </si>
  <si>
    <t>cg15528091</t>
  </si>
  <si>
    <t>cg15528519</t>
  </si>
  <si>
    <t>cg15530554</t>
  </si>
  <si>
    <t>cg15531272</t>
  </si>
  <si>
    <t>cg15531369</t>
  </si>
  <si>
    <t>cg15531814</t>
  </si>
  <si>
    <t>cg15533809</t>
  </si>
  <si>
    <t>cg15535636</t>
  </si>
  <si>
    <t>cg15538607</t>
  </si>
  <si>
    <t>cg15544596</t>
  </si>
  <si>
    <t>cg15553911</t>
  </si>
  <si>
    <t>cg15554214</t>
  </si>
  <si>
    <t>cg15555741</t>
  </si>
  <si>
    <t>cg15555932</t>
  </si>
  <si>
    <t>cg15561501</t>
  </si>
  <si>
    <t>cg15562859</t>
  </si>
  <si>
    <t>cg15563974</t>
  </si>
  <si>
    <t>cg15564488</t>
  </si>
  <si>
    <t>cg15566749</t>
  </si>
  <si>
    <t>cg15572692</t>
  </si>
  <si>
    <t>cg15572907</t>
  </si>
  <si>
    <t>cg15573783</t>
  </si>
  <si>
    <t>cg15576517</t>
  </si>
  <si>
    <t>cg15576576</t>
  </si>
  <si>
    <t>cg15576730</t>
  </si>
  <si>
    <t>cg15577634</t>
  </si>
  <si>
    <t>cg15583885</t>
  </si>
  <si>
    <t>cg15585264</t>
  </si>
  <si>
    <t>cg15593697</t>
  </si>
  <si>
    <t>cg15593721</t>
  </si>
  <si>
    <t>cg15598425</t>
  </si>
  <si>
    <t>cg15603734</t>
  </si>
  <si>
    <t>cg15605448</t>
  </si>
  <si>
    <t>cg15606180</t>
  </si>
  <si>
    <t>cg15606819</t>
  </si>
  <si>
    <t>cg15607708</t>
  </si>
  <si>
    <t>cg15611108</t>
  </si>
  <si>
    <t>cg15615436</t>
  </si>
  <si>
    <t>cg15621297</t>
  </si>
  <si>
    <t>cg15622544</t>
  </si>
  <si>
    <t>cg15622551</t>
  </si>
  <si>
    <t>cg15623249</t>
  </si>
  <si>
    <t>cg15633375</t>
  </si>
  <si>
    <t>cg15634398</t>
  </si>
  <si>
    <t>cg15635336</t>
  </si>
  <si>
    <t>cg15635728</t>
  </si>
  <si>
    <t>cg15636057</t>
  </si>
  <si>
    <t>cg15637415</t>
  </si>
  <si>
    <t>cg15644604</t>
  </si>
  <si>
    <t>cg15645685</t>
  </si>
  <si>
    <t>cg15651204</t>
  </si>
  <si>
    <t>cg15655110</t>
  </si>
  <si>
    <t>cg15658793</t>
  </si>
  <si>
    <t>cg15664075</t>
  </si>
  <si>
    <t>cg15673029</t>
  </si>
  <si>
    <t>cg15673069</t>
  </si>
  <si>
    <t>cg15674719</t>
  </si>
  <si>
    <t>cg15674863</t>
  </si>
  <si>
    <t>cg15675420</t>
  </si>
  <si>
    <t>cg15676203</t>
  </si>
  <si>
    <t>cg15680443</t>
  </si>
  <si>
    <t>cg15680557</t>
  </si>
  <si>
    <t>cg15680755</t>
  </si>
  <si>
    <t>cg15681038</t>
  </si>
  <si>
    <t>cg15681628</t>
  </si>
  <si>
    <t>cg15682057</t>
  </si>
  <si>
    <t>cg15683356</t>
  </si>
  <si>
    <t>cg15688918</t>
  </si>
  <si>
    <t>cg15689069</t>
  </si>
  <si>
    <t>cg15690347</t>
  </si>
  <si>
    <t>cg15694117</t>
  </si>
  <si>
    <t>cg15695738</t>
  </si>
  <si>
    <t>cg15696376</t>
  </si>
  <si>
    <t>cg15697355</t>
  </si>
  <si>
    <t>cg15698995</t>
  </si>
  <si>
    <t>cg15702838</t>
  </si>
  <si>
    <t>cg15706230</t>
  </si>
  <si>
    <t>cg15708153</t>
  </si>
  <si>
    <t>cg15708604</t>
  </si>
  <si>
    <t>cg15709087</t>
  </si>
  <si>
    <t>cg15710205</t>
  </si>
  <si>
    <t>cg15711037</t>
  </si>
  <si>
    <t>cg15711268</t>
  </si>
  <si>
    <t>cg15723536</t>
  </si>
  <si>
    <t>cg15725639</t>
  </si>
  <si>
    <t>cg15732530</t>
  </si>
  <si>
    <t>cg15735954</t>
  </si>
  <si>
    <t>cg15740054</t>
  </si>
  <si>
    <t>cg15740352</t>
  </si>
  <si>
    <t>cg15744492</t>
  </si>
  <si>
    <t>cg15745619</t>
  </si>
  <si>
    <t>cg15746870</t>
  </si>
  <si>
    <t>cg15748470</t>
  </si>
  <si>
    <t>cg15748897</t>
  </si>
  <si>
    <t>cg15755240</t>
  </si>
  <si>
    <t>cg15757342</t>
  </si>
  <si>
    <t>cg15759616</t>
  </si>
  <si>
    <t>cg15759809</t>
  </si>
  <si>
    <t>cg15766571</t>
  </si>
  <si>
    <t>cg15773886</t>
  </si>
  <si>
    <t>cg15775457</t>
  </si>
  <si>
    <t>cg15784913</t>
  </si>
  <si>
    <t>cg15784997</t>
  </si>
  <si>
    <t>cg15786971</t>
  </si>
  <si>
    <t>cg15792338</t>
  </si>
  <si>
    <t>cg15793417</t>
  </si>
  <si>
    <t>cg15793850</t>
  </si>
  <si>
    <t>cg15794640</t>
  </si>
  <si>
    <t>cg15807288</t>
  </si>
  <si>
    <t>cg15810163</t>
  </si>
  <si>
    <t>cg15814923</t>
  </si>
  <si>
    <t>cg15817923</t>
  </si>
  <si>
    <t>cg15819921</t>
  </si>
  <si>
    <t>cg15820397</t>
  </si>
  <si>
    <t>cg15823845</t>
  </si>
  <si>
    <t>cg15825970</t>
  </si>
  <si>
    <t>cg15826897</t>
  </si>
  <si>
    <t>cg15828828</t>
  </si>
  <si>
    <t>cg15829294</t>
  </si>
  <si>
    <t>cg15836505</t>
  </si>
  <si>
    <t>cg15842559</t>
  </si>
  <si>
    <t>cg15844381</t>
  </si>
  <si>
    <t>cg15845603</t>
  </si>
  <si>
    <t>cg15886596</t>
  </si>
  <si>
    <t>cg15963230</t>
  </si>
  <si>
    <t>cg15966877</t>
  </si>
  <si>
    <t>cg15974673</t>
  </si>
  <si>
    <t>cg15979172</t>
  </si>
  <si>
    <t>cg15980914</t>
  </si>
  <si>
    <t>cg15981451</t>
  </si>
  <si>
    <t>cg15985184</t>
  </si>
  <si>
    <t>cg15985418</t>
  </si>
  <si>
    <t>cg15986030</t>
  </si>
  <si>
    <t>cg15986590</t>
  </si>
  <si>
    <t>cg15993354</t>
  </si>
  <si>
    <t>cg15995704</t>
  </si>
  <si>
    <t>cg15998406</t>
  </si>
  <si>
    <t>cg16010433</t>
  </si>
  <si>
    <t>cg16013006</t>
  </si>
  <si>
    <t>cg16015423</t>
  </si>
  <si>
    <t>cg16015966</t>
  </si>
  <si>
    <t>cg16019612</t>
  </si>
  <si>
    <t>cg16020118</t>
  </si>
  <si>
    <t>cg16024904</t>
  </si>
  <si>
    <t>cg16028578</t>
  </si>
  <si>
    <t>cg16033376</t>
  </si>
  <si>
    <t>cg16035199</t>
  </si>
  <si>
    <t>cg16038949</t>
  </si>
  <si>
    <t>cg16039342</t>
  </si>
  <si>
    <t>cg16040495</t>
  </si>
  <si>
    <t>cg16043651</t>
  </si>
  <si>
    <t>cg16045347</t>
  </si>
  <si>
    <t>cg16048239</t>
  </si>
  <si>
    <t>cg16048781</t>
  </si>
  <si>
    <t>cg16049975</t>
  </si>
  <si>
    <t>cg16187092</t>
  </si>
  <si>
    <t>cg16188681</t>
  </si>
  <si>
    <t>cg16189596</t>
  </si>
  <si>
    <t>cg16190732</t>
  </si>
  <si>
    <t>cg16191088</t>
  </si>
  <si>
    <t>cg16192293</t>
  </si>
  <si>
    <t>cg16194588</t>
  </si>
  <si>
    <t>cg16198095</t>
  </si>
  <si>
    <t>cg16200496</t>
  </si>
  <si>
    <t>cg16200879</t>
  </si>
  <si>
    <t>cg16202187</t>
  </si>
  <si>
    <t>cg16204135</t>
  </si>
  <si>
    <t>cg16205559</t>
  </si>
  <si>
    <t>cg16206440</t>
  </si>
  <si>
    <t>cg16206460</t>
  </si>
  <si>
    <t>cg16209045</t>
  </si>
  <si>
    <t>cg16212298</t>
  </si>
  <si>
    <t>cg16232979</t>
  </si>
  <si>
    <t>cg16238993</t>
  </si>
  <si>
    <t>cg16242708</t>
  </si>
  <si>
    <t>cg16246961</t>
  </si>
  <si>
    <t>cg16253840</t>
  </si>
  <si>
    <t>cg16255631</t>
  </si>
  <si>
    <t>cg16257384</t>
  </si>
  <si>
    <t>cg16260977</t>
  </si>
  <si>
    <t>cg16263367</t>
  </si>
  <si>
    <t>cg16264393</t>
  </si>
  <si>
    <t>cg16264781</t>
  </si>
  <si>
    <t>cg16509142</t>
  </si>
  <si>
    <t>cg16510409</t>
  </si>
  <si>
    <t>cg16523372</t>
  </si>
  <si>
    <t>cg16525470</t>
  </si>
  <si>
    <t>cg16529268</t>
  </si>
  <si>
    <t>cg16534196</t>
  </si>
  <si>
    <t>cg16539981</t>
  </si>
  <si>
    <t>cg16570746</t>
  </si>
  <si>
    <t>cg16572859</t>
  </si>
  <si>
    <t>cg16583598</t>
  </si>
  <si>
    <t>cg16588649</t>
  </si>
  <si>
    <t>cg16590237</t>
  </si>
  <si>
    <t>cg16591054</t>
  </si>
  <si>
    <t>cg16592713</t>
  </si>
  <si>
    <t>cg16601444</t>
  </si>
  <si>
    <t>cg16601893</t>
  </si>
  <si>
    <t>cg16607615</t>
  </si>
  <si>
    <t>cg16609181</t>
  </si>
  <si>
    <t>cg16615451</t>
  </si>
  <si>
    <t>cg16615829</t>
  </si>
  <si>
    <t>cg16617758</t>
  </si>
  <si>
    <t>cg16618417</t>
  </si>
  <si>
    <t>cg16619662</t>
  </si>
  <si>
    <t>cg16624646</t>
  </si>
  <si>
    <t>cg16627829</t>
  </si>
  <si>
    <t>cg16631544</t>
  </si>
  <si>
    <t>cg16632661</t>
  </si>
  <si>
    <t>cg16637556</t>
  </si>
  <si>
    <t>cg16643152</t>
  </si>
  <si>
    <t>cg16644497</t>
  </si>
  <si>
    <t>cg16644647</t>
  </si>
  <si>
    <t>cg16649048</t>
  </si>
  <si>
    <t>cg16654143</t>
  </si>
  <si>
    <t>cg16655206</t>
  </si>
  <si>
    <t>cg16655905</t>
  </si>
  <si>
    <t>cg16658737</t>
  </si>
  <si>
    <t>cg16658931</t>
  </si>
  <si>
    <t>cg16659026</t>
  </si>
  <si>
    <t>cg16661120</t>
  </si>
  <si>
    <t>cg16663025</t>
  </si>
  <si>
    <t>cg16665234</t>
  </si>
  <si>
    <t>cg16665598</t>
  </si>
  <si>
    <t>cg16670155</t>
  </si>
  <si>
    <t>cg16672562</t>
  </si>
  <si>
    <t>cg16675644</t>
  </si>
  <si>
    <t>cg16676472</t>
  </si>
  <si>
    <t>cg16677058</t>
  </si>
  <si>
    <t>cg16691033</t>
  </si>
  <si>
    <t>cg16692998</t>
  </si>
  <si>
    <t>cg16704464</t>
  </si>
  <si>
    <t>cg16705287</t>
  </si>
  <si>
    <t>cg16705446</t>
  </si>
  <si>
    <t>cg16705777</t>
  </si>
  <si>
    <t>cg16707895</t>
  </si>
  <si>
    <t>cg16708785</t>
  </si>
  <si>
    <t>cg16709214</t>
  </si>
  <si>
    <t>cg16709541</t>
  </si>
  <si>
    <t>cg16712729</t>
  </si>
  <si>
    <t>cg16713009</t>
  </si>
  <si>
    <t>cg16714605</t>
  </si>
  <si>
    <t>cg16717740</t>
  </si>
  <si>
    <t>cg16722964</t>
  </si>
  <si>
    <t>cg16736685</t>
  </si>
  <si>
    <t>cg16737773</t>
  </si>
  <si>
    <t>cg16738915</t>
  </si>
  <si>
    <t>cg16743273</t>
  </si>
  <si>
    <t>cg16744531</t>
  </si>
  <si>
    <t>cg16848708</t>
  </si>
  <si>
    <t>cg16848821</t>
  </si>
  <si>
    <t>cg16853034</t>
  </si>
  <si>
    <t>cg16854917</t>
  </si>
  <si>
    <t>cg16857335</t>
  </si>
  <si>
    <t>cg16857610</t>
  </si>
  <si>
    <t>cg16860694</t>
  </si>
  <si>
    <t>cg16860821</t>
  </si>
  <si>
    <t>cg16860848</t>
  </si>
  <si>
    <t>cg16865475</t>
  </si>
  <si>
    <t>cg16865492</t>
  </si>
  <si>
    <t>cg16867584</t>
  </si>
  <si>
    <t>cg16868994</t>
  </si>
  <si>
    <t>cg16872756</t>
  </si>
  <si>
    <t>cg16872847</t>
  </si>
  <si>
    <t>cg16875863</t>
  </si>
  <si>
    <t>cg16876255</t>
  </si>
  <si>
    <t>cg16880783</t>
  </si>
  <si>
    <t>cg16886045</t>
  </si>
  <si>
    <t>cg16886828</t>
  </si>
  <si>
    <t>cg16889990</t>
  </si>
  <si>
    <t>cg16890428</t>
  </si>
  <si>
    <t>cg16893618</t>
  </si>
  <si>
    <t>cg16897193</t>
  </si>
  <si>
    <t>cg16900796</t>
  </si>
  <si>
    <t>cg16900980</t>
  </si>
  <si>
    <t>cg16901140</t>
  </si>
  <si>
    <t>cg16901627</t>
  </si>
  <si>
    <t>cg16903510</t>
  </si>
  <si>
    <t>cg16903913</t>
  </si>
  <si>
    <t>cg16905207</t>
  </si>
  <si>
    <t>cg16905211</t>
  </si>
  <si>
    <t>cg16908083</t>
  </si>
  <si>
    <t>cg17029690</t>
  </si>
  <si>
    <t>cg17043366</t>
  </si>
  <si>
    <t>cg17068236</t>
  </si>
  <si>
    <t>cg17097950</t>
  </si>
  <si>
    <t>cg17100943</t>
  </si>
  <si>
    <t>cg17103088</t>
  </si>
  <si>
    <t>cg17105737</t>
  </si>
  <si>
    <t>cg17106462</t>
  </si>
  <si>
    <t>cg17107691</t>
  </si>
  <si>
    <t>cg17114192</t>
  </si>
  <si>
    <t>cg17117277</t>
  </si>
  <si>
    <t>cg17121541</t>
  </si>
  <si>
    <t>cg17123690</t>
  </si>
  <si>
    <t>cg17126533</t>
  </si>
  <si>
    <t>cg17131053</t>
  </si>
  <si>
    <t>cg17137035</t>
  </si>
  <si>
    <t>cg17139369</t>
  </si>
  <si>
    <t>cg17140797</t>
  </si>
  <si>
    <t>cg17142486</t>
  </si>
  <si>
    <t>cg17147995</t>
  </si>
  <si>
    <t>cg17152316</t>
  </si>
  <si>
    <t>cg17154069</t>
  </si>
  <si>
    <t>cg17159680</t>
  </si>
  <si>
    <t>cg17162271</t>
  </si>
  <si>
    <t>cg17165284</t>
  </si>
  <si>
    <t>cg17165990</t>
  </si>
  <si>
    <t>cg17166103</t>
  </si>
  <si>
    <t>cg17168820</t>
  </si>
  <si>
    <t>cg17168838</t>
  </si>
  <si>
    <t>cg17173227</t>
  </si>
  <si>
    <t>cg17173442</t>
  </si>
  <si>
    <t>cg17216071</t>
  </si>
  <si>
    <t>cg17218495</t>
  </si>
  <si>
    <t>cg17258551</t>
  </si>
  <si>
    <t>cg17273902</t>
  </si>
  <si>
    <t>cg17274953</t>
  </si>
  <si>
    <t>cg17278573</t>
  </si>
  <si>
    <t>cg17279338</t>
  </si>
  <si>
    <t>cg17283268</t>
  </si>
  <si>
    <t>cg17283453</t>
  </si>
  <si>
    <t>cg17284531</t>
  </si>
  <si>
    <t>cg17284568</t>
  </si>
  <si>
    <t>cg17287725</t>
  </si>
  <si>
    <t>cg17289222</t>
  </si>
  <si>
    <t>cg17295341</t>
  </si>
  <si>
    <t>cg17298403</t>
  </si>
  <si>
    <t>cg17298437</t>
  </si>
  <si>
    <t>cg17299616</t>
  </si>
  <si>
    <t>cg17299957</t>
  </si>
  <si>
    <t>cg17305500</t>
  </si>
  <si>
    <t>cg17335657</t>
  </si>
  <si>
    <t>cg17336714</t>
  </si>
  <si>
    <t>cg17340492</t>
  </si>
  <si>
    <t>cg17340548</t>
  </si>
  <si>
    <t>cg17341326</t>
  </si>
  <si>
    <t>cg17344906</t>
  </si>
  <si>
    <t>cg17350552</t>
  </si>
  <si>
    <t>cg17352109</t>
  </si>
  <si>
    <t>cg17352583</t>
  </si>
  <si>
    <t>cg17355294</t>
  </si>
  <si>
    <t>cg17364234</t>
  </si>
  <si>
    <t>cg17367215</t>
  </si>
  <si>
    <t>cg17375267</t>
  </si>
  <si>
    <t>cg17376730</t>
  </si>
  <si>
    <t>cg17379601</t>
  </si>
  <si>
    <t>cg17382541</t>
  </si>
  <si>
    <t>cg17384056</t>
  </si>
  <si>
    <t>cg17387989</t>
  </si>
  <si>
    <t>cg17393635</t>
  </si>
  <si>
    <t>cg17393964</t>
  </si>
  <si>
    <t>cg17396707</t>
  </si>
  <si>
    <t>cg17399362</t>
  </si>
  <si>
    <t>cg17400366</t>
  </si>
  <si>
    <t>cg17406023</t>
  </si>
  <si>
    <t>cg17409891</t>
  </si>
  <si>
    <t>cg17409893</t>
  </si>
  <si>
    <t>cg17412580</t>
  </si>
  <si>
    <t>cg17415989</t>
  </si>
  <si>
    <t>cg17419241</t>
  </si>
  <si>
    <t>cg17425567</t>
  </si>
  <si>
    <t>cg17428324</t>
  </si>
  <si>
    <t>cg17430625</t>
  </si>
  <si>
    <t>cg17434634</t>
  </si>
  <si>
    <t>cg17470637</t>
  </si>
  <si>
    <t>cg17473794</t>
  </si>
  <si>
    <t>cg17473898</t>
  </si>
  <si>
    <t>cg17474222</t>
  </si>
  <si>
    <t>cg17474489</t>
  </si>
  <si>
    <t>cg17476421</t>
  </si>
  <si>
    <t>cg17477756</t>
  </si>
  <si>
    <t>cg17477806</t>
  </si>
  <si>
    <t>cg17478228</t>
  </si>
  <si>
    <t>cg17478827</t>
  </si>
  <si>
    <t>cg17479192</t>
  </si>
  <si>
    <t>cg17490089</t>
  </si>
  <si>
    <t>cg17495873</t>
  </si>
  <si>
    <t>cg17497049</t>
  </si>
  <si>
    <t>cg17498272</t>
  </si>
  <si>
    <t>cg17509220</t>
  </si>
  <si>
    <t>cg17509967</t>
  </si>
  <si>
    <t>cg17510987</t>
  </si>
  <si>
    <t>cg17514766</t>
  </si>
  <si>
    <t>cg17518965</t>
  </si>
  <si>
    <t>cg17519645</t>
  </si>
  <si>
    <t>cg17522445</t>
  </si>
  <si>
    <t>cg17522907</t>
  </si>
  <si>
    <t>cg17523501</t>
  </si>
  <si>
    <t>cg17540624</t>
  </si>
  <si>
    <t>cg17655527</t>
  </si>
  <si>
    <t>cg17659896</t>
  </si>
  <si>
    <t>cg17665931</t>
  </si>
  <si>
    <t>cg17666539</t>
  </si>
  <si>
    <t>cg17667988</t>
  </si>
  <si>
    <t>cg17669700</t>
  </si>
  <si>
    <t>cg17672101</t>
  </si>
  <si>
    <t>cg17675288</t>
  </si>
  <si>
    <t>cg17685800</t>
  </si>
  <si>
    <t>cg17693865</t>
  </si>
  <si>
    <t>cg17698886</t>
  </si>
  <si>
    <t>cg17700633</t>
  </si>
  <si>
    <t>cg17701921</t>
  </si>
  <si>
    <t>cg17702388</t>
  </si>
  <si>
    <t>cg17703407</t>
  </si>
  <si>
    <t>cg17703834</t>
  </si>
  <si>
    <t>cg17705066</t>
  </si>
  <si>
    <t>cg17708571</t>
  </si>
  <si>
    <t>cg17714703</t>
  </si>
  <si>
    <t>cg17715149</t>
  </si>
  <si>
    <t>cg17715482</t>
  </si>
  <si>
    <t>cg17726795</t>
  </si>
  <si>
    <t>cg17726978</t>
  </si>
  <si>
    <t>cg17728987</t>
  </si>
  <si>
    <t>cg17731776</t>
  </si>
  <si>
    <t>cg17735983</t>
  </si>
  <si>
    <t>cg17737967</t>
  </si>
  <si>
    <t>cg17739046</t>
  </si>
  <si>
    <t>cg17743085</t>
  </si>
  <si>
    <t>cg17743939</t>
  </si>
  <si>
    <t>cg17750139</t>
  </si>
  <si>
    <t>cg17759252</t>
  </si>
  <si>
    <t>cg17760058</t>
  </si>
  <si>
    <t>cg17765751</t>
  </si>
  <si>
    <t>cg17767542</t>
  </si>
  <si>
    <t>cg17773349</t>
  </si>
  <si>
    <t>cg17775332</t>
  </si>
  <si>
    <t>cg17777034</t>
  </si>
  <si>
    <t>cg17778441</t>
  </si>
  <si>
    <t>cg17779215</t>
  </si>
  <si>
    <t>cg17780246</t>
  </si>
  <si>
    <t>cg17783671</t>
  </si>
  <si>
    <t>cg17787159</t>
  </si>
  <si>
    <t>cg17793059</t>
  </si>
  <si>
    <t>cg17799295</t>
  </si>
  <si>
    <t>cg17803054</t>
  </si>
  <si>
    <t>cg17804112</t>
  </si>
  <si>
    <t>cg17810176</t>
  </si>
  <si>
    <t>cg17811310</t>
  </si>
  <si>
    <t>cg17816495</t>
  </si>
  <si>
    <t>cg17818798</t>
  </si>
  <si>
    <t>cg17821750</t>
  </si>
  <si>
    <t>cg17826168</t>
  </si>
  <si>
    <t>cg17826375</t>
  </si>
  <si>
    <t>cg17837485</t>
  </si>
  <si>
    <t>cg17840453</t>
  </si>
  <si>
    <t>cg17841838</t>
  </si>
  <si>
    <t>cg17844313</t>
  </si>
  <si>
    <t>cg17845617</t>
  </si>
  <si>
    <t>cg17851126</t>
  </si>
  <si>
    <t>cg17853707</t>
  </si>
  <si>
    <t>cg17854641</t>
  </si>
  <si>
    <t>cg17857070</t>
  </si>
  <si>
    <t>cg17859835</t>
  </si>
  <si>
    <t>cg17861230</t>
  </si>
  <si>
    <t>cg17864619</t>
  </si>
  <si>
    <t>cg17864793</t>
  </si>
  <si>
    <t>cg17868363</t>
  </si>
  <si>
    <t>cg17882426</t>
  </si>
  <si>
    <t>cg17884674</t>
  </si>
  <si>
    <t>cg17887593</t>
  </si>
  <si>
    <t>cg17889586</t>
  </si>
  <si>
    <t>cg17890828</t>
  </si>
  <si>
    <t>cg17891263</t>
  </si>
  <si>
    <t>cg17891715</t>
  </si>
  <si>
    <t>cg17892871</t>
  </si>
  <si>
    <t>cg17894889</t>
  </si>
  <si>
    <t>cg17895870</t>
  </si>
  <si>
    <t>cg17896463</t>
  </si>
  <si>
    <t>cg17902989</t>
  </si>
  <si>
    <t>cg17909311</t>
  </si>
  <si>
    <t>cg17922329</t>
  </si>
  <si>
    <t>cg17924936</t>
  </si>
  <si>
    <t>cg17928147</t>
  </si>
  <si>
    <t>cg17929770</t>
  </si>
  <si>
    <t>cg17930459</t>
  </si>
  <si>
    <t>cg17931529</t>
  </si>
  <si>
    <t>cg17932425</t>
  </si>
  <si>
    <t>cg17932974</t>
  </si>
  <si>
    <t>cg17935210</t>
  </si>
  <si>
    <t>cg17935297</t>
  </si>
  <si>
    <t>cg17937182</t>
  </si>
  <si>
    <t>cg17937497</t>
  </si>
  <si>
    <t>cg17940805</t>
  </si>
  <si>
    <t>cg17947174</t>
  </si>
  <si>
    <t>cg17950023</t>
  </si>
  <si>
    <t>cg17952549</t>
  </si>
  <si>
    <t>cg17957172</t>
  </si>
  <si>
    <t>cg17965690</t>
  </si>
  <si>
    <t>cg17973462</t>
  </si>
  <si>
    <t>cg17975002</t>
  </si>
  <si>
    <t>cg18030218</t>
  </si>
  <si>
    <t>cg18030386</t>
  </si>
  <si>
    <t>cg18031850</t>
  </si>
  <si>
    <t>cg18032201</t>
  </si>
  <si>
    <t>cg18036235</t>
  </si>
  <si>
    <t>cg18036710</t>
  </si>
  <si>
    <t>cg18038269</t>
  </si>
  <si>
    <t>cg18040892</t>
  </si>
  <si>
    <t>cg18041006</t>
  </si>
  <si>
    <t>cg18044385</t>
  </si>
  <si>
    <t>cg18046677</t>
  </si>
  <si>
    <t>cg18054632</t>
  </si>
  <si>
    <t>cg18055230</t>
  </si>
  <si>
    <t>cg18055623</t>
  </si>
  <si>
    <t>cg18055780</t>
  </si>
  <si>
    <t>cg18057548</t>
  </si>
  <si>
    <t>cg18058596</t>
  </si>
  <si>
    <t>cg18062281</t>
  </si>
  <si>
    <t>cg18064256</t>
  </si>
  <si>
    <t>cg18065174</t>
  </si>
  <si>
    <t>cg18075691</t>
  </si>
  <si>
    <t>cg18077160</t>
  </si>
  <si>
    <t>cg18082014</t>
  </si>
  <si>
    <t>cg18083595</t>
  </si>
  <si>
    <t>cg18087306</t>
  </si>
  <si>
    <t>cg18094404</t>
  </si>
  <si>
    <t>cg18096253</t>
  </si>
  <si>
    <t>cg18099632</t>
  </si>
  <si>
    <t>cg18102633</t>
  </si>
  <si>
    <t>cg18106991</t>
  </si>
  <si>
    <t>cg18111443</t>
  </si>
  <si>
    <t>cg18113994</t>
  </si>
  <si>
    <t>cg18114235</t>
  </si>
  <si>
    <t>cg18116971</t>
  </si>
  <si>
    <t>cg18117297</t>
  </si>
  <si>
    <t>cg18149561</t>
  </si>
  <si>
    <t>cg18153499</t>
  </si>
  <si>
    <t>cg18155633</t>
  </si>
  <si>
    <t>cg18156417</t>
  </si>
  <si>
    <t>cg18224395</t>
  </si>
  <si>
    <t>cg18229178</t>
  </si>
  <si>
    <t>cg18238813</t>
  </si>
  <si>
    <t>cg18239920</t>
  </si>
  <si>
    <t>cg18246368</t>
  </si>
  <si>
    <t>cg18253101</t>
  </si>
  <si>
    <t>cg18253787</t>
  </si>
  <si>
    <t>cg18303175</t>
  </si>
  <si>
    <t>cg18304472</t>
  </si>
  <si>
    <t>cg18317474</t>
  </si>
  <si>
    <t>cg18320766</t>
  </si>
  <si>
    <t>cg18327855</t>
  </si>
  <si>
    <t>cg18330372</t>
  </si>
  <si>
    <t>cg18331573</t>
  </si>
  <si>
    <t>cg18335681</t>
  </si>
  <si>
    <t>cg18342621</t>
  </si>
  <si>
    <t>cg18344056</t>
  </si>
  <si>
    <t>cg18345115</t>
  </si>
  <si>
    <t>cg18347040</t>
  </si>
  <si>
    <t>cg18347423</t>
  </si>
  <si>
    <t>cg18351099</t>
  </si>
  <si>
    <t>cg18354742</t>
  </si>
  <si>
    <t>cg18357668</t>
  </si>
  <si>
    <t>cg18357908</t>
  </si>
  <si>
    <t>cg18362448</t>
  </si>
  <si>
    <t>cg18363918</t>
  </si>
  <si>
    <t>cg18365142</t>
  </si>
  <si>
    <t>cg18365406</t>
  </si>
  <si>
    <t>cg18366919</t>
  </si>
  <si>
    <t>cg18380550</t>
  </si>
  <si>
    <t>cg18382947</t>
  </si>
  <si>
    <t>cg18384168</t>
  </si>
  <si>
    <t>cg18391955</t>
  </si>
  <si>
    <t>cg18394090</t>
  </si>
  <si>
    <t>cg18395558</t>
  </si>
  <si>
    <t>cg18396176</t>
  </si>
  <si>
    <t>cg18397073</t>
  </si>
  <si>
    <t>cg18400751</t>
  </si>
  <si>
    <t>cg18404706</t>
  </si>
  <si>
    <t>cg18411150</t>
  </si>
  <si>
    <t>cg18412326</t>
  </si>
  <si>
    <t>cg18415485</t>
  </si>
  <si>
    <t>cg18416022</t>
  </si>
  <si>
    <t>cg18417954</t>
  </si>
  <si>
    <t>cg18418538</t>
  </si>
  <si>
    <t>cg18420266</t>
  </si>
  <si>
    <t>cg18420708</t>
  </si>
  <si>
    <t>cg18423210</t>
  </si>
  <si>
    <t>cg18426345</t>
  </si>
  <si>
    <t>cg18435532</t>
  </si>
  <si>
    <t>cg18437710</t>
  </si>
  <si>
    <t>cg18449734</t>
  </si>
  <si>
    <t>cg18457438</t>
  </si>
  <si>
    <t>cg18461458</t>
  </si>
  <si>
    <t>cg18469550</t>
  </si>
  <si>
    <t>cg18470852</t>
  </si>
  <si>
    <t>cg18473042</t>
  </si>
  <si>
    <t>cg18473090</t>
  </si>
  <si>
    <t>cg18473196</t>
  </si>
  <si>
    <t>cg18475036</t>
  </si>
  <si>
    <t>cg18481683</t>
  </si>
  <si>
    <t>cg18482256</t>
  </si>
  <si>
    <t>cg18487609</t>
  </si>
  <si>
    <t>cg18489603</t>
  </si>
  <si>
    <t>cg18492115</t>
  </si>
  <si>
    <t>cg18497280</t>
  </si>
  <si>
    <t>cg18497550</t>
  </si>
  <si>
    <t>cg18500360</t>
  </si>
  <si>
    <t>cg18501264</t>
  </si>
  <si>
    <t>cg18504218</t>
  </si>
  <si>
    <t>cg18505103</t>
  </si>
  <si>
    <t>cg18517898</t>
  </si>
  <si>
    <t>cg18519837</t>
  </si>
  <si>
    <t>cg18521743</t>
  </si>
  <si>
    <t>cg18522266</t>
  </si>
  <si>
    <t>cg18522351</t>
  </si>
  <si>
    <t>cg18522415</t>
  </si>
  <si>
    <t>cg18530512</t>
  </si>
  <si>
    <t>cg18530645</t>
  </si>
  <si>
    <t>cg18532515</t>
  </si>
  <si>
    <t>cg18538297</t>
  </si>
  <si>
    <t>cg18541087</t>
  </si>
  <si>
    <t>cg18547371</t>
  </si>
  <si>
    <t>cg18550241</t>
  </si>
  <si>
    <t>cg18552334</t>
  </si>
  <si>
    <t>cg18554395</t>
  </si>
  <si>
    <t>cg18554773</t>
  </si>
  <si>
    <t>cg18554976</t>
  </si>
  <si>
    <t>cg18560502</t>
  </si>
  <si>
    <t>cg18563413</t>
  </si>
  <si>
    <t>cg18563680</t>
  </si>
  <si>
    <t>cg18567041</t>
  </si>
  <si>
    <t>cg18569704</t>
  </si>
  <si>
    <t>cg18576158</t>
  </si>
  <si>
    <t>cg18576800</t>
  </si>
  <si>
    <t>cg18579862</t>
  </si>
  <si>
    <t>cg18584265</t>
  </si>
  <si>
    <t>cg18591496</t>
  </si>
  <si>
    <t>cg18592294</t>
  </si>
  <si>
    <t>cg18595305</t>
  </si>
  <si>
    <t>cg18596381</t>
  </si>
  <si>
    <t>cg18596952</t>
  </si>
  <si>
    <t>cg18597709</t>
  </si>
  <si>
    <t>cg18602325</t>
  </si>
  <si>
    <t>cg18612714</t>
  </si>
  <si>
    <t>cg18612786</t>
  </si>
  <si>
    <t>cg18613326</t>
  </si>
  <si>
    <t>cg18624049</t>
  </si>
  <si>
    <t>cg18626346</t>
  </si>
  <si>
    <t>cg18630552</t>
  </si>
  <si>
    <t>cg18631292</t>
  </si>
  <si>
    <t>cg18638840</t>
  </si>
  <si>
    <t>cg18643460</t>
  </si>
  <si>
    <t>cg18644543</t>
  </si>
  <si>
    <t>cg18645335</t>
  </si>
  <si>
    <t>cg18652900</t>
  </si>
  <si>
    <t>cg18653451</t>
  </si>
  <si>
    <t>cg18655958</t>
  </si>
  <si>
    <t>cg18656583</t>
  </si>
  <si>
    <t>cg18663807</t>
  </si>
  <si>
    <t>cg18668041</t>
  </si>
  <si>
    <t>cg18671199</t>
  </si>
  <si>
    <t>cg18671997</t>
  </si>
  <si>
    <t>cg18675361</t>
  </si>
  <si>
    <t>cg18675381</t>
  </si>
  <si>
    <t>cg18679782</t>
  </si>
  <si>
    <t>cg18684905</t>
  </si>
  <si>
    <t>cg18692149</t>
  </si>
  <si>
    <t>cg18697006</t>
  </si>
  <si>
    <t>cg18698382</t>
  </si>
  <si>
    <t>cg18703903</t>
  </si>
  <si>
    <t>cg18706881</t>
  </si>
  <si>
    <t>cg18706898</t>
  </si>
  <si>
    <t>cg18707867</t>
  </si>
  <si>
    <t>cg18709349</t>
  </si>
  <si>
    <t>cg18715665</t>
  </si>
  <si>
    <t>cg18715793</t>
  </si>
  <si>
    <t>cg18720973</t>
  </si>
  <si>
    <t>cg18723501</t>
  </si>
  <si>
    <t>cg18723560</t>
  </si>
  <si>
    <t>cg18727095</t>
  </si>
  <si>
    <t>cg18729357</t>
  </si>
  <si>
    <t>cg18732527</t>
  </si>
  <si>
    <t>cg18732869</t>
  </si>
  <si>
    <t>cg18735136</t>
  </si>
  <si>
    <t>cg18735402</t>
  </si>
  <si>
    <t>cg18738857</t>
  </si>
  <si>
    <t>cg18740152</t>
  </si>
  <si>
    <t>cg18744802</t>
  </si>
  <si>
    <t>cg18754695</t>
  </si>
  <si>
    <t>cg18755094</t>
  </si>
  <si>
    <t>cg18756545</t>
  </si>
  <si>
    <t>cg18762674</t>
  </si>
  <si>
    <t>cg18763165</t>
  </si>
  <si>
    <t>cg18763720</t>
  </si>
  <si>
    <t>cg18764516</t>
  </si>
  <si>
    <t>cg18770579</t>
  </si>
  <si>
    <t>cg18775767</t>
  </si>
  <si>
    <t>cg18776992</t>
  </si>
  <si>
    <t>cg18777119</t>
  </si>
  <si>
    <t>cg18778608</t>
  </si>
  <si>
    <t>cg18780259</t>
  </si>
  <si>
    <t>cg18783047</t>
  </si>
  <si>
    <t>cg18787401</t>
  </si>
  <si>
    <t>cg18795569</t>
  </si>
  <si>
    <t>cg18800192</t>
  </si>
  <si>
    <t>cg18805028</t>
  </si>
  <si>
    <t>cg18810947</t>
  </si>
  <si>
    <t>cg18813650</t>
  </si>
  <si>
    <t>cg18818563</t>
  </si>
  <si>
    <t>cg18819619</t>
  </si>
  <si>
    <t>cg18822580</t>
  </si>
  <si>
    <t>cg18826267</t>
  </si>
  <si>
    <t>cg18831262</t>
  </si>
  <si>
    <t>cg18832632</t>
  </si>
  <si>
    <t>cg18833788</t>
  </si>
  <si>
    <t>cg18838581</t>
  </si>
  <si>
    <t>cg18840832</t>
  </si>
  <si>
    <t>cg18844304</t>
  </si>
  <si>
    <t>cg18845189</t>
  </si>
  <si>
    <t>cg18849799</t>
  </si>
  <si>
    <t>cg18859544</t>
  </si>
  <si>
    <t>cg18860136</t>
  </si>
  <si>
    <t>cg18865796</t>
  </si>
  <si>
    <t>cg18867912</t>
  </si>
  <si>
    <t>cg18875435</t>
  </si>
  <si>
    <t>cg18876786</t>
  </si>
  <si>
    <t>cg18878134</t>
  </si>
  <si>
    <t>cg18879160</t>
  </si>
  <si>
    <t>cg18880319</t>
  </si>
  <si>
    <t>cg18886719</t>
  </si>
  <si>
    <t>cg18888655</t>
  </si>
  <si>
    <t>cg18939928</t>
  </si>
  <si>
    <t>cg19004608</t>
  </si>
  <si>
    <t>cg19005373</t>
  </si>
  <si>
    <t>cg19006302</t>
  </si>
  <si>
    <t>cg19024296</t>
  </si>
  <si>
    <t>cg19025031</t>
  </si>
  <si>
    <t>cg19026959</t>
  </si>
  <si>
    <t>cg19027053</t>
  </si>
  <si>
    <t>cg19031575</t>
  </si>
  <si>
    <t>cg19031844</t>
  </si>
  <si>
    <t>cg19038506</t>
  </si>
  <si>
    <t>cg19041006</t>
  </si>
  <si>
    <t>cg19043450</t>
  </si>
  <si>
    <t>cg19054833</t>
  </si>
  <si>
    <t>cg19057764</t>
  </si>
  <si>
    <t>cg19058262</t>
  </si>
  <si>
    <t>cg19058453</t>
  </si>
  <si>
    <t>cg19058865</t>
  </si>
  <si>
    <t>cg19060970</t>
  </si>
  <si>
    <t>cg19063061</t>
  </si>
  <si>
    <t>cg19066060</t>
  </si>
  <si>
    <t>cg19209269</t>
  </si>
  <si>
    <t>cg19211077</t>
  </si>
  <si>
    <t>cg19214477</t>
  </si>
  <si>
    <t>cg19220091</t>
  </si>
  <si>
    <t>cg19221841</t>
  </si>
  <si>
    <t>cg19222405</t>
  </si>
  <si>
    <t>cg19223106</t>
  </si>
  <si>
    <t>cg19223622</t>
  </si>
  <si>
    <t>cg19224249</t>
  </si>
  <si>
    <t>cg19230709</t>
  </si>
  <si>
    <t>cg19230715</t>
  </si>
  <si>
    <t>cg19231244</t>
  </si>
  <si>
    <t>cg19231632</t>
  </si>
  <si>
    <t>cg19235955</t>
  </si>
  <si>
    <t>cg19239104</t>
  </si>
  <si>
    <t>cg19241679</t>
  </si>
  <si>
    <t>cg19242688</t>
  </si>
  <si>
    <t>cg19244855</t>
  </si>
  <si>
    <t>cg19250101</t>
  </si>
  <si>
    <t>cg19254118</t>
  </si>
  <si>
    <t>cg19254119</t>
  </si>
  <si>
    <t>cg19254176</t>
  </si>
  <si>
    <t>cg19254532</t>
  </si>
  <si>
    <t>cg19262631</t>
  </si>
  <si>
    <t>cg19263877</t>
  </si>
  <si>
    <t>cg19265998</t>
  </si>
  <si>
    <t>cg19268976</t>
  </si>
  <si>
    <t>cg19270050</t>
  </si>
  <si>
    <t>cg19279342</t>
  </si>
  <si>
    <t>cg19280225</t>
  </si>
  <si>
    <t>cg19280530</t>
  </si>
  <si>
    <t>cg19281083</t>
  </si>
  <si>
    <t>cg19283928</t>
  </si>
  <si>
    <t>cg19284726</t>
  </si>
  <si>
    <t>cg19285532</t>
  </si>
  <si>
    <t>cg19287220</t>
  </si>
  <si>
    <t>cg19288226</t>
  </si>
  <si>
    <t>cg19289599</t>
  </si>
  <si>
    <t>cg19302295</t>
  </si>
  <si>
    <t>cg19305095</t>
  </si>
  <si>
    <t>cg19305488</t>
  </si>
  <si>
    <t>cg19306047</t>
  </si>
  <si>
    <t>cg19314403</t>
  </si>
  <si>
    <t>cg19317638</t>
  </si>
  <si>
    <t>cg19324437</t>
  </si>
  <si>
    <t>cg19328328</t>
  </si>
  <si>
    <t>cg19332452</t>
  </si>
  <si>
    <t>cg19333963</t>
  </si>
  <si>
    <t>cg19334675</t>
  </si>
  <si>
    <t>cg19336577</t>
  </si>
  <si>
    <t>cg19337593</t>
  </si>
  <si>
    <t>cg19337852</t>
  </si>
  <si>
    <t>cg19342159</t>
  </si>
  <si>
    <t>cg19343034</t>
  </si>
  <si>
    <t>cg19344263</t>
  </si>
  <si>
    <t>cg19344626</t>
  </si>
  <si>
    <t>cg19350812</t>
  </si>
  <si>
    <t>cg19352808</t>
  </si>
  <si>
    <t>cg19355182</t>
  </si>
  <si>
    <t>cg19355186</t>
  </si>
  <si>
    <t>cg19358877</t>
  </si>
  <si>
    <t>cg19363466</t>
  </si>
  <si>
    <t>cg19363699</t>
  </si>
  <si>
    <t>cg19365843</t>
  </si>
  <si>
    <t>cg19367626</t>
  </si>
  <si>
    <t>cg19367918</t>
  </si>
  <si>
    <t>cg19373090</t>
  </si>
  <si>
    <t>cg19381780</t>
  </si>
  <si>
    <t>cg19385386</t>
  </si>
  <si>
    <t>cg19388016</t>
  </si>
  <si>
    <t>cg19388017</t>
  </si>
  <si>
    <t>cg19392998</t>
  </si>
  <si>
    <t>cg19396878</t>
  </si>
  <si>
    <t>cg19397703</t>
  </si>
  <si>
    <t>cg19398112</t>
  </si>
  <si>
    <t>cg19402371</t>
  </si>
  <si>
    <t>cg19403104</t>
  </si>
  <si>
    <t>cg19410738</t>
  </si>
  <si>
    <t>cg19412076</t>
  </si>
  <si>
    <t>cg19416570</t>
  </si>
  <si>
    <t>cg19417168</t>
  </si>
  <si>
    <t>cg19421371</t>
  </si>
  <si>
    <t>cg19423175</t>
  </si>
  <si>
    <t>cg19429286</t>
  </si>
  <si>
    <t>cg19429607</t>
  </si>
  <si>
    <t>cg19430423</t>
  </si>
  <si>
    <t>cg19437341</t>
  </si>
  <si>
    <t>cg19442480</t>
  </si>
  <si>
    <t>cg19457477</t>
  </si>
  <si>
    <t>cg19459784</t>
  </si>
  <si>
    <t>cg19462712</t>
  </si>
  <si>
    <t>cg19466131</t>
  </si>
  <si>
    <t>cg19466178</t>
  </si>
  <si>
    <t>cg19468962</t>
  </si>
  <si>
    <t>cg19470372</t>
  </si>
  <si>
    <t>cg19470962</t>
  </si>
  <si>
    <t>cg19471591</t>
  </si>
  <si>
    <t>cg19474029</t>
  </si>
  <si>
    <t>cg19480198</t>
  </si>
  <si>
    <t>cg19485202</t>
  </si>
  <si>
    <t>cg19485873</t>
  </si>
  <si>
    <t>cg19488620</t>
  </si>
  <si>
    <t>cg19489512</t>
  </si>
  <si>
    <t>cg19497523</t>
  </si>
  <si>
    <t>cg19503700</t>
  </si>
  <si>
    <t>cg19504950</t>
  </si>
  <si>
    <t>cg19505032</t>
  </si>
  <si>
    <t>cg19506602</t>
  </si>
  <si>
    <t>cg19509894</t>
  </si>
  <si>
    <t>cg19517476</t>
  </si>
  <si>
    <t>cg19524534</t>
  </si>
  <si>
    <t>cg19525602</t>
  </si>
  <si>
    <t>cg19526740</t>
  </si>
  <si>
    <t>cg19530551</t>
  </si>
  <si>
    <t>cg19530883</t>
  </si>
  <si>
    <t>cg19538614</t>
  </si>
  <si>
    <t>cg19538733</t>
  </si>
  <si>
    <t>cg19542892</t>
  </si>
  <si>
    <t>cg19554454</t>
  </si>
  <si>
    <t>cg19556438</t>
  </si>
  <si>
    <t>cg19558049</t>
  </si>
  <si>
    <t>cg19559668</t>
  </si>
  <si>
    <t>cg19561908</t>
  </si>
  <si>
    <t>cg19571046</t>
  </si>
  <si>
    <t>cg19571127</t>
  </si>
  <si>
    <t>cg19571293</t>
  </si>
  <si>
    <t>cg19579795</t>
  </si>
  <si>
    <t>cg19580847</t>
  </si>
  <si>
    <t>cg19586132</t>
  </si>
  <si>
    <t>cg19586199</t>
  </si>
  <si>
    <t>cg19587280</t>
  </si>
  <si>
    <t>cg19593255</t>
  </si>
  <si>
    <t>cg19593550</t>
  </si>
  <si>
    <t>cg19594305</t>
  </si>
  <si>
    <t>cg19596204</t>
  </si>
  <si>
    <t>cg19601653</t>
  </si>
  <si>
    <t>cg19605788</t>
  </si>
  <si>
    <t>cg19607320</t>
  </si>
  <si>
    <t>cg19608357</t>
  </si>
  <si>
    <t>cg19609315</t>
  </si>
  <si>
    <t>cg19612309</t>
  </si>
  <si>
    <t>cg19613828</t>
  </si>
  <si>
    <t>cg19617213</t>
  </si>
  <si>
    <t>cg19628469</t>
  </si>
  <si>
    <t>cg19632366</t>
  </si>
  <si>
    <t>cg19640789</t>
  </si>
  <si>
    <t>cg19642230</t>
  </si>
  <si>
    <t>cg19648552</t>
  </si>
  <si>
    <t>cg19649900</t>
  </si>
  <si>
    <t>cg19650197</t>
  </si>
  <si>
    <t>cg19651003</t>
  </si>
  <si>
    <t>cg19651706</t>
  </si>
  <si>
    <t>cg19654209</t>
  </si>
  <si>
    <t>cg19657814</t>
  </si>
  <si>
    <t>cg19659125</t>
  </si>
  <si>
    <t>cg19660239</t>
  </si>
  <si>
    <t>cg19660878</t>
  </si>
  <si>
    <t>cg19669476</t>
  </si>
  <si>
    <t>cg19686301</t>
  </si>
  <si>
    <t>cg19689415</t>
  </si>
  <si>
    <t>cg19696891</t>
  </si>
  <si>
    <t>cg19697537</t>
  </si>
  <si>
    <t>cg19699893</t>
  </si>
  <si>
    <t>cg19707013</t>
  </si>
  <si>
    <t>cg19708659</t>
  </si>
  <si>
    <t>cg19712189</t>
  </si>
  <si>
    <t>cg19714957</t>
  </si>
  <si>
    <t>cg19717216</t>
  </si>
  <si>
    <t>cg19720058</t>
  </si>
  <si>
    <t>cg19721730</t>
  </si>
  <si>
    <t>cg19721801</t>
  </si>
  <si>
    <t>cg19725343</t>
  </si>
  <si>
    <t>cg19726715</t>
  </si>
  <si>
    <t>cg19726916</t>
  </si>
  <si>
    <t>cg19732625</t>
  </si>
  <si>
    <t>cg19736654</t>
  </si>
  <si>
    <t>cg19740361</t>
  </si>
  <si>
    <t>cg19744691</t>
  </si>
  <si>
    <t>cg19744936</t>
  </si>
  <si>
    <t>cg19747604</t>
  </si>
  <si>
    <t>cg19751869</t>
  </si>
  <si>
    <t>cg19753794</t>
  </si>
  <si>
    <t>cg19756497</t>
  </si>
  <si>
    <t>cg19756700</t>
  </si>
  <si>
    <t>cg19756929</t>
  </si>
  <si>
    <t>cg19761304</t>
  </si>
  <si>
    <t>cg19763319</t>
  </si>
  <si>
    <t>cg19767215</t>
  </si>
  <si>
    <t>cg19768898</t>
  </si>
  <si>
    <t>cg19771773</t>
  </si>
  <si>
    <t>cg19772356</t>
  </si>
  <si>
    <t>cg19782652</t>
  </si>
  <si>
    <t>cg19793697</t>
  </si>
  <si>
    <t>cg19799760</t>
  </si>
  <si>
    <t>cg19801460</t>
  </si>
  <si>
    <t>cg19805953</t>
  </si>
  <si>
    <t>cg19806062</t>
  </si>
  <si>
    <t>cg19811761</t>
  </si>
  <si>
    <t>cg19813688</t>
  </si>
  <si>
    <t>cg19814309</t>
  </si>
  <si>
    <t>cg19819285</t>
  </si>
  <si>
    <t>cg19819654</t>
  </si>
  <si>
    <t>cg19822716</t>
  </si>
  <si>
    <t>cg19822851</t>
  </si>
  <si>
    <t>cg19824388</t>
  </si>
  <si>
    <t>cg19825589</t>
  </si>
  <si>
    <t>cg19828022</t>
  </si>
  <si>
    <t>cg19831031</t>
  </si>
  <si>
    <t>cg19839825</t>
  </si>
  <si>
    <t>cg19841005</t>
  </si>
  <si>
    <t>cg19841405</t>
  </si>
  <si>
    <t>cg19844325</t>
  </si>
  <si>
    <t>cg19848291</t>
  </si>
  <si>
    <t>cg19861117</t>
  </si>
  <si>
    <t>cg19862109</t>
  </si>
  <si>
    <t>cg19864007</t>
  </si>
  <si>
    <t>cg19865472</t>
  </si>
  <si>
    <t>cg19869610</t>
  </si>
  <si>
    <t>cg19872335</t>
  </si>
  <si>
    <t>cg19904122</t>
  </si>
  <si>
    <t>cg19904905</t>
  </si>
  <si>
    <t>cg19907305</t>
  </si>
  <si>
    <t>cg19910200</t>
  </si>
  <si>
    <t>cg19912337</t>
  </si>
  <si>
    <t>cg19912436</t>
  </si>
  <si>
    <t>cg19915582</t>
  </si>
  <si>
    <t>cg19915738</t>
  </si>
  <si>
    <t>cg19920161</t>
  </si>
  <si>
    <t>cg19921377</t>
  </si>
  <si>
    <t>cg19925849</t>
  </si>
  <si>
    <t>cg19927065</t>
  </si>
  <si>
    <t>cg19927510</t>
  </si>
  <si>
    <t>cg19927816</t>
  </si>
  <si>
    <t>cg19983274</t>
  </si>
  <si>
    <t>cg19983870</t>
  </si>
  <si>
    <t>cg20000099</t>
  </si>
  <si>
    <t>cg20038169</t>
  </si>
  <si>
    <t>cg20041257</t>
  </si>
  <si>
    <t>cg20042338</t>
  </si>
  <si>
    <t>cg20079139</t>
  </si>
  <si>
    <t>cg20086743</t>
  </si>
  <si>
    <t>cg20089365</t>
  </si>
  <si>
    <t>cg20091384</t>
  </si>
  <si>
    <t>cg20102368</t>
  </si>
  <si>
    <t>cg20102506</t>
  </si>
  <si>
    <t>cg20103107</t>
  </si>
  <si>
    <t>cg20106459</t>
  </si>
  <si>
    <t>cg20107759</t>
  </si>
  <si>
    <t>cg20108119</t>
  </si>
  <si>
    <t>cg20110347</t>
  </si>
  <si>
    <t>cg20110633</t>
  </si>
  <si>
    <t>cg20112838</t>
  </si>
  <si>
    <t>cg20113693</t>
  </si>
  <si>
    <t>cg20116670</t>
  </si>
  <si>
    <t>cg20116828</t>
  </si>
  <si>
    <t>cg20119550</t>
  </si>
  <si>
    <t>cg20124620</t>
  </si>
  <si>
    <t>cg20126417</t>
  </si>
  <si>
    <t>cg20142672</t>
  </si>
  <si>
    <t>cg20147100</t>
  </si>
  <si>
    <t>cg20152630</t>
  </si>
  <si>
    <t>cg20152891</t>
  </si>
  <si>
    <t>cg20215831</t>
  </si>
  <si>
    <t>cg20217938</t>
  </si>
  <si>
    <t>cg20225246</t>
  </si>
  <si>
    <t>cg20229496</t>
  </si>
  <si>
    <t>cg20232102</t>
  </si>
  <si>
    <t>cg20237496</t>
  </si>
  <si>
    <t>cg20242136</t>
  </si>
  <si>
    <t>cg20242889</t>
  </si>
  <si>
    <t>cg20244649</t>
  </si>
  <si>
    <t>cg20314660</t>
  </si>
  <si>
    <t>cg20434926</t>
  </si>
  <si>
    <t>cg20435284</t>
  </si>
  <si>
    <t>cg20435464</t>
  </si>
  <si>
    <t>cg20437495</t>
  </si>
  <si>
    <t>cg20439889</t>
  </si>
  <si>
    <t>cg20441502</t>
  </si>
  <si>
    <t>cg20442503</t>
  </si>
  <si>
    <t>cg20446404</t>
  </si>
  <si>
    <t>cg20449685</t>
  </si>
  <si>
    <t>cg20451226</t>
  </si>
  <si>
    <t>cg20454073</t>
  </si>
  <si>
    <t>cg20462845</t>
  </si>
  <si>
    <t>cg20463715</t>
  </si>
  <si>
    <t>cg20464719</t>
  </si>
  <si>
    <t>cg20467502</t>
  </si>
  <si>
    <t>cg20467755</t>
  </si>
  <si>
    <t>cg20467896</t>
  </si>
  <si>
    <t>cg20468058</t>
  </si>
  <si>
    <t>cg20469261</t>
  </si>
  <si>
    <t>cg20556517</t>
  </si>
  <si>
    <t>cg20608100</t>
  </si>
  <si>
    <t>cg20609752</t>
  </si>
  <si>
    <t>cg20618448</t>
  </si>
  <si>
    <t>cg20618742</t>
  </si>
  <si>
    <t>cg20618989</t>
  </si>
  <si>
    <t>cg20621715</t>
  </si>
  <si>
    <t>cg20623036</t>
  </si>
  <si>
    <t>cg20623868</t>
  </si>
  <si>
    <t>cg20624980</t>
  </si>
  <si>
    <t>cg20631204</t>
  </si>
  <si>
    <t>cg20631335</t>
  </si>
  <si>
    <t>cg20631628</t>
  </si>
  <si>
    <t>cg20633339</t>
  </si>
  <si>
    <t>cg20635595</t>
  </si>
  <si>
    <t>cg20636319</t>
  </si>
  <si>
    <t>cg20637199</t>
  </si>
  <si>
    <t>cg20638467</t>
  </si>
  <si>
    <t>cg20639400</t>
  </si>
  <si>
    <t>cg20639942</t>
  </si>
  <si>
    <t>cg20640573</t>
  </si>
  <si>
    <t>cg20641794</t>
  </si>
  <si>
    <t>cg20642610</t>
  </si>
  <si>
    <t>cg20643362</t>
  </si>
  <si>
    <t>cg20644253</t>
  </si>
  <si>
    <t>cg20644425</t>
  </si>
  <si>
    <t>cg20652235</t>
  </si>
  <si>
    <t>cg20655070</t>
  </si>
  <si>
    <t>cg20659169</t>
  </si>
  <si>
    <t>cg20661311</t>
  </si>
  <si>
    <t>cg20667364</t>
  </si>
  <si>
    <t>cg20674128</t>
  </si>
  <si>
    <t>cg20674839</t>
  </si>
  <si>
    <t>cg20683754</t>
  </si>
  <si>
    <t>cg20684879</t>
  </si>
  <si>
    <t>cg20690695</t>
  </si>
  <si>
    <t>cg20695297</t>
  </si>
  <si>
    <t>cg20695368</t>
  </si>
  <si>
    <t>cg20697251</t>
  </si>
  <si>
    <t>cg20699497</t>
  </si>
  <si>
    <t>cg20702802</t>
  </si>
  <si>
    <t>cg20706107</t>
  </si>
  <si>
    <t>cg20707679</t>
  </si>
  <si>
    <t>cg20709868</t>
  </si>
  <si>
    <t>cg20711812</t>
  </si>
  <si>
    <t>cg20712274</t>
  </si>
  <si>
    <t>cg20712925</t>
  </si>
  <si>
    <t>cg20719132</t>
  </si>
  <si>
    <t>cg20724680</t>
  </si>
  <si>
    <t>cg20725493</t>
  </si>
  <si>
    <t>cg20731533</t>
  </si>
  <si>
    <t>cg20732626</t>
  </si>
  <si>
    <t>cg20735914</t>
  </si>
  <si>
    <t>cg20737072</t>
  </si>
  <si>
    <t>cg20737210</t>
  </si>
  <si>
    <t>cg20742389</t>
  </si>
  <si>
    <t>cg20744304</t>
  </si>
  <si>
    <t>cg20748533</t>
  </si>
  <si>
    <t>cg20750943</t>
  </si>
  <si>
    <t>cg20751795</t>
  </si>
  <si>
    <t>cg20758651</t>
  </si>
  <si>
    <t>cg20951968</t>
  </si>
  <si>
    <t>cg20952901</t>
  </si>
  <si>
    <t>cg20957975</t>
  </si>
  <si>
    <t>cg20958497</t>
  </si>
  <si>
    <t>cg20961591</t>
  </si>
  <si>
    <t>cg20963653</t>
  </si>
  <si>
    <t>cg20969388</t>
  </si>
  <si>
    <t>cg20971220</t>
  </si>
  <si>
    <t>cg20972142</t>
  </si>
  <si>
    <t>cg20975318</t>
  </si>
  <si>
    <t>cg20979061</t>
  </si>
  <si>
    <t>cg20981058</t>
  </si>
  <si>
    <t>cg20981451</t>
  </si>
  <si>
    <t>cg20984663</t>
  </si>
  <si>
    <t>cg21037265</t>
  </si>
  <si>
    <t>cg21037935</t>
  </si>
  <si>
    <t>cg21044426</t>
  </si>
  <si>
    <t>cg21044833</t>
  </si>
  <si>
    <t>cg21046355</t>
  </si>
  <si>
    <t>cg21050013</t>
  </si>
  <si>
    <t>cg21050076</t>
  </si>
  <si>
    <t>cg21050240</t>
  </si>
  <si>
    <t>cg21053051</t>
  </si>
  <si>
    <t>cg21055532</t>
  </si>
  <si>
    <t>cg21055576</t>
  </si>
  <si>
    <t>cg21059382</t>
  </si>
  <si>
    <t>cg21067540</t>
  </si>
  <si>
    <t>cg21068576</t>
  </si>
  <si>
    <t>cg21073520</t>
  </si>
  <si>
    <t>cg21073930</t>
  </si>
  <si>
    <t>cg21082271</t>
  </si>
  <si>
    <t>cg21086156</t>
  </si>
  <si>
    <t>cg21093192</t>
  </si>
  <si>
    <t>cg21098892</t>
  </si>
  <si>
    <t>cg21098990</t>
  </si>
  <si>
    <t>cg21102121</t>
  </si>
  <si>
    <t>cg21104167</t>
  </si>
  <si>
    <t>cg21105227</t>
  </si>
  <si>
    <t>cg21111301</t>
  </si>
  <si>
    <t>cg21112148</t>
  </si>
  <si>
    <t>cg21117476</t>
  </si>
  <si>
    <t>cg21121496</t>
  </si>
  <si>
    <t>cg21124940</t>
  </si>
  <si>
    <t>cg21126163</t>
  </si>
  <si>
    <t>cg21154793</t>
  </si>
  <si>
    <t>cg21155461</t>
  </si>
  <si>
    <t>cg21192671</t>
  </si>
  <si>
    <t>cg21193485</t>
  </si>
  <si>
    <t>cg21194911</t>
  </si>
  <si>
    <t>cg21194937</t>
  </si>
  <si>
    <t>cg21196136</t>
  </si>
  <si>
    <t>cg21198935</t>
  </si>
  <si>
    <t>cg21203925</t>
  </si>
  <si>
    <t>cg21208157</t>
  </si>
  <si>
    <t>cg21216828</t>
  </si>
  <si>
    <t>cg21218899</t>
  </si>
  <si>
    <t>cg21222178</t>
  </si>
  <si>
    <t>cg21223227</t>
  </si>
  <si>
    <t>cg21277988</t>
  </si>
  <si>
    <t>cg21278285</t>
  </si>
  <si>
    <t>cg21282549</t>
  </si>
  <si>
    <t>cg21287054</t>
  </si>
  <si>
    <t>cg21293397</t>
  </si>
  <si>
    <t>cg21300382</t>
  </si>
  <si>
    <t>cg21302724</t>
  </si>
  <si>
    <t>cg21304757</t>
  </si>
  <si>
    <t>cg21305471</t>
  </si>
  <si>
    <t>cg21306321</t>
  </si>
  <si>
    <t>cg21310689</t>
  </si>
  <si>
    <t>cg21336547</t>
  </si>
  <si>
    <t>cg21449569</t>
  </si>
  <si>
    <t>cg21450318</t>
  </si>
  <si>
    <t>cg21460946</t>
  </si>
  <si>
    <t>cg21464596</t>
  </si>
  <si>
    <t>cg21468511</t>
  </si>
  <si>
    <t>cg21479903</t>
  </si>
  <si>
    <t>cg21480173</t>
  </si>
  <si>
    <t>cg21481141</t>
  </si>
  <si>
    <t>cg21481320</t>
  </si>
  <si>
    <t>cg21483700</t>
  </si>
  <si>
    <t>cg21484586</t>
  </si>
  <si>
    <t>cg21488876</t>
  </si>
  <si>
    <t>cg21491340</t>
  </si>
  <si>
    <t>cg21499869</t>
  </si>
  <si>
    <t>cg21501525</t>
  </si>
  <si>
    <t>cg21501705</t>
  </si>
  <si>
    <t>cg21516724</t>
  </si>
  <si>
    <t>cg21517055</t>
  </si>
  <si>
    <t>cg21518056</t>
  </si>
  <si>
    <t>cg21521454</t>
  </si>
  <si>
    <t>cg21521784</t>
  </si>
  <si>
    <t>cg21526172</t>
  </si>
  <si>
    <t>cg21534423</t>
  </si>
  <si>
    <t>cg21535253</t>
  </si>
  <si>
    <t>cg21536992</t>
  </si>
  <si>
    <t>cg21537428</t>
  </si>
  <si>
    <t>cg21542881</t>
  </si>
  <si>
    <t>cg21547190</t>
  </si>
  <si>
    <t>cg21560142</t>
  </si>
  <si>
    <t>cg21561596</t>
  </si>
  <si>
    <t>cg21568145</t>
  </si>
  <si>
    <t>cg21569090</t>
  </si>
  <si>
    <t>cg21572210</t>
  </si>
  <si>
    <t>cg21574404</t>
  </si>
  <si>
    <t>cg21575584</t>
  </si>
  <si>
    <t>cg21576590</t>
  </si>
  <si>
    <t>cg21577705</t>
  </si>
  <si>
    <t>cg21580058</t>
  </si>
  <si>
    <t>cg21585068</t>
  </si>
  <si>
    <t>cg21586152</t>
  </si>
  <si>
    <t>cg21591820</t>
  </si>
  <si>
    <t>cg21600537</t>
  </si>
  <si>
    <t>cg21603006</t>
  </si>
  <si>
    <t>cg21603537</t>
  </si>
  <si>
    <t>cg21607669</t>
  </si>
  <si>
    <t>cg21610904</t>
  </si>
  <si>
    <t>cg21614107</t>
  </si>
  <si>
    <t>cg21616542</t>
  </si>
  <si>
    <t>cg21617916</t>
  </si>
  <si>
    <t>cg21618549</t>
  </si>
  <si>
    <t>cg21626253</t>
  </si>
  <si>
    <t>cg21636400</t>
  </si>
  <si>
    <t>cg21638108</t>
  </si>
  <si>
    <t>cg21643513</t>
  </si>
  <si>
    <t>cg21650510</t>
  </si>
  <si>
    <t>cg21652505</t>
  </si>
  <si>
    <t>cg21653641</t>
  </si>
  <si>
    <t>cg21658291</t>
  </si>
  <si>
    <t>cg21658616</t>
  </si>
  <si>
    <t>cg21661138</t>
  </si>
  <si>
    <t>cg21663431</t>
  </si>
  <si>
    <t>cg21700070</t>
  </si>
  <si>
    <t>cg21712019</t>
  </si>
  <si>
    <t>cg21713885</t>
  </si>
  <si>
    <t>cg21714578</t>
  </si>
  <si>
    <t>cg21715431</t>
  </si>
  <si>
    <t>cg21717870</t>
  </si>
  <si>
    <t>cg21717879</t>
  </si>
  <si>
    <t>cg21721454</t>
  </si>
  <si>
    <t>cg21725976</t>
  </si>
  <si>
    <t>cg21726593</t>
  </si>
  <si>
    <t>cg21728840</t>
  </si>
  <si>
    <t>cg21730366</t>
  </si>
  <si>
    <t>cg21731345</t>
  </si>
  <si>
    <t>cg21734015</t>
  </si>
  <si>
    <t>cg21736089</t>
  </si>
  <si>
    <t>cg21736309</t>
  </si>
  <si>
    <t>cg21747958</t>
  </si>
  <si>
    <t>cg21756367</t>
  </si>
  <si>
    <t>cg21759057</t>
  </si>
  <si>
    <t>cg21761988</t>
  </si>
  <si>
    <t>cg21762534</t>
  </si>
  <si>
    <t>cg21767207</t>
  </si>
  <si>
    <t>cg21767693</t>
  </si>
  <si>
    <t>cg21771200</t>
  </si>
  <si>
    <t>cg21772011</t>
  </si>
  <si>
    <t>cg21775899</t>
  </si>
  <si>
    <t>cg21790626</t>
  </si>
  <si>
    <t>cg21809007</t>
  </si>
  <si>
    <t>cg21865533</t>
  </si>
  <si>
    <t>cg21868211</t>
  </si>
  <si>
    <t>cg21869046</t>
  </si>
  <si>
    <t>cg21869609</t>
  </si>
  <si>
    <t>cg21871394</t>
  </si>
  <si>
    <t>cg21876001</t>
  </si>
  <si>
    <t>cg21877656</t>
  </si>
  <si>
    <t>cg21881034</t>
  </si>
  <si>
    <t>cg21881184</t>
  </si>
  <si>
    <t>cg21881796</t>
  </si>
  <si>
    <t>cg21883285</t>
  </si>
  <si>
    <t>cg21885897</t>
  </si>
  <si>
    <t>cg21886612</t>
  </si>
  <si>
    <t>cg21890309</t>
  </si>
  <si>
    <t>cg21896938</t>
  </si>
  <si>
    <t>cg21908706</t>
  </si>
  <si>
    <t>cg21910821</t>
  </si>
  <si>
    <t>cg21915765</t>
  </si>
  <si>
    <t>cg21923990</t>
  </si>
  <si>
    <t>cg21927946</t>
  </si>
  <si>
    <t>cg21928701</t>
  </si>
  <si>
    <t>cg21934323</t>
  </si>
  <si>
    <t>cg21938523</t>
  </si>
  <si>
    <t>cg21940568</t>
  </si>
  <si>
    <t>cg21941105</t>
  </si>
  <si>
    <t>cg21943841</t>
  </si>
  <si>
    <t>cg21947590</t>
  </si>
  <si>
    <t>cg21950287</t>
  </si>
  <si>
    <t>cg21951729</t>
  </si>
  <si>
    <t>cg21954173</t>
  </si>
  <si>
    <t>cg21955916</t>
  </si>
  <si>
    <t>cg21956150</t>
  </si>
  <si>
    <t>cg21962610</t>
  </si>
  <si>
    <t>cg21962901</t>
  </si>
  <si>
    <t>cg21970554</t>
  </si>
  <si>
    <t>cg21977234</t>
  </si>
  <si>
    <t>cg21978694</t>
  </si>
  <si>
    <t>cg21987731</t>
  </si>
  <si>
    <t>cg21991822</t>
  </si>
  <si>
    <t>cg21993464</t>
  </si>
  <si>
    <t>cg21994174</t>
  </si>
  <si>
    <t>cg21994576</t>
  </si>
  <si>
    <t>cg21994712</t>
  </si>
  <si>
    <t>cg22000725</t>
  </si>
  <si>
    <t>cg22001208</t>
  </si>
  <si>
    <t>cg22005150</t>
  </si>
  <si>
    <t>cg22007632</t>
  </si>
  <si>
    <t>cg22010774</t>
  </si>
  <si>
    <t>cg22015132</t>
  </si>
  <si>
    <t>cg22018329</t>
  </si>
  <si>
    <t>cg22019666</t>
  </si>
  <si>
    <t>cg22020455</t>
  </si>
  <si>
    <t>cg22021832</t>
  </si>
  <si>
    <t>cg22022797</t>
  </si>
  <si>
    <t>cg22024783</t>
  </si>
  <si>
    <t>cg22027408</t>
  </si>
  <si>
    <t>cg22030419</t>
  </si>
  <si>
    <t>cg22032540</t>
  </si>
  <si>
    <t>cg22033530</t>
  </si>
  <si>
    <t>cg22035959</t>
  </si>
  <si>
    <t>cg22045107</t>
  </si>
  <si>
    <t>cg22046662</t>
  </si>
  <si>
    <t>cg22049569</t>
  </si>
  <si>
    <t>cg22052778</t>
  </si>
  <si>
    <t>cg22054362</t>
  </si>
  <si>
    <t>cg22055932</t>
  </si>
  <si>
    <t>cg22063966</t>
  </si>
  <si>
    <t>cg22075245</t>
  </si>
  <si>
    <t>cg22079684</t>
  </si>
  <si>
    <t>cg22081355</t>
  </si>
  <si>
    <t>cg22085718</t>
  </si>
  <si>
    <t>cg22088420</t>
  </si>
  <si>
    <t>cg22090640</t>
  </si>
  <si>
    <t>cg22090773</t>
  </si>
  <si>
    <t>cg22092652</t>
  </si>
  <si>
    <t>cg22094802</t>
  </si>
  <si>
    <t>cg22140136</t>
  </si>
  <si>
    <t>cg22142686</t>
  </si>
  <si>
    <t>cg22145172</t>
  </si>
  <si>
    <t>cg22148138</t>
  </si>
  <si>
    <t>cg22148999</t>
  </si>
  <si>
    <t>cg22150459</t>
  </si>
  <si>
    <t>cg22152279</t>
  </si>
  <si>
    <t>cg22155111</t>
  </si>
  <si>
    <t>cg22156811</t>
  </si>
  <si>
    <t>cg22157769</t>
  </si>
  <si>
    <t>cg22159514</t>
  </si>
  <si>
    <t>cg22164619</t>
  </si>
  <si>
    <t>cg22167660</t>
  </si>
  <si>
    <t>cg22167789</t>
  </si>
  <si>
    <t>cg22172115</t>
  </si>
  <si>
    <t>cg22172973</t>
  </si>
  <si>
    <t>cg22173241</t>
  </si>
  <si>
    <t>cg22175239</t>
  </si>
  <si>
    <t>cg22182611</t>
  </si>
  <si>
    <t>cg22188068</t>
  </si>
  <si>
    <t>cg22191277</t>
  </si>
  <si>
    <t>cg22191731</t>
  </si>
  <si>
    <t>cg22193146</t>
  </si>
  <si>
    <t>cg22193924</t>
  </si>
  <si>
    <t>cg22195627</t>
  </si>
  <si>
    <t>cg22196260</t>
  </si>
  <si>
    <t>cg22197092</t>
  </si>
  <si>
    <t>cg22201545</t>
  </si>
  <si>
    <t>cg22201588</t>
  </si>
  <si>
    <t>cg22216738</t>
  </si>
  <si>
    <t>cg22220467</t>
  </si>
  <si>
    <t>cg22226527</t>
  </si>
  <si>
    <t>cg22231329</t>
  </si>
  <si>
    <t>cg22236250</t>
  </si>
  <si>
    <t>cg22239958</t>
  </si>
  <si>
    <t>cg22242216</t>
  </si>
  <si>
    <t>cg22246692</t>
  </si>
  <si>
    <t>cg22255130</t>
  </si>
  <si>
    <t>cg22255355</t>
  </si>
  <si>
    <t>cg22259630</t>
  </si>
  <si>
    <t>cg22266001</t>
  </si>
  <si>
    <t>cg22266764</t>
  </si>
  <si>
    <t>cg22268467</t>
  </si>
  <si>
    <t>cg22269913</t>
  </si>
  <si>
    <t>cg22270384</t>
  </si>
  <si>
    <t>cg22273360</t>
  </si>
  <si>
    <t>cg22275321</t>
  </si>
  <si>
    <t>cg22278056</t>
  </si>
  <si>
    <t>cg22278901</t>
  </si>
  <si>
    <t>cg22286978</t>
  </si>
  <si>
    <t>cg22290648</t>
  </si>
  <si>
    <t>cg22291265</t>
  </si>
  <si>
    <t>cg22294267</t>
  </si>
  <si>
    <t>cg22294740</t>
  </si>
  <si>
    <t>cg22297177</t>
  </si>
  <si>
    <t>cg22298500</t>
  </si>
  <si>
    <t>cg22302626</t>
  </si>
  <si>
    <t>cg22308726</t>
  </si>
  <si>
    <t>cg22314482</t>
  </si>
  <si>
    <t>cg22317104</t>
  </si>
  <si>
    <t>cg22317668</t>
  </si>
  <si>
    <t>cg22321522</t>
  </si>
  <si>
    <t>cg22324618</t>
  </si>
  <si>
    <t>cg22328857</t>
  </si>
  <si>
    <t>cg22334543</t>
  </si>
  <si>
    <t>cg22336107</t>
  </si>
  <si>
    <t>cg22336774</t>
  </si>
  <si>
    <t>cg22337438</t>
  </si>
  <si>
    <t>cg22350777</t>
  </si>
  <si>
    <t>cg22351833</t>
  </si>
  <si>
    <t>cg22357700</t>
  </si>
  <si>
    <t>cg22364668</t>
  </si>
  <si>
    <t>cg22367886</t>
  </si>
  <si>
    <t>cg22368619</t>
  </si>
  <si>
    <t>cg22369252</t>
  </si>
  <si>
    <t>cg22372096</t>
  </si>
  <si>
    <t>cg22376704</t>
  </si>
  <si>
    <t>cg22378614</t>
  </si>
  <si>
    <t>cg22380693</t>
  </si>
  <si>
    <t>cg22381454</t>
  </si>
  <si>
    <t>cg22382836</t>
  </si>
  <si>
    <t>cg22383472</t>
  </si>
  <si>
    <t>cg22392666</t>
  </si>
  <si>
    <t>cg22452122</t>
  </si>
  <si>
    <t>cg22454060</t>
  </si>
  <si>
    <t>cg22455795</t>
  </si>
  <si>
    <t>cg22463795</t>
  </si>
  <si>
    <t>cg22464423</t>
  </si>
  <si>
    <t>cg22466448</t>
  </si>
  <si>
    <t>cg22467468</t>
  </si>
  <si>
    <t>cg22467470</t>
  </si>
  <si>
    <t>cg22469141</t>
  </si>
  <si>
    <t>cg22470309</t>
  </si>
  <si>
    <t>cg22472411</t>
  </si>
  <si>
    <t>cg22473620</t>
  </si>
  <si>
    <t>cg22475353</t>
  </si>
  <si>
    <t>cg22475576</t>
  </si>
  <si>
    <t>cg22487414</t>
  </si>
  <si>
    <t>cg22491279</t>
  </si>
  <si>
    <t>cg22491927</t>
  </si>
  <si>
    <t>cg22491961</t>
  </si>
  <si>
    <t>cg22492273</t>
  </si>
  <si>
    <t>cg22498143</t>
  </si>
  <si>
    <t>cg22499719</t>
  </si>
  <si>
    <t>cg22510337</t>
  </si>
  <si>
    <t>cg22512222</t>
  </si>
  <si>
    <t>cg22513901</t>
  </si>
  <si>
    <t>cg22516651</t>
  </si>
  <si>
    <t>cg22518433</t>
  </si>
  <si>
    <t>cg22519738</t>
  </si>
  <si>
    <t>cg22521640</t>
  </si>
  <si>
    <t>cg22524864</t>
  </si>
  <si>
    <t>cg22528979</t>
  </si>
  <si>
    <t>cg22530072</t>
  </si>
  <si>
    <t>cg22531183</t>
  </si>
  <si>
    <t>cg22535970</t>
  </si>
  <si>
    <t>cg22536770</t>
  </si>
  <si>
    <t>cg22550549</t>
  </si>
  <si>
    <t>cg22555472</t>
  </si>
  <si>
    <t>cg22555675</t>
  </si>
  <si>
    <t>cg22557662</t>
  </si>
  <si>
    <t>cg22560193</t>
  </si>
  <si>
    <t>cg22560837</t>
  </si>
  <si>
    <t>cg22564695</t>
  </si>
  <si>
    <t>cg22576055</t>
  </si>
  <si>
    <t>cg22577385</t>
  </si>
  <si>
    <t>cg22582862</t>
  </si>
  <si>
    <t>cg22587751</t>
  </si>
  <si>
    <t>cg22597120</t>
  </si>
  <si>
    <t>cg22598669</t>
  </si>
  <si>
    <t>cg22599071</t>
  </si>
  <si>
    <t>cg22603982</t>
  </si>
  <si>
    <t>cg22606224</t>
  </si>
  <si>
    <t>cg22615462</t>
  </si>
  <si>
    <t>cg22617898</t>
  </si>
  <si>
    <t>cg22621994</t>
  </si>
  <si>
    <t>cg22622505</t>
  </si>
  <si>
    <t>cg22623303</t>
  </si>
  <si>
    <t>cg22624255</t>
  </si>
  <si>
    <t>cg22625098</t>
  </si>
  <si>
    <t>cg22625420</t>
  </si>
  <si>
    <t>cg22626858</t>
  </si>
  <si>
    <t>cg22630231</t>
  </si>
  <si>
    <t>cg22630433</t>
  </si>
  <si>
    <t>cg22630768</t>
  </si>
  <si>
    <t>cg22631459</t>
  </si>
  <si>
    <t>cg22633597</t>
  </si>
  <si>
    <t>cg22634378</t>
  </si>
  <si>
    <t>cg22638505</t>
  </si>
  <si>
    <t>cg22645062</t>
  </si>
  <si>
    <t>cg22647065</t>
  </si>
  <si>
    <t>cg22647407</t>
  </si>
  <si>
    <t>cg22651968</t>
  </si>
  <si>
    <t>cg22652849</t>
  </si>
  <si>
    <t>cg22654626</t>
  </si>
  <si>
    <t>cg22656997</t>
  </si>
  <si>
    <t>cg22660544</t>
  </si>
  <si>
    <t>cg22661556</t>
  </si>
  <si>
    <t>cg22664697</t>
  </si>
  <si>
    <t>cg22672282</t>
  </si>
  <si>
    <t>cg22676424</t>
  </si>
  <si>
    <t>cg22676470</t>
  </si>
  <si>
    <t>cg22676763</t>
  </si>
  <si>
    <t>cg22681934</t>
  </si>
  <si>
    <t>cg22683035</t>
  </si>
  <si>
    <t>cg22690006</t>
  </si>
  <si>
    <t>cg22694191</t>
  </si>
  <si>
    <t>cg22701913</t>
  </si>
  <si>
    <t>cg22702618</t>
  </si>
  <si>
    <t>cg22703791</t>
  </si>
  <si>
    <t>cg22705204</t>
  </si>
  <si>
    <t>cg22708738</t>
  </si>
  <si>
    <t>cg22713345</t>
  </si>
  <si>
    <t>cg22717593</t>
  </si>
  <si>
    <t>cg22717900</t>
  </si>
  <si>
    <t>cg22719138</t>
  </si>
  <si>
    <t>cg22720041</t>
  </si>
  <si>
    <t>cg22721334</t>
  </si>
  <si>
    <t>cg22722891</t>
  </si>
  <si>
    <t>cg22723887</t>
  </si>
  <si>
    <t>cg22726760</t>
  </si>
  <si>
    <t>cg22731204</t>
  </si>
  <si>
    <t>cg22731359</t>
  </si>
  <si>
    <t>cg22732101</t>
  </si>
  <si>
    <t>cg22735419</t>
  </si>
  <si>
    <t>cg22735953</t>
  </si>
  <si>
    <t>cg22745437</t>
  </si>
  <si>
    <t>cg22752049</t>
  </si>
  <si>
    <t>cg22758067</t>
  </si>
  <si>
    <t>cg22761077</t>
  </si>
  <si>
    <t>cg22767164</t>
  </si>
  <si>
    <t>cg22768531</t>
  </si>
  <si>
    <t>cg22774088</t>
  </si>
  <si>
    <t>cg22774379</t>
  </si>
  <si>
    <t>cg22783178</t>
  </si>
  <si>
    <t>cg22786741</t>
  </si>
  <si>
    <t>cg22791904</t>
  </si>
  <si>
    <t>cg22800025</t>
  </si>
  <si>
    <t>cg22803407</t>
  </si>
  <si>
    <t>cg22806837</t>
  </si>
  <si>
    <t>cg22807822</t>
  </si>
  <si>
    <t>cg22811668</t>
  </si>
  <si>
    <t>cg22813165</t>
  </si>
  <si>
    <t>cg22816857</t>
  </si>
  <si>
    <t>cg22816913</t>
  </si>
  <si>
    <t>cg22820935</t>
  </si>
  <si>
    <t>cg22824298</t>
  </si>
  <si>
    <t>cg22826071</t>
  </si>
  <si>
    <t>cg22827465</t>
  </si>
  <si>
    <t>cg22828045</t>
  </si>
  <si>
    <t>cg22832279</t>
  </si>
  <si>
    <t>cg22842143</t>
  </si>
  <si>
    <t>cg22843625</t>
  </si>
  <si>
    <t>cg22847251</t>
  </si>
  <si>
    <t>cg22849149</t>
  </si>
  <si>
    <t>cg22852149</t>
  </si>
  <si>
    <t>cg22852309</t>
  </si>
  <si>
    <t>cg22853064</t>
  </si>
  <si>
    <t>cg22854549</t>
  </si>
  <si>
    <t>cg22857356</t>
  </si>
  <si>
    <t>cg22857726</t>
  </si>
  <si>
    <t>cg22862244</t>
  </si>
  <si>
    <t>cg22865215</t>
  </si>
  <si>
    <t>cg22868034</t>
  </si>
  <si>
    <t>cg22869224</t>
  </si>
  <si>
    <t>cg22871144</t>
  </si>
  <si>
    <t>cg22874772</t>
  </si>
  <si>
    <t>cg22885014</t>
  </si>
  <si>
    <t>cg22885777</t>
  </si>
  <si>
    <t>cg22886512</t>
  </si>
  <si>
    <t>cg22887498</t>
  </si>
  <si>
    <t>cg22891070</t>
  </si>
  <si>
    <t>cg22891500</t>
  </si>
  <si>
    <t>cg22894589</t>
  </si>
  <si>
    <t>cg22898362</t>
  </si>
  <si>
    <t>cg22900607</t>
  </si>
  <si>
    <t>cg22901212</t>
  </si>
  <si>
    <t>cg22904711</t>
  </si>
  <si>
    <t>cg22910715</t>
  </si>
  <si>
    <t>cg22912497</t>
  </si>
  <si>
    <t>cg22912577</t>
  </si>
  <si>
    <t>cg22913585</t>
  </si>
  <si>
    <t>cg22917237</t>
  </si>
  <si>
    <t>cg22918360</t>
  </si>
  <si>
    <t>cg22922010</t>
  </si>
  <si>
    <t>cg22922289</t>
  </si>
  <si>
    <t>cg22923523</t>
  </si>
  <si>
    <t>cg22924585</t>
  </si>
  <si>
    <t>cg22935432</t>
  </si>
  <si>
    <t>cg22935551</t>
  </si>
  <si>
    <t>cg22942571</t>
  </si>
  <si>
    <t>cg22942838</t>
  </si>
  <si>
    <t>cg22945556</t>
  </si>
  <si>
    <t>cg22946557</t>
  </si>
  <si>
    <t>cg22948236</t>
  </si>
  <si>
    <t>cg22955491</t>
  </si>
  <si>
    <t>cg22955628</t>
  </si>
  <si>
    <t>cg22956077</t>
  </si>
  <si>
    <t>cg22956410</t>
  </si>
  <si>
    <t>cg22961275</t>
  </si>
  <si>
    <t>cg22964303</t>
  </si>
  <si>
    <t>cg22965634</t>
  </si>
  <si>
    <t>cg22969669</t>
  </si>
  <si>
    <t>cg22983083</t>
  </si>
  <si>
    <t>cg22984992</t>
  </si>
  <si>
    <t>cg22987448</t>
  </si>
  <si>
    <t>cg22994198</t>
  </si>
  <si>
    <t>cg22995684</t>
  </si>
  <si>
    <t>cg23002097</t>
  </si>
  <si>
    <t>cg23007574</t>
  </si>
  <si>
    <t>cg23008047</t>
  </si>
  <si>
    <t>cg23009962</t>
  </si>
  <si>
    <t>cg23015897</t>
  </si>
  <si>
    <t>cg23015949</t>
  </si>
  <si>
    <t>cg23021477</t>
  </si>
  <si>
    <t>cg23023126</t>
  </si>
  <si>
    <t>cg23023178</t>
  </si>
  <si>
    <t>cg23024448</t>
  </si>
  <si>
    <t>cg23026246</t>
  </si>
  <si>
    <t>cg23029185</t>
  </si>
  <si>
    <t>cg23030894</t>
  </si>
  <si>
    <t>cg23031815</t>
  </si>
  <si>
    <t>cg23033430</t>
  </si>
  <si>
    <t>cg23035638</t>
  </si>
  <si>
    <t>cg23036385</t>
  </si>
  <si>
    <t>cg23037274</t>
  </si>
  <si>
    <t>cg23041193</t>
  </si>
  <si>
    <t>cg23044017</t>
  </si>
  <si>
    <t>cg23046897</t>
  </si>
  <si>
    <t>cg23048215</t>
  </si>
  <si>
    <t>cg23048660</t>
  </si>
  <si>
    <t>cg23048951</t>
  </si>
  <si>
    <t>cg23051792</t>
  </si>
  <si>
    <t>cg23055064</t>
  </si>
  <si>
    <t>cg23059550</t>
  </si>
  <si>
    <t>cg23061046</t>
  </si>
  <si>
    <t>cg23061412</t>
  </si>
  <si>
    <t>cg23068797</t>
  </si>
  <si>
    <t>cg23069923</t>
  </si>
  <si>
    <t>cg23071186</t>
  </si>
  <si>
    <t>cg23074703</t>
  </si>
  <si>
    <t>cg23076906</t>
  </si>
  <si>
    <t>cg23080985</t>
  </si>
  <si>
    <t>cg23081925</t>
  </si>
  <si>
    <t>cg23082867</t>
  </si>
  <si>
    <t>cg23084309</t>
  </si>
  <si>
    <t>cg23088110</t>
  </si>
  <si>
    <t>cg23088184</t>
  </si>
  <si>
    <t>cg23091984</t>
  </si>
  <si>
    <t>cg23095776</t>
  </si>
  <si>
    <t>cg23097143</t>
  </si>
  <si>
    <t>cg23097961</t>
  </si>
  <si>
    <t>cg23098599</t>
  </si>
  <si>
    <t>cg23100979</t>
  </si>
  <si>
    <t>cg23103993</t>
  </si>
  <si>
    <t>cg23181861</t>
  </si>
  <si>
    <t>cg23183906</t>
  </si>
  <si>
    <t>cg23187101</t>
  </si>
  <si>
    <t>cg23187744</t>
  </si>
  <si>
    <t>cg23190402</t>
  </si>
  <si>
    <t>cg23191024</t>
  </si>
  <si>
    <t>cg23192644</t>
  </si>
  <si>
    <t>cg23195398</t>
  </si>
  <si>
    <t>cg23195675</t>
  </si>
  <si>
    <t>cg23200020</t>
  </si>
  <si>
    <t>cg23202053</t>
  </si>
  <si>
    <t>cg23209459</t>
  </si>
  <si>
    <t>cg23211358</t>
  </si>
  <si>
    <t>cg23212786</t>
  </si>
  <si>
    <t>cg23216292</t>
  </si>
  <si>
    <t>cg23218559</t>
  </si>
  <si>
    <t>cg23224511</t>
  </si>
  <si>
    <t>cg23226510</t>
  </si>
  <si>
    <t>cg23232416</t>
  </si>
  <si>
    <t>cg23237364</t>
  </si>
  <si>
    <t>cg23239817</t>
  </si>
  <si>
    <t>cg23239891</t>
  </si>
  <si>
    <t>cg23245297</t>
  </si>
  <si>
    <t>cg23254302</t>
  </si>
  <si>
    <t>cg23255774</t>
  </si>
  <si>
    <t>cg23264278</t>
  </si>
  <si>
    <t>cg23268197</t>
  </si>
  <si>
    <t>cg23268249</t>
  </si>
  <si>
    <t>cg23268322</t>
  </si>
  <si>
    <t>cg23268417</t>
  </si>
  <si>
    <t>cg23270103</t>
  </si>
  <si>
    <t>cg23275502</t>
  </si>
  <si>
    <t>cg23275673</t>
  </si>
  <si>
    <t>cg23279887</t>
  </si>
  <si>
    <t>cg23283236</t>
  </si>
  <si>
    <t>cg23284099</t>
  </si>
  <si>
    <t>cg23286295</t>
  </si>
  <si>
    <t>cg23287404</t>
  </si>
  <si>
    <t>cg23287906</t>
  </si>
  <si>
    <t>cg23291280</t>
  </si>
  <si>
    <t>cg23295478</t>
  </si>
  <si>
    <t>cg23295637</t>
  </si>
  <si>
    <t>cg23298564</t>
  </si>
  <si>
    <t>cg23301142</t>
  </si>
  <si>
    <t>cg23304339</t>
  </si>
  <si>
    <t>cg23305567</t>
  </si>
  <si>
    <t>cg23306063</t>
  </si>
  <si>
    <t>cg23307203</t>
  </si>
  <si>
    <t>cg23307218</t>
  </si>
  <si>
    <t>cg23310835</t>
  </si>
  <si>
    <t>cg23310850</t>
  </si>
  <si>
    <t>cg23314866</t>
  </si>
  <si>
    <t>cg23317614</t>
  </si>
  <si>
    <t>cg23319982</t>
  </si>
  <si>
    <t>cg23320522</t>
  </si>
  <si>
    <t>cg23324101</t>
  </si>
  <si>
    <t>cg23331421</t>
  </si>
  <si>
    <t>cg23331484</t>
  </si>
  <si>
    <t>cg23344532</t>
  </si>
  <si>
    <t>cg23347273</t>
  </si>
  <si>
    <t>cg23347301</t>
  </si>
  <si>
    <t>cg23348158</t>
  </si>
  <si>
    <t>cg23349227</t>
  </si>
  <si>
    <t>cg23350087</t>
  </si>
  <si>
    <t>cg23350838</t>
  </si>
  <si>
    <t>cg23354106</t>
  </si>
  <si>
    <t>cg23357435</t>
  </si>
  <si>
    <t>cg23368607</t>
  </si>
  <si>
    <t>cg23368787</t>
  </si>
  <si>
    <t>cg23374376</t>
  </si>
  <si>
    <t>cg23374892</t>
  </si>
  <si>
    <t>cg23380270</t>
  </si>
  <si>
    <t>cg23388371</t>
  </si>
  <si>
    <t>cg23390488</t>
  </si>
  <si>
    <t>cg23395483</t>
  </si>
  <si>
    <t>cg23398323</t>
  </si>
  <si>
    <t>cg23401210</t>
  </si>
  <si>
    <t>cg23401624</t>
  </si>
  <si>
    <t>cg23404573</t>
  </si>
  <si>
    <t>cg23409374</t>
  </si>
  <si>
    <t>cg23441208</t>
  </si>
  <si>
    <t>cg23445341</t>
  </si>
  <si>
    <t>cg23450038</t>
  </si>
  <si>
    <t>cg23456212</t>
  </si>
  <si>
    <t>cg23456306</t>
  </si>
  <si>
    <t>cg23461216</t>
  </si>
  <si>
    <t>cg23471348</t>
  </si>
  <si>
    <t>cg23473726</t>
  </si>
  <si>
    <t>cg23473819</t>
  </si>
  <si>
    <t>cg23476955</t>
  </si>
  <si>
    <t>cg23477849</t>
  </si>
  <si>
    <t>cg23478354</t>
  </si>
  <si>
    <t>cg23479742</t>
  </si>
  <si>
    <t>cg23481605</t>
  </si>
  <si>
    <t>cg23482747</t>
  </si>
  <si>
    <t>cg23484087</t>
  </si>
  <si>
    <t>cg23485436</t>
  </si>
  <si>
    <t>cg23486105</t>
  </si>
  <si>
    <t>cg23499194</t>
  </si>
  <si>
    <t>cg23501467</t>
  </si>
  <si>
    <t>cg23503796</t>
  </si>
  <si>
    <t>cg23504474</t>
  </si>
  <si>
    <t>cg23504735</t>
  </si>
  <si>
    <t>cg23505145</t>
  </si>
  <si>
    <t>cg23513183</t>
  </si>
  <si>
    <t>cg23513318</t>
  </si>
  <si>
    <t>cg23514110</t>
  </si>
  <si>
    <t>cg23515325</t>
  </si>
  <si>
    <t>cg23516537</t>
  </si>
  <si>
    <t>cg23518257</t>
  </si>
  <si>
    <t>cg23522508</t>
  </si>
  <si>
    <t>cg23525514</t>
  </si>
  <si>
    <t>cg23527409</t>
  </si>
  <si>
    <t>cg23528933</t>
  </si>
  <si>
    <t>cg23532246</t>
  </si>
  <si>
    <t>cg23539381</t>
  </si>
  <si>
    <t>cg23540765</t>
  </si>
  <si>
    <t>cg23546851</t>
  </si>
  <si>
    <t>cg23547515</t>
  </si>
  <si>
    <t>cg23549086</t>
  </si>
  <si>
    <t>cg23643471</t>
  </si>
  <si>
    <t>cg23646337</t>
  </si>
  <si>
    <t>cg23647968</t>
  </si>
  <si>
    <t>cg23659333</t>
  </si>
  <si>
    <t>cg23660182</t>
  </si>
  <si>
    <t>cg23661483</t>
  </si>
  <si>
    <t>cg23662927</t>
  </si>
  <si>
    <t>cg23662947</t>
  </si>
  <si>
    <t>cg23664318</t>
  </si>
  <si>
    <t>cg23667572</t>
  </si>
  <si>
    <t>cg23671719</t>
  </si>
  <si>
    <t>cg23675084</t>
  </si>
  <si>
    <t>cg23679434</t>
  </si>
  <si>
    <t>cg23681251</t>
  </si>
  <si>
    <t>cg23683620</t>
  </si>
  <si>
    <t>cg23684787</t>
  </si>
  <si>
    <t>cg23687958</t>
  </si>
  <si>
    <t>cg23690893</t>
  </si>
  <si>
    <t>cg23691946</t>
  </si>
  <si>
    <t>cg23695687</t>
  </si>
  <si>
    <t>cg23696132</t>
  </si>
  <si>
    <t>cg23696248</t>
  </si>
  <si>
    <t>cg23696432</t>
  </si>
  <si>
    <t>cg23697997</t>
  </si>
  <si>
    <t>cg23732384</t>
  </si>
  <si>
    <t>cg23834964</t>
  </si>
  <si>
    <t>cg23837253</t>
  </si>
  <si>
    <t>cg23837683</t>
  </si>
  <si>
    <t>cg23839891</t>
  </si>
  <si>
    <t>cg23841267</t>
  </si>
  <si>
    <t>cg23846712</t>
  </si>
  <si>
    <t>cg23848131</t>
  </si>
  <si>
    <t>cg23850904</t>
  </si>
  <si>
    <t>cg23860279</t>
  </si>
  <si>
    <t>cg23861930</t>
  </si>
  <si>
    <t>cg23864632</t>
  </si>
  <si>
    <t>cg23866133</t>
  </si>
  <si>
    <t>cg23866403</t>
  </si>
  <si>
    <t>cg23866412</t>
  </si>
  <si>
    <t>cg23872082</t>
  </si>
  <si>
    <t>cg23874606</t>
  </si>
  <si>
    <t>cg23876149</t>
  </si>
  <si>
    <t>cg23879369</t>
  </si>
  <si>
    <t>cg23881482</t>
  </si>
  <si>
    <t>cg23881613</t>
  </si>
  <si>
    <t>cg23884421</t>
  </si>
  <si>
    <t>cg23885512</t>
  </si>
  <si>
    <t>cg23885932</t>
  </si>
  <si>
    <t>cg23887129</t>
  </si>
  <si>
    <t>cg23889086</t>
  </si>
  <si>
    <t>cg23889772</t>
  </si>
  <si>
    <t>cg23891251</t>
  </si>
  <si>
    <t>cg23891596</t>
  </si>
  <si>
    <t>cg23892580</t>
  </si>
  <si>
    <t>cg23894862</t>
  </si>
  <si>
    <t>cg23902435</t>
  </si>
  <si>
    <t>cg23909802</t>
  </si>
  <si>
    <t>cg23914380</t>
  </si>
  <si>
    <t>cg23917860</t>
  </si>
  <si>
    <t>cg23921743</t>
  </si>
  <si>
    <t>cg23926253</t>
  </si>
  <si>
    <t>cg23927976</t>
  </si>
  <si>
    <t>cg23928165</t>
  </si>
  <si>
    <t>cg23931381</t>
  </si>
  <si>
    <t>cg23931836</t>
  </si>
  <si>
    <t>cg23936587</t>
  </si>
  <si>
    <t>cg23942845</t>
  </si>
  <si>
    <t>cg23944327</t>
  </si>
  <si>
    <t>cg23953174</t>
  </si>
  <si>
    <t>cg23954731</t>
  </si>
  <si>
    <t>cg23955930</t>
  </si>
  <si>
    <t>cg23957800</t>
  </si>
  <si>
    <t>cg23959119</t>
  </si>
  <si>
    <t>cg23959252</t>
  </si>
  <si>
    <t>cg23961530</t>
  </si>
  <si>
    <t>cg23962849</t>
  </si>
  <si>
    <t>cg23963136</t>
  </si>
  <si>
    <t>cg23964739</t>
  </si>
  <si>
    <t>cg23968678</t>
  </si>
  <si>
    <t>cg23970758</t>
  </si>
  <si>
    <t>cg23973393</t>
  </si>
  <si>
    <t>cg23973626</t>
  </si>
  <si>
    <t>cg23974921</t>
  </si>
  <si>
    <t>cg23974944</t>
  </si>
  <si>
    <t>cg23986470</t>
  </si>
  <si>
    <t>cg23989053</t>
  </si>
  <si>
    <t>cg23989475</t>
  </si>
  <si>
    <t>cg23991721</t>
  </si>
  <si>
    <t>cg23994702</t>
  </si>
  <si>
    <t>cg23995446</t>
  </si>
  <si>
    <t>cg23996617</t>
  </si>
  <si>
    <t>cg23999422</t>
  </si>
  <si>
    <t>cg24000285</t>
  </si>
  <si>
    <t>cg24000829</t>
  </si>
  <si>
    <t>cg24001611</t>
  </si>
  <si>
    <t>cg24009074</t>
  </si>
  <si>
    <t>cg24009439</t>
  </si>
  <si>
    <t>cg24012887</t>
  </si>
  <si>
    <t>cg24016035</t>
  </si>
  <si>
    <t>cg24021890</t>
  </si>
  <si>
    <t>cg24024291</t>
  </si>
  <si>
    <t>cg24024661</t>
  </si>
  <si>
    <t>cg24025538</t>
  </si>
  <si>
    <t>cg24025995</t>
  </si>
  <si>
    <t>cg24027937</t>
  </si>
  <si>
    <t>cg24031331</t>
  </si>
  <si>
    <t>cg24032214</t>
  </si>
  <si>
    <t>cg24033103</t>
  </si>
  <si>
    <t>cg24033278</t>
  </si>
  <si>
    <t>cg24034412</t>
  </si>
  <si>
    <t>cg24037381</t>
  </si>
  <si>
    <t>cg24039631</t>
  </si>
  <si>
    <t>cg24039816</t>
  </si>
  <si>
    <t>cg24040966</t>
  </si>
  <si>
    <t>cg24046155</t>
  </si>
  <si>
    <t>cg24052148</t>
  </si>
  <si>
    <t>cg24057176</t>
  </si>
  <si>
    <t>cg24057642</t>
  </si>
  <si>
    <t>cg24060040</t>
  </si>
  <si>
    <t>cg24065770</t>
  </si>
  <si>
    <t>cg24067755</t>
  </si>
  <si>
    <t>cg24072202</t>
  </si>
  <si>
    <t>cg24074448</t>
  </si>
  <si>
    <t>cg24074884</t>
  </si>
  <si>
    <t>cg24080119</t>
  </si>
  <si>
    <t>cg24080181</t>
  </si>
  <si>
    <t>cg24082320</t>
  </si>
  <si>
    <t>cg24083067</t>
  </si>
  <si>
    <t>cg24083817</t>
  </si>
  <si>
    <t>cg24085885</t>
  </si>
  <si>
    <t>cg24086266</t>
  </si>
  <si>
    <t>cg24088775</t>
  </si>
  <si>
    <t>cg24092179</t>
  </si>
  <si>
    <t>cg24093429</t>
  </si>
  <si>
    <t>cg24094804</t>
  </si>
  <si>
    <t>cg24098404</t>
  </si>
  <si>
    <t>cg24102241</t>
  </si>
  <si>
    <t>cg24103018</t>
  </si>
  <si>
    <t>cg24106257</t>
  </si>
  <si>
    <t>cg24107522</t>
  </si>
  <si>
    <t>cg24109975</t>
  </si>
  <si>
    <t>cg24113439</t>
  </si>
  <si>
    <t>cg24114314</t>
  </si>
  <si>
    <t>cg24117192</t>
  </si>
  <si>
    <t>cg24117473</t>
  </si>
  <si>
    <t>cg24118894</t>
  </si>
  <si>
    <t>cg24119079</t>
  </si>
  <si>
    <t>cg24121098</t>
  </si>
  <si>
    <t>cg24121733</t>
  </si>
  <si>
    <t>cg24121867</t>
  </si>
  <si>
    <t>cg24122124</t>
  </si>
  <si>
    <t>cg24123311</t>
  </si>
  <si>
    <t>cg24127106</t>
  </si>
  <si>
    <t>cg24127743</t>
  </si>
  <si>
    <t>cg24128045</t>
  </si>
  <si>
    <t>cg24128093</t>
  </si>
  <si>
    <t>cg24129914</t>
  </si>
  <si>
    <t>cg24130148</t>
  </si>
  <si>
    <t>cg24134071</t>
  </si>
  <si>
    <t>cg24137511</t>
  </si>
  <si>
    <t>cg24139898</t>
  </si>
  <si>
    <t>cg24140597</t>
  </si>
  <si>
    <t>cg24143611</t>
  </si>
  <si>
    <t>cg24150232</t>
  </si>
  <si>
    <t>cg24151548</t>
  </si>
  <si>
    <t>cg24152605</t>
  </si>
  <si>
    <t>cg24153071</t>
  </si>
  <si>
    <t>cg24154786</t>
  </si>
  <si>
    <t>cg24156854</t>
  </si>
  <si>
    <t>cg24166457</t>
  </si>
  <si>
    <t>cg24173246</t>
  </si>
  <si>
    <t>cg24175803</t>
  </si>
  <si>
    <t>cg24176138</t>
  </si>
  <si>
    <t>cg24186939</t>
  </si>
  <si>
    <t>cg24192559</t>
  </si>
  <si>
    <t>cg24192660</t>
  </si>
  <si>
    <t>cg24194077</t>
  </si>
  <si>
    <t>cg24197330</t>
  </si>
  <si>
    <t>cg24201033</t>
  </si>
  <si>
    <t>cg24206362</t>
  </si>
  <si>
    <t>cg24213508</t>
  </si>
  <si>
    <t>cg24216555</t>
  </si>
  <si>
    <t>cg24216915</t>
  </si>
  <si>
    <t>cg24218925</t>
  </si>
  <si>
    <t>cg24220046</t>
  </si>
  <si>
    <t>cg24224658</t>
  </si>
  <si>
    <t>cg24226281</t>
  </si>
  <si>
    <t>cg24228530</t>
  </si>
  <si>
    <t>cg24229589</t>
  </si>
  <si>
    <t>cg24292351</t>
  </si>
  <si>
    <t>cg24300446</t>
  </si>
  <si>
    <t>cg24304733</t>
  </si>
  <si>
    <t>cg24307499</t>
  </si>
  <si>
    <t>cg24308307</t>
  </si>
  <si>
    <t>cg24310183</t>
  </si>
  <si>
    <t>cg24312063</t>
  </si>
  <si>
    <t>cg24321432</t>
  </si>
  <si>
    <t>cg24321467</t>
  </si>
  <si>
    <t>cg24325204</t>
  </si>
  <si>
    <t>cg24327262</t>
  </si>
  <si>
    <t>cg24327541</t>
  </si>
  <si>
    <t>cg24331853</t>
  </si>
  <si>
    <t>cg24334111</t>
  </si>
  <si>
    <t>cg24335355</t>
  </si>
  <si>
    <t>cg24337338</t>
  </si>
  <si>
    <t>cg24337786</t>
  </si>
  <si>
    <t>cg24338091</t>
  </si>
  <si>
    <t>cg24341615</t>
  </si>
  <si>
    <t>cg24345715</t>
  </si>
  <si>
    <t>cg24348823</t>
  </si>
  <si>
    <t>cg24349886</t>
  </si>
  <si>
    <t>cg24352736</t>
  </si>
  <si>
    <t>cg24354612</t>
  </si>
  <si>
    <t>cg24357026</t>
  </si>
  <si>
    <t>cg24366168</t>
  </si>
  <si>
    <t>cg24368848</t>
  </si>
  <si>
    <t>cg24372325</t>
  </si>
  <si>
    <t>cg24372485</t>
  </si>
  <si>
    <t>cg24374538</t>
  </si>
  <si>
    <t>cg24376021</t>
  </si>
  <si>
    <t>cg24377285</t>
  </si>
  <si>
    <t>cg24377495</t>
  </si>
  <si>
    <t>cg24400183</t>
  </si>
  <si>
    <t>cg24400553</t>
  </si>
  <si>
    <t>cg24402300</t>
  </si>
  <si>
    <t>cg24402975</t>
  </si>
  <si>
    <t>cg24406496</t>
  </si>
  <si>
    <t>cg24411480</t>
  </si>
  <si>
    <t>cg24413781</t>
  </si>
  <si>
    <t>cg24414182</t>
  </si>
  <si>
    <t>cg24415208</t>
  </si>
  <si>
    <t>cg24415565</t>
  </si>
  <si>
    <t>cg24415941</t>
  </si>
  <si>
    <t>cg24419436</t>
  </si>
  <si>
    <t>cg24420205</t>
  </si>
  <si>
    <t>cg24425705</t>
  </si>
  <si>
    <t>cg24428653</t>
  </si>
  <si>
    <t>cg24429081</t>
  </si>
  <si>
    <t>cg24429831</t>
  </si>
  <si>
    <t>cg24430140</t>
  </si>
  <si>
    <t>cg24436715</t>
  </si>
  <si>
    <t>cg24440088</t>
  </si>
  <si>
    <t>cg24443885</t>
  </si>
  <si>
    <t>cg24446166</t>
  </si>
  <si>
    <t>cg24446823</t>
  </si>
  <si>
    <t>cg24449014</t>
  </si>
  <si>
    <t>cg24449629</t>
  </si>
  <si>
    <t>cg24452181</t>
  </si>
  <si>
    <t>cg24453767</t>
  </si>
  <si>
    <t>cg24457886</t>
  </si>
  <si>
    <t>cg24464397</t>
  </si>
  <si>
    <t>cg24464673</t>
  </si>
  <si>
    <t>cg24468070</t>
  </si>
  <si>
    <t>cg24469923</t>
  </si>
  <si>
    <t>cg24470119</t>
  </si>
  <si>
    <t>cg24475716</t>
  </si>
  <si>
    <t>cg24476033</t>
  </si>
  <si>
    <t>cg24477640</t>
  </si>
  <si>
    <t>cg24477899</t>
  </si>
  <si>
    <t>cg24478966</t>
  </si>
  <si>
    <t>cg24486518</t>
  </si>
  <si>
    <t>cg24512400</t>
  </si>
  <si>
    <t>cg24537481</t>
  </si>
  <si>
    <t>cg24679890</t>
  </si>
  <si>
    <t>cg24687102</t>
  </si>
  <si>
    <t>cg24689754</t>
  </si>
  <si>
    <t>cg24697925</t>
  </si>
  <si>
    <t>cg24698371</t>
  </si>
  <si>
    <t>cg24699296</t>
  </si>
  <si>
    <t>cg24703125</t>
  </si>
  <si>
    <t>cg24703661</t>
  </si>
  <si>
    <t>cg24704287</t>
  </si>
  <si>
    <t>cg24704635</t>
  </si>
  <si>
    <t>cg24712567</t>
  </si>
  <si>
    <t>cg24714147</t>
  </si>
  <si>
    <t>cg24715445</t>
  </si>
  <si>
    <t>cg24718465</t>
  </si>
  <si>
    <t>cg24724633</t>
  </si>
  <si>
    <t>cg24730871</t>
  </si>
  <si>
    <t>cg24732137</t>
  </si>
  <si>
    <t>cg24732692</t>
  </si>
  <si>
    <t>cg24732856</t>
  </si>
  <si>
    <t>cg24737618</t>
  </si>
  <si>
    <t>cg24737857</t>
  </si>
  <si>
    <t>cg24748945</t>
  </si>
  <si>
    <t>cg24762029</t>
  </si>
  <si>
    <t>cg24764091</t>
  </si>
  <si>
    <t>cg24765016</t>
  </si>
  <si>
    <t>cg24766041</t>
  </si>
  <si>
    <t>cg24767336</t>
  </si>
  <si>
    <t>cg24769167</t>
  </si>
  <si>
    <t>cg24771266</t>
  </si>
  <si>
    <t>cg24773324</t>
  </si>
  <si>
    <t>cg24779145</t>
  </si>
  <si>
    <t>cg24779751</t>
  </si>
  <si>
    <t>cg24783234</t>
  </si>
  <si>
    <t>cg24786232</t>
  </si>
  <si>
    <t>cg24788034</t>
  </si>
  <si>
    <t>cg24790297</t>
  </si>
  <si>
    <t>cg24791880</t>
  </si>
  <si>
    <t>cg24796306</t>
  </si>
  <si>
    <t>cg24800130</t>
  </si>
  <si>
    <t>cg24800175</t>
  </si>
  <si>
    <t>cg24803730</t>
  </si>
  <si>
    <t>cg24809037</t>
  </si>
  <si>
    <t>cg24810836</t>
  </si>
  <si>
    <t>cg24812303</t>
  </si>
  <si>
    <t>cg24822053</t>
  </si>
  <si>
    <t>cg24831305</t>
  </si>
  <si>
    <t>cg24832140</t>
  </si>
  <si>
    <t>cg24835021</t>
  </si>
  <si>
    <t>cg24836483</t>
  </si>
  <si>
    <t>cg24836583</t>
  </si>
  <si>
    <t>cg24837653</t>
  </si>
  <si>
    <t>cg24843246</t>
  </si>
  <si>
    <t>cg24852756</t>
  </si>
  <si>
    <t>cg24853871</t>
  </si>
  <si>
    <t>cg24856050</t>
  </si>
  <si>
    <t>cg24862153</t>
  </si>
  <si>
    <t>cg24865999</t>
  </si>
  <si>
    <t>cg24866219</t>
  </si>
  <si>
    <t>cg24868098</t>
  </si>
  <si>
    <t>cg24868883</t>
  </si>
  <si>
    <t>cg24876786</t>
  </si>
  <si>
    <t>cg24881255</t>
  </si>
  <si>
    <t>cg24884572</t>
  </si>
  <si>
    <t>cg24889949</t>
  </si>
  <si>
    <t>cg24892948</t>
  </si>
  <si>
    <t>cg24899081</t>
  </si>
  <si>
    <t>cg24899292</t>
  </si>
  <si>
    <t>cg24900663</t>
  </si>
  <si>
    <t>cg24903887</t>
  </si>
  <si>
    <t>cg24904303</t>
  </si>
  <si>
    <t>cg24906410</t>
  </si>
  <si>
    <t>cg24909548</t>
  </si>
  <si>
    <t>cg24911113</t>
  </si>
  <si>
    <t>cg24912310</t>
  </si>
  <si>
    <t>cg24916013</t>
  </si>
  <si>
    <t>cg24922631</t>
  </si>
  <si>
    <t>cg24922817</t>
  </si>
  <si>
    <t>cg24923818</t>
  </si>
  <si>
    <t>cg24923931</t>
  </si>
  <si>
    <t>cg24924091</t>
  </si>
  <si>
    <t>cg24928938</t>
  </si>
  <si>
    <t>cg24933247</t>
  </si>
  <si>
    <t>cg24939813</t>
  </si>
  <si>
    <t>cg24940701</t>
  </si>
  <si>
    <t>cg24957950</t>
  </si>
  <si>
    <t>cg25041148</t>
  </si>
  <si>
    <t>cg25227274</t>
  </si>
  <si>
    <t>cg25228773</t>
  </si>
  <si>
    <t>cg25230111</t>
  </si>
  <si>
    <t>cg25233685</t>
  </si>
  <si>
    <t>cg25235766</t>
  </si>
  <si>
    <t>cg25242498</t>
  </si>
  <si>
    <t>cg25242824</t>
  </si>
  <si>
    <t>cg25244238</t>
  </si>
  <si>
    <t>cg25247177</t>
  </si>
  <si>
    <t>cg25248346</t>
  </si>
  <si>
    <t>cg25249207</t>
  </si>
  <si>
    <t>cg25252585</t>
  </si>
  <si>
    <t>cg25253217</t>
  </si>
  <si>
    <t>cg25253677</t>
  </si>
  <si>
    <t>cg25257905</t>
  </si>
  <si>
    <t>cg25261059</t>
  </si>
  <si>
    <t>cg25264268</t>
  </si>
  <si>
    <t>cg25266327</t>
  </si>
  <si>
    <t>cg25267072</t>
  </si>
  <si>
    <t>cg25267765</t>
  </si>
  <si>
    <t>cg25268754</t>
  </si>
  <si>
    <t>cg25279240</t>
  </si>
  <si>
    <t>cg25280791</t>
  </si>
  <si>
    <t>cg25290657</t>
  </si>
  <si>
    <t>cg25293806</t>
  </si>
  <si>
    <t>cg25293896</t>
  </si>
  <si>
    <t>cg25302015</t>
  </si>
  <si>
    <t>cg25307468</t>
  </si>
  <si>
    <t>cg25308054</t>
  </si>
  <si>
    <t>cg25308885</t>
  </si>
  <si>
    <t>cg25312876</t>
  </si>
  <si>
    <t>cg25315287</t>
  </si>
  <si>
    <t>cg25323809</t>
  </si>
  <si>
    <t>cg25326090</t>
  </si>
  <si>
    <t>cg25328477</t>
  </si>
  <si>
    <t>cg25335229</t>
  </si>
  <si>
    <t>cg25338766</t>
  </si>
  <si>
    <t>cg25344133</t>
  </si>
  <si>
    <t>cg25345360</t>
  </si>
  <si>
    <t>cg25346193</t>
  </si>
  <si>
    <t>cg25347362</t>
  </si>
  <si>
    <t>cg25352836</t>
  </si>
  <si>
    <t>cg25353652</t>
  </si>
  <si>
    <t>cg25355645</t>
  </si>
  <si>
    <t>cg25359664</t>
  </si>
  <si>
    <t>cg25360929</t>
  </si>
  <si>
    <t>cg25361117</t>
  </si>
  <si>
    <t>cg25362542</t>
  </si>
  <si>
    <t>cg25368113</t>
  </si>
  <si>
    <t>cg25373297</t>
  </si>
  <si>
    <t>cg25376238</t>
  </si>
  <si>
    <t>cg25382025</t>
  </si>
  <si>
    <t>cg25382352</t>
  </si>
  <si>
    <t>cg25383503</t>
  </si>
  <si>
    <t>cg25383568</t>
  </si>
  <si>
    <t>cg25386194</t>
  </si>
  <si>
    <t>cg25397945</t>
  </si>
  <si>
    <t>cg25411327</t>
  </si>
  <si>
    <t>cg25412575</t>
  </si>
  <si>
    <t>cg25417344</t>
  </si>
  <si>
    <t>cg25428970</t>
  </si>
  <si>
    <t>cg25431026</t>
  </si>
  <si>
    <t>cg25435465</t>
  </si>
  <si>
    <t>cg25436849</t>
  </si>
  <si>
    <t>cg25438371</t>
  </si>
  <si>
    <t>cg25441478</t>
  </si>
  <si>
    <t>cg25443560</t>
  </si>
  <si>
    <t>cg25450837</t>
  </si>
  <si>
    <t>cg25453122</t>
  </si>
  <si>
    <t>cg25457191</t>
  </si>
  <si>
    <t>cg25458175</t>
  </si>
  <si>
    <t>cg25461793</t>
  </si>
  <si>
    <t>cg25462384</t>
  </si>
  <si>
    <t>cg25466989</t>
  </si>
  <si>
    <t>cg25468554</t>
  </si>
  <si>
    <t>cg25468683</t>
  </si>
  <si>
    <t>cg25470077</t>
  </si>
  <si>
    <t>cg25471478</t>
  </si>
  <si>
    <t>cg25474507</t>
  </si>
  <si>
    <t>cg25479468</t>
  </si>
  <si>
    <t>cg25479565</t>
  </si>
  <si>
    <t>cg25480379</t>
  </si>
  <si>
    <t>cg25485126</t>
  </si>
  <si>
    <t>cg25489024</t>
  </si>
  <si>
    <t>cg25491112</t>
  </si>
  <si>
    <t>cg25493545</t>
  </si>
  <si>
    <t>cg25493992</t>
  </si>
  <si>
    <t>cg25496071</t>
  </si>
  <si>
    <t>cg25497529</t>
  </si>
  <si>
    <t>cg25504222</t>
  </si>
  <si>
    <t>cg25504273</t>
  </si>
  <si>
    <t>cg25508527</t>
  </si>
  <si>
    <t>cg25510018</t>
  </si>
  <si>
    <t>cg25518386</t>
  </si>
  <si>
    <t>cg25521047</t>
  </si>
  <si>
    <t>cg25522149</t>
  </si>
  <si>
    <t>cg25523522</t>
  </si>
  <si>
    <t>cg25525687</t>
  </si>
  <si>
    <t>cg25527770</t>
  </si>
  <si>
    <t>cg25528199</t>
  </si>
  <si>
    <t>cg25532409</t>
  </si>
  <si>
    <t>cg25535317</t>
  </si>
  <si>
    <t>cg25535708</t>
  </si>
  <si>
    <t>cg25535789</t>
  </si>
  <si>
    <t>cg25535897</t>
  </si>
  <si>
    <t>cg25536300</t>
  </si>
  <si>
    <t>cg25537993</t>
  </si>
  <si>
    <t>cg25539695</t>
  </si>
  <si>
    <t>cg25539735</t>
  </si>
  <si>
    <t>cg25540026</t>
  </si>
  <si>
    <t>cg25543755</t>
  </si>
  <si>
    <t>cg25543948</t>
  </si>
  <si>
    <t>cg25544164</t>
  </si>
  <si>
    <t>cg25547232</t>
  </si>
  <si>
    <t>cg25552655</t>
  </si>
  <si>
    <t>cg25556122</t>
  </si>
  <si>
    <t>cg25563233</t>
  </si>
  <si>
    <t>cg25565998</t>
  </si>
  <si>
    <t>cg25566507</t>
  </si>
  <si>
    <t>cg25567963</t>
  </si>
  <si>
    <t>cg25570676</t>
  </si>
  <si>
    <t>cg25572267</t>
  </si>
  <si>
    <t>cg25573345</t>
  </si>
  <si>
    <t>cg25584814</t>
  </si>
  <si>
    <t>cg25587181</t>
  </si>
  <si>
    <t>cg25590335</t>
  </si>
  <si>
    <t>cg25592107</t>
  </si>
  <si>
    <t>cg25593560</t>
  </si>
  <si>
    <t>cg25593726</t>
  </si>
  <si>
    <t>cg25595446</t>
  </si>
  <si>
    <t>cg25604739</t>
  </si>
  <si>
    <t>cg25605731</t>
  </si>
  <si>
    <t>cg25612391</t>
  </si>
  <si>
    <t>cg25622628</t>
  </si>
  <si>
    <t>cg25623174</t>
  </si>
  <si>
    <t>cg25623250</t>
  </si>
  <si>
    <t>cg25623535</t>
  </si>
  <si>
    <t>cg25627242</t>
  </si>
  <si>
    <t>cg25629768</t>
  </si>
  <si>
    <t>cg25633119</t>
  </si>
  <si>
    <t>cg25635913</t>
  </si>
  <si>
    <t>cg25636354</t>
  </si>
  <si>
    <t>cg25636820</t>
  </si>
  <si>
    <t>cg25637722</t>
  </si>
  <si>
    <t>cg25642212</t>
  </si>
  <si>
    <t>cg25648436</t>
  </si>
  <si>
    <t>cg25650390</t>
  </si>
  <si>
    <t>cg25653974</t>
  </si>
  <si>
    <t>cg25654695</t>
  </si>
  <si>
    <t>cg25660583</t>
  </si>
  <si>
    <t>cg25660646</t>
  </si>
  <si>
    <t>cg25671374</t>
  </si>
  <si>
    <t>cg25675027</t>
  </si>
  <si>
    <t>cg25679743</t>
  </si>
  <si>
    <t>cg25679870</t>
  </si>
  <si>
    <t>cg25686087</t>
  </si>
  <si>
    <t>cg25691026</t>
  </si>
  <si>
    <t>cg25697492</t>
  </si>
  <si>
    <t>cg25697727</t>
  </si>
  <si>
    <t>cg25698915</t>
  </si>
  <si>
    <t>cg25704407</t>
  </si>
  <si>
    <t>cg25709972</t>
  </si>
  <si>
    <t>cg25713821</t>
  </si>
  <si>
    <t>cg25719817</t>
  </si>
  <si>
    <t>cg25732045</t>
  </si>
  <si>
    <t>cg25732462</t>
  </si>
  <si>
    <t>cg25732522</t>
  </si>
  <si>
    <t>cg25734572</t>
  </si>
  <si>
    <t>cg25734977</t>
  </si>
  <si>
    <t>cg25735398</t>
  </si>
  <si>
    <t>cg25737313</t>
  </si>
  <si>
    <t>cg25740437</t>
  </si>
  <si>
    <t>cg25745472</t>
  </si>
  <si>
    <t>cg25751484</t>
  </si>
  <si>
    <t>cg25753841</t>
  </si>
  <si>
    <t>cg25755428</t>
  </si>
  <si>
    <t>cg25756435</t>
  </si>
  <si>
    <t>cg25760950</t>
  </si>
  <si>
    <t>cg25761371</t>
  </si>
  <si>
    <t>cg25763393</t>
  </si>
  <si>
    <t>cg25763542</t>
  </si>
  <si>
    <t>cg25768103</t>
  </si>
  <si>
    <t>cg25775109</t>
  </si>
  <si>
    <t>cg25780156</t>
  </si>
  <si>
    <t>cg25786696</t>
  </si>
  <si>
    <t>cg25789533</t>
  </si>
  <si>
    <t>cg25791973</t>
  </si>
  <si>
    <t>cg25793425</t>
  </si>
  <si>
    <t>cg25793430</t>
  </si>
  <si>
    <t>cg25793785</t>
  </si>
  <si>
    <t>cg25794819</t>
  </si>
  <si>
    <t>cg25795456</t>
  </si>
  <si>
    <t>cg25799699</t>
  </si>
  <si>
    <t>cg25800082</t>
  </si>
  <si>
    <t>cg25802888</t>
  </si>
  <si>
    <t>cg25804146</t>
  </si>
  <si>
    <t>cg25806307</t>
  </si>
  <si>
    <t>cg25806370</t>
  </si>
  <si>
    <t>cg25806655</t>
  </si>
  <si>
    <t>cg25811527</t>
  </si>
  <si>
    <t>cg25814383</t>
  </si>
  <si>
    <t>cg25815124</t>
  </si>
  <si>
    <t>cg25815753</t>
  </si>
  <si>
    <t>cg25817261</t>
  </si>
  <si>
    <t>cg25818882</t>
  </si>
  <si>
    <t>cg25819026</t>
  </si>
  <si>
    <t>cg25820703</t>
  </si>
  <si>
    <t>cg25824310</t>
  </si>
  <si>
    <t>cg25825726</t>
  </si>
  <si>
    <t>cg25826463</t>
  </si>
  <si>
    <t>cg25826740</t>
  </si>
  <si>
    <t>cg25834275</t>
  </si>
  <si>
    <t>cg25867726</t>
  </si>
  <si>
    <t>cg25875213</t>
  </si>
  <si>
    <t>cg25876406</t>
  </si>
  <si>
    <t>cg25902889</t>
  </si>
  <si>
    <t>cg25921512</t>
  </si>
  <si>
    <t>cg25923056</t>
  </si>
  <si>
    <t>cg25924411</t>
  </si>
  <si>
    <t>cg25925896</t>
  </si>
  <si>
    <t>cg25933195</t>
  </si>
  <si>
    <t>cg25936054</t>
  </si>
  <si>
    <t>cg25939742</t>
  </si>
  <si>
    <t>cg25942484</t>
  </si>
  <si>
    <t>cg25949941</t>
  </si>
  <si>
    <t>cg25951580</t>
  </si>
  <si>
    <t>cg25952543</t>
  </si>
  <si>
    <t>cg25963041</t>
  </si>
  <si>
    <t>cg25971548</t>
  </si>
  <si>
    <t>cg25974723</t>
  </si>
  <si>
    <t>cg25975979</t>
  </si>
  <si>
    <t>cg25981801</t>
  </si>
  <si>
    <t>cg25986360</t>
  </si>
  <si>
    <t>cg25990678</t>
  </si>
  <si>
    <t>cg25994622</t>
  </si>
  <si>
    <t>cg26000619</t>
  </si>
  <si>
    <t>cg26001590</t>
  </si>
  <si>
    <t>cg26006440</t>
  </si>
  <si>
    <t>cg26008272</t>
  </si>
  <si>
    <t>cg26009803</t>
  </si>
  <si>
    <t>cg26011534</t>
  </si>
  <si>
    <t>cg26013827</t>
  </si>
  <si>
    <t>cg26016241</t>
  </si>
  <si>
    <t>cg26018738</t>
  </si>
  <si>
    <t>cg26019472</t>
  </si>
  <si>
    <t>cg26146781</t>
  </si>
  <si>
    <t>cg26149167</t>
  </si>
  <si>
    <t>cg26149567</t>
  </si>
  <si>
    <t>cg26151740</t>
  </si>
  <si>
    <t>cg26156860</t>
  </si>
  <si>
    <t>cg26159030</t>
  </si>
  <si>
    <t>cg26163880</t>
  </si>
  <si>
    <t>cg26168358</t>
  </si>
  <si>
    <t>cg26171469</t>
  </si>
  <si>
    <t>cg26171523</t>
  </si>
  <si>
    <t>cg26172504</t>
  </si>
  <si>
    <t>cg26174454</t>
  </si>
  <si>
    <t>cg26223654</t>
  </si>
  <si>
    <t>cg26224223</t>
  </si>
  <si>
    <t>cg26224499</t>
  </si>
  <si>
    <t>cg26225646</t>
  </si>
  <si>
    <t>cg26230674</t>
  </si>
  <si>
    <t>cg26231243</t>
  </si>
  <si>
    <t>cg26238031</t>
  </si>
  <si>
    <t>cg26244397</t>
  </si>
  <si>
    <t>cg26246411</t>
  </si>
  <si>
    <t>cg26246807</t>
  </si>
  <si>
    <t>cg26251401</t>
  </si>
  <si>
    <t>cg26253899</t>
  </si>
  <si>
    <t>cg26254045</t>
  </si>
  <si>
    <t>cg26256837</t>
  </si>
  <si>
    <t>cg26257177</t>
  </si>
  <si>
    <t>cg26257814</t>
  </si>
  <si>
    <t>cg26260540</t>
  </si>
  <si>
    <t>cg26262375</t>
  </si>
  <si>
    <t>cg26269802</t>
  </si>
  <si>
    <t>cg26272443</t>
  </si>
  <si>
    <t>cg26280727</t>
  </si>
  <si>
    <t>cg26281971</t>
  </si>
  <si>
    <t>cg26282792</t>
  </si>
  <si>
    <t>cg26284544</t>
  </si>
  <si>
    <t>cg26284874</t>
  </si>
  <si>
    <t>cg26288449</t>
  </si>
  <si>
    <t>cg26289436</t>
  </si>
  <si>
    <t>cg26297530</t>
  </si>
  <si>
    <t>cg26305504</t>
  </si>
  <si>
    <t>cg26306476</t>
  </si>
  <si>
    <t>cg26308113</t>
  </si>
  <si>
    <t>cg26313152</t>
  </si>
  <si>
    <t>cg26319343</t>
  </si>
  <si>
    <t>cg26321464</t>
  </si>
  <si>
    <t>cg26325791</t>
  </si>
  <si>
    <t>cg26332365</t>
  </si>
  <si>
    <t>cg26335048</t>
  </si>
  <si>
    <t>cg26338873</t>
  </si>
  <si>
    <t>cg26347064</t>
  </si>
  <si>
    <t>cg26348487</t>
  </si>
  <si>
    <t>cg26349266</t>
  </si>
  <si>
    <t>cg26350283</t>
  </si>
  <si>
    <t>cg26351039</t>
  </si>
  <si>
    <t>cg26354493</t>
  </si>
  <si>
    <t>cg26358497</t>
  </si>
  <si>
    <t>cg26361892</t>
  </si>
  <si>
    <t>cg26374206</t>
  </si>
  <si>
    <t>cg26375259</t>
  </si>
  <si>
    <t>cg26377296</t>
  </si>
  <si>
    <t>cg26382075</t>
  </si>
  <si>
    <t>cg26384602</t>
  </si>
  <si>
    <t>cg26444116</t>
  </si>
  <si>
    <t>cg26450010</t>
  </si>
  <si>
    <t>cg26450747</t>
  </si>
  <si>
    <t>cg26454158</t>
  </si>
  <si>
    <t>cg26458816</t>
  </si>
  <si>
    <t>cg26463908</t>
  </si>
  <si>
    <t>cg26464626</t>
  </si>
  <si>
    <t>cg26466323</t>
  </si>
  <si>
    <t>cg26472036</t>
  </si>
  <si>
    <t>cg26482665</t>
  </si>
  <si>
    <t>cg26495575</t>
  </si>
  <si>
    <t>cg26497264</t>
  </si>
  <si>
    <t>cg26500801</t>
  </si>
  <si>
    <t>cg26501450</t>
  </si>
  <si>
    <t>cg26504305</t>
  </si>
  <si>
    <t>cg26517679</t>
  </si>
  <si>
    <t>cg26522368</t>
  </si>
  <si>
    <t>cg26522743</t>
  </si>
  <si>
    <t>cg26529300</t>
  </si>
  <si>
    <t>cg26529371</t>
  </si>
  <si>
    <t>cg26532042</t>
  </si>
  <si>
    <t>cg26532951</t>
  </si>
  <si>
    <t>cg26539524</t>
  </si>
  <si>
    <t>cg26540925</t>
  </si>
  <si>
    <t>cg26545983</t>
  </si>
  <si>
    <t>cg26548187</t>
  </si>
  <si>
    <t>cg26548653</t>
  </si>
  <si>
    <t>cg26551346</t>
  </si>
  <si>
    <t>cg26556385</t>
  </si>
  <si>
    <t>cg26558790</t>
  </si>
  <si>
    <t>cg26571142</t>
  </si>
  <si>
    <t>cg26572233</t>
  </si>
  <si>
    <t>cg26573492</t>
  </si>
  <si>
    <t>cg26576206</t>
  </si>
  <si>
    <t>cg26578856</t>
  </si>
  <si>
    <t>cg26578910</t>
  </si>
  <si>
    <t>cg26580856</t>
  </si>
  <si>
    <t>cg26580869</t>
  </si>
  <si>
    <t>cg26585454</t>
  </si>
  <si>
    <t>cg26609550</t>
  </si>
  <si>
    <t>cg26612735</t>
  </si>
  <si>
    <t>cg26615224</t>
  </si>
  <si>
    <t>cg26615712</t>
  </si>
  <si>
    <t>cg26617938</t>
  </si>
  <si>
    <t>cg26623224</t>
  </si>
  <si>
    <t>cg26626072</t>
  </si>
  <si>
    <t>cg26629960</t>
  </si>
  <si>
    <t>cg26629969</t>
  </si>
  <si>
    <t>cg26634707</t>
  </si>
  <si>
    <t>cg26642510</t>
  </si>
  <si>
    <t>cg26642960</t>
  </si>
  <si>
    <t>cg26643967</t>
  </si>
  <si>
    <t>cg26644049</t>
  </si>
  <si>
    <t>cg26644059</t>
  </si>
  <si>
    <t>cg26646370</t>
  </si>
  <si>
    <t>cg26649251</t>
  </si>
  <si>
    <t>cg26652079</t>
  </si>
  <si>
    <t>cg26652302</t>
  </si>
  <si>
    <t>cg26652666</t>
  </si>
  <si>
    <t>cg26655255</t>
  </si>
  <si>
    <t>cg26659805</t>
  </si>
  <si>
    <t>cg26669806</t>
  </si>
  <si>
    <t>cg26671652</t>
  </si>
  <si>
    <t>cg26701807</t>
  </si>
  <si>
    <t>cg26703182</t>
  </si>
  <si>
    <t>cg26705765</t>
  </si>
  <si>
    <t>cg26708638</t>
  </si>
  <si>
    <t>cg26717215</t>
  </si>
  <si>
    <t>cg26717554</t>
  </si>
  <si>
    <t>cg26719943</t>
  </si>
  <si>
    <t>cg26721700</t>
  </si>
  <si>
    <t>cg26724186</t>
  </si>
  <si>
    <t>cg26727980</t>
  </si>
  <si>
    <t>cg26731834</t>
  </si>
  <si>
    <t>cg26734668</t>
  </si>
  <si>
    <t>cg26734888</t>
  </si>
  <si>
    <t>cg26735071</t>
  </si>
  <si>
    <t>cg26739378</t>
  </si>
  <si>
    <t>cg26742989</t>
  </si>
  <si>
    <t>cg26744078</t>
  </si>
  <si>
    <t>cg26744682</t>
  </si>
  <si>
    <t>cg26745770</t>
  </si>
  <si>
    <t>cg26746674</t>
  </si>
  <si>
    <t>cg26746936</t>
  </si>
  <si>
    <t>cg26747301</t>
  </si>
  <si>
    <t>cg26751868</t>
  </si>
  <si>
    <t>cg26753088</t>
  </si>
  <si>
    <t>cg26754826</t>
  </si>
  <si>
    <t>cg26764019</t>
  </si>
  <si>
    <t>cg26767085</t>
  </si>
  <si>
    <t>cg26767632</t>
  </si>
  <si>
    <t>cg26768816</t>
  </si>
  <si>
    <t>cg26770479</t>
  </si>
  <si>
    <t>cg26771583</t>
  </si>
  <si>
    <t>cg26775914</t>
  </si>
  <si>
    <t>cg26776722</t>
  </si>
  <si>
    <t>cg26778477</t>
  </si>
  <si>
    <t>cg26785464</t>
  </si>
  <si>
    <t>cg26787220</t>
  </si>
  <si>
    <t>cg26789053</t>
  </si>
  <si>
    <t>cg26792749</t>
  </si>
  <si>
    <t>cg26797585</t>
  </si>
  <si>
    <t>cg26816363</t>
  </si>
  <si>
    <t>cg26817371</t>
  </si>
  <si>
    <t>cg26820693</t>
  </si>
  <si>
    <t>cg26823162</t>
  </si>
  <si>
    <t>cg26825934</t>
  </si>
  <si>
    <t>cg26827373</t>
  </si>
  <si>
    <t>cg26831409</t>
  </si>
  <si>
    <t>cg26836800</t>
  </si>
  <si>
    <t>cg26837270</t>
  </si>
  <si>
    <t>cg26853093</t>
  </si>
  <si>
    <t>cg26855234</t>
  </si>
  <si>
    <t>cg26857315</t>
  </si>
  <si>
    <t>cg26857911</t>
  </si>
  <si>
    <t>cg26858144</t>
  </si>
  <si>
    <t>cg26859901</t>
  </si>
  <si>
    <t>cg26860780</t>
  </si>
  <si>
    <t>cg26863085</t>
  </si>
  <si>
    <t>cg26865258</t>
  </si>
  <si>
    <t>cg26870061</t>
  </si>
  <si>
    <t>cg26870725</t>
  </si>
  <si>
    <t>cg26873392</t>
  </si>
  <si>
    <t>cg26877198</t>
  </si>
  <si>
    <t>cg26884921</t>
  </si>
  <si>
    <t>cg26886427</t>
  </si>
  <si>
    <t>cg26890189</t>
  </si>
  <si>
    <t>cg26897088</t>
  </si>
  <si>
    <t>cg26900750</t>
  </si>
  <si>
    <t>cg26905327</t>
  </si>
  <si>
    <t>cg26909981</t>
  </si>
  <si>
    <t>cg26910511</t>
  </si>
  <si>
    <t>cg26914390</t>
  </si>
  <si>
    <t>cg26918756</t>
  </si>
  <si>
    <t>cg26920057</t>
  </si>
  <si>
    <t>cg26923490</t>
  </si>
  <si>
    <t>cg26924890</t>
  </si>
  <si>
    <t>cg26927285</t>
  </si>
  <si>
    <t>cg26928195</t>
  </si>
  <si>
    <t>cg26933691</t>
  </si>
  <si>
    <t>cg26952796</t>
  </si>
  <si>
    <t>cg26954625</t>
  </si>
  <si>
    <t>cg26954695</t>
  </si>
  <si>
    <t>cg26960896</t>
  </si>
  <si>
    <t>cg26961332</t>
  </si>
  <si>
    <t>cg26962002</t>
  </si>
  <si>
    <t>cg26967868</t>
  </si>
  <si>
    <t>cg26968387</t>
  </si>
  <si>
    <t>cg26970847</t>
  </si>
  <si>
    <t>cg26972937</t>
  </si>
  <si>
    <t>cg26981251</t>
  </si>
  <si>
    <t>cg26983874</t>
  </si>
  <si>
    <t>cg26985354</t>
  </si>
  <si>
    <t>cg26988138</t>
  </si>
  <si>
    <t>cg26994859</t>
  </si>
  <si>
    <t>cg26999505</t>
  </si>
  <si>
    <t>cg27006027</t>
  </si>
  <si>
    <t>cg27009130</t>
  </si>
  <si>
    <t>cg27009208</t>
  </si>
  <si>
    <t>cg27009828</t>
  </si>
  <si>
    <t>cg27013550</t>
  </si>
  <si>
    <t>cg27018042</t>
  </si>
  <si>
    <t>cg27018587</t>
  </si>
  <si>
    <t>cg27026005</t>
  </si>
  <si>
    <t>cg27037109</t>
  </si>
  <si>
    <t>cg27040385</t>
  </si>
  <si>
    <t>cg27041875</t>
  </si>
  <si>
    <t>cg27046034</t>
  </si>
  <si>
    <t>cg27052113</t>
  </si>
  <si>
    <t>cg27052428</t>
  </si>
  <si>
    <t>cg27057602</t>
  </si>
  <si>
    <t>cg27058257</t>
  </si>
  <si>
    <t>cg27060391</t>
  </si>
  <si>
    <t>cg27062795</t>
  </si>
  <si>
    <t>cg27064521</t>
  </si>
  <si>
    <t>cg27066829</t>
  </si>
  <si>
    <t>cg27067379</t>
  </si>
  <si>
    <t>cg27069054</t>
  </si>
  <si>
    <t>cg27070372</t>
  </si>
  <si>
    <t>cg27072749</t>
  </si>
  <si>
    <t>cg27072996</t>
  </si>
  <si>
    <t>cg27073079</t>
  </si>
  <si>
    <t>cg27074720</t>
  </si>
  <si>
    <t>cg27075492</t>
  </si>
  <si>
    <t>cg27079023</t>
  </si>
  <si>
    <t>cg27093143</t>
  </si>
  <si>
    <t>cg27094856</t>
  </si>
  <si>
    <t>cg27101125</t>
  </si>
  <si>
    <t>cg27104809</t>
  </si>
  <si>
    <t>cg27104822</t>
  </si>
  <si>
    <t>cg27106726</t>
  </si>
  <si>
    <t>cg27109030</t>
  </si>
  <si>
    <t>cg27123533</t>
  </si>
  <si>
    <t>cg27125093</t>
  </si>
  <si>
    <t>cg27128734</t>
  </si>
  <si>
    <t>cg27137978</t>
  </si>
  <si>
    <t>cg27142229</t>
  </si>
  <si>
    <t>cg27146808</t>
  </si>
  <si>
    <t>cg27152890</t>
  </si>
  <si>
    <t>cg27158572</t>
  </si>
  <si>
    <t>cg27160284</t>
  </si>
  <si>
    <t>cg27172769</t>
  </si>
  <si>
    <t>cg27173971</t>
  </si>
  <si>
    <t>cg27174108</t>
  </si>
  <si>
    <t>cg27174787</t>
  </si>
  <si>
    <t>cg27180563</t>
  </si>
  <si>
    <t>cg27183173</t>
  </si>
  <si>
    <t>cg27183495</t>
  </si>
  <si>
    <t>cg27190206</t>
  </si>
  <si>
    <t>cg27191554</t>
  </si>
  <si>
    <t>cg27194164</t>
  </si>
  <si>
    <t>cg27194467</t>
  </si>
  <si>
    <t>cg27194998</t>
  </si>
  <si>
    <t>cg27209278</t>
  </si>
  <si>
    <t>cg27258021</t>
  </si>
  <si>
    <t>cg27258025</t>
  </si>
  <si>
    <t>cg27261378</t>
  </si>
  <si>
    <t>cg27262735</t>
  </si>
  <si>
    <t>cg27266425</t>
  </si>
  <si>
    <t>cg27267900</t>
  </si>
  <si>
    <t>cg27268574</t>
  </si>
  <si>
    <t>cg27272547</t>
  </si>
  <si>
    <t>cg27275352</t>
  </si>
  <si>
    <t>cg27277620</t>
  </si>
  <si>
    <t>cg27278227</t>
  </si>
  <si>
    <t>cg27281030</t>
  </si>
  <si>
    <t>cg27287944</t>
  </si>
  <si>
    <t>cg27288268</t>
  </si>
  <si>
    <t>cg27292777</t>
  </si>
  <si>
    <t>cg27292818</t>
  </si>
  <si>
    <t>cg27294054</t>
  </si>
  <si>
    <t>cg27294816</t>
  </si>
  <si>
    <t>cg27297025</t>
  </si>
  <si>
    <t>cg27297221</t>
  </si>
  <si>
    <t>cg27301343</t>
  </si>
  <si>
    <t>cg27304729</t>
  </si>
  <si>
    <t>cg27308346</t>
  </si>
  <si>
    <t>cg27309110</t>
  </si>
  <si>
    <t>cg27310748</t>
  </si>
  <si>
    <t>cg27316970</t>
  </si>
  <si>
    <t>cg27317433</t>
  </si>
  <si>
    <t>cg27320207</t>
  </si>
  <si>
    <t>cg27320983</t>
  </si>
  <si>
    <t>cg27321311</t>
  </si>
  <si>
    <t>cg27321876</t>
  </si>
  <si>
    <t>cg27325255</t>
  </si>
  <si>
    <t>cg27335720</t>
  </si>
  <si>
    <t>cg27337492</t>
  </si>
  <si>
    <t>cg27341608</t>
  </si>
  <si>
    <t>cg27346356</t>
  </si>
  <si>
    <t>cg27347727</t>
  </si>
  <si>
    <t>cg27349129</t>
  </si>
  <si>
    <t>cg27349264</t>
  </si>
  <si>
    <t>cg27353143</t>
  </si>
  <si>
    <t>cg27359731</t>
  </si>
  <si>
    <t>cg27359972</t>
  </si>
  <si>
    <t>cg27364916</t>
  </si>
  <si>
    <t>cg27377632</t>
  </si>
  <si>
    <t>cg27380724</t>
  </si>
  <si>
    <t>cg27384769</t>
  </si>
  <si>
    <t>cg27388017</t>
  </si>
  <si>
    <t>cg27388983</t>
  </si>
  <si>
    <t>cg27391396</t>
  </si>
  <si>
    <t>cg27391679</t>
  </si>
  <si>
    <t>cg27393769</t>
  </si>
  <si>
    <t>cg27394859</t>
  </si>
  <si>
    <t>cg27396447</t>
  </si>
  <si>
    <t>cg27423729</t>
  </si>
  <si>
    <t>cg27425511</t>
  </si>
  <si>
    <t>cg27430977</t>
  </si>
  <si>
    <t>cg27468926</t>
  </si>
  <si>
    <t>cg27471092</t>
  </si>
  <si>
    <t>cg27475126</t>
  </si>
  <si>
    <t>cg27477148</t>
  </si>
  <si>
    <t>cg27477373</t>
  </si>
  <si>
    <t>cg27480219</t>
  </si>
  <si>
    <t>cg27481720</t>
  </si>
  <si>
    <t>cg27482605</t>
  </si>
  <si>
    <t>cg27486812</t>
  </si>
  <si>
    <t>cg27492874</t>
  </si>
  <si>
    <t>cg27495444</t>
  </si>
  <si>
    <t>cg27499361</t>
  </si>
  <si>
    <t>cg27500647</t>
  </si>
  <si>
    <t>cg27503117</t>
  </si>
  <si>
    <t>cg27506178</t>
  </si>
  <si>
    <t>cg27510512</t>
  </si>
  <si>
    <t>cg27512018</t>
  </si>
  <si>
    <t>cg27517717</t>
  </si>
  <si>
    <t>cg27520319</t>
  </si>
  <si>
    <t>cg27520689</t>
  </si>
  <si>
    <t>cg27527479</t>
  </si>
  <si>
    <t>cg27529569</t>
  </si>
  <si>
    <t>cg27534894</t>
  </si>
  <si>
    <t>cg27535237</t>
  </si>
  <si>
    <t>cg27535410</t>
  </si>
  <si>
    <t>cg27544219</t>
  </si>
  <si>
    <t>cg27548644</t>
  </si>
  <si>
    <t>cg27549878</t>
  </si>
  <si>
    <t>cg27552287</t>
  </si>
  <si>
    <t>cg27552857</t>
  </si>
  <si>
    <t>cg27553231</t>
  </si>
  <si>
    <t>cg27553457</t>
  </si>
  <si>
    <t>cg27554565</t>
  </si>
  <si>
    <t>cg27560831</t>
  </si>
  <si>
    <t>cg27563174</t>
  </si>
  <si>
    <t>cg27567474</t>
  </si>
  <si>
    <t>cg27567587</t>
  </si>
  <si>
    <t>cg27569488</t>
  </si>
  <si>
    <t>cg27569742</t>
  </si>
  <si>
    <t>cg27572074</t>
  </si>
  <si>
    <t>cg27578458</t>
  </si>
  <si>
    <t>cg27580050</t>
  </si>
  <si>
    <t>cg27584097</t>
  </si>
  <si>
    <t>cg27586581</t>
  </si>
  <si>
    <t>cg27586885</t>
  </si>
  <si>
    <t>cg27594157</t>
  </si>
  <si>
    <t>cg27635983</t>
  </si>
  <si>
    <t>cg27640908</t>
  </si>
  <si>
    <t>cg27642943</t>
  </si>
  <si>
    <t>cg27644247</t>
  </si>
  <si>
    <t>cg27647384</t>
  </si>
  <si>
    <t>cg27648858</t>
  </si>
  <si>
    <t>cg27657525</t>
  </si>
  <si>
    <t>cg27662875</t>
  </si>
  <si>
    <t>cg27663389</t>
  </si>
  <si>
    <t>cg27665925</t>
  </si>
  <si>
    <t>cg00076353</t>
  </si>
  <si>
    <t>cg00156569</t>
  </si>
  <si>
    <t>cg00168514</t>
  </si>
  <si>
    <t>cg00171166</t>
  </si>
  <si>
    <t>cg00188822</t>
  </si>
  <si>
    <t>cg00199007</t>
  </si>
  <si>
    <t>cg00246386</t>
  </si>
  <si>
    <t>cg00260888</t>
  </si>
  <si>
    <t>cg00267746</t>
  </si>
  <si>
    <t>cg00298324</t>
  </si>
  <si>
    <t>cg00303672</t>
  </si>
  <si>
    <t>cg00309582</t>
  </si>
  <si>
    <t>cg00314018</t>
  </si>
  <si>
    <t>cg00320159</t>
  </si>
  <si>
    <t>cg00349943</t>
  </si>
  <si>
    <t>cg00360267</t>
  </si>
  <si>
    <t>cg00368565</t>
  </si>
  <si>
    <t>cg00388871</t>
  </si>
  <si>
    <t>cg00390694</t>
  </si>
  <si>
    <t>cg00399791</t>
  </si>
  <si>
    <t>cg00401091</t>
  </si>
  <si>
    <t>cg00410872</t>
  </si>
  <si>
    <t>cg00411447</t>
  </si>
  <si>
    <t>cg00413099</t>
  </si>
  <si>
    <t>cg00414077</t>
  </si>
  <si>
    <t>cg00417421</t>
  </si>
  <si>
    <t>cg00446123</t>
  </si>
  <si>
    <t>cg00466827</t>
  </si>
  <si>
    <t>cg00473384</t>
  </si>
  <si>
    <t>cg00480389</t>
  </si>
  <si>
    <t>cg00503587</t>
  </si>
  <si>
    <t>cg00506402</t>
  </si>
  <si>
    <t>cg00539386</t>
  </si>
  <si>
    <t>cg00545918</t>
  </si>
  <si>
    <t>cg00577030</t>
  </si>
  <si>
    <t>cg00592643</t>
  </si>
  <si>
    <t>cg00596687</t>
  </si>
  <si>
    <t>cg00642209</t>
  </si>
  <si>
    <t>cg00648301</t>
  </si>
  <si>
    <t>cg00677180</t>
  </si>
  <si>
    <t>cg00699721</t>
  </si>
  <si>
    <t>cg00741836</t>
  </si>
  <si>
    <t>cg00783946</t>
  </si>
  <si>
    <t>cg00800993</t>
  </si>
  <si>
    <t>cg00826842</t>
  </si>
  <si>
    <t>cg00836097</t>
  </si>
  <si>
    <t>cg00845204</t>
  </si>
  <si>
    <t>cg00852921</t>
  </si>
  <si>
    <t>cg00859739</t>
  </si>
  <si>
    <t>cg00890148</t>
  </si>
  <si>
    <t>cg00929635</t>
  </si>
  <si>
    <t>cg00950958</t>
  </si>
  <si>
    <t>cg00960305</t>
  </si>
  <si>
    <t>cg00971933</t>
  </si>
  <si>
    <t>cg00976453</t>
  </si>
  <si>
    <t>cg00977408</t>
  </si>
  <si>
    <t>cg00982357</t>
  </si>
  <si>
    <t>cg00989142</t>
  </si>
  <si>
    <t>cg00992385</t>
  </si>
  <si>
    <t>cg00997172</t>
  </si>
  <si>
    <t>cg01002634</t>
  </si>
  <si>
    <t>cg01051546</t>
  </si>
  <si>
    <t>cg01052087</t>
  </si>
  <si>
    <t>cg01052879</t>
  </si>
  <si>
    <t>cg01068944</t>
  </si>
  <si>
    <t>cg01108392</t>
  </si>
  <si>
    <t>cg01147995</t>
  </si>
  <si>
    <t>cg01154966</t>
  </si>
  <si>
    <t>cg01157780</t>
  </si>
  <si>
    <t>cg01166994</t>
  </si>
  <si>
    <t>cg01175563</t>
  </si>
  <si>
    <t>cg01176363</t>
  </si>
  <si>
    <t>cg01179441</t>
  </si>
  <si>
    <t>cg01180513</t>
  </si>
  <si>
    <t>cg01192531</t>
  </si>
  <si>
    <t>cg01195281</t>
  </si>
  <si>
    <t>cg01217180</t>
  </si>
  <si>
    <t>cg01221207</t>
  </si>
  <si>
    <t>cg01227027</t>
  </si>
  <si>
    <t>cg01235473</t>
  </si>
  <si>
    <t>cg01235820</t>
  </si>
  <si>
    <t>cg01244043</t>
  </si>
  <si>
    <t>cg01278387</t>
  </si>
  <si>
    <t>cg01286959</t>
  </si>
  <si>
    <t>cg01302165</t>
  </si>
  <si>
    <t>cg01366467</t>
  </si>
  <si>
    <t>cg01373262</t>
  </si>
  <si>
    <t>cg01379009</t>
  </si>
  <si>
    <t>cg01397679</t>
  </si>
  <si>
    <t>cg01411731</t>
  </si>
  <si>
    <t>cg01414886</t>
  </si>
  <si>
    <t>cg01427976</t>
  </si>
  <si>
    <t>cg01438737</t>
  </si>
  <si>
    <t>cg01439366</t>
  </si>
  <si>
    <t>cg01448341</t>
  </si>
  <si>
    <t>cg01463540</t>
  </si>
  <si>
    <t>cg01471196</t>
  </si>
  <si>
    <t>cg01483882</t>
  </si>
  <si>
    <t>cg01485165</t>
  </si>
  <si>
    <t>cg01488865</t>
  </si>
  <si>
    <t>cg01503881</t>
  </si>
  <si>
    <t>cg01505767</t>
  </si>
  <si>
    <t>cg01548777</t>
  </si>
  <si>
    <t>cg01552272</t>
  </si>
  <si>
    <t>cg01558307</t>
  </si>
  <si>
    <t>cg01559561</t>
  </si>
  <si>
    <t>cg01560399</t>
  </si>
  <si>
    <t>cg01575590</t>
  </si>
  <si>
    <t>cg01597222</t>
  </si>
  <si>
    <t>cg01634998</t>
  </si>
  <si>
    <t>cg01644611</t>
  </si>
  <si>
    <t>cg01645295</t>
  </si>
  <si>
    <t>cg01653672</t>
  </si>
  <si>
    <t>cg01658602</t>
  </si>
  <si>
    <t>cg01663603</t>
  </si>
  <si>
    <t>cg01663968</t>
  </si>
  <si>
    <t>cg01664670</t>
  </si>
  <si>
    <t>cg01699217</t>
  </si>
  <si>
    <t>cg01715455</t>
  </si>
  <si>
    <t>cg01719433</t>
  </si>
  <si>
    <t>cg01721538</t>
  </si>
  <si>
    <t>cg01729827</t>
  </si>
  <si>
    <t>cg01743841</t>
  </si>
  <si>
    <t>cg01749702</t>
  </si>
  <si>
    <t>cg01750375</t>
  </si>
  <si>
    <t>cg01781767</t>
  </si>
  <si>
    <t>cg01789728</t>
  </si>
  <si>
    <t>cg01817521</t>
  </si>
  <si>
    <t>cg01820262</t>
  </si>
  <si>
    <t>cg01825986</t>
  </si>
  <si>
    <t>cg01835766</t>
  </si>
  <si>
    <t>cg01849156</t>
  </si>
  <si>
    <t>cg01866064</t>
  </si>
  <si>
    <t>cg01874871</t>
  </si>
  <si>
    <t>cg01877301</t>
  </si>
  <si>
    <t>cg01898377</t>
  </si>
  <si>
    <t>cg01925094</t>
  </si>
  <si>
    <t>cg01941895</t>
  </si>
  <si>
    <t>cg01958723</t>
  </si>
  <si>
    <t>cg01965872</t>
  </si>
  <si>
    <t>cg01966791</t>
  </si>
  <si>
    <t>cg01981417</t>
  </si>
  <si>
    <t>cg01993865</t>
  </si>
  <si>
    <t>cg01996714</t>
  </si>
  <si>
    <t>cg02009255</t>
  </si>
  <si>
    <t>cg02029478</t>
  </si>
  <si>
    <t>cg02044989</t>
  </si>
  <si>
    <t>cg02047577</t>
  </si>
  <si>
    <t>cg02065637</t>
  </si>
  <si>
    <t>cg02078758</t>
  </si>
  <si>
    <t>cg02143877</t>
  </si>
  <si>
    <t>cg02145048</t>
  </si>
  <si>
    <t>cg02145932</t>
  </si>
  <si>
    <t>cg02146091</t>
  </si>
  <si>
    <t>cg02155658</t>
  </si>
  <si>
    <t>cg02165799</t>
  </si>
  <si>
    <t>cg02167438</t>
  </si>
  <si>
    <t>cg02173268</t>
  </si>
  <si>
    <t>cg02174884</t>
  </si>
  <si>
    <t>cg02177317</t>
  </si>
  <si>
    <t>cg02180766</t>
  </si>
  <si>
    <t>cg02182210</t>
  </si>
  <si>
    <t>cg02203542</t>
  </si>
  <si>
    <t>cg02217786</t>
  </si>
  <si>
    <t>cg02231404</t>
  </si>
  <si>
    <t>cg02256410</t>
  </si>
  <si>
    <t>cg02320441</t>
  </si>
  <si>
    <t>cg02325679</t>
  </si>
  <si>
    <t>cg02330053</t>
  </si>
  <si>
    <t>cg02342974</t>
  </si>
  <si>
    <t>cg02374680</t>
  </si>
  <si>
    <t>cg02386183</t>
  </si>
  <si>
    <t>cg02410524</t>
  </si>
  <si>
    <t>cg02410825</t>
  </si>
  <si>
    <t>cg02425732</t>
  </si>
  <si>
    <t>cg02457826</t>
  </si>
  <si>
    <t>cg02475377</t>
  </si>
  <si>
    <t>cg02480104</t>
  </si>
  <si>
    <t>cg02484469</t>
  </si>
  <si>
    <t>cg02500267</t>
  </si>
  <si>
    <t>cg02501463</t>
  </si>
  <si>
    <t>cg02506923</t>
  </si>
  <si>
    <t>cg02510802</t>
  </si>
  <si>
    <t>cg02544684</t>
  </si>
  <si>
    <t>cg02552045</t>
  </si>
  <si>
    <t>cg02557432</t>
  </si>
  <si>
    <t>cg02560310</t>
  </si>
  <si>
    <t>cg02568834</t>
  </si>
  <si>
    <t>cg02575159</t>
  </si>
  <si>
    <t>cg02600973</t>
  </si>
  <si>
    <t>cg02603192</t>
  </si>
  <si>
    <t>cg02613171</t>
  </si>
  <si>
    <t>cg02631468</t>
  </si>
  <si>
    <t>cg02635865</t>
  </si>
  <si>
    <t>cg02649168</t>
  </si>
  <si>
    <t>cg02650317</t>
  </si>
  <si>
    <t>cg02651400</t>
  </si>
  <si>
    <t>cg02658437</t>
  </si>
  <si>
    <t>cg02658488</t>
  </si>
  <si>
    <t>cg02661079</t>
  </si>
  <si>
    <t>cg02664993</t>
  </si>
  <si>
    <t>cg02666434</t>
  </si>
  <si>
    <t>cg02683085</t>
  </si>
  <si>
    <t>cg02712555</t>
  </si>
  <si>
    <t>cg02737268</t>
  </si>
  <si>
    <t>cg02737517</t>
  </si>
  <si>
    <t>cg02750813</t>
  </si>
  <si>
    <t>cg02760031</t>
  </si>
  <si>
    <t>cg02792821</t>
  </si>
  <si>
    <t>cg02797871</t>
  </si>
  <si>
    <t>cg02799298</t>
  </si>
  <si>
    <t>cg02799712</t>
  </si>
  <si>
    <t>cg02801359</t>
  </si>
  <si>
    <t>cg02808257</t>
  </si>
  <si>
    <t>cg02813644</t>
  </si>
  <si>
    <t>cg02852436</t>
  </si>
  <si>
    <t>cg02884024</t>
  </si>
  <si>
    <t>cg02898539</t>
  </si>
  <si>
    <t>cg02909136</t>
  </si>
  <si>
    <t>cg02921472</t>
  </si>
  <si>
    <t>cg02930037</t>
  </si>
  <si>
    <t>cg02939019</t>
  </si>
  <si>
    <t>cg02939767</t>
  </si>
  <si>
    <t>cg02962406</t>
  </si>
  <si>
    <t>cg02963878</t>
  </si>
  <si>
    <t>cg02966332</t>
  </si>
  <si>
    <t>cg02979741</t>
  </si>
  <si>
    <t>cg02997755</t>
  </si>
  <si>
    <t>cg03001504</t>
  </si>
  <si>
    <t>cg03011535</t>
  </si>
  <si>
    <t>cg03027241</t>
  </si>
  <si>
    <t>cg03035419</t>
  </si>
  <si>
    <t>cg03038835</t>
  </si>
  <si>
    <t>cg03048889</t>
  </si>
  <si>
    <t>cg03049311</t>
  </si>
  <si>
    <t>cg03057951</t>
  </si>
  <si>
    <t>cg03059876</t>
  </si>
  <si>
    <t>cg03070473</t>
  </si>
  <si>
    <t>cg03074225</t>
  </si>
  <si>
    <t>cg03074872</t>
  </si>
  <si>
    <t>cg03111498</t>
  </si>
  <si>
    <t>cg03121168</t>
  </si>
  <si>
    <t>cg03132089</t>
  </si>
  <si>
    <t>cg03140968</t>
  </si>
  <si>
    <t>cg03152500</t>
  </si>
  <si>
    <t>cg03172651</t>
  </si>
  <si>
    <t>cg03173827</t>
  </si>
  <si>
    <t>cg03183872</t>
  </si>
  <si>
    <t>cg03211173</t>
  </si>
  <si>
    <t>cg03212862</t>
  </si>
  <si>
    <t>cg03217337</t>
  </si>
  <si>
    <t>cg03264550</t>
  </si>
  <si>
    <t>cg03264601</t>
  </si>
  <si>
    <t>cg03307911</t>
  </si>
  <si>
    <t>cg03341758</t>
  </si>
  <si>
    <t>cg03373518</t>
  </si>
  <si>
    <t>cg03378876</t>
  </si>
  <si>
    <t>cg03381996</t>
  </si>
  <si>
    <t>cg03387135</t>
  </si>
  <si>
    <t>cg03403065</t>
  </si>
  <si>
    <t>cg03414318</t>
  </si>
  <si>
    <t>cg03414321</t>
  </si>
  <si>
    <t>cg03416888</t>
  </si>
  <si>
    <t>cg03425785</t>
  </si>
  <si>
    <t>cg03474903</t>
  </si>
  <si>
    <t>cg03482411</t>
  </si>
  <si>
    <t>cg03503905</t>
  </si>
  <si>
    <t>cg03507228</t>
  </si>
  <si>
    <t>cg03522032</t>
  </si>
  <si>
    <t>cg03523363</t>
  </si>
  <si>
    <t>cg03524572</t>
  </si>
  <si>
    <t>cg03554702</t>
  </si>
  <si>
    <t>cg03560963</t>
  </si>
  <si>
    <t>cg03567830</t>
  </si>
  <si>
    <t>cg03582787</t>
  </si>
  <si>
    <t>cg03590216</t>
  </si>
  <si>
    <t>cg03609568</t>
  </si>
  <si>
    <t>cg03616164</t>
  </si>
  <si>
    <t>cg03639897</t>
  </si>
  <si>
    <t>cg03643414</t>
  </si>
  <si>
    <t>cg03668558</t>
  </si>
  <si>
    <t>cg03669268</t>
  </si>
  <si>
    <t>cg03674076</t>
  </si>
  <si>
    <t>cg03678333</t>
  </si>
  <si>
    <t>cg03680128</t>
  </si>
  <si>
    <t>cg03689076</t>
  </si>
  <si>
    <t>cg03689129</t>
  </si>
  <si>
    <t>cg03711791</t>
  </si>
  <si>
    <t>cg03719642</t>
  </si>
  <si>
    <t>cg03737691</t>
  </si>
  <si>
    <t>cg03746065</t>
  </si>
  <si>
    <t>cg03761210</t>
  </si>
  <si>
    <t>cg03816707</t>
  </si>
  <si>
    <t>cg03821543</t>
  </si>
  <si>
    <t>cg03823108</t>
  </si>
  <si>
    <t>cg03825413</t>
  </si>
  <si>
    <t>cg03835983</t>
  </si>
  <si>
    <t>cg03885271</t>
  </si>
  <si>
    <t>cg03894815</t>
  </si>
  <si>
    <t>cg03908391</t>
  </si>
  <si>
    <t>cg03916909</t>
  </si>
  <si>
    <t>cg03922571</t>
  </si>
  <si>
    <t>cg03925157</t>
  </si>
  <si>
    <t>cg03928367</t>
  </si>
  <si>
    <t>cg03940047</t>
  </si>
  <si>
    <t>cg03946671</t>
  </si>
  <si>
    <t>cg03986384</t>
  </si>
  <si>
    <t>cg04000140</t>
  </si>
  <si>
    <t>cg04015907</t>
  </si>
  <si>
    <t>cg04048259</t>
  </si>
  <si>
    <t>cg04053242</t>
  </si>
  <si>
    <t>cg04055238</t>
  </si>
  <si>
    <t>cg04094751</t>
  </si>
  <si>
    <t>cg04125300</t>
  </si>
  <si>
    <t>cg04149172</t>
  </si>
  <si>
    <t>cg04152154</t>
  </si>
  <si>
    <t>cg04154929</t>
  </si>
  <si>
    <t>cg04175879</t>
  </si>
  <si>
    <t>cg04193901</t>
  </si>
  <si>
    <t>cg04205485</t>
  </si>
  <si>
    <t>cg04208499</t>
  </si>
  <si>
    <t>cg04219410</t>
  </si>
  <si>
    <t>cg04254347</t>
  </si>
  <si>
    <t>cg04257105</t>
  </si>
  <si>
    <t>cg04263118</t>
  </si>
  <si>
    <t>cg04272256</t>
  </si>
  <si>
    <t>cg04285130</t>
  </si>
  <si>
    <t>cg04293085</t>
  </si>
  <si>
    <t>cg04332613</t>
  </si>
  <si>
    <t>cg04337412</t>
  </si>
  <si>
    <t>cg04343971</t>
  </si>
  <si>
    <t>cg04405075</t>
  </si>
  <si>
    <t>cg04414928</t>
  </si>
  <si>
    <t>cg04428163</t>
  </si>
  <si>
    <t>cg04432319</t>
  </si>
  <si>
    <t>cg04444873</t>
  </si>
  <si>
    <t>cg04480227</t>
  </si>
  <si>
    <t>cg04485867</t>
  </si>
  <si>
    <t>cg04486506</t>
  </si>
  <si>
    <t>cg04489586</t>
  </si>
  <si>
    <t>cg04520420</t>
  </si>
  <si>
    <t>cg04524933</t>
  </si>
  <si>
    <t>cg04527057</t>
  </si>
  <si>
    <t>cg04543516</t>
  </si>
  <si>
    <t>cg04555735</t>
  </si>
  <si>
    <t>cg04562739</t>
  </si>
  <si>
    <t>cg04588969</t>
  </si>
  <si>
    <t>cg04606053</t>
  </si>
  <si>
    <t>cg04607323</t>
  </si>
  <si>
    <t>cg04618068</t>
  </si>
  <si>
    <t>cg04624110</t>
  </si>
  <si>
    <t>cg04632887</t>
  </si>
  <si>
    <t>cg04649215</t>
  </si>
  <si>
    <t>cg04653776</t>
  </si>
  <si>
    <t>cg04669830</t>
  </si>
  <si>
    <t>cg04696274</t>
  </si>
  <si>
    <t>cg04714232</t>
  </si>
  <si>
    <t>cg04716990</t>
  </si>
  <si>
    <t>cg04718428</t>
  </si>
  <si>
    <t>cg04737319</t>
  </si>
  <si>
    <t>cg04747993</t>
  </si>
  <si>
    <t>cg04757428</t>
  </si>
  <si>
    <t>cg04762412</t>
  </si>
  <si>
    <t>cg04772948</t>
  </si>
  <si>
    <t>cg04779788</t>
  </si>
  <si>
    <t>cg04787211</t>
  </si>
  <si>
    <t>cg04788221</t>
  </si>
  <si>
    <t>cg04808059</t>
  </si>
  <si>
    <t>cg04834228</t>
  </si>
  <si>
    <t>cg04839664</t>
  </si>
  <si>
    <t>cg04843900</t>
  </si>
  <si>
    <t>cg04865491</t>
  </si>
  <si>
    <t>cg04881131</t>
  </si>
  <si>
    <t>cg04893833</t>
  </si>
  <si>
    <t>cg04920227</t>
  </si>
  <si>
    <t>cg04927004</t>
  </si>
  <si>
    <t>cg04936382</t>
  </si>
  <si>
    <t>cg04984575</t>
  </si>
  <si>
    <t>cg04994084</t>
  </si>
  <si>
    <t>cg04999999</t>
  </si>
  <si>
    <t>cg05005113</t>
  </si>
  <si>
    <t>cg05012767</t>
  </si>
  <si>
    <t>cg05013064</t>
  </si>
  <si>
    <t>cg05020775</t>
  </si>
  <si>
    <t>cg05059291</t>
  </si>
  <si>
    <t>cg05078106</t>
  </si>
  <si>
    <t>cg05085169</t>
  </si>
  <si>
    <t>cg05116443</t>
  </si>
  <si>
    <t>cg05120028</t>
  </si>
  <si>
    <t>cg05131957</t>
  </si>
  <si>
    <t>cg05134013</t>
  </si>
  <si>
    <t>cg05138699</t>
  </si>
  <si>
    <t>cg05202720</t>
  </si>
  <si>
    <t>cg05222794</t>
  </si>
  <si>
    <t>cg05230977</t>
  </si>
  <si>
    <t>cg05232576</t>
  </si>
  <si>
    <t>cg05264764</t>
  </si>
  <si>
    <t>cg05267394</t>
  </si>
  <si>
    <t>cg05269013</t>
  </si>
  <si>
    <t>cg05269938</t>
  </si>
  <si>
    <t>cg05309239</t>
  </si>
  <si>
    <t>cg05331791</t>
  </si>
  <si>
    <t>cg05336115</t>
  </si>
  <si>
    <t>cg05347927</t>
  </si>
  <si>
    <t>cg05366561</t>
  </si>
  <si>
    <t>cg05385059</t>
  </si>
  <si>
    <t>cg05389922</t>
  </si>
  <si>
    <t>cg05558390</t>
  </si>
  <si>
    <t>cg05792285</t>
  </si>
  <si>
    <t>cg05825244</t>
  </si>
  <si>
    <t>cg05827346</t>
  </si>
  <si>
    <t>cg05844247</t>
  </si>
  <si>
    <t>cg05847960</t>
  </si>
  <si>
    <t>cg05852008</t>
  </si>
  <si>
    <t>cg05857826</t>
  </si>
  <si>
    <t>cg05865202</t>
  </si>
  <si>
    <t>cg05897028</t>
  </si>
  <si>
    <t>cg05899860</t>
  </si>
  <si>
    <t>cg05926269</t>
  </si>
  <si>
    <t>cg05938437</t>
  </si>
  <si>
    <t>cg05960039</t>
  </si>
  <si>
    <t>cg05964687</t>
  </si>
  <si>
    <t>cg05975845</t>
  </si>
  <si>
    <t>cg05995220</t>
  </si>
  <si>
    <t>cg06001237</t>
  </si>
  <si>
    <t>cg06033659</t>
  </si>
  <si>
    <t>cg06060853</t>
  </si>
  <si>
    <t>cg06065743</t>
  </si>
  <si>
    <t>cg06078990</t>
  </si>
  <si>
    <t>cg06079428</t>
  </si>
  <si>
    <t>cg06080893</t>
  </si>
  <si>
    <t>cg06093395</t>
  </si>
  <si>
    <t>cg06096175</t>
  </si>
  <si>
    <t>cg06099431</t>
  </si>
  <si>
    <t>cg06100899</t>
  </si>
  <si>
    <t>cg06102403</t>
  </si>
  <si>
    <t>cg06108461</t>
  </si>
  <si>
    <t>cg06135139</t>
  </si>
  <si>
    <t>cg06144080</t>
  </si>
  <si>
    <t>cg06147822</t>
  </si>
  <si>
    <t>cg06177053</t>
  </si>
  <si>
    <t>cg06178563</t>
  </si>
  <si>
    <t>cg06198069</t>
  </si>
  <si>
    <t>cg06198451</t>
  </si>
  <si>
    <t>cg06207052</t>
  </si>
  <si>
    <t>cg06211794</t>
  </si>
  <si>
    <t>cg06222392</t>
  </si>
  <si>
    <t>cg06239208</t>
  </si>
  <si>
    <t>cg06260709</t>
  </si>
  <si>
    <t>cg06262436</t>
  </si>
  <si>
    <t>cg06263461</t>
  </si>
  <si>
    <t>cg06273454</t>
  </si>
  <si>
    <t>cg06291846</t>
  </si>
  <si>
    <t>cg06298629</t>
  </si>
  <si>
    <t>cg06303238</t>
  </si>
  <si>
    <t>cg06318401</t>
  </si>
  <si>
    <t>cg06334857</t>
  </si>
  <si>
    <t>cg06377152</t>
  </si>
  <si>
    <t>cg06385187</t>
  </si>
  <si>
    <t>cg06389554</t>
  </si>
  <si>
    <t>cg06395265</t>
  </si>
  <si>
    <t>cg06398481</t>
  </si>
  <si>
    <t>cg06404175</t>
  </si>
  <si>
    <t>cg06420834</t>
  </si>
  <si>
    <t>cg06433879</t>
  </si>
  <si>
    <t>cg06441668</t>
  </si>
  <si>
    <t>cg06479032</t>
  </si>
  <si>
    <t>cg06492545</t>
  </si>
  <si>
    <t>cg06497752</t>
  </si>
  <si>
    <t>cg06525062</t>
  </si>
  <si>
    <t>cg06527181</t>
  </si>
  <si>
    <t>cg06542865</t>
  </si>
  <si>
    <t>cg06544376</t>
  </si>
  <si>
    <t>cg06545180</t>
  </si>
  <si>
    <t>cg06548214</t>
  </si>
  <si>
    <t>cg06567525</t>
  </si>
  <si>
    <t>cg06571075</t>
  </si>
  <si>
    <t>cg06575144</t>
  </si>
  <si>
    <t>cg06584619</t>
  </si>
  <si>
    <t>cg06588605</t>
  </si>
  <si>
    <t>cg06640637</t>
  </si>
  <si>
    <t>cg06649044</t>
  </si>
  <si>
    <t>cg06657217</t>
  </si>
  <si>
    <t>cg06670911</t>
  </si>
  <si>
    <t>cg06676579</t>
  </si>
  <si>
    <t>cg06683288</t>
  </si>
  <si>
    <t>cg06686029</t>
  </si>
  <si>
    <t>cg06706867</t>
  </si>
  <si>
    <t>cg06726390</t>
  </si>
  <si>
    <t>cg06751243</t>
  </si>
  <si>
    <t>cg06768188</t>
  </si>
  <si>
    <t>cg06779449</t>
  </si>
  <si>
    <t>cg06821919</t>
  </si>
  <si>
    <t>cg06877860</t>
  </si>
  <si>
    <t>cg06894146</t>
  </si>
  <si>
    <t>cg06908806</t>
  </si>
  <si>
    <t>cg06918562</t>
  </si>
  <si>
    <t>cg06962944</t>
  </si>
  <si>
    <t>cg07003030</t>
  </si>
  <si>
    <t>cg07007080</t>
  </si>
  <si>
    <t>cg07014523</t>
  </si>
  <si>
    <t>cg07033372</t>
  </si>
  <si>
    <t>cg07062412</t>
  </si>
  <si>
    <t>cg07062658</t>
  </si>
  <si>
    <t>cg07064544</t>
  </si>
  <si>
    <t>cg07070391</t>
  </si>
  <si>
    <t>cg07079755</t>
  </si>
  <si>
    <t>cg07097722</t>
  </si>
  <si>
    <t>cg07103072</t>
  </si>
  <si>
    <t>cg07105596</t>
  </si>
  <si>
    <t>cg07113642</t>
  </si>
  <si>
    <t>cg07115304</t>
  </si>
  <si>
    <t>cg07134254</t>
  </si>
  <si>
    <t>cg07139762</t>
  </si>
  <si>
    <t>cg07160746</t>
  </si>
  <si>
    <t>cg07162198</t>
  </si>
  <si>
    <t>cg07167168</t>
  </si>
  <si>
    <t>cg07173972</t>
  </si>
  <si>
    <t>cg07201996</t>
  </si>
  <si>
    <t>cg07205462</t>
  </si>
  <si>
    <t>cg07211292</t>
  </si>
  <si>
    <t>cg07213060</t>
  </si>
  <si>
    <t>cg07226396</t>
  </si>
  <si>
    <t>cg07237590</t>
  </si>
  <si>
    <t>cg07246713</t>
  </si>
  <si>
    <t>cg07265716</t>
  </si>
  <si>
    <t>cg07277624</t>
  </si>
  <si>
    <t>cg07288921</t>
  </si>
  <si>
    <t>cg07296387</t>
  </si>
  <si>
    <t>cg07303912</t>
  </si>
  <si>
    <t>cg07327202</t>
  </si>
  <si>
    <t>cg07329296</t>
  </si>
  <si>
    <t>cg07376527</t>
  </si>
  <si>
    <t>cg07382590</t>
  </si>
  <si>
    <t>cg07402669</t>
  </si>
  <si>
    <t>cg07409897</t>
  </si>
  <si>
    <t>cg07411111</t>
  </si>
  <si>
    <t>cg07436991</t>
  </si>
  <si>
    <t>cg07484894</t>
  </si>
  <si>
    <t>cg07486199</t>
  </si>
  <si>
    <t>cg07505725</t>
  </si>
  <si>
    <t>cg07516978</t>
  </si>
  <si>
    <t>cg07518170</t>
  </si>
  <si>
    <t>cg07534843</t>
  </si>
  <si>
    <t>cg07543830</t>
  </si>
  <si>
    <t>cg07618979</t>
  </si>
  <si>
    <t>cg07631828</t>
  </si>
  <si>
    <t>cg07636295</t>
  </si>
  <si>
    <t>cg07655948</t>
  </si>
  <si>
    <t>cg07670185</t>
  </si>
  <si>
    <t>cg07676859</t>
  </si>
  <si>
    <t>cg07696884</t>
  </si>
  <si>
    <t>cg07704144</t>
  </si>
  <si>
    <t>cg07718903</t>
  </si>
  <si>
    <t>cg07724670</t>
  </si>
  <si>
    <t>cg07743799</t>
  </si>
  <si>
    <t>cg07744623</t>
  </si>
  <si>
    <t>cg07747220</t>
  </si>
  <si>
    <t>cg07764511</t>
  </si>
  <si>
    <t>cg07782925</t>
  </si>
  <si>
    <t>cg07820310</t>
  </si>
  <si>
    <t>cg07831351</t>
  </si>
  <si>
    <t>cg07835814</t>
  </si>
  <si>
    <t>cg07845648</t>
  </si>
  <si>
    <t>cg07864765</t>
  </si>
  <si>
    <t>cg07871947</t>
  </si>
  <si>
    <t>cg07879447</t>
  </si>
  <si>
    <t>cg07882171</t>
  </si>
  <si>
    <t>cg07903141</t>
  </si>
  <si>
    <t>cg07904983</t>
  </si>
  <si>
    <t>cg07906520</t>
  </si>
  <si>
    <t>cg07909402</t>
  </si>
  <si>
    <t>cg07917176</t>
  </si>
  <si>
    <t>cg07957458</t>
  </si>
  <si>
    <t>cg07966851</t>
  </si>
  <si>
    <t>cg07973146</t>
  </si>
  <si>
    <t>cg07983905</t>
  </si>
  <si>
    <t>cg07996548</t>
  </si>
  <si>
    <t>cg08003150</t>
  </si>
  <si>
    <t>cg08043571</t>
  </si>
  <si>
    <t>cg08115387</t>
  </si>
  <si>
    <t>cg08120289</t>
  </si>
  <si>
    <t>cg08128766</t>
  </si>
  <si>
    <t>cg08140387</t>
  </si>
  <si>
    <t>cg08142232</t>
  </si>
  <si>
    <t>cg08155953</t>
  </si>
  <si>
    <t>cg08166863</t>
  </si>
  <si>
    <t>cg08178278</t>
  </si>
  <si>
    <t>cg08186362</t>
  </si>
  <si>
    <t>cg08191073</t>
  </si>
  <si>
    <t>cg08210727</t>
  </si>
  <si>
    <t>cg08228115</t>
  </si>
  <si>
    <t>cg08260760</t>
  </si>
  <si>
    <t>cg08268798</t>
  </si>
  <si>
    <t>cg08271622</t>
  </si>
  <si>
    <t>cg08290240</t>
  </si>
  <si>
    <t>cg08304190</t>
  </si>
  <si>
    <t>cg08307612</t>
  </si>
  <si>
    <t>cg08318212</t>
  </si>
  <si>
    <t>cg08354093</t>
  </si>
  <si>
    <t>cg08363339</t>
  </si>
  <si>
    <t>cg08369436</t>
  </si>
  <si>
    <t>cg08371659</t>
  </si>
  <si>
    <t>cg08386450</t>
  </si>
  <si>
    <t>cg08396974</t>
  </si>
  <si>
    <t>cg08400159</t>
  </si>
  <si>
    <t>cg08411512</t>
  </si>
  <si>
    <t>cg08424639</t>
  </si>
  <si>
    <t>cg08432650</t>
  </si>
  <si>
    <t>cg08482501</t>
  </si>
  <si>
    <t>cg08489883</t>
  </si>
  <si>
    <t>cg08495830</t>
  </si>
  <si>
    <t>cg08514185</t>
  </si>
  <si>
    <t>cg08517562</t>
  </si>
  <si>
    <t>cg08518839</t>
  </si>
  <si>
    <t>cg08525989</t>
  </si>
  <si>
    <t>cg08540010</t>
  </si>
  <si>
    <t>cg08545268</t>
  </si>
  <si>
    <t>cg08568720</t>
  </si>
  <si>
    <t>cg08576350</t>
  </si>
  <si>
    <t>cg08583507</t>
  </si>
  <si>
    <t>cg08587534</t>
  </si>
  <si>
    <t>cg08600765</t>
  </si>
  <si>
    <t>cg08610063</t>
  </si>
  <si>
    <t>cg08619561</t>
  </si>
  <si>
    <t>cg08632001</t>
  </si>
  <si>
    <t>cg08641879</t>
  </si>
  <si>
    <t>cg08641963</t>
  </si>
  <si>
    <t>cg08668662</t>
  </si>
  <si>
    <t>cg08671383</t>
  </si>
  <si>
    <t>cg08675717</t>
  </si>
  <si>
    <t>cg08678514</t>
  </si>
  <si>
    <t>cg08686311</t>
  </si>
  <si>
    <t>cg08722200</t>
  </si>
  <si>
    <t>cg08726417</t>
  </si>
  <si>
    <t>cg08728520</t>
  </si>
  <si>
    <t>cg08740729</t>
  </si>
  <si>
    <t>cg08754618</t>
  </si>
  <si>
    <t>cg08918020</t>
  </si>
  <si>
    <t>cg08937870</t>
  </si>
  <si>
    <t>cg08951607</t>
  </si>
  <si>
    <t>cg08979686</t>
  </si>
  <si>
    <t>cg08982524</t>
  </si>
  <si>
    <t>cg09028204</t>
  </si>
  <si>
    <t>cg09107432</t>
  </si>
  <si>
    <t>cg09120302</t>
  </si>
  <si>
    <t>cg09123431</t>
  </si>
  <si>
    <t>cg09136346</t>
  </si>
  <si>
    <t>cg09141953</t>
  </si>
  <si>
    <t>cg09147710</t>
  </si>
  <si>
    <t>cg09183753</t>
  </si>
  <si>
    <t>cg09201264</t>
  </si>
  <si>
    <t>cg09203114</t>
  </si>
  <si>
    <t>cg09211429</t>
  </si>
  <si>
    <t>cg09213106</t>
  </si>
  <si>
    <t>cg09220050</t>
  </si>
  <si>
    <t>cg09225139</t>
  </si>
  <si>
    <t>cg09225922</t>
  </si>
  <si>
    <t>cg09235050</t>
  </si>
  <si>
    <t>cg09252495</t>
  </si>
  <si>
    <t>cg09279949</t>
  </si>
  <si>
    <t>cg09281539</t>
  </si>
  <si>
    <t>cg09282500</t>
  </si>
  <si>
    <t>cg09287717</t>
  </si>
  <si>
    <t>cg09294038</t>
  </si>
  <si>
    <t>cg09309570</t>
  </si>
  <si>
    <t>cg09311683</t>
  </si>
  <si>
    <t>cg09337248</t>
  </si>
  <si>
    <t>cg09345431</t>
  </si>
  <si>
    <t>cg09479134</t>
  </si>
  <si>
    <t>cg09491991</t>
  </si>
  <si>
    <t>cg09506515</t>
  </si>
  <si>
    <t>cg09524192</t>
  </si>
  <si>
    <t>cg09540961</t>
  </si>
  <si>
    <t>cg09543525</t>
  </si>
  <si>
    <t>cg09565639</t>
  </si>
  <si>
    <t>cg09587826</t>
  </si>
  <si>
    <t>cg09592603</t>
  </si>
  <si>
    <t>cg09593184</t>
  </si>
  <si>
    <t>cg09603024</t>
  </si>
  <si>
    <t>cg09604333</t>
  </si>
  <si>
    <t>cg09614389</t>
  </si>
  <si>
    <t>cg09623400</t>
  </si>
  <si>
    <t>cg09638001</t>
  </si>
  <si>
    <t>cg09640960</t>
  </si>
  <si>
    <t>cg09642670</t>
  </si>
  <si>
    <t>cg09646206</t>
  </si>
  <si>
    <t>cg09667649</t>
  </si>
  <si>
    <t>cg09693358</t>
  </si>
  <si>
    <t>cg09700407</t>
  </si>
  <si>
    <t>cg09742751</t>
  </si>
  <si>
    <t>cg09744151</t>
  </si>
  <si>
    <t>cg09750382</t>
  </si>
  <si>
    <t>cg09760200</t>
  </si>
  <si>
    <t>cg09772382</t>
  </si>
  <si>
    <t>cg09774842</t>
  </si>
  <si>
    <t>cg09786701</t>
  </si>
  <si>
    <t>cg09804398</t>
  </si>
  <si>
    <t>cg09804711</t>
  </si>
  <si>
    <t>cg09824849</t>
  </si>
  <si>
    <t>cg09854007</t>
  </si>
  <si>
    <t>cg09856410</t>
  </si>
  <si>
    <t>cg09861917</t>
  </si>
  <si>
    <t>cg09863247</t>
  </si>
  <si>
    <t>cg09915983</t>
  </si>
  <si>
    <t>cg09923107</t>
  </si>
  <si>
    <t>cg09930524</t>
  </si>
  <si>
    <t>cg09960727</t>
  </si>
  <si>
    <t>cg09966455</t>
  </si>
  <si>
    <t>cg09990613</t>
  </si>
  <si>
    <t>cg09994356</t>
  </si>
  <si>
    <t>cg10003667</t>
  </si>
  <si>
    <t>cg10006442</t>
  </si>
  <si>
    <t>cg10024484</t>
  </si>
  <si>
    <t>cg10029031</t>
  </si>
  <si>
    <t>cg10054127</t>
  </si>
  <si>
    <t>cg10076071</t>
  </si>
  <si>
    <t>cg10092546</t>
  </si>
  <si>
    <t>cg10115894</t>
  </si>
  <si>
    <t>cg10140114</t>
  </si>
  <si>
    <t>cg10192265</t>
  </si>
  <si>
    <t>cg10197263</t>
  </si>
  <si>
    <t>cg10198271</t>
  </si>
  <si>
    <t>cg10202461</t>
  </si>
  <si>
    <t>cg10211877</t>
  </si>
  <si>
    <t>cg10215330</t>
  </si>
  <si>
    <t>cg10216498</t>
  </si>
  <si>
    <t>cg10245697</t>
  </si>
  <si>
    <t>cg10246881</t>
  </si>
  <si>
    <t>cg10250091</t>
  </si>
  <si>
    <t>cg10259004</t>
  </si>
  <si>
    <t>cg10277651</t>
  </si>
  <si>
    <t>cg10302550</t>
  </si>
  <si>
    <t>cg10305789</t>
  </si>
  <si>
    <t>cg10320659</t>
  </si>
  <si>
    <t>cg10342789</t>
  </si>
  <si>
    <t>cg10360552</t>
  </si>
  <si>
    <t>cg10372813</t>
  </si>
  <si>
    <t>cg10378364</t>
  </si>
  <si>
    <t>cg10397009</t>
  </si>
  <si>
    <t>cg10409786</t>
  </si>
  <si>
    <t>cg10419511</t>
  </si>
  <si>
    <t>cg10421984</t>
  </si>
  <si>
    <t>cg10427140</t>
  </si>
  <si>
    <t>cg10432662</t>
  </si>
  <si>
    <t>cg10439765</t>
  </si>
  <si>
    <t>cg10468484</t>
  </si>
  <si>
    <t>cg10472067</t>
  </si>
  <si>
    <t>cg10476558</t>
  </si>
  <si>
    <t>cg10482049</t>
  </si>
  <si>
    <t>cg10494860</t>
  </si>
  <si>
    <t>cg10495669</t>
  </si>
  <si>
    <t>cg10533351</t>
  </si>
  <si>
    <t>cg10555583</t>
  </si>
  <si>
    <t>cg10605442</t>
  </si>
  <si>
    <t>cg10611115</t>
  </si>
  <si>
    <t>cg10615414</t>
  </si>
  <si>
    <t>cg10615591</t>
  </si>
  <si>
    <t>cg10634191</t>
  </si>
  <si>
    <t>cg10636447</t>
  </si>
  <si>
    <t>cg10679147</t>
  </si>
  <si>
    <t>cg10701286</t>
  </si>
  <si>
    <t>cg10705541</t>
  </si>
  <si>
    <t>cg10706910</t>
  </si>
  <si>
    <t>cg10748817</t>
  </si>
  <si>
    <t>cg10758306</t>
  </si>
  <si>
    <t>cg10759927</t>
  </si>
  <si>
    <t>cg10767168</t>
  </si>
  <si>
    <t>cg10774185</t>
  </si>
  <si>
    <t>cg10775894</t>
  </si>
  <si>
    <t>cg10780647</t>
  </si>
  <si>
    <t>cg10797197</t>
  </si>
  <si>
    <t>cg10810305</t>
  </si>
  <si>
    <t>cg10842070</t>
  </si>
  <si>
    <t>cg10848882</t>
  </si>
  <si>
    <t>cg10865498</t>
  </si>
  <si>
    <t>cg10891507</t>
  </si>
  <si>
    <t>cg10895489</t>
  </si>
  <si>
    <t>cg10905319</t>
  </si>
  <si>
    <t>cg10916625</t>
  </si>
  <si>
    <t>cg10925829</t>
  </si>
  <si>
    <t>cg10935586</t>
  </si>
  <si>
    <t>cg10941747</t>
  </si>
  <si>
    <t>cg10946423</t>
  </si>
  <si>
    <t>cg10946576</t>
  </si>
  <si>
    <t>cg10951120</t>
  </si>
  <si>
    <t>cg10981598</t>
  </si>
  <si>
    <t>cg11004309</t>
  </si>
  <si>
    <t>cg11012153</t>
  </si>
  <si>
    <t>cg11012980</t>
  </si>
  <si>
    <t>cg11015038</t>
  </si>
  <si>
    <t>cg11017923</t>
  </si>
  <si>
    <t>cg11028950</t>
  </si>
  <si>
    <t>cg11038491</t>
  </si>
  <si>
    <t>cg11059239</t>
  </si>
  <si>
    <t>cg11073931</t>
  </si>
  <si>
    <t>cg11081723</t>
  </si>
  <si>
    <t>cg11092487</t>
  </si>
  <si>
    <t>cg11131532</t>
  </si>
  <si>
    <t>cg11139390</t>
  </si>
  <si>
    <t>cg11149768</t>
  </si>
  <si>
    <t>cg11152033</t>
  </si>
  <si>
    <t>cg11172693</t>
  </si>
  <si>
    <t>cg11174847</t>
  </si>
  <si>
    <t>cg11176186</t>
  </si>
  <si>
    <t>cg11183632</t>
  </si>
  <si>
    <t>cg11189139</t>
  </si>
  <si>
    <t>cg11206526</t>
  </si>
  <si>
    <t>cg11220565</t>
  </si>
  <si>
    <t>cg11226289</t>
  </si>
  <si>
    <t>cg11244758</t>
  </si>
  <si>
    <t>cg11252765</t>
  </si>
  <si>
    <t>cg11278799</t>
  </si>
  <si>
    <t>cg11285807</t>
  </si>
  <si>
    <t>cg11296498</t>
  </si>
  <si>
    <t>cg11301556</t>
  </si>
  <si>
    <t>cg11320690</t>
  </si>
  <si>
    <t>cg11331678</t>
  </si>
  <si>
    <t>cg11336672</t>
  </si>
  <si>
    <t>cg11341027</t>
  </si>
  <si>
    <t>cg11346764</t>
  </si>
  <si>
    <t>cg11356706</t>
  </si>
  <si>
    <t>cg11371493</t>
  </si>
  <si>
    <t>cg11393847</t>
  </si>
  <si>
    <t>cg11403708</t>
  </si>
  <si>
    <t>cg11414560</t>
  </si>
  <si>
    <t>cg11445123</t>
  </si>
  <si>
    <t>cg11467262</t>
  </si>
  <si>
    <t>cg11491770</t>
  </si>
  <si>
    <t>cg11523191</t>
  </si>
  <si>
    <t>cg11542165</t>
  </si>
  <si>
    <t>cg11547334</t>
  </si>
  <si>
    <t>cg11602459</t>
  </si>
  <si>
    <t>cg11632685</t>
  </si>
  <si>
    <t>cg11653071</t>
  </si>
  <si>
    <t>cg11659435</t>
  </si>
  <si>
    <t>cg11667020</t>
  </si>
  <si>
    <t>cg11667451</t>
  </si>
  <si>
    <t>cg11684142</t>
  </si>
  <si>
    <t>cg11687406</t>
  </si>
  <si>
    <t>cg11689419</t>
  </si>
  <si>
    <t>cg11698944</t>
  </si>
  <si>
    <t>cg11701377</t>
  </si>
  <si>
    <t>cg11724135</t>
  </si>
  <si>
    <t>cg11734948</t>
  </si>
  <si>
    <t>cg11738976</t>
  </si>
  <si>
    <t>cg11740152</t>
  </si>
  <si>
    <t>cg11748417</t>
  </si>
  <si>
    <t>cg11755796</t>
  </si>
  <si>
    <t>cg11756346</t>
  </si>
  <si>
    <t>cg11770404</t>
  </si>
  <si>
    <t>cg11806178</t>
  </si>
  <si>
    <t>cg11818867</t>
  </si>
  <si>
    <t>cg11820558</t>
  </si>
  <si>
    <t>cg11822224</t>
  </si>
  <si>
    <t>cg11837402</t>
  </si>
  <si>
    <t>cg11840197</t>
  </si>
  <si>
    <t>cg11842944</t>
  </si>
  <si>
    <t>cg11871345</t>
  </si>
  <si>
    <t>cg11877251</t>
  </si>
  <si>
    <t>cg11897831</t>
  </si>
  <si>
    <t>cg11932837</t>
  </si>
  <si>
    <t>cg11948421</t>
  </si>
  <si>
    <t>cg11951692</t>
  </si>
  <si>
    <t>cg11959399</t>
  </si>
  <si>
    <t>cg11960435</t>
  </si>
  <si>
    <t>cg11982072</t>
  </si>
  <si>
    <t>cg11992317</t>
  </si>
  <si>
    <t>cg11993118</t>
  </si>
  <si>
    <t>cg11993720</t>
  </si>
  <si>
    <t>cg11996914</t>
  </si>
  <si>
    <t>cg12002708</t>
  </si>
  <si>
    <t>cg12005429</t>
  </si>
  <si>
    <t>cg12028548</t>
  </si>
  <si>
    <t>cg12038935</t>
  </si>
  <si>
    <t>cg12041848</t>
  </si>
  <si>
    <t>cg12043732</t>
  </si>
  <si>
    <t>cg12063218</t>
  </si>
  <si>
    <t>cg12077875</t>
  </si>
  <si>
    <t>cg12102151</t>
  </si>
  <si>
    <t>cg12108956</t>
  </si>
  <si>
    <t>cg12110677</t>
  </si>
  <si>
    <t>cg12143125</t>
  </si>
  <si>
    <t>cg12145550</t>
  </si>
  <si>
    <t>cg12149609</t>
  </si>
  <si>
    <t>cg12152206</t>
  </si>
  <si>
    <t>cg12163925</t>
  </si>
  <si>
    <t>cg12176783</t>
  </si>
  <si>
    <t>cg12180051</t>
  </si>
  <si>
    <t>cg12180703</t>
  </si>
  <si>
    <t>cg12211074</t>
  </si>
  <si>
    <t>cg12212206</t>
  </si>
  <si>
    <t>cg12215340</t>
  </si>
  <si>
    <t>cg12215609</t>
  </si>
  <si>
    <t>cg12223105</t>
  </si>
  <si>
    <t>cg12233487</t>
  </si>
  <si>
    <t>cg12252776</t>
  </si>
  <si>
    <t>cg12266151</t>
  </si>
  <si>
    <t>cg12283302</t>
  </si>
  <si>
    <t>cg12307787</t>
  </si>
  <si>
    <t>cg12327130</t>
  </si>
  <si>
    <t>cg12339292</t>
  </si>
  <si>
    <t>cg12343182</t>
  </si>
  <si>
    <t>cg12354729</t>
  </si>
  <si>
    <t>cg12368777</t>
  </si>
  <si>
    <t>cg12372745</t>
  </si>
  <si>
    <t>cg12382846</t>
  </si>
  <si>
    <t>cg12388309</t>
  </si>
  <si>
    <t>cg12417590</t>
  </si>
  <si>
    <t>cg12452364</t>
  </si>
  <si>
    <t>cg12497914</t>
  </si>
  <si>
    <t>cg12498453</t>
  </si>
  <si>
    <t>cg12510981</t>
  </si>
  <si>
    <t>cg12518442</t>
  </si>
  <si>
    <t>cg12520963</t>
  </si>
  <si>
    <t>cg12521353</t>
  </si>
  <si>
    <t>cg12576082</t>
  </si>
  <si>
    <t>cg12577695</t>
  </si>
  <si>
    <t>cg12590600</t>
  </si>
  <si>
    <t>cg12600163</t>
  </si>
  <si>
    <t>cg12601032</t>
  </si>
  <si>
    <t>cg12630336</t>
  </si>
  <si>
    <t>cg12632411</t>
  </si>
  <si>
    <t>cg12647333</t>
  </si>
  <si>
    <t>cg12649455</t>
  </si>
  <si>
    <t>cg12664209</t>
  </si>
  <si>
    <t>cg12664464</t>
  </si>
  <si>
    <t>cg12676534</t>
  </si>
  <si>
    <t>cg12680326</t>
  </si>
  <si>
    <t>cg12685100</t>
  </si>
  <si>
    <t>cg12689285</t>
  </si>
  <si>
    <t>cg12695615</t>
  </si>
  <si>
    <t>cg12713848</t>
  </si>
  <si>
    <t>cg12758922</t>
  </si>
  <si>
    <t>cg12768250</t>
  </si>
  <si>
    <t>cg12778178</t>
  </si>
  <si>
    <t>cg12800803</t>
  </si>
  <si>
    <t>cg12832857</t>
  </si>
  <si>
    <t>cg12869912</t>
  </si>
  <si>
    <t>cg12878213</t>
  </si>
  <si>
    <t>cg12904078</t>
  </si>
  <si>
    <t>cg12909741</t>
  </si>
  <si>
    <t>cg12912737</t>
  </si>
  <si>
    <t>cg12933587</t>
  </si>
  <si>
    <t>cg12933677</t>
  </si>
  <si>
    <t>cg12947626</t>
  </si>
  <si>
    <t>cg12950753</t>
  </si>
  <si>
    <t>cg12966283</t>
  </si>
  <si>
    <t>cg12974756</t>
  </si>
  <si>
    <t>cg12989128</t>
  </si>
  <si>
    <t>cg13008301</t>
  </si>
  <si>
    <t>cg13036227</t>
  </si>
  <si>
    <t>cg13038125</t>
  </si>
  <si>
    <t>cg13042543</t>
  </si>
  <si>
    <t>cg13044838</t>
  </si>
  <si>
    <t>cg13077517</t>
  </si>
  <si>
    <t>cg13088102</t>
  </si>
  <si>
    <t>cg13088368</t>
  </si>
  <si>
    <t>cg13115617</t>
  </si>
  <si>
    <t>cg13140564</t>
  </si>
  <si>
    <t>cg13144966</t>
  </si>
  <si>
    <t>cg13150021</t>
  </si>
  <si>
    <t>cg13173903</t>
  </si>
  <si>
    <t>cg13178524</t>
  </si>
  <si>
    <t>cg13186228</t>
  </si>
  <si>
    <t>cg13187009</t>
  </si>
  <si>
    <t>cg13193757</t>
  </si>
  <si>
    <t>cg13203507</t>
  </si>
  <si>
    <t>cg13216351</t>
  </si>
  <si>
    <t>cg13224729</t>
  </si>
  <si>
    <t>cg13240763</t>
  </si>
  <si>
    <t>cg13242861</t>
  </si>
  <si>
    <t>cg13246583</t>
  </si>
  <si>
    <t>cg13266717</t>
  </si>
  <si>
    <t>cg13270406</t>
  </si>
  <si>
    <t>cg13277040</t>
  </si>
  <si>
    <t>cg13283635</t>
  </si>
  <si>
    <t>cg13285174</t>
  </si>
  <si>
    <t>cg13297007</t>
  </si>
  <si>
    <t>cg13310671</t>
  </si>
  <si>
    <t>cg13320014</t>
  </si>
  <si>
    <t>cg13326227</t>
  </si>
  <si>
    <t>cg13373897</t>
  </si>
  <si>
    <t>cg13390630</t>
  </si>
  <si>
    <t>cg13390808</t>
  </si>
  <si>
    <t>cg13392534</t>
  </si>
  <si>
    <t>cg13407422</t>
  </si>
  <si>
    <t>cg13419083</t>
  </si>
  <si>
    <t>cg13433937</t>
  </si>
  <si>
    <t>cg13459498</t>
  </si>
  <si>
    <t>cg13462232</t>
  </si>
  <si>
    <t>cg13513864</t>
  </si>
  <si>
    <t>cg13516768</t>
  </si>
  <si>
    <t>cg13518079</t>
  </si>
  <si>
    <t>cg13520525</t>
  </si>
  <si>
    <t>cg13523649</t>
  </si>
  <si>
    <t>cg13551706</t>
  </si>
  <si>
    <t>cg13563793</t>
  </si>
  <si>
    <t>cg13564289</t>
  </si>
  <si>
    <t>cg13569527</t>
  </si>
  <si>
    <t>cg13581507</t>
  </si>
  <si>
    <t>cg13581785</t>
  </si>
  <si>
    <t>cg13587582</t>
  </si>
  <si>
    <t>cg13598480</t>
  </si>
  <si>
    <t>cg13614659</t>
  </si>
  <si>
    <t>cg13619349</t>
  </si>
  <si>
    <t>cg13626676</t>
  </si>
  <si>
    <t>cg13628960</t>
  </si>
  <si>
    <t>cg13662093</t>
  </si>
  <si>
    <t>cg13668652</t>
  </si>
  <si>
    <t>cg13671181</t>
  </si>
  <si>
    <t>cg13673567</t>
  </si>
  <si>
    <t>cg13681751</t>
  </si>
  <si>
    <t>cg13690178</t>
  </si>
  <si>
    <t>cg13694471</t>
  </si>
  <si>
    <t>cg13698996</t>
  </si>
  <si>
    <t>cg13707623</t>
  </si>
  <si>
    <t>cg13708635</t>
  </si>
  <si>
    <t>cg13724496</t>
  </si>
  <si>
    <t>cg13725599</t>
  </si>
  <si>
    <t>cg13742159</t>
  </si>
  <si>
    <t>cg13744031</t>
  </si>
  <si>
    <t>cg13778778</t>
  </si>
  <si>
    <t>cg13788090</t>
  </si>
  <si>
    <t>cg13790727</t>
  </si>
  <si>
    <t>cg13795831</t>
  </si>
  <si>
    <t>cg13802013</t>
  </si>
  <si>
    <t>cg13803048</t>
  </si>
  <si>
    <t>cg13805533</t>
  </si>
  <si>
    <t>cg13805698</t>
  </si>
  <si>
    <t>cg13815390</t>
  </si>
  <si>
    <t>cg13845982</t>
  </si>
  <si>
    <t>cg13868604</t>
  </si>
  <si>
    <t>cg13887016</t>
  </si>
  <si>
    <t>cg13894250</t>
  </si>
  <si>
    <t>cg13895966</t>
  </si>
  <si>
    <t>cg13900920</t>
  </si>
  <si>
    <t>cg13917916</t>
  </si>
  <si>
    <t>cg13919438</t>
  </si>
  <si>
    <t>cg13923451</t>
  </si>
  <si>
    <t>cg13929263</t>
  </si>
  <si>
    <t>cg13946860</t>
  </si>
  <si>
    <t>cg13972460</t>
  </si>
  <si>
    <t>cg13989102</t>
  </si>
  <si>
    <t>cg14000125</t>
  </si>
  <si>
    <t>cg14010720</t>
  </si>
  <si>
    <t>cg14023041</t>
  </si>
  <si>
    <t>cg14032025</t>
  </si>
  <si>
    <t>cg14060111</t>
  </si>
  <si>
    <t>cg14065127</t>
  </si>
  <si>
    <t>cg14067657</t>
  </si>
  <si>
    <t>cg14071762</t>
  </si>
  <si>
    <t>cg14073481</t>
  </si>
  <si>
    <t>cg14080585</t>
  </si>
  <si>
    <t>cg14083603</t>
  </si>
  <si>
    <t>cg14086952</t>
  </si>
  <si>
    <t>cg14149337</t>
  </si>
  <si>
    <t>cg14160518</t>
  </si>
  <si>
    <t>cg14160807</t>
  </si>
  <si>
    <t>cg14162940</t>
  </si>
  <si>
    <t>cg14176575</t>
  </si>
  <si>
    <t>cg14182819</t>
  </si>
  <si>
    <t>cg14183013</t>
  </si>
  <si>
    <t>cg14187204</t>
  </si>
  <si>
    <t>cg14191654</t>
  </si>
  <si>
    <t>cg14199193</t>
  </si>
  <si>
    <t>cg14203179</t>
  </si>
  <si>
    <t>cg14213844</t>
  </si>
  <si>
    <t>cg14224313</t>
  </si>
  <si>
    <t>cg14234805</t>
  </si>
  <si>
    <t>cg14262681</t>
  </si>
  <si>
    <t>cg14263118</t>
  </si>
  <si>
    <t>cg14275127</t>
  </si>
  <si>
    <t>cg14307985</t>
  </si>
  <si>
    <t>cg14309385</t>
  </si>
  <si>
    <t>cg14326210</t>
  </si>
  <si>
    <t>cg14335782</t>
  </si>
  <si>
    <t>cg14341558</t>
  </si>
  <si>
    <t>cg14353231</t>
  </si>
  <si>
    <t>cg14373923</t>
  </si>
  <si>
    <t>cg14388488</t>
  </si>
  <si>
    <t>cg14398275</t>
  </si>
  <si>
    <t>cg14443362</t>
  </si>
  <si>
    <t>cg14443694</t>
  </si>
  <si>
    <t>cg14455541</t>
  </si>
  <si>
    <t>cg14460003</t>
  </si>
  <si>
    <t>cg14473522</t>
  </si>
  <si>
    <t>cg14480134</t>
  </si>
  <si>
    <t>cg14515252</t>
  </si>
  <si>
    <t>cg14522873</t>
  </si>
  <si>
    <t>cg14529610</t>
  </si>
  <si>
    <t>cg14542207</t>
  </si>
  <si>
    <t>cg14543082</t>
  </si>
  <si>
    <t>cg14552663</t>
  </si>
  <si>
    <t>cg14552772</t>
  </si>
  <si>
    <t>cg14564778</t>
  </si>
  <si>
    <t>cg14567489</t>
  </si>
  <si>
    <t>cg14571130</t>
  </si>
  <si>
    <t>cg14603345</t>
  </si>
  <si>
    <t>cg14605772</t>
  </si>
  <si>
    <t>cg14611750</t>
  </si>
  <si>
    <t>cg14618681</t>
  </si>
  <si>
    <t>cg14630947</t>
  </si>
  <si>
    <t>cg14631053</t>
  </si>
  <si>
    <t>cg14648774</t>
  </si>
  <si>
    <t>cg14728235</t>
  </si>
  <si>
    <t>cg14738448</t>
  </si>
  <si>
    <t>cg14759740</t>
  </si>
  <si>
    <t>cg14765818</t>
  </si>
  <si>
    <t>cg14774045</t>
  </si>
  <si>
    <t>cg14774844</t>
  </si>
  <si>
    <t>cg14785511</t>
  </si>
  <si>
    <t>cg14792983</t>
  </si>
  <si>
    <t>cg14801669</t>
  </si>
  <si>
    <t>cg14815891</t>
  </si>
  <si>
    <t>cg14829779</t>
  </si>
  <si>
    <t>cg14851482</t>
  </si>
  <si>
    <t>cg14852134</t>
  </si>
  <si>
    <t>cg14853989</t>
  </si>
  <si>
    <t>cg14856108</t>
  </si>
  <si>
    <t>cg14866907</t>
  </si>
  <si>
    <t>cg14880348</t>
  </si>
  <si>
    <t>cg14887903</t>
  </si>
  <si>
    <t>cg14893128</t>
  </si>
  <si>
    <t>cg14915263</t>
  </si>
  <si>
    <t>cg14915878</t>
  </si>
  <si>
    <t>cg14921416</t>
  </si>
  <si>
    <t>cg14921743</t>
  </si>
  <si>
    <t>cg14975961</t>
  </si>
  <si>
    <t>cg14980983</t>
  </si>
  <si>
    <t>cg14991695</t>
  </si>
  <si>
    <t>cg14992000</t>
  </si>
  <si>
    <t>cg14992113</t>
  </si>
  <si>
    <t>cg15015034</t>
  </si>
  <si>
    <t>cg15025647</t>
  </si>
  <si>
    <t>cg15028052</t>
  </si>
  <si>
    <t>cg15037110</t>
  </si>
  <si>
    <t>cg15069906</t>
  </si>
  <si>
    <t>cg15099042</t>
  </si>
  <si>
    <t>cg15152201</t>
  </si>
  <si>
    <t>cg15153914</t>
  </si>
  <si>
    <t>cg15157791</t>
  </si>
  <si>
    <t>cg15184495</t>
  </si>
  <si>
    <t>cg15195292</t>
  </si>
  <si>
    <t>cg15199754</t>
  </si>
  <si>
    <t>cg15207742</t>
  </si>
  <si>
    <t>cg15212369</t>
  </si>
  <si>
    <t>cg15222215</t>
  </si>
  <si>
    <t>cg15230781</t>
  </si>
  <si>
    <t>cg15243856</t>
  </si>
  <si>
    <t>cg15262992</t>
  </si>
  <si>
    <t>cg15266508</t>
  </si>
  <si>
    <t>cg15267010</t>
  </si>
  <si>
    <t>cg15272362</t>
  </si>
  <si>
    <t>cg15274983</t>
  </si>
  <si>
    <t>cg15278386</t>
  </si>
  <si>
    <t>cg15284327</t>
  </si>
  <si>
    <t>cg15301673</t>
  </si>
  <si>
    <t>cg15302378</t>
  </si>
  <si>
    <t>cg15305780</t>
  </si>
  <si>
    <t>cg15314170</t>
  </si>
  <si>
    <t>cg15344716</t>
  </si>
  <si>
    <t>cg15347004</t>
  </si>
  <si>
    <t>cg15371711</t>
  </si>
  <si>
    <t>cg15398513</t>
  </si>
  <si>
    <t>cg15404858</t>
  </si>
  <si>
    <t>cg15432180</t>
  </si>
  <si>
    <t>cg15435830</t>
  </si>
  <si>
    <t>cg15439819</t>
  </si>
  <si>
    <t>cg15440392</t>
  </si>
  <si>
    <t>cg15457037</t>
  </si>
  <si>
    <t>cg15457981</t>
  </si>
  <si>
    <t>cg15501281</t>
  </si>
  <si>
    <t>cg15505615</t>
  </si>
  <si>
    <t>cg15506446</t>
  </si>
  <si>
    <t>cg15525341</t>
  </si>
  <si>
    <t>cg15547669</t>
  </si>
  <si>
    <t>cg15561356</t>
  </si>
  <si>
    <t>cg15584258</t>
  </si>
  <si>
    <t>cg15598511</t>
  </si>
  <si>
    <t>cg15609812</t>
  </si>
  <si>
    <t>cg15617292</t>
  </si>
  <si>
    <t>cg15623111</t>
  </si>
  <si>
    <t>cg15635480</t>
  </si>
  <si>
    <t>cg15656087</t>
  </si>
  <si>
    <t>cg15662768</t>
  </si>
  <si>
    <t>cg15677087</t>
  </si>
  <si>
    <t>cg15682511</t>
  </si>
  <si>
    <t>cg15699267</t>
  </si>
  <si>
    <t>cg15707332</t>
  </si>
  <si>
    <t>cg15708405</t>
  </si>
  <si>
    <t>cg15709401</t>
  </si>
  <si>
    <t>cg15712559</t>
  </si>
  <si>
    <t>cg15726785</t>
  </si>
  <si>
    <t>cg15736978</t>
  </si>
  <si>
    <t>cg15768226</t>
  </si>
  <si>
    <t>cg15775872</t>
  </si>
  <si>
    <t>cg15806313</t>
  </si>
  <si>
    <t>cg15815607</t>
  </si>
  <si>
    <t>cg15863924</t>
  </si>
  <si>
    <t>cg15873320</t>
  </si>
  <si>
    <t>cg16120788</t>
  </si>
  <si>
    <t>cg16124719</t>
  </si>
  <si>
    <t>cg16132351</t>
  </si>
  <si>
    <t>cg16155498</t>
  </si>
  <si>
    <t>cg16162018</t>
  </si>
  <si>
    <t>cg16176120</t>
  </si>
  <si>
    <t>cg16176383</t>
  </si>
  <si>
    <t>cg16179125</t>
  </si>
  <si>
    <t>cg16185834</t>
  </si>
  <si>
    <t>cg16246590</t>
  </si>
  <si>
    <t>cg16313278</t>
  </si>
  <si>
    <t>cg16326403</t>
  </si>
  <si>
    <t>cg16339238</t>
  </si>
  <si>
    <t>cg16340023</t>
  </si>
  <si>
    <t>cg16340516</t>
  </si>
  <si>
    <t>cg16349006</t>
  </si>
  <si>
    <t>cg16355469</t>
  </si>
  <si>
    <t>cg16361892</t>
  </si>
  <si>
    <t>cg16400469</t>
  </si>
  <si>
    <t>cg16406226</t>
  </si>
  <si>
    <t>cg16414403</t>
  </si>
  <si>
    <t>cg16416603</t>
  </si>
  <si>
    <t>cg16417909</t>
  </si>
  <si>
    <t>cg16420636</t>
  </si>
  <si>
    <t>cg16423265</t>
  </si>
  <si>
    <t>cg16430572</t>
  </si>
  <si>
    <t>cg16440058</t>
  </si>
  <si>
    <t>cg16442574</t>
  </si>
  <si>
    <t>cg16451430</t>
  </si>
  <si>
    <t>cg16473797</t>
  </si>
  <si>
    <t>cg16485975</t>
  </si>
  <si>
    <t>cg16487280</t>
  </si>
  <si>
    <t>cg16490692</t>
  </si>
  <si>
    <t>cg16507354</t>
  </si>
  <si>
    <t>cg16522462</t>
  </si>
  <si>
    <t>cg16523653</t>
  </si>
  <si>
    <t>cg16524928</t>
  </si>
  <si>
    <t>cg16529599</t>
  </si>
  <si>
    <t>cg16535510</t>
  </si>
  <si>
    <t>cg16553051</t>
  </si>
  <si>
    <t>cg16599225</t>
  </si>
  <si>
    <t>cg16606773</t>
  </si>
  <si>
    <t>cg16623656</t>
  </si>
  <si>
    <t>cg16628372</t>
  </si>
  <si>
    <t>cg16648571</t>
  </si>
  <si>
    <t>cg16655240</t>
  </si>
  <si>
    <t>cg16678686</t>
  </si>
  <si>
    <t>cg16683770</t>
  </si>
  <si>
    <t>cg16714055</t>
  </si>
  <si>
    <t>cg16721101</t>
  </si>
  <si>
    <t>cg16731811</t>
  </si>
  <si>
    <t>cg16737517</t>
  </si>
  <si>
    <t>cg16743310</t>
  </si>
  <si>
    <t>cg16767801</t>
  </si>
  <si>
    <t>cg16793866</t>
  </si>
  <si>
    <t>cg16810054</t>
  </si>
  <si>
    <t>cg16818740</t>
  </si>
  <si>
    <t>cg16819604</t>
  </si>
  <si>
    <t>cg16822191</t>
  </si>
  <si>
    <t>cg16822939</t>
  </si>
  <si>
    <t>cg16823822</t>
  </si>
  <si>
    <t>cg16837441</t>
  </si>
  <si>
    <t>cg16841147</t>
  </si>
  <si>
    <t>cg16844989</t>
  </si>
  <si>
    <t>cg16862791</t>
  </si>
  <si>
    <t>cg16871527</t>
  </si>
  <si>
    <t>cg16878007</t>
  </si>
  <si>
    <t>cg16887334</t>
  </si>
  <si>
    <t>cg16899598</t>
  </si>
  <si>
    <t>cg16907298</t>
  </si>
  <si>
    <t>cg16919517</t>
  </si>
  <si>
    <t>cg16922058</t>
  </si>
  <si>
    <t>cg16931825</t>
  </si>
  <si>
    <t>cg16937268</t>
  </si>
  <si>
    <t>cg16945128</t>
  </si>
  <si>
    <t>cg16953106</t>
  </si>
  <si>
    <t>cg16963144</t>
  </si>
  <si>
    <t>cg16985632</t>
  </si>
  <si>
    <t>cg17033471</t>
  </si>
  <si>
    <t>cg17038902</t>
  </si>
  <si>
    <t>cg17046996</t>
  </si>
  <si>
    <t>cg17048240</t>
  </si>
  <si>
    <t>cg17050049</t>
  </si>
  <si>
    <t>cg17053871</t>
  </si>
  <si>
    <t>cg17064051</t>
  </si>
  <si>
    <t>cg17069396</t>
  </si>
  <si>
    <t>cg17105290</t>
  </si>
  <si>
    <t>cg17111837</t>
  </si>
  <si>
    <t>cg17112155</t>
  </si>
  <si>
    <t>cg17116120</t>
  </si>
  <si>
    <t>cg17128415</t>
  </si>
  <si>
    <t>cg17132148</t>
  </si>
  <si>
    <t>cg17136630</t>
  </si>
  <si>
    <t>cg17146570</t>
  </si>
  <si>
    <t>cg17172071</t>
  </si>
  <si>
    <t>cg17220042</t>
  </si>
  <si>
    <t>cg17230679</t>
  </si>
  <si>
    <t>cg17234198</t>
  </si>
  <si>
    <t>cg17251379</t>
  </si>
  <si>
    <t>cg17282161</t>
  </si>
  <si>
    <t>cg17292229</t>
  </si>
  <si>
    <t>cg17295666</t>
  </si>
  <si>
    <t>cg17361449</t>
  </si>
  <si>
    <t>cg17361896</t>
  </si>
  <si>
    <t>cg17364922</t>
  </si>
  <si>
    <t>cg17368760</t>
  </si>
  <si>
    <t>cg17373617</t>
  </si>
  <si>
    <t>cg17382918</t>
  </si>
  <si>
    <t>cg17404915</t>
  </si>
  <si>
    <t>cg17414900</t>
  </si>
  <si>
    <t>cg17415371</t>
  </si>
  <si>
    <t>cg17437181</t>
  </si>
  <si>
    <t>cg17454746</t>
  </si>
  <si>
    <t>cg17465861</t>
  </si>
  <si>
    <t>cg17482197</t>
  </si>
  <si>
    <t>cg17508991</t>
  </si>
  <si>
    <t>cg17526301</t>
  </si>
  <si>
    <t>cg17534029</t>
  </si>
  <si>
    <t>cg17545146</t>
  </si>
  <si>
    <t>cg17565967</t>
  </si>
  <si>
    <t>cg17584970</t>
  </si>
  <si>
    <t>cg17587138</t>
  </si>
  <si>
    <t>cg17607627</t>
  </si>
  <si>
    <t>cg17623341</t>
  </si>
  <si>
    <t>cg17648073</t>
  </si>
  <si>
    <t>cg17651959</t>
  </si>
  <si>
    <t>cg17652507</t>
  </si>
  <si>
    <t>cg17660446</t>
  </si>
  <si>
    <t>cg17664577</t>
  </si>
  <si>
    <t>cg17676765</t>
  </si>
  <si>
    <t>cg17705079</t>
  </si>
  <si>
    <t>cg17721173</t>
  </si>
  <si>
    <t>cg17734135</t>
  </si>
  <si>
    <t>cg17740950</t>
  </si>
  <si>
    <t>cg17764008</t>
  </si>
  <si>
    <t>cg17771031</t>
  </si>
  <si>
    <t>cg17772028</t>
  </si>
  <si>
    <t>cg17774347</t>
  </si>
  <si>
    <t>cg17788149</t>
  </si>
  <si>
    <t>cg17839259</t>
  </si>
  <si>
    <t>cg17840843</t>
  </si>
  <si>
    <t>cg17858500</t>
  </si>
  <si>
    <t>cg17859545</t>
  </si>
  <si>
    <t>cg17864091</t>
  </si>
  <si>
    <t>cg17870408</t>
  </si>
  <si>
    <t>cg17918326</t>
  </si>
  <si>
    <t>cg17929951</t>
  </si>
  <si>
    <t>cg17940190</t>
  </si>
  <si>
    <t>cg17953520</t>
  </si>
  <si>
    <t>cg17973889</t>
  </si>
  <si>
    <t>cg17990197</t>
  </si>
  <si>
    <t>cg18009321</t>
  </si>
  <si>
    <t>cg18014624</t>
  </si>
  <si>
    <t>cg18019004</t>
  </si>
  <si>
    <t>cg18034428</t>
  </si>
  <si>
    <t>cg18048949</t>
  </si>
  <si>
    <t>cg18059369</t>
  </si>
  <si>
    <t>cg18092028</t>
  </si>
  <si>
    <t>cg18115660</t>
  </si>
  <si>
    <t>cg18187587</t>
  </si>
  <si>
    <t>cg18191335</t>
  </si>
  <si>
    <t>cg18194354</t>
  </si>
  <si>
    <t>cg18197392</t>
  </si>
  <si>
    <t>cg18224653</t>
  </si>
  <si>
    <t>cg18225905</t>
  </si>
  <si>
    <t>cg18249380</t>
  </si>
  <si>
    <t>cg18251612</t>
  </si>
  <si>
    <t>cg18253917</t>
  </si>
  <si>
    <t>cg18259915</t>
  </si>
  <si>
    <t>cg18267489</t>
  </si>
  <si>
    <t>cg18278265</t>
  </si>
  <si>
    <t>cg18289490</t>
  </si>
  <si>
    <t>cg18291290</t>
  </si>
  <si>
    <t>cg18300848</t>
  </si>
  <si>
    <t>cg18310895</t>
  </si>
  <si>
    <t>cg18330637</t>
  </si>
  <si>
    <t>cg18347630</t>
  </si>
  <si>
    <t>cg18350866</t>
  </si>
  <si>
    <t>cg18353178</t>
  </si>
  <si>
    <t>cg18389807</t>
  </si>
  <si>
    <t>cg18396793</t>
  </si>
  <si>
    <t>cg18404039</t>
  </si>
  <si>
    <t>cg18405539</t>
  </si>
  <si>
    <t>cg18411480</t>
  </si>
  <si>
    <t>cg18471488</t>
  </si>
  <si>
    <t>cg18478105</t>
  </si>
  <si>
    <t>cg18496317</t>
  </si>
  <si>
    <t>cg18500556</t>
  </si>
  <si>
    <t>cg18538675</t>
  </si>
  <si>
    <t>cg18544826</t>
  </si>
  <si>
    <t>cg18551660</t>
  </si>
  <si>
    <t>cg18562923</t>
  </si>
  <si>
    <t>cg18594562</t>
  </si>
  <si>
    <t>cg18596686</t>
  </si>
  <si>
    <t>cg18616175</t>
  </si>
  <si>
    <t>cg18622281</t>
  </si>
  <si>
    <t>cg18627360</t>
  </si>
  <si>
    <t>cg18669346</t>
  </si>
  <si>
    <t>cg18678231</t>
  </si>
  <si>
    <t>cg18697163</t>
  </si>
  <si>
    <t>cg18708329</t>
  </si>
  <si>
    <t>cg18716861</t>
  </si>
  <si>
    <t>cg18722919</t>
  </si>
  <si>
    <t>cg18758453</t>
  </si>
  <si>
    <t>cg18761221</t>
  </si>
  <si>
    <t>cg18772588</t>
  </si>
  <si>
    <t>cg18813170</t>
  </si>
  <si>
    <t>cg18815779</t>
  </si>
  <si>
    <t>cg18830052</t>
  </si>
  <si>
    <t>cg18835942</t>
  </si>
  <si>
    <t>cg18839746</t>
  </si>
  <si>
    <t>cg18855780</t>
  </si>
  <si>
    <t>cg18857588</t>
  </si>
  <si>
    <t>cg18859248</t>
  </si>
  <si>
    <t>cg18861300</t>
  </si>
  <si>
    <t>cg18872321</t>
  </si>
  <si>
    <t>cg18896458</t>
  </si>
  <si>
    <t>cg18900591</t>
  </si>
  <si>
    <t>cg18911945</t>
  </si>
  <si>
    <t>cg18916626</t>
  </si>
  <si>
    <t>cg18954541</t>
  </si>
  <si>
    <t>cg19002779</t>
  </si>
  <si>
    <t>cg19004594</t>
  </si>
  <si>
    <t>cg19029301</t>
  </si>
  <si>
    <t>cg19047340</t>
  </si>
  <si>
    <t>cg19054524</t>
  </si>
  <si>
    <t>cg19074533</t>
  </si>
  <si>
    <t>cg19077271</t>
  </si>
  <si>
    <t>cg19079845</t>
  </si>
  <si>
    <t>cg19086599</t>
  </si>
  <si>
    <t>cg19104471</t>
  </si>
  <si>
    <t>cg19115393</t>
  </si>
  <si>
    <t>cg19116006</t>
  </si>
  <si>
    <t>cg19131103</t>
  </si>
  <si>
    <t>cg19155932</t>
  </si>
  <si>
    <t>cg19194373</t>
  </si>
  <si>
    <t>cg19197795</t>
  </si>
  <si>
    <t>cg19218509</t>
  </si>
  <si>
    <t>cg19239848</t>
  </si>
  <si>
    <t>cg19256731</t>
  </si>
  <si>
    <t>cg19257979</t>
  </si>
  <si>
    <t>cg19261559</t>
  </si>
  <si>
    <t>cg19266578</t>
  </si>
  <si>
    <t>cg19267861</t>
  </si>
  <si>
    <t>cg19292062</t>
  </si>
  <si>
    <t>cg19294125</t>
  </si>
  <si>
    <t>cg19310375</t>
  </si>
  <si>
    <t>cg19317211</t>
  </si>
  <si>
    <t>cg19344870</t>
  </si>
  <si>
    <t>cg19355325</t>
  </si>
  <si>
    <t>cg19357305</t>
  </si>
  <si>
    <t>cg19421368</t>
  </si>
  <si>
    <t>cg19426572</t>
  </si>
  <si>
    <t>cg19439022</t>
  </si>
  <si>
    <t>cg19476186</t>
  </si>
  <si>
    <t>cg19478343</t>
  </si>
  <si>
    <t>cg19499754</t>
  </si>
  <si>
    <t>cg19506755</t>
  </si>
  <si>
    <t>cg19543453</t>
  </si>
  <si>
    <t>cg19551589</t>
  </si>
  <si>
    <t>cg19592472</t>
  </si>
  <si>
    <t>cg19592637</t>
  </si>
  <si>
    <t>cg19593285</t>
  </si>
  <si>
    <t>cg19593767</t>
  </si>
  <si>
    <t>cg19595234</t>
  </si>
  <si>
    <t>cg19605250</t>
  </si>
  <si>
    <t>cg19607838</t>
  </si>
  <si>
    <t>cg19630440</t>
  </si>
  <si>
    <t>cg19636311</t>
  </si>
  <si>
    <t>cg19640589</t>
  </si>
  <si>
    <t>cg19654195</t>
  </si>
  <si>
    <t>cg19662667</t>
  </si>
  <si>
    <t>cg19695335</t>
  </si>
  <si>
    <t>cg19695842</t>
  </si>
  <si>
    <t>cg19705764</t>
  </si>
  <si>
    <t>cg19707654</t>
  </si>
  <si>
    <t>cg19722639</t>
  </si>
  <si>
    <t>cg19765886</t>
  </si>
  <si>
    <t>cg19780014</t>
  </si>
  <si>
    <t>cg19807656</t>
  </si>
  <si>
    <t>cg19808285</t>
  </si>
  <si>
    <t>cg19811473</t>
  </si>
  <si>
    <t>cg19864758</t>
  </si>
  <si>
    <t>cg19877205</t>
  </si>
  <si>
    <t>cg19881050</t>
  </si>
  <si>
    <t>cg19882093</t>
  </si>
  <si>
    <t>cg19909713</t>
  </si>
  <si>
    <t>cg19911058</t>
  </si>
  <si>
    <t>cg19937938</t>
  </si>
  <si>
    <t>cg19977363</t>
  </si>
  <si>
    <t>cg19995112</t>
  </si>
  <si>
    <t>cg20001739</t>
  </si>
  <si>
    <t>cg20003638</t>
  </si>
  <si>
    <t>cg20011543</t>
  </si>
  <si>
    <t>cg20015424</t>
  </si>
  <si>
    <t>cg20017761</t>
  </si>
  <si>
    <t>cg20026651</t>
  </si>
  <si>
    <t>cg20034785</t>
  </si>
  <si>
    <t>cg20040972</t>
  </si>
  <si>
    <t>cg20049415</t>
  </si>
  <si>
    <t>cg20067688</t>
  </si>
  <si>
    <t>cg20074395</t>
  </si>
  <si>
    <t>cg20081364</t>
  </si>
  <si>
    <t>cg20107395</t>
  </si>
  <si>
    <t>cg20117447</t>
  </si>
  <si>
    <t>cg20119532</t>
  </si>
  <si>
    <t>cg20154657</t>
  </si>
  <si>
    <t>cg20156391</t>
  </si>
  <si>
    <t>cg20189904</t>
  </si>
  <si>
    <t>cg20191310</t>
  </si>
  <si>
    <t>cg20224984</t>
  </si>
  <si>
    <t>cg20241801</t>
  </si>
  <si>
    <t>cg20250988</t>
  </si>
  <si>
    <t>cg20252111</t>
  </si>
  <si>
    <t>cg20265733</t>
  </si>
  <si>
    <t>cg20273358</t>
  </si>
  <si>
    <t>cg20292547</t>
  </si>
  <si>
    <t>cg20310608</t>
  </si>
  <si>
    <t>cg20331595</t>
  </si>
  <si>
    <t>cg20331689</t>
  </si>
  <si>
    <t>cg20340302</t>
  </si>
  <si>
    <t>cg20353496</t>
  </si>
  <si>
    <t>cg20357628</t>
  </si>
  <si>
    <t>cg20417998</t>
  </si>
  <si>
    <t>cg20419623</t>
  </si>
  <si>
    <t>cg20436037</t>
  </si>
  <si>
    <t>cg20442619</t>
  </si>
  <si>
    <t>cg20460366</t>
  </si>
  <si>
    <t>cg20466739</t>
  </si>
  <si>
    <t>cg20469977</t>
  </si>
  <si>
    <t>cg20476223</t>
  </si>
  <si>
    <t>cg20488617</t>
  </si>
  <si>
    <t>cg20498414</t>
  </si>
  <si>
    <t>cg20513976</t>
  </si>
  <si>
    <t>cg20518154</t>
  </si>
  <si>
    <t>cg20528838</t>
  </si>
  <si>
    <t>cg20546810</t>
  </si>
  <si>
    <t>cg20600210</t>
  </si>
  <si>
    <t>cg20604317</t>
  </si>
  <si>
    <t>cg20613370</t>
  </si>
  <si>
    <t>cg20620147</t>
  </si>
  <si>
    <t>cg20625065</t>
  </si>
  <si>
    <t>cg20631750</t>
  </si>
  <si>
    <t>cg20656261</t>
  </si>
  <si>
    <t>cg20662906</t>
  </si>
  <si>
    <t>cg20675196</t>
  </si>
  <si>
    <t>cg20704654</t>
  </si>
  <si>
    <t>cg20706583</t>
  </si>
  <si>
    <t>cg20716100</t>
  </si>
  <si>
    <t>cg20749790</t>
  </si>
  <si>
    <t>cg20759724</t>
  </si>
  <si>
    <t>cg20770339</t>
  </si>
  <si>
    <t>cg20783699</t>
  </si>
  <si>
    <t>cg20786061</t>
  </si>
  <si>
    <t>cg20800536</t>
  </si>
  <si>
    <t>cg20811988</t>
  </si>
  <si>
    <t>cg20821980</t>
  </si>
  <si>
    <t>cg20840680</t>
  </si>
  <si>
    <t>cg20848979</t>
  </si>
  <si>
    <t>cg20858341</t>
  </si>
  <si>
    <t>cg20859731</t>
  </si>
  <si>
    <t>cg20897184</t>
  </si>
  <si>
    <t>cg20898829</t>
  </si>
  <si>
    <t>cg20905902</t>
  </si>
  <si>
    <t>cg20956633</t>
  </si>
  <si>
    <t>cg20969896</t>
  </si>
  <si>
    <t>cg20993243</t>
  </si>
  <si>
    <t>cg21001198</t>
  </si>
  <si>
    <t>cg21003465</t>
  </si>
  <si>
    <t>cg21019253</t>
  </si>
  <si>
    <t>cg21026086</t>
  </si>
  <si>
    <t>cg21032150</t>
  </si>
  <si>
    <t>cg21058973</t>
  </si>
  <si>
    <t>cg21066448</t>
  </si>
  <si>
    <t>cg21098856</t>
  </si>
  <si>
    <t>cg21109731</t>
  </si>
  <si>
    <t>cg21151769</t>
  </si>
  <si>
    <t>cg21184415</t>
  </si>
  <si>
    <t>cg21200408</t>
  </si>
  <si>
    <t>cg21200656</t>
  </si>
  <si>
    <t>cg21201401</t>
  </si>
  <si>
    <t>cg21222634</t>
  </si>
  <si>
    <t>cg21260072</t>
  </si>
  <si>
    <t>cg21263890</t>
  </si>
  <si>
    <t>cg21293622</t>
  </si>
  <si>
    <t>cg21313071</t>
  </si>
  <si>
    <t>cg21313137</t>
  </si>
  <si>
    <t>cg21330323</t>
  </si>
  <si>
    <t>cg21332426</t>
  </si>
  <si>
    <t>cg21333147</t>
  </si>
  <si>
    <t>cg21337296</t>
  </si>
  <si>
    <t>cg21367838</t>
  </si>
  <si>
    <t>cg21407906</t>
  </si>
  <si>
    <t>cg21409881</t>
  </si>
  <si>
    <t>cg21424782</t>
  </si>
  <si>
    <t>cg21431338</t>
  </si>
  <si>
    <t>cg21433329</t>
  </si>
  <si>
    <t>cg21459340</t>
  </si>
  <si>
    <t>cg21459921</t>
  </si>
  <si>
    <t>cg21460503</t>
  </si>
  <si>
    <t>cg21463763</t>
  </si>
  <si>
    <t>cg21465517</t>
  </si>
  <si>
    <t>cg21511991</t>
  </si>
  <si>
    <t>cg21516291</t>
  </si>
  <si>
    <t>cg21519645</t>
  </si>
  <si>
    <t>cg21524538</t>
  </si>
  <si>
    <t>cg21543589</t>
  </si>
  <si>
    <t>cg21561970</t>
  </si>
  <si>
    <t>cg21578322</t>
  </si>
  <si>
    <t>cg21633795</t>
  </si>
  <si>
    <t>cg21656726</t>
  </si>
  <si>
    <t>cg21685432</t>
  </si>
  <si>
    <t>cg21686379</t>
  </si>
  <si>
    <t>cg21688209</t>
  </si>
  <si>
    <t>cg21703056</t>
  </si>
  <si>
    <t>cg21704491</t>
  </si>
  <si>
    <t>cg21729992</t>
  </si>
  <si>
    <t>cg21732260</t>
  </si>
  <si>
    <t>cg21745248</t>
  </si>
  <si>
    <t>cg21745307</t>
  </si>
  <si>
    <t>cg21747188</t>
  </si>
  <si>
    <t>cg21751419</t>
  </si>
  <si>
    <t>cg21763021</t>
  </si>
  <si>
    <t>cg21784052</t>
  </si>
  <si>
    <t>cg21786349</t>
  </si>
  <si>
    <t>cg21813473</t>
  </si>
  <si>
    <t>cg21846177</t>
  </si>
  <si>
    <t>cg21849932</t>
  </si>
  <si>
    <t>cg21854725</t>
  </si>
  <si>
    <t>cg21868801</t>
  </si>
  <si>
    <t>cg21870321</t>
  </si>
  <si>
    <t>cg21879513</t>
  </si>
  <si>
    <t>cg21893154</t>
  </si>
  <si>
    <t>cg21905229</t>
  </si>
  <si>
    <t>cg21938532</t>
  </si>
  <si>
    <t>cg21950459</t>
  </si>
  <si>
    <t>cg21974985</t>
  </si>
  <si>
    <t>cg21977377</t>
  </si>
  <si>
    <t>cg21985132</t>
  </si>
  <si>
    <t>cg21986422</t>
  </si>
  <si>
    <t>cg22023784</t>
  </si>
  <si>
    <t>cg22058250</t>
  </si>
  <si>
    <t>cg22066321</t>
  </si>
  <si>
    <t>cg22069749</t>
  </si>
  <si>
    <t>cg22076081</t>
  </si>
  <si>
    <t>cg22082347</t>
  </si>
  <si>
    <t>cg22100563</t>
  </si>
  <si>
    <t>cg22118112</t>
  </si>
  <si>
    <t>cg22138735</t>
  </si>
  <si>
    <t>cg22152407</t>
  </si>
  <si>
    <t>cg22177795</t>
  </si>
  <si>
    <t>cg22185879</t>
  </si>
  <si>
    <t>cg22188058</t>
  </si>
  <si>
    <t>cg22204479</t>
  </si>
  <si>
    <t>cg22209105</t>
  </si>
  <si>
    <t>cg22212156</t>
  </si>
  <si>
    <t>cg22227354</t>
  </si>
  <si>
    <t>cg22249338</t>
  </si>
  <si>
    <t>cg22258358</t>
  </si>
  <si>
    <t>cg22265644</t>
  </si>
  <si>
    <t>cg22303739</t>
  </si>
  <si>
    <t>cg22328786</t>
  </si>
  <si>
    <t>cg22329423</t>
  </si>
  <si>
    <t>cg22348992</t>
  </si>
  <si>
    <t>cg22368204</t>
  </si>
  <si>
    <t>cg22384157</t>
  </si>
  <si>
    <t>cg22388634</t>
  </si>
  <si>
    <t>cg22394521</t>
  </si>
  <si>
    <t>cg22399790</t>
  </si>
  <si>
    <t>cg22405728</t>
  </si>
  <si>
    <t>cg22407822</t>
  </si>
  <si>
    <t>cg22411400</t>
  </si>
  <si>
    <t>cg22429169</t>
  </si>
  <si>
    <t>cg22431438</t>
  </si>
  <si>
    <t>cg22442910</t>
  </si>
  <si>
    <t>cg22448930</t>
  </si>
  <si>
    <t>cg22457984</t>
  </si>
  <si>
    <t>cg22460366</t>
  </si>
  <si>
    <t>cg22468786</t>
  </si>
  <si>
    <t>cg22474464</t>
  </si>
  <si>
    <t>cg22477343</t>
  </si>
  <si>
    <t>cg22481632</t>
  </si>
  <si>
    <t>cg22488472</t>
  </si>
  <si>
    <t>cg22511723</t>
  </si>
  <si>
    <t>cg22534145</t>
  </si>
  <si>
    <t>cg22537474</t>
  </si>
  <si>
    <t>cg22548015</t>
  </si>
  <si>
    <t>cg22551578</t>
  </si>
  <si>
    <t>cg22552139</t>
  </si>
  <si>
    <t>cg22555102</t>
  </si>
  <si>
    <t>cg22595230</t>
  </si>
  <si>
    <t>cg22639492</t>
  </si>
  <si>
    <t>cg22639787</t>
  </si>
  <si>
    <t>cg22643294</t>
  </si>
  <si>
    <t>cg22645427</t>
  </si>
  <si>
    <t>cg22649991</t>
  </si>
  <si>
    <t>cg22676401</t>
  </si>
  <si>
    <t>cg22681738</t>
  </si>
  <si>
    <t>cg22686066</t>
  </si>
  <si>
    <t>cg22703061</t>
  </si>
  <si>
    <t>cg22744368</t>
  </si>
  <si>
    <t>cg22749589</t>
  </si>
  <si>
    <t>cg22749859</t>
  </si>
  <si>
    <t>cg22755816</t>
  </si>
  <si>
    <t>cg22762088</t>
  </si>
  <si>
    <t>cg22770727</t>
  </si>
  <si>
    <t>cg22772698</t>
  </si>
  <si>
    <t>cg22773914</t>
  </si>
  <si>
    <t>cg22777832</t>
  </si>
  <si>
    <t>cg22797900</t>
  </si>
  <si>
    <t>cg22807192</t>
  </si>
  <si>
    <t>cg22809920</t>
  </si>
  <si>
    <t>cg22815056</t>
  </si>
  <si>
    <t>cg22815953</t>
  </si>
  <si>
    <t>cg22821930</t>
  </si>
  <si>
    <t>cg22823197</t>
  </si>
  <si>
    <t>cg22828804</t>
  </si>
  <si>
    <t>cg22868319</t>
  </si>
  <si>
    <t>cg22870172</t>
  </si>
  <si>
    <t>cg22871098</t>
  </si>
  <si>
    <t>cg22876277</t>
  </si>
  <si>
    <t>cg22885975</t>
  </si>
  <si>
    <t>cg22888484</t>
  </si>
  <si>
    <t>cg22903773</t>
  </si>
  <si>
    <t>cg22906273</t>
  </si>
  <si>
    <t>cg22967612</t>
  </si>
  <si>
    <t>cg22976979</t>
  </si>
  <si>
    <t>cg22989942</t>
  </si>
  <si>
    <t>cg22991320</t>
  </si>
  <si>
    <t>cg22994808</t>
  </si>
  <si>
    <t>cg23001725</t>
  </si>
  <si>
    <t>cg23022785</t>
  </si>
  <si>
    <t>cg23040205</t>
  </si>
  <si>
    <t>cg23085343</t>
  </si>
  <si>
    <t>cg23096682</t>
  </si>
  <si>
    <t>cg23100810</t>
  </si>
  <si>
    <t>cg23111772</t>
  </si>
  <si>
    <t>cg23149492</t>
  </si>
  <si>
    <t>cg23156475</t>
  </si>
  <si>
    <t>cg23159704</t>
  </si>
  <si>
    <t>cg23169957</t>
  </si>
  <si>
    <t>cg23203969</t>
  </si>
  <si>
    <t>cg23205874</t>
  </si>
  <si>
    <t>cg23226129</t>
  </si>
  <si>
    <t>cg23268486</t>
  </si>
  <si>
    <t>cg23328622</t>
  </si>
  <si>
    <t>cg23330710</t>
  </si>
  <si>
    <t>cg23359394</t>
  </si>
  <si>
    <t>cg23360190</t>
  </si>
  <si>
    <t>cg23365723</t>
  </si>
  <si>
    <t>cg23383871</t>
  </si>
  <si>
    <t>cg23392434</t>
  </si>
  <si>
    <t>cg23401212</t>
  </si>
  <si>
    <t>cg23415176</t>
  </si>
  <si>
    <t>cg23448584</t>
  </si>
  <si>
    <t>cg23465989</t>
  </si>
  <si>
    <t>cg23487201</t>
  </si>
  <si>
    <t>cg23496597</t>
  </si>
  <si>
    <t>cg23499977</t>
  </si>
  <si>
    <t>cg23504092</t>
  </si>
  <si>
    <t>cg23509641</t>
  </si>
  <si>
    <t>cg23509889</t>
  </si>
  <si>
    <t>cg23509896</t>
  </si>
  <si>
    <t>cg23520245</t>
  </si>
  <si>
    <t>cg23526204</t>
  </si>
  <si>
    <t>cg23528513</t>
  </si>
  <si>
    <t>cg23566503</t>
  </si>
  <si>
    <t>cg23571159</t>
  </si>
  <si>
    <t>cg23585270</t>
  </si>
  <si>
    <t>cg23593986</t>
  </si>
  <si>
    <t>cg23601030</t>
  </si>
  <si>
    <t>cg23605670</t>
  </si>
  <si>
    <t>cg23610041</t>
  </si>
  <si>
    <t>cg23616842</t>
  </si>
  <si>
    <t>cg23634087</t>
  </si>
  <si>
    <t>cg23636941</t>
  </si>
  <si>
    <t>cg23685712</t>
  </si>
  <si>
    <t>cg23693021</t>
  </si>
  <si>
    <t>cg23697417</t>
  </si>
  <si>
    <t>cg23712980</t>
  </si>
  <si>
    <t>cg23717686</t>
  </si>
  <si>
    <t>cg23720732</t>
  </si>
  <si>
    <t>cg23754323</t>
  </si>
  <si>
    <t>cg23772395</t>
  </si>
  <si>
    <t>cg23789157</t>
  </si>
  <si>
    <t>cg23791813</t>
  </si>
  <si>
    <t>cg23792485</t>
  </si>
  <si>
    <t>cg23806621</t>
  </si>
  <si>
    <t>cg23814388</t>
  </si>
  <si>
    <t>cg23817347</t>
  </si>
  <si>
    <t>cg23842941</t>
  </si>
  <si>
    <t>cg23849311</t>
  </si>
  <si>
    <t>cg23851167</t>
  </si>
  <si>
    <t>cg23867997</t>
  </si>
  <si>
    <t>cg23872756</t>
  </si>
  <si>
    <t>cg23878101</t>
  </si>
  <si>
    <t>cg23884187</t>
  </si>
  <si>
    <t>cg23888977</t>
  </si>
  <si>
    <t>cg23896578</t>
  </si>
  <si>
    <t>cg23909834</t>
  </si>
  <si>
    <t>cg23913995</t>
  </si>
  <si>
    <t>cg23916050</t>
  </si>
  <si>
    <t>cg23922081</t>
  </si>
  <si>
    <t>cg23929284</t>
  </si>
  <si>
    <t>cg23931672</t>
  </si>
  <si>
    <t>cg23934081</t>
  </si>
  <si>
    <t>cg23936900</t>
  </si>
  <si>
    <t>cg23942897</t>
  </si>
  <si>
    <t>cg23944804</t>
  </si>
  <si>
    <t>cg23948071</t>
  </si>
  <si>
    <t>cg23987549</t>
  </si>
  <si>
    <t>cg23992171</t>
  </si>
  <si>
    <t>cg23998200</t>
  </si>
  <si>
    <t>cg24010885</t>
  </si>
  <si>
    <t>cg24011030</t>
  </si>
  <si>
    <t>cg24014487</t>
  </si>
  <si>
    <t>cg24024426</t>
  </si>
  <si>
    <t>cg24027572</t>
  </si>
  <si>
    <t>cg24028161</t>
  </si>
  <si>
    <t>cg24033330</t>
  </si>
  <si>
    <t>cg24065690</t>
  </si>
  <si>
    <t>cg24076399</t>
  </si>
  <si>
    <t>cg24082573</t>
  </si>
  <si>
    <t>cg24083367</t>
  </si>
  <si>
    <t>cg24092470</t>
  </si>
  <si>
    <t>cg24112000</t>
  </si>
  <si>
    <t>cg24118438</t>
  </si>
  <si>
    <t>cg24128806</t>
  </si>
  <si>
    <t>cg24145099</t>
  </si>
  <si>
    <t>cg24160036</t>
  </si>
  <si>
    <t>cg24167567</t>
  </si>
  <si>
    <t>cg24189721</t>
  </si>
  <si>
    <t>cg24193797</t>
  </si>
  <si>
    <t>cg24199599</t>
  </si>
  <si>
    <t>cg24210478</t>
  </si>
  <si>
    <t>cg24225196</t>
  </si>
  <si>
    <t>cg24227390</t>
  </si>
  <si>
    <t>cg24229276</t>
  </si>
  <si>
    <t>cg24233331</t>
  </si>
  <si>
    <t>cg24241057</t>
  </si>
  <si>
    <t>cg24242082</t>
  </si>
  <si>
    <t>cg24263062</t>
  </si>
  <si>
    <t>cg24274117</t>
  </si>
  <si>
    <t>cg24276346</t>
  </si>
  <si>
    <t>cg24286770</t>
  </si>
  <si>
    <t>cg24297269</t>
  </si>
  <si>
    <t>cg24300135</t>
  </si>
  <si>
    <t>cg24306585</t>
  </si>
  <si>
    <t>cg24324985</t>
  </si>
  <si>
    <t>cg24336123</t>
  </si>
  <si>
    <t>cg24342002</t>
  </si>
  <si>
    <t>cg24348495</t>
  </si>
  <si>
    <t>cg24368588</t>
  </si>
  <si>
    <t>cg24377062</t>
  </si>
  <si>
    <t>cg24384212</t>
  </si>
  <si>
    <t>cg24391458</t>
  </si>
  <si>
    <t>cg24396271</t>
  </si>
  <si>
    <t>cg24406668</t>
  </si>
  <si>
    <t>cg24454144</t>
  </si>
  <si>
    <t>cg24460917</t>
  </si>
  <si>
    <t>cg24463006</t>
  </si>
  <si>
    <t>cg24465118</t>
  </si>
  <si>
    <t>cg24473846</t>
  </si>
  <si>
    <t>cg24480577</t>
  </si>
  <si>
    <t>cg24500900</t>
  </si>
  <si>
    <t>cg24531267</t>
  </si>
  <si>
    <t>cg24543097</t>
  </si>
  <si>
    <t>cg24550212</t>
  </si>
  <si>
    <t>cg24561348</t>
  </si>
  <si>
    <t>cg24575067</t>
  </si>
  <si>
    <t>cg24580066</t>
  </si>
  <si>
    <t>cg24581326</t>
  </si>
  <si>
    <t>cg24594383</t>
  </si>
  <si>
    <t>cg24595510</t>
  </si>
  <si>
    <t>cg24606935</t>
  </si>
  <si>
    <t>cg24608144</t>
  </si>
  <si>
    <t>cg24631526</t>
  </si>
  <si>
    <t>cg24634519</t>
  </si>
  <si>
    <t>cg24682316</t>
  </si>
  <si>
    <t>cg24686684</t>
  </si>
  <si>
    <t>cg24688577</t>
  </si>
  <si>
    <t>cg24688854</t>
  </si>
  <si>
    <t>cg24693447</t>
  </si>
  <si>
    <t>cg24751928</t>
  </si>
  <si>
    <t>cg24758426</t>
  </si>
  <si>
    <t>cg24759744</t>
  </si>
  <si>
    <t>cg24780981</t>
  </si>
  <si>
    <t>cg24788194</t>
  </si>
  <si>
    <t>cg24791360</t>
  </si>
  <si>
    <t>cg24799514</t>
  </si>
  <si>
    <t>cg24831725</t>
  </si>
  <si>
    <t>cg24840372</t>
  </si>
  <si>
    <t>cg24841822</t>
  </si>
  <si>
    <t>cg24854787</t>
  </si>
  <si>
    <t>cg24856420</t>
  </si>
  <si>
    <t>cg24863056</t>
  </si>
  <si>
    <t>cg24864402</t>
  </si>
  <si>
    <t>cg24874350</t>
  </si>
  <si>
    <t>cg24924731</t>
  </si>
  <si>
    <t>cg24924779</t>
  </si>
  <si>
    <t>cg24955156</t>
  </si>
  <si>
    <t>cg24956391</t>
  </si>
  <si>
    <t>cg24973846</t>
  </si>
  <si>
    <t>cg24975842</t>
  </si>
  <si>
    <t>cg24980700</t>
  </si>
  <si>
    <t>cg24999924</t>
  </si>
  <si>
    <t>cg25006249</t>
  </si>
  <si>
    <t>cg25010622</t>
  </si>
  <si>
    <t>cg25015662</t>
  </si>
  <si>
    <t>cg25016420</t>
  </si>
  <si>
    <t>cg25062357</t>
  </si>
  <si>
    <t>cg25069676</t>
  </si>
  <si>
    <t>cg25130962</t>
  </si>
  <si>
    <t>cg25143824</t>
  </si>
  <si>
    <t>cg25164624</t>
  </si>
  <si>
    <t>cg25172808</t>
  </si>
  <si>
    <t>cg25188442</t>
  </si>
  <si>
    <t>cg25195100</t>
  </si>
  <si>
    <t>cg25211013</t>
  </si>
  <si>
    <t>cg25218716</t>
  </si>
  <si>
    <t>cg25222263</t>
  </si>
  <si>
    <t>cg25239251</t>
  </si>
  <si>
    <t>cg25241845</t>
  </si>
  <si>
    <t>cg25249539</t>
  </si>
  <si>
    <t>cg25257903</t>
  </si>
  <si>
    <t>cg25263635</t>
  </si>
  <si>
    <t>cg25296982</t>
  </si>
  <si>
    <t>cg25307168</t>
  </si>
  <si>
    <t>cg25308079</t>
  </si>
  <si>
    <t>cg25310294</t>
  </si>
  <si>
    <t>cg25356393</t>
  </si>
  <si>
    <t>cg25359645</t>
  </si>
  <si>
    <t>cg25367568</t>
  </si>
  <si>
    <t>cg25390476</t>
  </si>
  <si>
    <t>cg25397597</t>
  </si>
  <si>
    <t>cg25418777</t>
  </si>
  <si>
    <t>cg25433624</t>
  </si>
  <si>
    <t>cg25438683</t>
  </si>
  <si>
    <t>cg25439973</t>
  </si>
  <si>
    <t>cg25446676</t>
  </si>
  <si>
    <t>cg25480336</t>
  </si>
  <si>
    <t>cg25481073</t>
  </si>
  <si>
    <t>cg25488669</t>
  </si>
  <si>
    <t>cg25509338</t>
  </si>
  <si>
    <t>cg25511237</t>
  </si>
  <si>
    <t>cg25517151</t>
  </si>
  <si>
    <t>cg25525535</t>
  </si>
  <si>
    <t>cg25535047</t>
  </si>
  <si>
    <t>cg25546678</t>
  </si>
  <si>
    <t>cg25557432</t>
  </si>
  <si>
    <t>cg25558663</t>
  </si>
  <si>
    <t>cg25567337</t>
  </si>
  <si>
    <t>cg25575688</t>
  </si>
  <si>
    <t>cg25625872</t>
  </si>
  <si>
    <t>cg25645178</t>
  </si>
  <si>
    <t>cg25647845</t>
  </si>
  <si>
    <t>cg25649000</t>
  </si>
  <si>
    <t>cg25649779</t>
  </si>
  <si>
    <t>cg25654957</t>
  </si>
  <si>
    <t>cg25655084</t>
  </si>
  <si>
    <t>cg25667841</t>
  </si>
  <si>
    <t>cg25673357</t>
  </si>
  <si>
    <t>cg25683204</t>
  </si>
  <si>
    <t>cg25694480</t>
  </si>
  <si>
    <t>cg25745773</t>
  </si>
  <si>
    <t>cg25760395</t>
  </si>
  <si>
    <t>cg25760412</t>
  </si>
  <si>
    <t>cg25769883</t>
  </si>
  <si>
    <t>cg25796439</t>
  </si>
  <si>
    <t>cg25801988</t>
  </si>
  <si>
    <t>cg25802399</t>
  </si>
  <si>
    <t>cg25803642</t>
  </si>
  <si>
    <t>cg25814743</t>
  </si>
  <si>
    <t>cg25824592</t>
  </si>
  <si>
    <t>cg25853777</t>
  </si>
  <si>
    <t>cg25861285</t>
  </si>
  <si>
    <t>cg25894201</t>
  </si>
  <si>
    <t>cg25906442</t>
  </si>
  <si>
    <t>cg25908612</t>
  </si>
  <si>
    <t>cg25910466</t>
  </si>
  <si>
    <t>cg25930186</t>
  </si>
  <si>
    <t>cg25932164</t>
  </si>
  <si>
    <t>cg25935716</t>
  </si>
  <si>
    <t>cg25941152</t>
  </si>
  <si>
    <t>cg25941592</t>
  </si>
  <si>
    <t>cg25961221</t>
  </si>
  <si>
    <t>cg25971844</t>
  </si>
  <si>
    <t>cg25976393</t>
  </si>
  <si>
    <t>cg25983380</t>
  </si>
  <si>
    <t>cg25984973</t>
  </si>
  <si>
    <t>cg25986670</t>
  </si>
  <si>
    <t>cg26005165</t>
  </si>
  <si>
    <t>cg26033254</t>
  </si>
  <si>
    <t>cg26044032</t>
  </si>
  <si>
    <t>cg26049744</t>
  </si>
  <si>
    <t>cg26059153</t>
  </si>
  <si>
    <t>cg26069066</t>
  </si>
  <si>
    <t>cg26070540</t>
  </si>
  <si>
    <t>cg26083330</t>
  </si>
  <si>
    <t>cg26090554</t>
  </si>
  <si>
    <t>cg26106707</t>
  </si>
  <si>
    <t>cg26162564</t>
  </si>
  <si>
    <t>cg26172013</t>
  </si>
  <si>
    <t>cg26176242</t>
  </si>
  <si>
    <t>cg26187166</t>
  </si>
  <si>
    <t>cg26190686</t>
  </si>
  <si>
    <t>cg26232247</t>
  </si>
  <si>
    <t>cg26238800</t>
  </si>
  <si>
    <t>cg26254393</t>
  </si>
  <si>
    <t>cg26270411</t>
  </si>
  <si>
    <t>cg26278454</t>
  </si>
  <si>
    <t>cg26280578</t>
  </si>
  <si>
    <t>cg26289871</t>
  </si>
  <si>
    <t>cg26304141</t>
  </si>
  <si>
    <t>cg26308477</t>
  </si>
  <si>
    <t>cg26310240</t>
  </si>
  <si>
    <t>cg26310456</t>
  </si>
  <si>
    <t>cg26318825</t>
  </si>
  <si>
    <t>cg26321644</t>
  </si>
  <si>
    <t>cg26322248</t>
  </si>
  <si>
    <t>cg26324132</t>
  </si>
  <si>
    <t>cg26325723</t>
  </si>
  <si>
    <t>cg26329715</t>
  </si>
  <si>
    <t>cg26330133</t>
  </si>
  <si>
    <t>cg26348514</t>
  </si>
  <si>
    <t>cg26366107</t>
  </si>
  <si>
    <t>cg26398063</t>
  </si>
  <si>
    <t>cg26429674</t>
  </si>
  <si>
    <t>cg26447697</t>
  </si>
  <si>
    <t>cg26447919</t>
  </si>
  <si>
    <t>cg26464892</t>
  </si>
  <si>
    <t>cg26467279</t>
  </si>
  <si>
    <t>cg26468205</t>
  </si>
  <si>
    <t>cg26484856</t>
  </si>
  <si>
    <t>cg26490649</t>
  </si>
  <si>
    <t>cg26534489</t>
  </si>
  <si>
    <t>cg26538736</t>
  </si>
  <si>
    <t>cg26540123</t>
  </si>
  <si>
    <t>cg26604605</t>
  </si>
  <si>
    <t>cg26635824</t>
  </si>
  <si>
    <t>cg26639039</t>
  </si>
  <si>
    <t>cg26643937</t>
  </si>
  <si>
    <t>cg26658471</t>
  </si>
  <si>
    <t>cg26667205</t>
  </si>
  <si>
    <t>cg26680502</t>
  </si>
  <si>
    <t>cg26684574</t>
  </si>
  <si>
    <t>cg26688911</t>
  </si>
  <si>
    <t>cg26690949</t>
  </si>
  <si>
    <t>cg26705720</t>
  </si>
  <si>
    <t>cg26709285</t>
  </si>
  <si>
    <t>cg26726589</t>
  </si>
  <si>
    <t>cg26733224</t>
  </si>
  <si>
    <t>cg26733301</t>
  </si>
  <si>
    <t>cg26733685</t>
  </si>
  <si>
    <t>cg26748449</t>
  </si>
  <si>
    <t>cg26751855</t>
  </si>
  <si>
    <t>cg26767990</t>
  </si>
  <si>
    <t>cg26779912</t>
  </si>
  <si>
    <t>cg26784011</t>
  </si>
  <si>
    <t>cg26791489</t>
  </si>
  <si>
    <t>cg26811638</t>
  </si>
  <si>
    <t>cg26826207</t>
  </si>
  <si>
    <t>cg26831081</t>
  </si>
  <si>
    <t>cg26831148</t>
  </si>
  <si>
    <t>cg26833395</t>
  </si>
  <si>
    <t>cg26844459</t>
  </si>
  <si>
    <t>cg26846848</t>
  </si>
  <si>
    <t>cg26859690</t>
  </si>
  <si>
    <t>cg26873439</t>
  </si>
  <si>
    <t>cg26877715</t>
  </si>
  <si>
    <t>cg26881760</t>
  </si>
  <si>
    <t>cg27139841</t>
  </si>
  <si>
    <t>cg27147819</t>
  </si>
  <si>
    <t>cg27194187</t>
  </si>
  <si>
    <t>cg27218892</t>
  </si>
  <si>
    <t>cg27219221</t>
  </si>
  <si>
    <t>cg27227742</t>
  </si>
  <si>
    <t>cg27262717</t>
  </si>
  <si>
    <t>cg27262796</t>
  </si>
  <si>
    <t>cg27274542</t>
  </si>
  <si>
    <t>cg27275634</t>
  </si>
  <si>
    <t>cg27280575</t>
  </si>
  <si>
    <t>cg27300887</t>
  </si>
  <si>
    <t>cg27303886</t>
  </si>
  <si>
    <t>cg27304369</t>
  </si>
  <si>
    <t>cg27344859</t>
  </si>
  <si>
    <t>cg27359633</t>
  </si>
  <si>
    <t>cg27361727</t>
  </si>
  <si>
    <t>cg27374441</t>
  </si>
  <si>
    <t>cg27409113</t>
  </si>
  <si>
    <t>cg27420224</t>
  </si>
  <si>
    <t>cg27427234</t>
  </si>
  <si>
    <t>cg27445400</t>
  </si>
  <si>
    <t>cg27459437</t>
  </si>
  <si>
    <t>cg27463953</t>
  </si>
  <si>
    <t>cg27479134</t>
  </si>
  <si>
    <t>cg27484876</t>
  </si>
  <si>
    <t>cg27508960</t>
  </si>
  <si>
    <t>cg27511255</t>
  </si>
  <si>
    <t>cg27552039</t>
  </si>
  <si>
    <t>cg27553162</t>
  </si>
  <si>
    <t>cg27555803</t>
  </si>
  <si>
    <t>cg27565555</t>
  </si>
  <si>
    <t>cg27578726</t>
  </si>
  <si>
    <t>cg27591117</t>
  </si>
  <si>
    <t>cg27625055</t>
  </si>
  <si>
    <t>cg27632911</t>
  </si>
  <si>
    <t>cg27638597</t>
  </si>
  <si>
    <t>cg27641830</t>
  </si>
  <si>
    <t>cg27657131</t>
  </si>
  <si>
    <t>cg27660920</t>
  </si>
  <si>
    <t>cg27662220</t>
  </si>
  <si>
    <t>cg00037450</t>
  </si>
  <si>
    <t>cg00045303</t>
  </si>
  <si>
    <t>cg00092565</t>
  </si>
  <si>
    <t>cg00106744</t>
  </si>
  <si>
    <t>cg00172376</t>
  </si>
  <si>
    <t>cg00183355</t>
  </si>
  <si>
    <t>cg00274965</t>
  </si>
  <si>
    <t>cg00297767</t>
  </si>
  <si>
    <t>cg00298153</t>
  </si>
  <si>
    <t>cg00301601</t>
  </si>
  <si>
    <t>cg00313865</t>
  </si>
  <si>
    <t>cg00353422</t>
  </si>
  <si>
    <t>cg00362657</t>
  </si>
  <si>
    <t>cg00385063</t>
  </si>
  <si>
    <t>cg00397324</t>
  </si>
  <si>
    <t>cg00495860</t>
  </si>
  <si>
    <t>cg00500729</t>
  </si>
  <si>
    <t>cg00504226</t>
  </si>
  <si>
    <t>cg00518698</t>
  </si>
  <si>
    <t>cg00530929</t>
  </si>
  <si>
    <t>cg00546594</t>
  </si>
  <si>
    <t>cg00584530</t>
  </si>
  <si>
    <t>cg00612595</t>
  </si>
  <si>
    <t>cg00615473</t>
  </si>
  <si>
    <t>cg00616687</t>
  </si>
  <si>
    <t>cg00711734</t>
  </si>
  <si>
    <t>cg00734483</t>
  </si>
  <si>
    <t>cg00740547</t>
  </si>
  <si>
    <t>cg00746783</t>
  </si>
  <si>
    <t>cg00765428</t>
  </si>
  <si>
    <t>cg00784703</t>
  </si>
  <si>
    <t>cg00803873</t>
  </si>
  <si>
    <t>cg00931235</t>
  </si>
  <si>
    <t>cg00937568</t>
  </si>
  <si>
    <t>cg00966890</t>
  </si>
  <si>
    <t>cg00969162</t>
  </si>
  <si>
    <t>cg00994804</t>
  </si>
  <si>
    <t>cg01117788</t>
  </si>
  <si>
    <t>cg01145054</t>
  </si>
  <si>
    <t>cg01168851</t>
  </si>
  <si>
    <t>cg01204964</t>
  </si>
  <si>
    <t>cg01224366</t>
  </si>
  <si>
    <t>cg01233518</t>
  </si>
  <si>
    <t>cg01256522</t>
  </si>
  <si>
    <t>cg01258484</t>
  </si>
  <si>
    <t>cg01289965</t>
  </si>
  <si>
    <t>cg01337293</t>
  </si>
  <si>
    <t>cg01357003</t>
  </si>
  <si>
    <t>cg01359822</t>
  </si>
  <si>
    <t>cg01482313</t>
  </si>
  <si>
    <t>cg01579765</t>
  </si>
  <si>
    <t>cg01618781</t>
  </si>
  <si>
    <t>cg01832266</t>
  </si>
  <si>
    <t>cg01847344</t>
  </si>
  <si>
    <t>cg01850767</t>
  </si>
  <si>
    <t>cg01885814</t>
  </si>
  <si>
    <t>cg01992765</t>
  </si>
  <si>
    <t>cg02021606</t>
  </si>
  <si>
    <t>cg02036950</t>
  </si>
  <si>
    <t>cg02038173</t>
  </si>
  <si>
    <t>cg02081018</t>
  </si>
  <si>
    <t>cg02119577</t>
  </si>
  <si>
    <t>cg02125528</t>
  </si>
  <si>
    <t>cg02287918</t>
  </si>
  <si>
    <t>cg02290708</t>
  </si>
  <si>
    <t>cg02353376</t>
  </si>
  <si>
    <t>cg02417576</t>
  </si>
  <si>
    <t>cg02466918</t>
  </si>
  <si>
    <t>cg02485200</t>
  </si>
  <si>
    <t>cg02498280</t>
  </si>
  <si>
    <t>cg02503257</t>
  </si>
  <si>
    <t>cg02533120</t>
  </si>
  <si>
    <t>cg02652260</t>
  </si>
  <si>
    <t>cg02697781</t>
  </si>
  <si>
    <t>cg02793062</t>
  </si>
  <si>
    <t>cg02811312</t>
  </si>
  <si>
    <t>cg02817167</t>
  </si>
  <si>
    <t>cg02835038</t>
  </si>
  <si>
    <t>cg02837600</t>
  </si>
  <si>
    <t>cg02842227</t>
  </si>
  <si>
    <t>cg02867728</t>
  </si>
  <si>
    <t>cg02869163</t>
  </si>
  <si>
    <t>cg02869559</t>
  </si>
  <si>
    <t>cg02913507</t>
  </si>
  <si>
    <t>cg02930963</t>
  </si>
  <si>
    <t>cg02959939</t>
  </si>
  <si>
    <t>cg02983163</t>
  </si>
  <si>
    <t>cg03044510</t>
  </si>
  <si>
    <t>cg03048064</t>
  </si>
  <si>
    <t>cg03079733</t>
  </si>
  <si>
    <t>cg03113683</t>
  </si>
  <si>
    <t>cg03215005</t>
  </si>
  <si>
    <t>cg03217915</t>
  </si>
  <si>
    <t>cg03234839</t>
  </si>
  <si>
    <t>cg03238738</t>
  </si>
  <si>
    <t>cg03241388</t>
  </si>
  <si>
    <t>cg03336504</t>
  </si>
  <si>
    <t>cg03338682</t>
  </si>
  <si>
    <t>cg03417731</t>
  </si>
  <si>
    <t>cg03419014</t>
  </si>
  <si>
    <t>cg03543861</t>
  </si>
  <si>
    <t>cg03559229</t>
  </si>
  <si>
    <t>cg03603266</t>
  </si>
  <si>
    <t>cg03690837</t>
  </si>
  <si>
    <t>cg03701992</t>
  </si>
  <si>
    <t>cg03733229</t>
  </si>
  <si>
    <t>cg03760035</t>
  </si>
  <si>
    <t>cg03779431</t>
  </si>
  <si>
    <t>cg03841136</t>
  </si>
  <si>
    <t>cg03847009</t>
  </si>
  <si>
    <t>cg03863756</t>
  </si>
  <si>
    <t>cg03867475</t>
  </si>
  <si>
    <t>cg03900195</t>
  </si>
  <si>
    <t>cg04064254</t>
  </si>
  <si>
    <t>cg04098685</t>
  </si>
  <si>
    <t>cg04101050</t>
  </si>
  <si>
    <t>cg04163967</t>
  </si>
  <si>
    <t>cg04193427</t>
  </si>
  <si>
    <t>cg04217515</t>
  </si>
  <si>
    <t>cg04256691</t>
  </si>
  <si>
    <t>cg04274199</t>
  </si>
  <si>
    <t>cg04282594</t>
  </si>
  <si>
    <t>cg04285033</t>
  </si>
  <si>
    <t>cg04469303</t>
  </si>
  <si>
    <t>cg04486778</t>
  </si>
  <si>
    <t>cg04497512</t>
  </si>
  <si>
    <t>cg04509940</t>
  </si>
  <si>
    <t>cg04538470</t>
  </si>
  <si>
    <t>cg04550439</t>
  </si>
  <si>
    <t>cg04570466</t>
  </si>
  <si>
    <t>cg04581753</t>
  </si>
  <si>
    <t>cg04634639</t>
  </si>
  <si>
    <t>cg04657831</t>
  </si>
  <si>
    <t>cg04658707</t>
  </si>
  <si>
    <t>cg04765904</t>
  </si>
  <si>
    <t>cg04767174</t>
  </si>
  <si>
    <t>cg04903163</t>
  </si>
  <si>
    <t>cg04960798</t>
  </si>
  <si>
    <t>cg04975856</t>
  </si>
  <si>
    <t>cg05000748</t>
  </si>
  <si>
    <t>cg05010111</t>
  </si>
  <si>
    <t>cg05062192</t>
  </si>
  <si>
    <t>cg05083393</t>
  </si>
  <si>
    <t>cg05094271</t>
  </si>
  <si>
    <t>cg05169244</t>
  </si>
  <si>
    <t>cg05238769</t>
  </si>
  <si>
    <t>cg05306310</t>
  </si>
  <si>
    <t>cg05349039</t>
  </si>
  <si>
    <t>cg05349624</t>
  </si>
  <si>
    <t>cg05367824</t>
  </si>
  <si>
    <t>cg05437132</t>
  </si>
  <si>
    <t>cg05468028</t>
  </si>
  <si>
    <t>cg05504541</t>
  </si>
  <si>
    <t>cg05522774</t>
  </si>
  <si>
    <t>cg05527272</t>
  </si>
  <si>
    <t>cg05531134</t>
  </si>
  <si>
    <t>cg05633190</t>
  </si>
  <si>
    <t>cg05634149</t>
  </si>
  <si>
    <t>cg05720454</t>
  </si>
  <si>
    <t>cg05728337</t>
  </si>
  <si>
    <t>cg05809734</t>
  </si>
  <si>
    <t>cg05926606</t>
  </si>
  <si>
    <t>cg05957544</t>
  </si>
  <si>
    <t>cg05998816</t>
  </si>
  <si>
    <t>cg06000883</t>
  </si>
  <si>
    <t>cg06000963</t>
  </si>
  <si>
    <t>cg06167719</t>
  </si>
  <si>
    <t>cg06173626</t>
  </si>
  <si>
    <t>cg06230805</t>
  </si>
  <si>
    <t>cg06273548</t>
  </si>
  <si>
    <t>cg06377222</t>
  </si>
  <si>
    <t>cg06458679</t>
  </si>
  <si>
    <t>cg06468476</t>
  </si>
  <si>
    <t>cg06479755</t>
  </si>
  <si>
    <t>cg06486129</t>
  </si>
  <si>
    <t>cg06510830</t>
  </si>
  <si>
    <t>cg06521088</t>
  </si>
  <si>
    <t>cg06579790</t>
  </si>
  <si>
    <t>cg06584807</t>
  </si>
  <si>
    <t>cg06654697</t>
  </si>
  <si>
    <t>cg06716684</t>
  </si>
  <si>
    <t>cg06743060</t>
  </si>
  <si>
    <t>cg06752054</t>
  </si>
  <si>
    <t>cg06758350</t>
  </si>
  <si>
    <t>cg06824297</t>
  </si>
  <si>
    <t>cg06870618</t>
  </si>
  <si>
    <t>cg06911843</t>
  </si>
  <si>
    <t>cg06962620</t>
  </si>
  <si>
    <t>cg06965300</t>
  </si>
  <si>
    <t>cg07035333</t>
  </si>
  <si>
    <t>cg07047280</t>
  </si>
  <si>
    <t>cg07066755</t>
  </si>
  <si>
    <t>cg07211739</t>
  </si>
  <si>
    <t>cg07321776</t>
  </si>
  <si>
    <t>cg07323754</t>
  </si>
  <si>
    <t>cg07385577</t>
  </si>
  <si>
    <t>cg07394455</t>
  </si>
  <si>
    <t>cg07434500</t>
  </si>
  <si>
    <t>cg07450406</t>
  </si>
  <si>
    <t>cg07521889</t>
  </si>
  <si>
    <t>cg07529122</t>
  </si>
  <si>
    <t>cg07529658</t>
  </si>
  <si>
    <t>cg07549269</t>
  </si>
  <si>
    <t>cg07576074</t>
  </si>
  <si>
    <t>cg07632694</t>
  </si>
  <si>
    <t>cg07704495</t>
  </si>
  <si>
    <t>cg07856962</t>
  </si>
  <si>
    <t>cg07872789</t>
  </si>
  <si>
    <t>cg07875759</t>
  </si>
  <si>
    <t>cg07961283</t>
  </si>
  <si>
    <t>cg07962392</t>
  </si>
  <si>
    <t>cg08015776</t>
  </si>
  <si>
    <t>cg08042487</t>
  </si>
  <si>
    <t>cg08089567</t>
  </si>
  <si>
    <t>cg08222185</t>
  </si>
  <si>
    <t>cg08226146</t>
  </si>
  <si>
    <t>cg08242217</t>
  </si>
  <si>
    <t>cg08244262</t>
  </si>
  <si>
    <t>cg08249556</t>
  </si>
  <si>
    <t>cg08287175</t>
  </si>
  <si>
    <t>cg08287724</t>
  </si>
  <si>
    <t>cg08292120</t>
  </si>
  <si>
    <t>cg08433011</t>
  </si>
  <si>
    <t>cg08448665</t>
  </si>
  <si>
    <t>cg08468911</t>
  </si>
  <si>
    <t>cg08538258</t>
  </si>
  <si>
    <t>cg08597025</t>
  </si>
  <si>
    <t>cg08614659</t>
  </si>
  <si>
    <t>cg08707540</t>
  </si>
  <si>
    <t>cg08742575</t>
  </si>
  <si>
    <t>cg08821792</t>
  </si>
  <si>
    <t>cg08823027</t>
  </si>
  <si>
    <t>cg08841829</t>
  </si>
  <si>
    <t>cg08866402</t>
  </si>
  <si>
    <t>cg08866780</t>
  </si>
  <si>
    <t>cg08869875</t>
  </si>
  <si>
    <t>cg08870743</t>
  </si>
  <si>
    <t>cg09118164</t>
  </si>
  <si>
    <t>cg09247319</t>
  </si>
  <si>
    <t>cg09375338</t>
  </si>
  <si>
    <t>cg09409496</t>
  </si>
  <si>
    <t>cg09436823</t>
  </si>
  <si>
    <t>cg09441069</t>
  </si>
  <si>
    <t>cg09443102</t>
  </si>
  <si>
    <t>cg09510531</t>
  </si>
  <si>
    <t>cg09613494</t>
  </si>
  <si>
    <t>cg09656239</t>
  </si>
  <si>
    <t>cg09659514</t>
  </si>
  <si>
    <t>cg09671060</t>
  </si>
  <si>
    <t>cg09706833</t>
  </si>
  <si>
    <t>cg09706850</t>
  </si>
  <si>
    <t>cg09726646</t>
  </si>
  <si>
    <t>cg09762582</t>
  </si>
  <si>
    <t>cg09777775</t>
  </si>
  <si>
    <t>cg09838568</t>
  </si>
  <si>
    <t>cg09880551</t>
  </si>
  <si>
    <t>cg09906747</t>
  </si>
  <si>
    <t>cg10007534</t>
  </si>
  <si>
    <t>cg10010393</t>
  </si>
  <si>
    <t>cg10044179</t>
  </si>
  <si>
    <t>cg10054197</t>
  </si>
  <si>
    <t>cg10067062</t>
  </si>
  <si>
    <t>cg10106363</t>
  </si>
  <si>
    <t>cg10119313</t>
  </si>
  <si>
    <t>cg10129201</t>
  </si>
  <si>
    <t>cg10187059</t>
  </si>
  <si>
    <t>cg10257693</t>
  </si>
  <si>
    <t>cg10259562</t>
  </si>
  <si>
    <t>cg10277546</t>
  </si>
  <si>
    <t>cg10305951</t>
  </si>
  <si>
    <t>cg10334222</t>
  </si>
  <si>
    <t>cg10347474</t>
  </si>
  <si>
    <t>cg10351617</t>
  </si>
  <si>
    <t>cg10374519</t>
  </si>
  <si>
    <t>cg10374872</t>
  </si>
  <si>
    <t>cg10380293</t>
  </si>
  <si>
    <t>cg10415509</t>
  </si>
  <si>
    <t>cg10435376</t>
  </si>
  <si>
    <t>cg10435849</t>
  </si>
  <si>
    <t>cg10477592</t>
  </si>
  <si>
    <t>cg10641258</t>
  </si>
  <si>
    <t>cg10696191</t>
  </si>
  <si>
    <t>cg10707964</t>
  </si>
  <si>
    <t>cg10836173</t>
  </si>
  <si>
    <t>cg10838844</t>
  </si>
  <si>
    <t>cg10848373</t>
  </si>
  <si>
    <t>cg10851779</t>
  </si>
  <si>
    <t>cg10859726</t>
  </si>
  <si>
    <t>cg10878966</t>
  </si>
  <si>
    <t>cg11053272</t>
  </si>
  <si>
    <t>cg11081415</t>
  </si>
  <si>
    <t>cg11110978</t>
  </si>
  <si>
    <t>cg11150585</t>
  </si>
  <si>
    <t>cg11166708</t>
  </si>
  <si>
    <t>cg11173579</t>
  </si>
  <si>
    <t>cg11188659</t>
  </si>
  <si>
    <t>cg11282895</t>
  </si>
  <si>
    <t>cg11288641</t>
  </si>
  <si>
    <t>cg11359720</t>
  </si>
  <si>
    <t>cg11381792</t>
  </si>
  <si>
    <t>cg11388866</t>
  </si>
  <si>
    <t>cg11401293</t>
  </si>
  <si>
    <t>cg11433319</t>
  </si>
  <si>
    <t>cg11456334</t>
  </si>
  <si>
    <t>cg11460723</t>
  </si>
  <si>
    <t>cg11465630</t>
  </si>
  <si>
    <t>cg11498607</t>
  </si>
  <si>
    <t>cg11564339</t>
  </si>
  <si>
    <t>cg11631644</t>
  </si>
  <si>
    <t>cg11752103</t>
  </si>
  <si>
    <t>cg11766577</t>
  </si>
  <si>
    <t>cg11767442</t>
  </si>
  <si>
    <t>cg11796095</t>
  </si>
  <si>
    <t>cg11815682</t>
  </si>
  <si>
    <t>cg11851910</t>
  </si>
  <si>
    <t>cg11858249</t>
  </si>
  <si>
    <t>cg11923631</t>
  </si>
  <si>
    <t>cg11935371</t>
  </si>
  <si>
    <t>cg11939992</t>
  </si>
  <si>
    <t>cg11940663</t>
  </si>
  <si>
    <t>cg11950383</t>
  </si>
  <si>
    <t>cg11987819</t>
  </si>
  <si>
    <t>cg11988476</t>
  </si>
  <si>
    <t>cg11997734</t>
  </si>
  <si>
    <t>cg12008680</t>
  </si>
  <si>
    <t>cg12025048</t>
  </si>
  <si>
    <t>cg12061357</t>
  </si>
  <si>
    <t>cg12107699</t>
  </si>
  <si>
    <t>cg12148368</t>
  </si>
  <si>
    <t>cg12156301</t>
  </si>
  <si>
    <t>cg12162424</t>
  </si>
  <si>
    <t>cg12210363</t>
  </si>
  <si>
    <t>cg12258307</t>
  </si>
  <si>
    <t>cg12384262</t>
  </si>
  <si>
    <t>cg12423553</t>
  </si>
  <si>
    <t>cg12424694</t>
  </si>
  <si>
    <t>cg12426234</t>
  </si>
  <si>
    <t>cg12426652</t>
  </si>
  <si>
    <t>cg12443444</t>
  </si>
  <si>
    <t>cg12457986</t>
  </si>
  <si>
    <t>cg12477880</t>
  </si>
  <si>
    <t>cg12540260</t>
  </si>
  <si>
    <t>cg12581717</t>
  </si>
  <si>
    <t>cg12742338</t>
  </si>
  <si>
    <t>cg12829325</t>
  </si>
  <si>
    <t>cg12954385</t>
  </si>
  <si>
    <t>cg12968192</t>
  </si>
  <si>
    <t>cg13012494</t>
  </si>
  <si>
    <t>cg13045639</t>
  </si>
  <si>
    <t>cg13082654</t>
  </si>
  <si>
    <t>cg13126279</t>
  </si>
  <si>
    <t>cg13139630</t>
  </si>
  <si>
    <t>cg13149304</t>
  </si>
  <si>
    <t>cg13273672</t>
  </si>
  <si>
    <t>cg13520931</t>
  </si>
  <si>
    <t>cg13521940</t>
  </si>
  <si>
    <t>cg13588023</t>
  </si>
  <si>
    <t>cg13591648</t>
  </si>
  <si>
    <t>cg13620615</t>
  </si>
  <si>
    <t>cg13694725</t>
  </si>
  <si>
    <t>cg13694867</t>
  </si>
  <si>
    <t>cg13727010</t>
  </si>
  <si>
    <t>cg13753900</t>
  </si>
  <si>
    <t>cg13758712</t>
  </si>
  <si>
    <t>cg13775054</t>
  </si>
  <si>
    <t>cg13826709</t>
  </si>
  <si>
    <t>cg13902069</t>
  </si>
  <si>
    <t>cg13915314</t>
  </si>
  <si>
    <t>cg13965133</t>
  </si>
  <si>
    <t>cg14060757</t>
  </si>
  <si>
    <t>cg14075645</t>
  </si>
  <si>
    <t>cg14095850</t>
  </si>
  <si>
    <t>cg14134710</t>
  </si>
  <si>
    <t>cg14170172</t>
  </si>
  <si>
    <t>cg14180004</t>
  </si>
  <si>
    <t>cg14194835</t>
  </si>
  <si>
    <t>cg14220277</t>
  </si>
  <si>
    <t>cg14272009</t>
  </si>
  <si>
    <t>cg14280424</t>
  </si>
  <si>
    <t>cg14296488</t>
  </si>
  <si>
    <t>cg14314369</t>
  </si>
  <si>
    <t>cg14315558</t>
  </si>
  <si>
    <t>cg14364356</t>
  </si>
  <si>
    <t>cg14381945</t>
  </si>
  <si>
    <t>cg14384940</t>
  </si>
  <si>
    <t>cg14451452</t>
  </si>
  <si>
    <t>cg14522034</t>
  </si>
  <si>
    <t>cg14553600</t>
  </si>
  <si>
    <t>cg14567985</t>
  </si>
  <si>
    <t>cg14708080</t>
  </si>
  <si>
    <t>cg14719752</t>
  </si>
  <si>
    <t>cg14721139</t>
  </si>
  <si>
    <t>cg14756197</t>
  </si>
  <si>
    <t>cg14757344</t>
  </si>
  <si>
    <t>cg14764050</t>
  </si>
  <si>
    <t>cg14769207</t>
  </si>
  <si>
    <t>cg14785464</t>
  </si>
  <si>
    <t>cg14897238</t>
  </si>
  <si>
    <t>cg14918353</t>
  </si>
  <si>
    <t>cg15039603</t>
  </si>
  <si>
    <t>cg15045174</t>
  </si>
  <si>
    <t>cg15087129</t>
  </si>
  <si>
    <t>cg15092561</t>
  </si>
  <si>
    <t>cg15097762</t>
  </si>
  <si>
    <t>cg15099273</t>
  </si>
  <si>
    <t>cg15108590</t>
  </si>
  <si>
    <t>cg15212956</t>
  </si>
  <si>
    <t>cg15214567</t>
  </si>
  <si>
    <t>cg15220969</t>
  </si>
  <si>
    <t>cg15248353</t>
  </si>
  <si>
    <t>cg15249164</t>
  </si>
  <si>
    <t>cg15316660</t>
  </si>
  <si>
    <t>cg15318396</t>
  </si>
  <si>
    <t>cg15348679</t>
  </si>
  <si>
    <t>cg15616257</t>
  </si>
  <si>
    <t>cg15660669</t>
  </si>
  <si>
    <t>cg15665968</t>
  </si>
  <si>
    <t>cg15681537</t>
  </si>
  <si>
    <t>cg15684772</t>
  </si>
  <si>
    <t>cg15714321</t>
  </si>
  <si>
    <t>cg15725933</t>
  </si>
  <si>
    <t>cg15775835</t>
  </si>
  <si>
    <t>cg15876074</t>
  </si>
  <si>
    <t>cg15925792</t>
  </si>
  <si>
    <t>cg15930922</t>
  </si>
  <si>
    <t>cg16001495</t>
  </si>
  <si>
    <t>cg16057826</t>
  </si>
  <si>
    <t>cg16059957</t>
  </si>
  <si>
    <t>cg16066237</t>
  </si>
  <si>
    <t>cg16072664</t>
  </si>
  <si>
    <t>cg16196850</t>
  </si>
  <si>
    <t>cg16332283</t>
  </si>
  <si>
    <t>cg16412370</t>
  </si>
  <si>
    <t>cg16418971</t>
  </si>
  <si>
    <t>cg16458021</t>
  </si>
  <si>
    <t>cg16492707</t>
  </si>
  <si>
    <t>cg16501560</t>
  </si>
  <si>
    <t>cg16507755</t>
  </si>
  <si>
    <t>cg16532755</t>
  </si>
  <si>
    <t>cg16544704</t>
  </si>
  <si>
    <t>cg16606185</t>
  </si>
  <si>
    <t>cg16616362</t>
  </si>
  <si>
    <t>cg16626809</t>
  </si>
  <si>
    <t>cg16696730</t>
  </si>
  <si>
    <t>cg16698981</t>
  </si>
  <si>
    <t>cg16710517</t>
  </si>
  <si>
    <t>cg16711792</t>
  </si>
  <si>
    <t>cg16713274</t>
  </si>
  <si>
    <t>cg16719517</t>
  </si>
  <si>
    <t>cg16728616</t>
  </si>
  <si>
    <t>cg16733866</t>
  </si>
  <si>
    <t>cg16762072</t>
  </si>
  <si>
    <t>cg16837525</t>
  </si>
  <si>
    <t>cg16862729</t>
  </si>
  <si>
    <t>cg16863872</t>
  </si>
  <si>
    <t>cg16929354</t>
  </si>
  <si>
    <t>cg17016394</t>
  </si>
  <si>
    <t>cg17031165</t>
  </si>
  <si>
    <t>cg17040303</t>
  </si>
  <si>
    <t>cg17217575</t>
  </si>
  <si>
    <t>cg17249942</t>
  </si>
  <si>
    <t>cg17253939</t>
  </si>
  <si>
    <t>cg17263892</t>
  </si>
  <si>
    <t>cg17329518</t>
  </si>
  <si>
    <t>cg17353354</t>
  </si>
  <si>
    <t>cg17508204</t>
  </si>
  <si>
    <t>cg17585615</t>
  </si>
  <si>
    <t>cg17611512</t>
  </si>
  <si>
    <t>cg17648210</t>
  </si>
  <si>
    <t>cg17678647</t>
  </si>
  <si>
    <t>cg17746023</t>
  </si>
  <si>
    <t>cg17802551</t>
  </si>
  <si>
    <t>cg17809849</t>
  </si>
  <si>
    <t>cg17837967</t>
  </si>
  <si>
    <t>cg17879722</t>
  </si>
  <si>
    <t>cg17900854</t>
  </si>
  <si>
    <t>cg17935217</t>
  </si>
  <si>
    <t>cg18017082</t>
  </si>
  <si>
    <t>cg18024037</t>
  </si>
  <si>
    <t>cg18095213</t>
  </si>
  <si>
    <t>cg18108695</t>
  </si>
  <si>
    <t>cg18126791</t>
  </si>
  <si>
    <t>cg18335247</t>
  </si>
  <si>
    <t>cg18349138</t>
  </si>
  <si>
    <t>cg18502618</t>
  </si>
  <si>
    <t>cg18576013</t>
  </si>
  <si>
    <t>cg18595293</t>
  </si>
  <si>
    <t>cg18652248</t>
  </si>
  <si>
    <t>cg18656581</t>
  </si>
  <si>
    <t>cg19005991</t>
  </si>
  <si>
    <t>cg19118951</t>
  </si>
  <si>
    <t>cg19168326</t>
  </si>
  <si>
    <t>cg19199142</t>
  </si>
  <si>
    <t>cg19199752</t>
  </si>
  <si>
    <t>cg19221500</t>
  </si>
  <si>
    <t>cg19247551</t>
  </si>
  <si>
    <t>cg19315202</t>
  </si>
  <si>
    <t>cg19318450</t>
  </si>
  <si>
    <t>cg19357178</t>
  </si>
  <si>
    <t>cg19434199</t>
  </si>
  <si>
    <t>cg19508555</t>
  </si>
  <si>
    <t>cg19518003</t>
  </si>
  <si>
    <t>cg19523931</t>
  </si>
  <si>
    <t>cg19543471</t>
  </si>
  <si>
    <t>cg19684207</t>
  </si>
  <si>
    <t>cg19690901</t>
  </si>
  <si>
    <t>cg19754536</t>
  </si>
  <si>
    <t>cg19761502</t>
  </si>
  <si>
    <t>cg19801421</t>
  </si>
  <si>
    <t>cg19856593</t>
  </si>
  <si>
    <t>cg19946699</t>
  </si>
  <si>
    <t>cg19950455</t>
  </si>
  <si>
    <t>cg20024234</t>
  </si>
  <si>
    <t>cg20108328</t>
  </si>
  <si>
    <t>cg20202505</t>
  </si>
  <si>
    <t>cg20209754</t>
  </si>
  <si>
    <t>cg20215695</t>
  </si>
  <si>
    <t>cg20218907</t>
  </si>
  <si>
    <t>cg20271681</t>
  </si>
  <si>
    <t>cg20340508</t>
  </si>
  <si>
    <t>cg20341238</t>
  </si>
  <si>
    <t>cg20383624</t>
  </si>
  <si>
    <t>cg20383948</t>
  </si>
  <si>
    <t>cg20398123</t>
  </si>
  <si>
    <t>cg20399509</t>
  </si>
  <si>
    <t>cg20434825</t>
  </si>
  <si>
    <t>cg20460554</t>
  </si>
  <si>
    <t>cg20564664</t>
  </si>
  <si>
    <t>cg20607513</t>
  </si>
  <si>
    <t>cg20643029</t>
  </si>
  <si>
    <t>cg20845748</t>
  </si>
  <si>
    <t>cg20925434</t>
  </si>
  <si>
    <t>cg21006325</t>
  </si>
  <si>
    <t>cg21041202</t>
  </si>
  <si>
    <t>cg21104950</t>
  </si>
  <si>
    <t>cg21114840</t>
  </si>
  <si>
    <t>cg21135948</t>
  </si>
  <si>
    <t>cg21139150</t>
  </si>
  <si>
    <t>cg21161649</t>
  </si>
  <si>
    <t>cg21173447</t>
  </si>
  <si>
    <t>cg21229268</t>
  </si>
  <si>
    <t>cg21231689</t>
  </si>
  <si>
    <t>cg21275932</t>
  </si>
  <si>
    <t>cg21276834</t>
  </si>
  <si>
    <t>cg21303803</t>
  </si>
  <si>
    <t>cg21308336</t>
  </si>
  <si>
    <t>cg21350575</t>
  </si>
  <si>
    <t>cg21385606</t>
  </si>
  <si>
    <t>cg21407839</t>
  </si>
  <si>
    <t>cg21410080</t>
  </si>
  <si>
    <t>cg21459460</t>
  </si>
  <si>
    <t>cg21553596</t>
  </si>
  <si>
    <t>cg21639410</t>
  </si>
  <si>
    <t>cg21639613</t>
  </si>
  <si>
    <t>cg21649569</t>
  </si>
  <si>
    <t>cg21650694</t>
  </si>
  <si>
    <t>cg21689102</t>
  </si>
  <si>
    <t>cg21697851</t>
  </si>
  <si>
    <t>cg21703068</t>
  </si>
  <si>
    <t>cg21742872</t>
  </si>
  <si>
    <t>cg21858106</t>
  </si>
  <si>
    <t>cg21863949</t>
  </si>
  <si>
    <t>cg21880624</t>
  </si>
  <si>
    <t>cg21894728</t>
  </si>
  <si>
    <t>cg21916358</t>
  </si>
  <si>
    <t>cg21937462</t>
  </si>
  <si>
    <t>cg21945459</t>
  </si>
  <si>
    <t>cg22062984</t>
  </si>
  <si>
    <t>cg22117968</t>
  </si>
  <si>
    <t>cg22211719</t>
  </si>
  <si>
    <t>cg22212414</t>
  </si>
  <si>
    <t>cg22221870</t>
  </si>
  <si>
    <t>cg22240717</t>
  </si>
  <si>
    <t>cg22391205</t>
  </si>
  <si>
    <t>cg22395299</t>
  </si>
  <si>
    <t>cg22629493</t>
  </si>
  <si>
    <t>cg22729973</t>
  </si>
  <si>
    <t>cg22777062</t>
  </si>
  <si>
    <t>cg22803950</t>
  </si>
  <si>
    <t>cg22940953</t>
  </si>
  <si>
    <t>cg22976224</t>
  </si>
  <si>
    <t>cg22980722</t>
  </si>
  <si>
    <t>cg22989407</t>
  </si>
  <si>
    <t>cg23041071</t>
  </si>
  <si>
    <t>cg23057648</t>
  </si>
  <si>
    <t>cg23191009</t>
  </si>
  <si>
    <t>cg23247068</t>
  </si>
  <si>
    <t>cg23253309</t>
  </si>
  <si>
    <t>cg23253569</t>
  </si>
  <si>
    <t>cg23258320</t>
  </si>
  <si>
    <t>cg23272544</t>
  </si>
  <si>
    <t>cg23273752</t>
  </si>
  <si>
    <t>cg23286646</t>
  </si>
  <si>
    <t>cg23323341</t>
  </si>
  <si>
    <t>cg23422060</t>
  </si>
  <si>
    <t>cg23433889</t>
  </si>
  <si>
    <t>cg23480619</t>
  </si>
  <si>
    <t>cg23484755</t>
  </si>
  <si>
    <t>cg23508333</t>
  </si>
  <si>
    <t>cg23515696</t>
  </si>
  <si>
    <t>cg23590273</t>
  </si>
  <si>
    <t>cg23662138</t>
  </si>
  <si>
    <t>cg23687000</t>
  </si>
  <si>
    <t>cg23687724</t>
  </si>
  <si>
    <t>cg23690480</t>
  </si>
  <si>
    <t>cg23708044</t>
  </si>
  <si>
    <t>cg23737229</t>
  </si>
  <si>
    <t>cg23742080</t>
  </si>
  <si>
    <t>cg23745644</t>
  </si>
  <si>
    <t>cg23757094</t>
  </si>
  <si>
    <t>cg23782952</t>
  </si>
  <si>
    <t>cg23800573</t>
  </si>
  <si>
    <t>cg23904047</t>
  </si>
  <si>
    <t>cg23933381</t>
  </si>
  <si>
    <t>cg24018174</t>
  </si>
  <si>
    <t>cg24059033</t>
  </si>
  <si>
    <t>cg24059718</t>
  </si>
  <si>
    <t>cg24063645</t>
  </si>
  <si>
    <t>cg24080247</t>
  </si>
  <si>
    <t>cg24112562</t>
  </si>
  <si>
    <t>cg24114772</t>
  </si>
  <si>
    <t>cg24127719</t>
  </si>
  <si>
    <t>cg24262066</t>
  </si>
  <si>
    <t>cg24310904</t>
  </si>
  <si>
    <t>cg24312117</t>
  </si>
  <si>
    <t>cg24322131</t>
  </si>
  <si>
    <t>cg24327461</t>
  </si>
  <si>
    <t>cg24349573</t>
  </si>
  <si>
    <t>cg24356473</t>
  </si>
  <si>
    <t>cg24397040</t>
  </si>
  <si>
    <t>cg24399395</t>
  </si>
  <si>
    <t>cg24406937</t>
  </si>
  <si>
    <t>cg24422927</t>
  </si>
  <si>
    <t>cg24429613</t>
  </si>
  <si>
    <t>cg24553691</t>
  </si>
  <si>
    <t>cg24564491</t>
  </si>
  <si>
    <t>cg24688939</t>
  </si>
  <si>
    <t>cg24704562</t>
  </si>
  <si>
    <t>cg24713789</t>
  </si>
  <si>
    <t>cg24751378</t>
  </si>
  <si>
    <t>cg24768245</t>
  </si>
  <si>
    <t>cg24788122</t>
  </si>
  <si>
    <t>cg24795748</t>
  </si>
  <si>
    <t>cg24972056</t>
  </si>
  <si>
    <t>cg24996270</t>
  </si>
  <si>
    <t>cg25021893</t>
  </si>
  <si>
    <t>cg25077654</t>
  </si>
  <si>
    <t>cg25078427</t>
  </si>
  <si>
    <t>cg25143099</t>
  </si>
  <si>
    <t>cg25157095</t>
  </si>
  <si>
    <t>cg25178399</t>
  </si>
  <si>
    <t>cg25191041</t>
  </si>
  <si>
    <t>cg25195416</t>
  </si>
  <si>
    <t>cg25310241</t>
  </si>
  <si>
    <t>cg25356261</t>
  </si>
  <si>
    <t>cg25370728</t>
  </si>
  <si>
    <t>cg25399267</t>
  </si>
  <si>
    <t>cg25453430</t>
  </si>
  <si>
    <t>cg25505974</t>
  </si>
  <si>
    <t>cg25507885</t>
  </si>
  <si>
    <t>cg25526717</t>
  </si>
  <si>
    <t>cg25531249</t>
  </si>
  <si>
    <t>cg25531618</t>
  </si>
  <si>
    <t>cg25674826</t>
  </si>
  <si>
    <t>cg25675393</t>
  </si>
  <si>
    <t>cg25726756</t>
  </si>
  <si>
    <t>cg25732426</t>
  </si>
  <si>
    <t>cg25741567</t>
  </si>
  <si>
    <t>cg25829961</t>
  </si>
  <si>
    <t>cg25832747</t>
  </si>
  <si>
    <t>cg26057682</t>
  </si>
  <si>
    <t>cg26108594</t>
  </si>
  <si>
    <t>cg26140688</t>
  </si>
  <si>
    <t>cg26144458</t>
  </si>
  <si>
    <t>cg26153954</t>
  </si>
  <si>
    <t>cg26155719</t>
  </si>
  <si>
    <t>cg26205217</t>
  </si>
  <si>
    <t>cg26239725</t>
  </si>
  <si>
    <t>cg26283921</t>
  </si>
  <si>
    <t>cg26309194</t>
  </si>
  <si>
    <t>cg26337277</t>
  </si>
  <si>
    <t>cg26412722</t>
  </si>
  <si>
    <t>cg26504019</t>
  </si>
  <si>
    <t>cg26735294</t>
  </si>
  <si>
    <t>cg26770917</t>
  </si>
  <si>
    <t>cg26938272</t>
  </si>
  <si>
    <t>cg27055842</t>
  </si>
  <si>
    <t>cg27075724</t>
  </si>
  <si>
    <t>cg27108388</t>
  </si>
  <si>
    <t>cg27118059</t>
  </si>
  <si>
    <t>cg27119318</t>
  </si>
  <si>
    <t>cg27144788</t>
  </si>
  <si>
    <t>cg27150186</t>
  </si>
  <si>
    <t>cg27150788</t>
  </si>
  <si>
    <t>cg27210852</t>
  </si>
  <si>
    <t>cg27237300</t>
  </si>
  <si>
    <t>cg27251412</t>
  </si>
  <si>
    <t>cg27254482</t>
  </si>
  <si>
    <t>cg27306467</t>
  </si>
  <si>
    <t>cg27307781</t>
  </si>
  <si>
    <t>cg27312652</t>
  </si>
  <si>
    <t>cg27315947</t>
  </si>
  <si>
    <t>cg27328431</t>
  </si>
  <si>
    <t>cg27357571</t>
  </si>
  <si>
    <t>cg27372898</t>
  </si>
  <si>
    <t>cg27382599</t>
  </si>
  <si>
    <t>cg27484412</t>
  </si>
  <si>
    <t>cg27488751</t>
  </si>
  <si>
    <t>cg27513890</t>
  </si>
  <si>
    <t>cg27533201</t>
  </si>
  <si>
    <t>cg00017461</t>
  </si>
  <si>
    <t>cg00077299</t>
  </si>
  <si>
    <t>cg00079563</t>
  </si>
  <si>
    <t>cg00093544</t>
  </si>
  <si>
    <t>cg00101350</t>
  </si>
  <si>
    <t>cg00101932</t>
  </si>
  <si>
    <t>cg00107982</t>
  </si>
  <si>
    <t>cg00108569</t>
  </si>
  <si>
    <t>cg00111823</t>
  </si>
  <si>
    <t>cg00115040</t>
  </si>
  <si>
    <t>cg00115102</t>
  </si>
  <si>
    <t>cg00123324</t>
  </si>
  <si>
    <t>cg00140479</t>
  </si>
  <si>
    <t>cg00143809</t>
  </si>
  <si>
    <t>cg00147172</t>
  </si>
  <si>
    <t>cg00149397</t>
  </si>
  <si>
    <t>cg00164335</t>
  </si>
  <si>
    <t>cg00207926</t>
  </si>
  <si>
    <t>cg00219303</t>
  </si>
  <si>
    <t>cg00232685</t>
  </si>
  <si>
    <t>cg00241712</t>
  </si>
  <si>
    <t>cg00244524</t>
  </si>
  <si>
    <t>cg00254480</t>
  </si>
  <si>
    <t>cg00266865</t>
  </si>
  <si>
    <t>cg00270625</t>
  </si>
  <si>
    <t>cg00278028</t>
  </si>
  <si>
    <t>cg00280761</t>
  </si>
  <si>
    <t>cg00289081</t>
  </si>
  <si>
    <t>cg00293631</t>
  </si>
  <si>
    <t>cg00299943</t>
  </si>
  <si>
    <t>cg00349050</t>
  </si>
  <si>
    <t>cg00389515</t>
  </si>
  <si>
    <t>cg00390484</t>
  </si>
  <si>
    <t>cg00393435</t>
  </si>
  <si>
    <t>cg00399938</t>
  </si>
  <si>
    <t>cg00473311</t>
  </si>
  <si>
    <t>cg00479208</t>
  </si>
  <si>
    <t>cg00489795</t>
  </si>
  <si>
    <t>cg00512709</t>
  </si>
  <si>
    <t>cg00533811</t>
  </si>
  <si>
    <t>cg00559018</t>
  </si>
  <si>
    <t>cg00567132</t>
  </si>
  <si>
    <t>cg00606900</t>
  </si>
  <si>
    <t>cg00608467</t>
  </si>
  <si>
    <t>cg00622682</t>
  </si>
  <si>
    <t>cg00627241</t>
  </si>
  <si>
    <t>cg00631837</t>
  </si>
  <si>
    <t>cg00633933</t>
  </si>
  <si>
    <t>cg00640315</t>
  </si>
  <si>
    <t>cg00640609</t>
  </si>
  <si>
    <t>cg00643333</t>
  </si>
  <si>
    <t>cg00651185</t>
  </si>
  <si>
    <t>cg00651829</t>
  </si>
  <si>
    <t>cg00733150</t>
  </si>
  <si>
    <t>cg00735239</t>
  </si>
  <si>
    <t>cg00743788</t>
  </si>
  <si>
    <t>cg00764560</t>
  </si>
  <si>
    <t>cg00791190</t>
  </si>
  <si>
    <t>cg00816224</t>
  </si>
  <si>
    <t>cg00830626</t>
  </si>
  <si>
    <t>cg00845219</t>
  </si>
  <si>
    <t>cg00872677</t>
  </si>
  <si>
    <t>cg00884093</t>
  </si>
  <si>
    <t>cg00908042</t>
  </si>
  <si>
    <t>cg00938380</t>
  </si>
  <si>
    <t>cg00941836</t>
  </si>
  <si>
    <t>cg00958273</t>
  </si>
  <si>
    <t>cg00968561</t>
  </si>
  <si>
    <t>cg00976615</t>
  </si>
  <si>
    <t>cg00981797</t>
  </si>
  <si>
    <t>cg01021483</t>
  </si>
  <si>
    <t>cg01033463</t>
  </si>
  <si>
    <t>cg01067963</t>
  </si>
  <si>
    <t>cg01069791</t>
  </si>
  <si>
    <t>cg01076997</t>
  </si>
  <si>
    <t>cg01119680</t>
  </si>
  <si>
    <t>cg01120165</t>
  </si>
  <si>
    <t>cg01141459</t>
  </si>
  <si>
    <t>cg01148441</t>
  </si>
  <si>
    <t>cg01182973</t>
  </si>
  <si>
    <t>cg01207176</t>
  </si>
  <si>
    <t>cg01232907</t>
  </si>
  <si>
    <t>cg01237056</t>
  </si>
  <si>
    <t>cg01246421</t>
  </si>
  <si>
    <t>cg01251591</t>
  </si>
  <si>
    <t>cg01257975</t>
  </si>
  <si>
    <t>cg01283300</t>
  </si>
  <si>
    <t>cg01284869</t>
  </si>
  <si>
    <t>cg01321673</t>
  </si>
  <si>
    <t>cg01324372</t>
  </si>
  <si>
    <t>cg01328403</t>
  </si>
  <si>
    <t>cg01337197</t>
  </si>
  <si>
    <t>cg01350767</t>
  </si>
  <si>
    <t>cg01361351</t>
  </si>
  <si>
    <t>cg01408932</t>
  </si>
  <si>
    <t>cg01416388</t>
  </si>
  <si>
    <t>cg01453694</t>
  </si>
  <si>
    <t>cg01513661</t>
  </si>
  <si>
    <t>cg01542190</t>
  </si>
  <si>
    <t>cg01561861</t>
  </si>
  <si>
    <t>cg01577700</t>
  </si>
  <si>
    <t>cg01586506</t>
  </si>
  <si>
    <t>cg01600545</t>
  </si>
  <si>
    <t>cg01604611</t>
  </si>
  <si>
    <t>cg01608788</t>
  </si>
  <si>
    <t>cg01629058</t>
  </si>
  <si>
    <t>cg01641361</t>
  </si>
  <si>
    <t>cg01657694</t>
  </si>
  <si>
    <t>cg01660911</t>
  </si>
  <si>
    <t>cg01697719</t>
  </si>
  <si>
    <t>cg01745726</t>
  </si>
  <si>
    <t>cg01816775</t>
  </si>
  <si>
    <t>cg01836687</t>
  </si>
  <si>
    <t>cg01844324</t>
  </si>
  <si>
    <t>cg01867433</t>
  </si>
  <si>
    <t>cg01885692</t>
  </si>
  <si>
    <t>cg01910197</t>
  </si>
  <si>
    <t>cg01914785</t>
  </si>
  <si>
    <t>cg01917657</t>
  </si>
  <si>
    <t>cg01925397</t>
  </si>
  <si>
    <t>cg01933487</t>
  </si>
  <si>
    <t>cg01940235</t>
  </si>
  <si>
    <t>cg01945840</t>
  </si>
  <si>
    <t>cg01949902</t>
  </si>
  <si>
    <t>cg01950479</t>
  </si>
  <si>
    <t>cg01956354</t>
  </si>
  <si>
    <t>cg01962510</t>
  </si>
  <si>
    <t>cg01963623</t>
  </si>
  <si>
    <t>cg01963885</t>
  </si>
  <si>
    <t>cg01966344</t>
  </si>
  <si>
    <t>cg01969837</t>
  </si>
  <si>
    <t>cg01995480</t>
  </si>
  <si>
    <t>cg02014690</t>
  </si>
  <si>
    <t>cg02014809</t>
  </si>
  <si>
    <t>cg02034949</t>
  </si>
  <si>
    <t>cg02038168</t>
  </si>
  <si>
    <t>cg02046995</t>
  </si>
  <si>
    <t>cg02050560</t>
  </si>
  <si>
    <t>cg02051290</t>
  </si>
  <si>
    <t>cg02074719</t>
  </si>
  <si>
    <t>cg02144924</t>
  </si>
  <si>
    <t>cg02172652</t>
  </si>
  <si>
    <t>cg02207496</t>
  </si>
  <si>
    <t>cg02217955</t>
  </si>
  <si>
    <t>cg02226779</t>
  </si>
  <si>
    <t>cg02237342</t>
  </si>
  <si>
    <t>cg02267795</t>
  </si>
  <si>
    <t>cg02287693</t>
  </si>
  <si>
    <t>cg02301929</t>
  </si>
  <si>
    <t>cg02340395</t>
  </si>
  <si>
    <t>cg02357751</t>
  </si>
  <si>
    <t>cg02358112</t>
  </si>
  <si>
    <t>cg02383325</t>
  </si>
  <si>
    <t>cg02415779</t>
  </si>
  <si>
    <t>cg02433266</t>
  </si>
  <si>
    <t>cg02440976</t>
  </si>
  <si>
    <t>cg02442526</t>
  </si>
  <si>
    <t>cg02469909</t>
  </si>
  <si>
    <t>cg02470565</t>
  </si>
  <si>
    <t>cg02473781</t>
  </si>
  <si>
    <t>cg02476339</t>
  </si>
  <si>
    <t>cg02477126</t>
  </si>
  <si>
    <t>cg02484850</t>
  </si>
  <si>
    <t>cg02486929</t>
  </si>
  <si>
    <t>cg02487453</t>
  </si>
  <si>
    <t>cg02546072</t>
  </si>
  <si>
    <t>cg02551882</t>
  </si>
  <si>
    <t>cg02555513</t>
  </si>
  <si>
    <t>cg02723399</t>
  </si>
  <si>
    <t>cg02801583</t>
  </si>
  <si>
    <t>cg02804028</t>
  </si>
  <si>
    <t>cg02814719</t>
  </si>
  <si>
    <t>cg02821150</t>
  </si>
  <si>
    <t>cg02836840</t>
  </si>
  <si>
    <t>cg02866761</t>
  </si>
  <si>
    <t>cg02869649</t>
  </si>
  <si>
    <t>cg02887841</t>
  </si>
  <si>
    <t>cg02893180</t>
  </si>
  <si>
    <t>cg02895639</t>
  </si>
  <si>
    <t>cg02905830</t>
  </si>
  <si>
    <t>cg02923264</t>
  </si>
  <si>
    <t>cg02932390</t>
  </si>
  <si>
    <t>cg02936854</t>
  </si>
  <si>
    <t>cg02994956</t>
  </si>
  <si>
    <t>cg03007121</t>
  </si>
  <si>
    <t>cg03008834</t>
  </si>
  <si>
    <t>cg03018796</t>
  </si>
  <si>
    <t>cg03027661</t>
  </si>
  <si>
    <t>cg03068030</t>
  </si>
  <si>
    <t>cg03070533</t>
  </si>
  <si>
    <t>cg03123822</t>
  </si>
  <si>
    <t>cg03133266</t>
  </si>
  <si>
    <t>cg03141856</t>
  </si>
  <si>
    <t>cg03143742</t>
  </si>
  <si>
    <t>cg03205258</t>
  </si>
  <si>
    <t>cg03214297</t>
  </si>
  <si>
    <t>cg03229183</t>
  </si>
  <si>
    <t>cg03263514</t>
  </si>
  <si>
    <t>cg03263929</t>
  </si>
  <si>
    <t>cg03264670</t>
  </si>
  <si>
    <t>cg03264884</t>
  </si>
  <si>
    <t>cg03282993</t>
  </si>
  <si>
    <t>cg03286467</t>
  </si>
  <si>
    <t>cg03286967</t>
  </si>
  <si>
    <t>cg03298411</t>
  </si>
  <si>
    <t>cg03304299</t>
  </si>
  <si>
    <t>cg03309838</t>
  </si>
  <si>
    <t>cg03318904</t>
  </si>
  <si>
    <t>cg03328201</t>
  </si>
  <si>
    <t>cg03332188</t>
  </si>
  <si>
    <t>cg03340889</t>
  </si>
  <si>
    <t>cg03364108</t>
  </si>
  <si>
    <t>cg03365751</t>
  </si>
  <si>
    <t>cg03372659</t>
  </si>
  <si>
    <t>cg03373091</t>
  </si>
  <si>
    <t>cg03373419</t>
  </si>
  <si>
    <t>cg03377355</t>
  </si>
  <si>
    <t>cg03382805</t>
  </si>
  <si>
    <t>cg03386991</t>
  </si>
  <si>
    <t>cg03415695</t>
  </si>
  <si>
    <t>cg03416154</t>
  </si>
  <si>
    <t>cg03439145</t>
  </si>
  <si>
    <t>cg03448766</t>
  </si>
  <si>
    <t>cg03450049</t>
  </si>
  <si>
    <t>cg03453333</t>
  </si>
  <si>
    <t>cg03456872</t>
  </si>
  <si>
    <t>cg03469079</t>
  </si>
  <si>
    <t>cg03475420</t>
  </si>
  <si>
    <t>cg03478533</t>
  </si>
  <si>
    <t>cg03479491</t>
  </si>
  <si>
    <t>cg03482004</t>
  </si>
  <si>
    <t>cg03503516</t>
  </si>
  <si>
    <t>cg03503802</t>
  </si>
  <si>
    <t>cg03526902</t>
  </si>
  <si>
    <t>cg03533979</t>
  </si>
  <si>
    <t>cg03588812</t>
  </si>
  <si>
    <t>cg03597976</t>
  </si>
  <si>
    <t>cg03612722</t>
  </si>
  <si>
    <t>cg03627705</t>
  </si>
  <si>
    <t>cg03634073</t>
  </si>
  <si>
    <t>cg03648780</t>
  </si>
  <si>
    <t>cg03667269</t>
  </si>
  <si>
    <t>cg03669698</t>
  </si>
  <si>
    <t>cg03697316</t>
  </si>
  <si>
    <t>cg03722586</t>
  </si>
  <si>
    <t>cg03733026</t>
  </si>
  <si>
    <t>cg03779241</t>
  </si>
  <si>
    <t>cg03779258</t>
  </si>
  <si>
    <t>cg03780021</t>
  </si>
  <si>
    <t>cg03780455</t>
  </si>
  <si>
    <t>cg03805475</t>
  </si>
  <si>
    <t>cg03837677</t>
  </si>
  <si>
    <t>cg03841667</t>
  </si>
  <si>
    <t>cg03847716</t>
  </si>
  <si>
    <t>cg03848676</t>
  </si>
  <si>
    <t>cg03890368</t>
  </si>
  <si>
    <t>cg03894033</t>
  </si>
  <si>
    <t>cg03907864</t>
  </si>
  <si>
    <t>cg03930964</t>
  </si>
  <si>
    <t>cg03933324</t>
  </si>
  <si>
    <t>cg03947464</t>
  </si>
  <si>
    <t>cg03949306</t>
  </si>
  <si>
    <t>cg03951724</t>
  </si>
  <si>
    <t>cg03952331</t>
  </si>
  <si>
    <t>cg03953157</t>
  </si>
  <si>
    <t>cg03957481</t>
  </si>
  <si>
    <t>cg03989125</t>
  </si>
  <si>
    <t>cg03992191</t>
  </si>
  <si>
    <t>cg03995567</t>
  </si>
  <si>
    <t>cg04027757</t>
  </si>
  <si>
    <t>cg04028010</t>
  </si>
  <si>
    <t>cg04035031</t>
  </si>
  <si>
    <t>cg04042468</t>
  </si>
  <si>
    <t>cg04044021</t>
  </si>
  <si>
    <t>cg04046669</t>
  </si>
  <si>
    <t>cg04059188</t>
  </si>
  <si>
    <t>cg04063235</t>
  </si>
  <si>
    <t>cg04077199</t>
  </si>
  <si>
    <t>cg04088817</t>
  </si>
  <si>
    <t>cg04105722</t>
  </si>
  <si>
    <t>cg04115025</t>
  </si>
  <si>
    <t>cg04122974</t>
  </si>
  <si>
    <t>cg04172848</t>
  </si>
  <si>
    <t>cg04175049</t>
  </si>
  <si>
    <t>cg04181864</t>
  </si>
  <si>
    <t>cg04193415</t>
  </si>
  <si>
    <t>cg04194073</t>
  </si>
  <si>
    <t>cg04198308</t>
  </si>
  <si>
    <t>cg04200938</t>
  </si>
  <si>
    <t>cg04205066</t>
  </si>
  <si>
    <t>cg04207032</t>
  </si>
  <si>
    <t>cg04215348</t>
  </si>
  <si>
    <t>cg04304705</t>
  </si>
  <si>
    <t>cg04329069</t>
  </si>
  <si>
    <t>cg04371950</t>
  </si>
  <si>
    <t>cg04385144</t>
  </si>
  <si>
    <t>cg04392554</t>
  </si>
  <si>
    <t>cg04416895</t>
  </si>
  <si>
    <t>cg04419754</t>
  </si>
  <si>
    <t>cg04429778</t>
  </si>
  <si>
    <t>cg04454272</t>
  </si>
  <si>
    <t>cg04469578</t>
  </si>
  <si>
    <t>cg04480903</t>
  </si>
  <si>
    <t>cg04483623</t>
  </si>
  <si>
    <t>cg04493000</t>
  </si>
  <si>
    <t>cg04496246</t>
  </si>
  <si>
    <t>cg04552531</t>
  </si>
  <si>
    <t>cg04566512</t>
  </si>
  <si>
    <t>cg04601143</t>
  </si>
  <si>
    <t>cg04627849</t>
  </si>
  <si>
    <t>cg04682967</t>
  </si>
  <si>
    <t>cg04689080</t>
  </si>
  <si>
    <t>cg04704085</t>
  </si>
  <si>
    <t>cg04706904</t>
  </si>
  <si>
    <t>cg04710198</t>
  </si>
  <si>
    <t>cg04713951</t>
  </si>
  <si>
    <t>cg04717802</t>
  </si>
  <si>
    <t>cg04724115</t>
  </si>
  <si>
    <t>cg04730029</t>
  </si>
  <si>
    <t>cg04748357</t>
  </si>
  <si>
    <t>cg04755074</t>
  </si>
  <si>
    <t>cg04757410</t>
  </si>
  <si>
    <t>cg04764416</t>
  </si>
  <si>
    <t>cg04776735</t>
  </si>
  <si>
    <t>cg04778411</t>
  </si>
  <si>
    <t>cg04790936</t>
  </si>
  <si>
    <t>cg04802271</t>
  </si>
  <si>
    <t>cg04802407</t>
  </si>
  <si>
    <t>cg04815174</t>
  </si>
  <si>
    <t>cg04829994</t>
  </si>
  <si>
    <t>cg04873169</t>
  </si>
  <si>
    <t>cg04880506</t>
  </si>
  <si>
    <t>cg04892403</t>
  </si>
  <si>
    <t>cg04903157</t>
  </si>
  <si>
    <t>cg04911940</t>
  </si>
  <si>
    <t>cg04956306</t>
  </si>
  <si>
    <t>cg04965050</t>
  </si>
  <si>
    <t>cg04974599</t>
  </si>
  <si>
    <t>cg04983276</t>
  </si>
  <si>
    <t>cg04996668</t>
  </si>
  <si>
    <t>cg05047205</t>
  </si>
  <si>
    <t>cg05049160</t>
  </si>
  <si>
    <t>cg05062854</t>
  </si>
  <si>
    <t>cg05064106</t>
  </si>
  <si>
    <t>cg05072848</t>
  </si>
  <si>
    <t>cg05079767</t>
  </si>
  <si>
    <t>cg05082376</t>
  </si>
  <si>
    <t>cg05119469</t>
  </si>
  <si>
    <t>cg05132077</t>
  </si>
  <si>
    <t>cg05143869</t>
  </si>
  <si>
    <t>cg05151461</t>
  </si>
  <si>
    <t>cg05168344</t>
  </si>
  <si>
    <t>cg05206884</t>
  </si>
  <si>
    <t>cg05211267</t>
  </si>
  <si>
    <t>cg05211640</t>
  </si>
  <si>
    <t>cg05233946</t>
  </si>
  <si>
    <t>cg05236972</t>
  </si>
  <si>
    <t>cg05246190</t>
  </si>
  <si>
    <t>cg05265234</t>
  </si>
  <si>
    <t>cg05281340</t>
  </si>
  <si>
    <t>cg05291427</t>
  </si>
  <si>
    <t>cg05297854</t>
  </si>
  <si>
    <t>cg05312960</t>
  </si>
  <si>
    <t>cg05313009</t>
  </si>
  <si>
    <t>cg05316309</t>
  </si>
  <si>
    <t>cg05367846</t>
  </si>
  <si>
    <t>cg05380008</t>
  </si>
  <si>
    <t>cg05436043</t>
  </si>
  <si>
    <t>cg05444620</t>
  </si>
  <si>
    <t>cg05470310</t>
  </si>
  <si>
    <t>cg05470389</t>
  </si>
  <si>
    <t>cg05471139</t>
  </si>
  <si>
    <t>cg05472874</t>
  </si>
  <si>
    <t>cg05476169</t>
  </si>
  <si>
    <t>cg05513908</t>
  </si>
  <si>
    <t>cg05597008</t>
  </si>
  <si>
    <t>cg05600626</t>
  </si>
  <si>
    <t>cg05611779</t>
  </si>
  <si>
    <t>cg05617650</t>
  </si>
  <si>
    <t>cg05624582</t>
  </si>
  <si>
    <t>cg05647602</t>
  </si>
  <si>
    <t>cg05652493</t>
  </si>
  <si>
    <t>cg05657462</t>
  </si>
  <si>
    <t>cg05670488</t>
  </si>
  <si>
    <t>cg05677630</t>
  </si>
  <si>
    <t>cg05684406</t>
  </si>
  <si>
    <t>cg05686503</t>
  </si>
  <si>
    <t>cg05687617</t>
  </si>
  <si>
    <t>cg05712126</t>
  </si>
  <si>
    <t>cg05722611</t>
  </si>
  <si>
    <t>cg05727648</t>
  </si>
  <si>
    <t>cg05729118</t>
  </si>
  <si>
    <t>cg05742863</t>
  </si>
  <si>
    <t>cg05797418</t>
  </si>
  <si>
    <t>cg05799169</t>
  </si>
  <si>
    <t>cg05800641</t>
  </si>
  <si>
    <t>cg05827267</t>
  </si>
  <si>
    <t>cg05842370</t>
  </si>
  <si>
    <t>cg05844473</t>
  </si>
  <si>
    <t>cg05847755</t>
  </si>
  <si>
    <t>cg05862958</t>
  </si>
  <si>
    <t>cg05875032</t>
  </si>
  <si>
    <t>cg05898928</t>
  </si>
  <si>
    <t>cg05957603</t>
  </si>
  <si>
    <t>cg05991331</t>
  </si>
  <si>
    <t>cg05992904</t>
  </si>
  <si>
    <t>cg06008724</t>
  </si>
  <si>
    <t>cg06031423</t>
  </si>
  <si>
    <t>cg06033368</t>
  </si>
  <si>
    <t>cg06123976</t>
  </si>
  <si>
    <t>cg06135725</t>
  </si>
  <si>
    <t>cg06148736</t>
  </si>
  <si>
    <t>cg06211579</t>
  </si>
  <si>
    <t>cg06223477</t>
  </si>
  <si>
    <t>cg06225154</t>
  </si>
  <si>
    <t>cg06247015</t>
  </si>
  <si>
    <t>cg06268694</t>
  </si>
  <si>
    <t>cg06302857</t>
  </si>
  <si>
    <t>cg06311355</t>
  </si>
  <si>
    <t>cg06319288</t>
  </si>
  <si>
    <t>cg06324785</t>
  </si>
  <si>
    <t>cg06338552</t>
  </si>
  <si>
    <t>cg06341839</t>
  </si>
  <si>
    <t>cg06349546</t>
  </si>
  <si>
    <t>cg06355422</t>
  </si>
  <si>
    <t>cg06355830</t>
  </si>
  <si>
    <t>cg06357843</t>
  </si>
  <si>
    <t>cg06367659</t>
  </si>
  <si>
    <t>cg06397345</t>
  </si>
  <si>
    <t>cg06456258</t>
  </si>
  <si>
    <t>cg06462684</t>
  </si>
  <si>
    <t>cg06494227</t>
  </si>
  <si>
    <t>cg06516502</t>
  </si>
  <si>
    <t>cg06530441</t>
  </si>
  <si>
    <t>cg06538774</t>
  </si>
  <si>
    <t>cg06618254</t>
  </si>
  <si>
    <t>cg06621361</t>
  </si>
  <si>
    <t>cg06657243</t>
  </si>
  <si>
    <t>cg06659169</t>
  </si>
  <si>
    <t>cg06661671</t>
  </si>
  <si>
    <t>cg06670785</t>
  </si>
  <si>
    <t>cg06685464</t>
  </si>
  <si>
    <t>cg06708331</t>
  </si>
  <si>
    <t>cg06710694</t>
  </si>
  <si>
    <t>cg06757187</t>
  </si>
  <si>
    <t>cg06761076</t>
  </si>
  <si>
    <t>cg06793377</t>
  </si>
  <si>
    <t>cg06820286</t>
  </si>
  <si>
    <t>cg06822952</t>
  </si>
  <si>
    <t>cg06839820</t>
  </si>
  <si>
    <t>cg06843030</t>
  </si>
  <si>
    <t>cg06845706</t>
  </si>
  <si>
    <t>cg06873457</t>
  </si>
  <si>
    <t>cg06875598</t>
  </si>
  <si>
    <t>cg06894032</t>
  </si>
  <si>
    <t>cg06912515</t>
  </si>
  <si>
    <t>cg06915123</t>
  </si>
  <si>
    <t>cg06937832</t>
  </si>
  <si>
    <t>cg06943853</t>
  </si>
  <si>
    <t>cg06950987</t>
  </si>
  <si>
    <t>cg06955924</t>
  </si>
  <si>
    <t>cg06957130</t>
  </si>
  <si>
    <t>cg06971044</t>
  </si>
  <si>
    <t>cg06976202</t>
  </si>
  <si>
    <t>cg06977068</t>
  </si>
  <si>
    <t>cg06982628</t>
  </si>
  <si>
    <t>cg06985578</t>
  </si>
  <si>
    <t>cg07002295</t>
  </si>
  <si>
    <t>cg07006526</t>
  </si>
  <si>
    <t>cg07019740</t>
  </si>
  <si>
    <t>cg07021644</t>
  </si>
  <si>
    <t>cg07047601</t>
  </si>
  <si>
    <t>cg07059151</t>
  </si>
  <si>
    <t>cg07059402</t>
  </si>
  <si>
    <t>cg07065008</t>
  </si>
  <si>
    <t>cg07068768</t>
  </si>
  <si>
    <t>cg07072704</t>
  </si>
  <si>
    <t>cg07074042</t>
  </si>
  <si>
    <t>cg07191900</t>
  </si>
  <si>
    <t>cg07218578</t>
  </si>
  <si>
    <t>cg07219769</t>
  </si>
  <si>
    <t>cg07232648</t>
  </si>
  <si>
    <t>cg07236476</t>
  </si>
  <si>
    <t>cg07238747</t>
  </si>
  <si>
    <t>cg07264666</t>
  </si>
  <si>
    <t>cg07283415</t>
  </si>
  <si>
    <t>cg07305049</t>
  </si>
  <si>
    <t>cg07312552</t>
  </si>
  <si>
    <t>cg07316743</t>
  </si>
  <si>
    <t>cg07325001</t>
  </si>
  <si>
    <t>cg07336442</t>
  </si>
  <si>
    <t>cg07337234</t>
  </si>
  <si>
    <t>cg07338077</t>
  </si>
  <si>
    <t>cg07364676</t>
  </si>
  <si>
    <t>cg07367519</t>
  </si>
  <si>
    <t>cg07416315</t>
  </si>
  <si>
    <t>cg07416664</t>
  </si>
  <si>
    <t>cg07431064</t>
  </si>
  <si>
    <t>cg07432643</t>
  </si>
  <si>
    <t>cg07448795</t>
  </si>
  <si>
    <t>cg07453718</t>
  </si>
  <si>
    <t>cg07459594</t>
  </si>
  <si>
    <t>cg07462417</t>
  </si>
  <si>
    <t>cg07482373</t>
  </si>
  <si>
    <t>cg07490142</t>
  </si>
  <si>
    <t>cg07493876</t>
  </si>
  <si>
    <t>cg07499241</t>
  </si>
  <si>
    <t>cg07571637</t>
  </si>
  <si>
    <t>cg07586819</t>
  </si>
  <si>
    <t>cg07592085</t>
  </si>
  <si>
    <t>cg07596120</t>
  </si>
  <si>
    <t>cg07600549</t>
  </si>
  <si>
    <t>cg07628658</t>
  </si>
  <si>
    <t>cg07636688</t>
  </si>
  <si>
    <t>cg07638904</t>
  </si>
  <si>
    <t>cg07639483</t>
  </si>
  <si>
    <t>cg07697597</t>
  </si>
  <si>
    <t>cg07721848</t>
  </si>
  <si>
    <t>cg07744063</t>
  </si>
  <si>
    <t>cg07754138</t>
  </si>
  <si>
    <t>cg07771338</t>
  </si>
  <si>
    <t>cg07774777</t>
  </si>
  <si>
    <t>cg07820528</t>
  </si>
  <si>
    <t>cg07833467</t>
  </si>
  <si>
    <t>cg07855639</t>
  </si>
  <si>
    <t>cg07863994</t>
  </si>
  <si>
    <t>cg07897659</t>
  </si>
  <si>
    <t>cg07911361</t>
  </si>
  <si>
    <t>cg07945148</t>
  </si>
  <si>
    <t>cg07960806</t>
  </si>
  <si>
    <t>cg07964128</t>
  </si>
  <si>
    <t>cg07987587</t>
  </si>
  <si>
    <t>cg08040429</t>
  </si>
  <si>
    <t>cg08053598</t>
  </si>
  <si>
    <t>cg08061524</t>
  </si>
  <si>
    <t>cg08075329</t>
  </si>
  <si>
    <t>cg08076555</t>
  </si>
  <si>
    <t>cg08077671</t>
  </si>
  <si>
    <t>cg08105965</t>
  </si>
  <si>
    <t>cg08108155</t>
  </si>
  <si>
    <t>cg08118034</t>
  </si>
  <si>
    <t>cg08129374</t>
  </si>
  <si>
    <t>cg08134518</t>
  </si>
  <si>
    <t>cg08140634</t>
  </si>
  <si>
    <t>cg08170140</t>
  </si>
  <si>
    <t>cg08171351</t>
  </si>
  <si>
    <t>cg08178168</t>
  </si>
  <si>
    <t>cg08211722</t>
  </si>
  <si>
    <t>cg08212821</t>
  </si>
  <si>
    <t>cg08226295</t>
  </si>
  <si>
    <t>cg08227926</t>
  </si>
  <si>
    <t>cg08248964</t>
  </si>
  <si>
    <t>cg08255187</t>
  </si>
  <si>
    <t>cg08260245</t>
  </si>
  <si>
    <t>cg08314021</t>
  </si>
  <si>
    <t>cg08362785</t>
  </si>
  <si>
    <t>cg08363074</t>
  </si>
  <si>
    <t>cg08369295</t>
  </si>
  <si>
    <t>cg08369872</t>
  </si>
  <si>
    <t>cg08371160</t>
  </si>
  <si>
    <t>cg08379726</t>
  </si>
  <si>
    <t>cg08414809</t>
  </si>
  <si>
    <t>cg08423507</t>
  </si>
  <si>
    <t>cg08428129</t>
  </si>
  <si>
    <t>cg08431291</t>
  </si>
  <si>
    <t>cg08431931</t>
  </si>
  <si>
    <t>cg08451598</t>
  </si>
  <si>
    <t>cg08457421</t>
  </si>
  <si>
    <t>cg08467687</t>
  </si>
  <si>
    <t>cg08506260</t>
  </si>
  <si>
    <t>cg08522428</t>
  </si>
  <si>
    <t>cg08524698</t>
  </si>
  <si>
    <t>cg08524871</t>
  </si>
  <si>
    <t>cg08550094</t>
  </si>
  <si>
    <t>cg08564307</t>
  </si>
  <si>
    <t>cg08569842</t>
  </si>
  <si>
    <t>cg08651039</t>
  </si>
  <si>
    <t>cg08663109</t>
  </si>
  <si>
    <t>cg08674025</t>
  </si>
  <si>
    <t>cg08675176</t>
  </si>
  <si>
    <t>cg08688798</t>
  </si>
  <si>
    <t>cg08689926</t>
  </si>
  <si>
    <t>cg08726783</t>
  </si>
  <si>
    <t>cg08730728</t>
  </si>
  <si>
    <t>cg08748948</t>
  </si>
  <si>
    <t>cg08754610</t>
  </si>
  <si>
    <t>cg08758916</t>
  </si>
  <si>
    <t>cg08761410</t>
  </si>
  <si>
    <t>cg08795904</t>
  </si>
  <si>
    <t>cg08811888</t>
  </si>
  <si>
    <t>cg08833952</t>
  </si>
  <si>
    <t>cg08838671</t>
  </si>
  <si>
    <t>cg08853539</t>
  </si>
  <si>
    <t>cg08854560</t>
  </si>
  <si>
    <t>cg08884490</t>
  </si>
  <si>
    <t>cg08886651</t>
  </si>
  <si>
    <t>cg08889044</t>
  </si>
  <si>
    <t>cg09020181</t>
  </si>
  <si>
    <t>cg09046813</t>
  </si>
  <si>
    <t>cg09048955</t>
  </si>
  <si>
    <t>cg09051119</t>
  </si>
  <si>
    <t>cg09056327</t>
  </si>
  <si>
    <t>cg09069294</t>
  </si>
  <si>
    <t>cg09092054</t>
  </si>
  <si>
    <t>cg09096159</t>
  </si>
  <si>
    <t>cg09097345</t>
  </si>
  <si>
    <t>cg09103518</t>
  </si>
  <si>
    <t>cg09116932</t>
  </si>
  <si>
    <t>cg09149541</t>
  </si>
  <si>
    <t>cg09151829</t>
  </si>
  <si>
    <t>cg09163702</t>
  </si>
  <si>
    <t>cg09177949</t>
  </si>
  <si>
    <t>cg09189978</t>
  </si>
  <si>
    <t>cg09195081</t>
  </si>
  <si>
    <t>cg09246479</t>
  </si>
  <si>
    <t>cg09247692</t>
  </si>
  <si>
    <t>cg09255637</t>
  </si>
  <si>
    <t>cg09260951</t>
  </si>
  <si>
    <t>cg09273641</t>
  </si>
  <si>
    <t>cg09331127</t>
  </si>
  <si>
    <t>cg09335713</t>
  </si>
  <si>
    <t>cg09435190</t>
  </si>
  <si>
    <t>cg09446908</t>
  </si>
  <si>
    <t>cg09450467</t>
  </si>
  <si>
    <t>cg09451572</t>
  </si>
  <si>
    <t>cg09456760</t>
  </si>
  <si>
    <t>cg09465855</t>
  </si>
  <si>
    <t>cg09481857</t>
  </si>
  <si>
    <t>cg09486166</t>
  </si>
  <si>
    <t>cg09501146</t>
  </si>
  <si>
    <t>cg09502435</t>
  </si>
  <si>
    <t>cg09503194</t>
  </si>
  <si>
    <t>cg09509950</t>
  </si>
  <si>
    <t>cg09522188</t>
  </si>
  <si>
    <t>cg09590094</t>
  </si>
  <si>
    <t>cg09592804</t>
  </si>
  <si>
    <t>cg09635994</t>
  </si>
  <si>
    <t>cg09663101</t>
  </si>
  <si>
    <t>cg09693106</t>
  </si>
  <si>
    <t>cg09745440</t>
  </si>
  <si>
    <t>cg09850478</t>
  </si>
  <si>
    <t>cg09877744</t>
  </si>
  <si>
    <t>cg09888620</t>
  </si>
  <si>
    <t>cg09905475</t>
  </si>
  <si>
    <t>cg09909877</t>
  </si>
  <si>
    <t>cg09913544</t>
  </si>
  <si>
    <t>cg09938984</t>
  </si>
  <si>
    <t>cg09954385</t>
  </si>
  <si>
    <t>cg09972364</t>
  </si>
  <si>
    <t>cg09974566</t>
  </si>
  <si>
    <t>cg10000246</t>
  </si>
  <si>
    <t>cg10021575</t>
  </si>
  <si>
    <t>cg10038679</t>
  </si>
  <si>
    <t>cg10042540</t>
  </si>
  <si>
    <t>cg10044765</t>
  </si>
  <si>
    <t>cg10077400</t>
  </si>
  <si>
    <t>cg10080155</t>
  </si>
  <si>
    <t>cg10129547</t>
  </si>
  <si>
    <t>cg10142579</t>
  </si>
  <si>
    <t>cg10188823</t>
  </si>
  <si>
    <t>cg10220806</t>
  </si>
  <si>
    <t>cg10224311</t>
  </si>
  <si>
    <t>cg10227142</t>
  </si>
  <si>
    <t>cg10249506</t>
  </si>
  <si>
    <t>cg10253022</t>
  </si>
  <si>
    <t>cg10254000</t>
  </si>
  <si>
    <t>cg10260935</t>
  </si>
  <si>
    <t>cg10266853</t>
  </si>
  <si>
    <t>cg10277548</t>
  </si>
  <si>
    <t>cg10310236</t>
  </si>
  <si>
    <t>cg10314052</t>
  </si>
  <si>
    <t>cg10333278</t>
  </si>
  <si>
    <t>cg10348922</t>
  </si>
  <si>
    <t>cg10361281</t>
  </si>
  <si>
    <t>cg10373256</t>
  </si>
  <si>
    <t>cg10384919</t>
  </si>
  <si>
    <t>cg10474712</t>
  </si>
  <si>
    <t>cg10493356</t>
  </si>
  <si>
    <t>cg10508940</t>
  </si>
  <si>
    <t>cg10513709</t>
  </si>
  <si>
    <t>cg10529757</t>
  </si>
  <si>
    <t>cg10531073</t>
  </si>
  <si>
    <t>cg10532048</t>
  </si>
  <si>
    <t>cg10534638</t>
  </si>
  <si>
    <t>cg10540759</t>
  </si>
  <si>
    <t>cg10555000</t>
  </si>
  <si>
    <t>cg10556106</t>
  </si>
  <si>
    <t>cg10570662</t>
  </si>
  <si>
    <t>cg10614909</t>
  </si>
  <si>
    <t>cg10628201</t>
  </si>
  <si>
    <t>cg10632277</t>
  </si>
  <si>
    <t>cg10664780</t>
  </si>
  <si>
    <t>cg10679076</t>
  </si>
  <si>
    <t>cg10747603</t>
  </si>
  <si>
    <t>cg10754596</t>
  </si>
  <si>
    <t>cg10768682</t>
  </si>
  <si>
    <t>cg10781403</t>
  </si>
  <si>
    <t>cg10788213</t>
  </si>
  <si>
    <t>cg10814329</t>
  </si>
  <si>
    <t>cg10822314</t>
  </si>
  <si>
    <t>cg10836392</t>
  </si>
  <si>
    <t>cg10888337</t>
  </si>
  <si>
    <t>cg10902101</t>
  </si>
  <si>
    <t>cg10903726</t>
  </si>
  <si>
    <t>cg10932068</t>
  </si>
  <si>
    <t>cg10941566</t>
  </si>
  <si>
    <t>cg10968404</t>
  </si>
  <si>
    <t>cg10989870</t>
  </si>
  <si>
    <t>cg11015117</t>
  </si>
  <si>
    <t>cg11032634</t>
  </si>
  <si>
    <t>cg11063167</t>
  </si>
  <si>
    <t>cg11142944</t>
  </si>
  <si>
    <t>cg11153328</t>
  </si>
  <si>
    <t>cg11153400</t>
  </si>
  <si>
    <t>cg11173202</t>
  </si>
  <si>
    <t>cg11178017</t>
  </si>
  <si>
    <t>cg11189039</t>
  </si>
  <si>
    <t>cg11207839</t>
  </si>
  <si>
    <t>cg11213574</t>
  </si>
  <si>
    <t>cg11225751</t>
  </si>
  <si>
    <t>cg11227941</t>
  </si>
  <si>
    <t>cg11242978</t>
  </si>
  <si>
    <t>cg11250773</t>
  </si>
  <si>
    <t>cg11260046</t>
  </si>
  <si>
    <t>cg11265528</t>
  </si>
  <si>
    <t>cg11282556</t>
  </si>
  <si>
    <t>cg11284747</t>
  </si>
  <si>
    <t>cg11285327</t>
  </si>
  <si>
    <t>cg11295469</t>
  </si>
  <si>
    <t>cg11297817</t>
  </si>
  <si>
    <t>cg11313765</t>
  </si>
  <si>
    <t>cg11324504</t>
  </si>
  <si>
    <t>cg11348757</t>
  </si>
  <si>
    <t>cg11352418</t>
  </si>
  <si>
    <t>cg11353329</t>
  </si>
  <si>
    <t>cg11354472</t>
  </si>
  <si>
    <t>cg11354576</t>
  </si>
  <si>
    <t>cg11377136</t>
  </si>
  <si>
    <t>cg11403706</t>
  </si>
  <si>
    <t>cg11408359</t>
  </si>
  <si>
    <t>cg11414921</t>
  </si>
  <si>
    <t>cg11417653</t>
  </si>
  <si>
    <t>cg11428482</t>
  </si>
  <si>
    <t>cg11435225</t>
  </si>
  <si>
    <t>cg11474317</t>
  </si>
  <si>
    <t>cg11522804</t>
  </si>
  <si>
    <t>cg11536673</t>
  </si>
  <si>
    <t>cg11539173</t>
  </si>
  <si>
    <t>cg11540735</t>
  </si>
  <si>
    <t>cg11558591</t>
  </si>
  <si>
    <t>cg11562401</t>
  </si>
  <si>
    <t>cg11577174</t>
  </si>
  <si>
    <t>cg11603096</t>
  </si>
  <si>
    <t>cg11636631</t>
  </si>
  <si>
    <t>cg11640610</t>
  </si>
  <si>
    <t>cg11645658</t>
  </si>
  <si>
    <t>cg11672225</t>
  </si>
  <si>
    <t>cg11695653</t>
  </si>
  <si>
    <t>cg11706366</t>
  </si>
  <si>
    <t>cg11714334</t>
  </si>
  <si>
    <t>cg11743259</t>
  </si>
  <si>
    <t>cg11769406</t>
  </si>
  <si>
    <t>cg11769841</t>
  </si>
  <si>
    <t>cg11818790</t>
  </si>
  <si>
    <t>cg11858416</t>
  </si>
  <si>
    <t>cg11868916</t>
  </si>
  <si>
    <t>cg11875773</t>
  </si>
  <si>
    <t>cg11878476</t>
  </si>
  <si>
    <t>cg11895717</t>
  </si>
  <si>
    <t>cg11915388</t>
  </si>
  <si>
    <t>cg11929629</t>
  </si>
  <si>
    <t>cg11932564</t>
  </si>
  <si>
    <t>cg11937681</t>
  </si>
  <si>
    <t>cg11949172</t>
  </si>
  <si>
    <t>cg11982252</t>
  </si>
  <si>
    <t>cg12003064</t>
  </si>
  <si>
    <t>cg12019806</t>
  </si>
  <si>
    <t>cg12041056</t>
  </si>
  <si>
    <t>cg12068816</t>
  </si>
  <si>
    <t>cg12082202</t>
  </si>
  <si>
    <t>cg12089246</t>
  </si>
  <si>
    <t>cg12089543</t>
  </si>
  <si>
    <t>cg12114049</t>
  </si>
  <si>
    <t>cg12143767</t>
  </si>
  <si>
    <t>cg12149972</t>
  </si>
  <si>
    <t>cg12155013</t>
  </si>
  <si>
    <t>cg12159189</t>
  </si>
  <si>
    <t>cg12172046</t>
  </si>
  <si>
    <t>cg12175949</t>
  </si>
  <si>
    <t>cg12177810</t>
  </si>
  <si>
    <t>cg12219045</t>
  </si>
  <si>
    <t>cg12229520</t>
  </si>
  <si>
    <t>cg12230250</t>
  </si>
  <si>
    <t>cg12253469</t>
  </si>
  <si>
    <t>cg12256538</t>
  </si>
  <si>
    <t>cg12282830</t>
  </si>
  <si>
    <t>cg12301347</t>
  </si>
  <si>
    <t>cg12314527</t>
  </si>
  <si>
    <t>cg12318501</t>
  </si>
  <si>
    <t>cg12320968</t>
  </si>
  <si>
    <t>cg12333142</t>
  </si>
  <si>
    <t>cg12344046</t>
  </si>
  <si>
    <t>cg12350185</t>
  </si>
  <si>
    <t>cg12361663</t>
  </si>
  <si>
    <t>cg12365606</t>
  </si>
  <si>
    <t>cg12419862</t>
  </si>
  <si>
    <t>cg12442236</t>
  </si>
  <si>
    <t>cg12444390</t>
  </si>
  <si>
    <t>cg12451177</t>
  </si>
  <si>
    <t>cg12460175</t>
  </si>
  <si>
    <t>cg12478165</t>
  </si>
  <si>
    <t>cg12491991</t>
  </si>
  <si>
    <t>cg12492885</t>
  </si>
  <si>
    <t>cg12511214</t>
  </si>
  <si>
    <t>cg12534480</t>
  </si>
  <si>
    <t>cg12552771</t>
  </si>
  <si>
    <t>cg12639990</t>
  </si>
  <si>
    <t>cg12644625</t>
  </si>
  <si>
    <t>cg12738349</t>
  </si>
  <si>
    <t>cg12740518</t>
  </si>
  <si>
    <t>cg12741065</t>
  </si>
  <si>
    <t>cg12746790</t>
  </si>
  <si>
    <t>cg12793123</t>
  </si>
  <si>
    <t>cg12802921</t>
  </si>
  <si>
    <t>cg12814210</t>
  </si>
  <si>
    <t>cg12840502</t>
  </si>
  <si>
    <t>cg12850546</t>
  </si>
  <si>
    <t>cg12867853</t>
  </si>
  <si>
    <t>cg12881363</t>
  </si>
  <si>
    <t>cg12894883</t>
  </si>
  <si>
    <t>cg12931616</t>
  </si>
  <si>
    <t>cg12933790</t>
  </si>
  <si>
    <t>cg12942139</t>
  </si>
  <si>
    <t>cg12944146</t>
  </si>
  <si>
    <t>cg12957096</t>
  </si>
  <si>
    <t>cg12961069</t>
  </si>
  <si>
    <t>cg12963850</t>
  </si>
  <si>
    <t>cg12971867</t>
  </si>
  <si>
    <t>cg12977146</t>
  </si>
  <si>
    <t>cg12994587</t>
  </si>
  <si>
    <t>cg13007784</t>
  </si>
  <si>
    <t>cg13009365</t>
  </si>
  <si>
    <t>cg13016664</t>
  </si>
  <si>
    <t>cg13096307</t>
  </si>
  <si>
    <t>cg13104969</t>
  </si>
  <si>
    <t>cg13118536</t>
  </si>
  <si>
    <t>cg13119284</t>
  </si>
  <si>
    <t>cg13168407</t>
  </si>
  <si>
    <t>cg13174522</t>
  </si>
  <si>
    <t>cg13175773</t>
  </si>
  <si>
    <t>cg13184872</t>
  </si>
  <si>
    <t>cg13213810</t>
  </si>
  <si>
    <t>cg13223858</t>
  </si>
  <si>
    <t>cg13239133</t>
  </si>
  <si>
    <t>cg13250388</t>
  </si>
  <si>
    <t>cg13251842</t>
  </si>
  <si>
    <t>cg13285934</t>
  </si>
  <si>
    <t>cg13320358</t>
  </si>
  <si>
    <t>cg13332571</t>
  </si>
  <si>
    <t>cg13361393</t>
  </si>
  <si>
    <t>cg13374389</t>
  </si>
  <si>
    <t>cg13387677</t>
  </si>
  <si>
    <t>cg13390444</t>
  </si>
  <si>
    <t>cg13397314</t>
  </si>
  <si>
    <t>cg13464189</t>
  </si>
  <si>
    <t>cg13472656</t>
  </si>
  <si>
    <t>cg13487229</t>
  </si>
  <si>
    <t>cg13497696</t>
  </si>
  <si>
    <t>cg13521869</t>
  </si>
  <si>
    <t>cg13521944</t>
  </si>
  <si>
    <t>cg13552315</t>
  </si>
  <si>
    <t>cg13558061</t>
  </si>
  <si>
    <t>cg13595191</t>
  </si>
  <si>
    <t>cg13604020</t>
  </si>
  <si>
    <t>cg13608545</t>
  </si>
  <si>
    <t>cg13636986</t>
  </si>
  <si>
    <t>cg13637042</t>
  </si>
  <si>
    <t>cg13652169</t>
  </si>
  <si>
    <t>cg13671831</t>
  </si>
  <si>
    <t>cg13672462</t>
  </si>
  <si>
    <t>cg13677369</t>
  </si>
  <si>
    <t>cg13679691</t>
  </si>
  <si>
    <t>cg13680054</t>
  </si>
  <si>
    <t>cg13696940</t>
  </si>
  <si>
    <t>cg13717725</t>
  </si>
  <si>
    <t>cg13731133</t>
  </si>
  <si>
    <t>cg13758724</t>
  </si>
  <si>
    <t>cg13760038</t>
  </si>
  <si>
    <t>cg13765939</t>
  </si>
  <si>
    <t>cg13813874</t>
  </si>
  <si>
    <t>cg13836638</t>
  </si>
  <si>
    <t>cg13843727</t>
  </si>
  <si>
    <t>cg13868216</t>
  </si>
  <si>
    <t>cg13879875</t>
  </si>
  <si>
    <t>cg13886231</t>
  </si>
  <si>
    <t>cg13909305</t>
  </si>
  <si>
    <t>cg13909895</t>
  </si>
  <si>
    <t>cg13919496</t>
  </si>
  <si>
    <t>cg14025844</t>
  </si>
  <si>
    <t>cg14026113</t>
  </si>
  <si>
    <t>cg14059768</t>
  </si>
  <si>
    <t>cg14069736</t>
  </si>
  <si>
    <t>cg14106119</t>
  </si>
  <si>
    <t>cg14107273</t>
  </si>
  <si>
    <t>cg14130977</t>
  </si>
  <si>
    <t>cg14182563</t>
  </si>
  <si>
    <t>cg14240963</t>
  </si>
  <si>
    <t>cg14242091</t>
  </si>
  <si>
    <t>cg14248017</t>
  </si>
  <si>
    <t>cg14284759</t>
  </si>
  <si>
    <t>cg14290616</t>
  </si>
  <si>
    <t>cg14325184</t>
  </si>
  <si>
    <t>cg14370079</t>
  </si>
  <si>
    <t>cg14372753</t>
  </si>
  <si>
    <t>cg14382318</t>
  </si>
  <si>
    <t>cg14408814</t>
  </si>
  <si>
    <t>cg14455590</t>
  </si>
  <si>
    <t>cg14466896</t>
  </si>
  <si>
    <t>cg14481263</t>
  </si>
  <si>
    <t>cg14498989</t>
  </si>
  <si>
    <t>cg14505585</t>
  </si>
  <si>
    <t>cg14509403</t>
  </si>
  <si>
    <t>cg14517004</t>
  </si>
  <si>
    <t>cg14547966</t>
  </si>
  <si>
    <t>cg14555167</t>
  </si>
  <si>
    <t>cg14559799</t>
  </si>
  <si>
    <t>cg14560584</t>
  </si>
  <si>
    <t>cg14572705</t>
  </si>
  <si>
    <t>cg14580600</t>
  </si>
  <si>
    <t>cg14585793</t>
  </si>
  <si>
    <t>cg14630839</t>
  </si>
  <si>
    <t>cg14676166</t>
  </si>
  <si>
    <t>cg14679444</t>
  </si>
  <si>
    <t>cg14682699</t>
  </si>
  <si>
    <t>cg14696444</t>
  </si>
  <si>
    <t>cg14703589</t>
  </si>
  <si>
    <t>cg14704270</t>
  </si>
  <si>
    <t>cg14711067</t>
  </si>
  <si>
    <t>cg14742079</t>
  </si>
  <si>
    <t>cg14773441</t>
  </si>
  <si>
    <t>cg14786713</t>
  </si>
  <si>
    <t>cg14789928</t>
  </si>
  <si>
    <t>cg14797198</t>
  </si>
  <si>
    <t>cg14810501</t>
  </si>
  <si>
    <t>cg14815005</t>
  </si>
  <si>
    <t>cg14831990</t>
  </si>
  <si>
    <t>cg14835423</t>
  </si>
  <si>
    <t>cg14849412</t>
  </si>
  <si>
    <t>cg14859749</t>
  </si>
  <si>
    <t>cg14861857</t>
  </si>
  <si>
    <t>cg14864852</t>
  </si>
  <si>
    <t>cg14872888</t>
  </si>
  <si>
    <t>cg14887886</t>
  </si>
  <si>
    <t>cg14894848</t>
  </si>
  <si>
    <t>cg14922895</t>
  </si>
  <si>
    <t>cg14926439</t>
  </si>
  <si>
    <t>cg14938844</t>
  </si>
  <si>
    <t>cg14962327</t>
  </si>
  <si>
    <t>cg14986832</t>
  </si>
  <si>
    <t>cg14992964</t>
  </si>
  <si>
    <t>cg14998335</t>
  </si>
  <si>
    <t>cg15020611</t>
  </si>
  <si>
    <t>cg15021640</t>
  </si>
  <si>
    <t>cg15169878</t>
  </si>
  <si>
    <t>cg15170942</t>
  </si>
  <si>
    <t>cg15177071</t>
  </si>
  <si>
    <t>cg15198739</t>
  </si>
  <si>
    <t>cg15209808</t>
  </si>
  <si>
    <t>cg15219262</t>
  </si>
  <si>
    <t>cg15219689</t>
  </si>
  <si>
    <t>cg15236483</t>
  </si>
  <si>
    <t>cg15238519</t>
  </si>
  <si>
    <t>cg15238664</t>
  </si>
  <si>
    <t>cg15243570</t>
  </si>
  <si>
    <t>cg15271942</t>
  </si>
  <si>
    <t>cg15272908</t>
  </si>
  <si>
    <t>cg15283028</t>
  </si>
  <si>
    <t>cg15291304</t>
  </si>
  <si>
    <t>cg15291410</t>
  </si>
  <si>
    <t>cg15300986</t>
  </si>
  <si>
    <t>cg15309418</t>
  </si>
  <si>
    <t>cg15348974</t>
  </si>
  <si>
    <t>cg15376996</t>
  </si>
  <si>
    <t>cg15388430</t>
  </si>
  <si>
    <t>cg15429214</t>
  </si>
  <si>
    <t>cg15451141</t>
  </si>
  <si>
    <t>cg15454895</t>
  </si>
  <si>
    <t>cg15459605</t>
  </si>
  <si>
    <t>cg15464363</t>
  </si>
  <si>
    <t>cg15471953</t>
  </si>
  <si>
    <t>cg15477144</t>
  </si>
  <si>
    <t>cg15479068</t>
  </si>
  <si>
    <t>cg15487105</t>
  </si>
  <si>
    <t>cg15548613</t>
  </si>
  <si>
    <t>cg15552843</t>
  </si>
  <si>
    <t>cg15554007</t>
  </si>
  <si>
    <t>cg15554678</t>
  </si>
  <si>
    <t>cg15557168</t>
  </si>
  <si>
    <t>cg15558090</t>
  </si>
  <si>
    <t>cg15561056</t>
  </si>
  <si>
    <t>cg15606745</t>
  </si>
  <si>
    <t>cg15641348</t>
  </si>
  <si>
    <t>cg15663678</t>
  </si>
  <si>
    <t>cg15679813</t>
  </si>
  <si>
    <t>cg15724965</t>
  </si>
  <si>
    <t>cg15739206</t>
  </si>
  <si>
    <t>cg15749633</t>
  </si>
  <si>
    <t>cg15768968</t>
  </si>
  <si>
    <t>cg15778335</t>
  </si>
  <si>
    <t>cg15788059</t>
  </si>
  <si>
    <t>cg15809387</t>
  </si>
  <si>
    <t>cg15810253</t>
  </si>
  <si>
    <t>cg15811549</t>
  </si>
  <si>
    <t>cg15862271</t>
  </si>
  <si>
    <t>cg15875860</t>
  </si>
  <si>
    <t>cg15880211</t>
  </si>
  <si>
    <t>cg15909600</t>
  </si>
  <si>
    <t>cg15909801</t>
  </si>
  <si>
    <t>cg15909981</t>
  </si>
  <si>
    <t>cg15921076</t>
  </si>
  <si>
    <t>cg15941159</t>
  </si>
  <si>
    <t>cg15944459</t>
  </si>
  <si>
    <t>cg16000599</t>
  </si>
  <si>
    <t>cg16007279</t>
  </si>
  <si>
    <t>cg16021775</t>
  </si>
  <si>
    <t>cg16026346</t>
  </si>
  <si>
    <t>cg16044565</t>
  </si>
  <si>
    <t>cg16054907</t>
  </si>
  <si>
    <t>cg16110940</t>
  </si>
  <si>
    <t>cg16113681</t>
  </si>
  <si>
    <t>cg16114706</t>
  </si>
  <si>
    <t>cg16123583</t>
  </si>
  <si>
    <t>cg16141740</t>
  </si>
  <si>
    <t>cg16157016</t>
  </si>
  <si>
    <t>cg16166262</t>
  </si>
  <si>
    <t>cg16199098</t>
  </si>
  <si>
    <t>cg16203659</t>
  </si>
  <si>
    <t>cg16211328</t>
  </si>
  <si>
    <t>cg16247644</t>
  </si>
  <si>
    <t>cg16269048</t>
  </si>
  <si>
    <t>cg16280946</t>
  </si>
  <si>
    <t>cg16324876</t>
  </si>
  <si>
    <t>cg16332936</t>
  </si>
  <si>
    <t>cg16353608</t>
  </si>
  <si>
    <t>cg16354027</t>
  </si>
  <si>
    <t>cg16383592</t>
  </si>
  <si>
    <t>cg16400025</t>
  </si>
  <si>
    <t>cg16409838</t>
  </si>
  <si>
    <t>cg16442226</t>
  </si>
  <si>
    <t>cg16469441</t>
  </si>
  <si>
    <t>cg16500810</t>
  </si>
  <si>
    <t>cg16590005</t>
  </si>
  <si>
    <t>cg16592832</t>
  </si>
  <si>
    <t>cg16601515</t>
  </si>
  <si>
    <t>cg16616259</t>
  </si>
  <si>
    <t>cg16627786</t>
  </si>
  <si>
    <t>cg16653173</t>
  </si>
  <si>
    <t>cg16653408</t>
  </si>
  <si>
    <t>cg16686158</t>
  </si>
  <si>
    <t>cg16703126</t>
  </si>
  <si>
    <t>cg16710183</t>
  </si>
  <si>
    <t>cg16722058</t>
  </si>
  <si>
    <t>cg16760291</t>
  </si>
  <si>
    <t>cg16761131</t>
  </si>
  <si>
    <t>cg16775746</t>
  </si>
  <si>
    <t>cg16781439</t>
  </si>
  <si>
    <t>cg16818414</t>
  </si>
  <si>
    <t>cg16831055</t>
  </si>
  <si>
    <t>cg16841327</t>
  </si>
  <si>
    <t>cg16891880</t>
  </si>
  <si>
    <t>cg16926050</t>
  </si>
  <si>
    <t>cg16926844</t>
  </si>
  <si>
    <t>cg16934981</t>
  </si>
  <si>
    <t>cg16976047</t>
  </si>
  <si>
    <t>cg16981421</t>
  </si>
  <si>
    <t>cg17016559</t>
  </si>
  <si>
    <t>cg17035892</t>
  </si>
  <si>
    <t>cg17050616</t>
  </si>
  <si>
    <t>cg17050807</t>
  </si>
  <si>
    <t>cg17074573</t>
  </si>
  <si>
    <t>cg17088007</t>
  </si>
  <si>
    <t>cg17089214</t>
  </si>
  <si>
    <t>cg17137980</t>
  </si>
  <si>
    <t>cg17146640</t>
  </si>
  <si>
    <t>cg17149563</t>
  </si>
  <si>
    <t>cg17159837</t>
  </si>
  <si>
    <t>cg17176676</t>
  </si>
  <si>
    <t>cg17179568</t>
  </si>
  <si>
    <t>cg17184171</t>
  </si>
  <si>
    <t>cg17197051</t>
  </si>
  <si>
    <t>cg17204569</t>
  </si>
  <si>
    <t>cg17205877</t>
  </si>
  <si>
    <t>cg17209507</t>
  </si>
  <si>
    <t>cg17215449</t>
  </si>
  <si>
    <t>cg17249257</t>
  </si>
  <si>
    <t>cg17257676</t>
  </si>
  <si>
    <t>cg17283039</t>
  </si>
  <si>
    <t>cg17285325</t>
  </si>
  <si>
    <t>cg17298884</t>
  </si>
  <si>
    <t>cg17310773</t>
  </si>
  <si>
    <t>cg17330672</t>
  </si>
  <si>
    <t>cg17336139</t>
  </si>
  <si>
    <t>cg17342469</t>
  </si>
  <si>
    <t>cg17362321</t>
  </si>
  <si>
    <t>cg17379209</t>
  </si>
  <si>
    <t>cg17487553</t>
  </si>
  <si>
    <t>cg17511741</t>
  </si>
  <si>
    <t>cg17519899</t>
  </si>
  <si>
    <t>cg17524478</t>
  </si>
  <si>
    <t>cg17532779</t>
  </si>
  <si>
    <t>cg17538898</t>
  </si>
  <si>
    <t>cg17557366</t>
  </si>
  <si>
    <t>cg17558497</t>
  </si>
  <si>
    <t>cg17567317</t>
  </si>
  <si>
    <t>cg17588491</t>
  </si>
  <si>
    <t>cg17607759</t>
  </si>
  <si>
    <t>cg17642017</t>
  </si>
  <si>
    <t>cg17650050</t>
  </si>
  <si>
    <t>cg17652424</t>
  </si>
  <si>
    <t>cg17662365</t>
  </si>
  <si>
    <t>cg17720614</t>
  </si>
  <si>
    <t>cg17732690</t>
  </si>
  <si>
    <t>cg17791035</t>
  </si>
  <si>
    <t>cg17816637</t>
  </si>
  <si>
    <t>cg17824465</t>
  </si>
  <si>
    <t>cg17825740</t>
  </si>
  <si>
    <t>cg17827477</t>
  </si>
  <si>
    <t>cg17832450</t>
  </si>
  <si>
    <t>cg17846100</t>
  </si>
  <si>
    <t>cg17852224</t>
  </si>
  <si>
    <t>cg17904489</t>
  </si>
  <si>
    <t>cg17944263</t>
  </si>
  <si>
    <t>cg17961101</t>
  </si>
  <si>
    <t>cg18009127</t>
  </si>
  <si>
    <t>cg18015704</t>
  </si>
  <si>
    <t>cg18019717</t>
  </si>
  <si>
    <t>cg18031436</t>
  </si>
  <si>
    <t>cg18034295</t>
  </si>
  <si>
    <t>cg18036763</t>
  </si>
  <si>
    <t>cg18040974</t>
  </si>
  <si>
    <t>cg18045461</t>
  </si>
  <si>
    <t>cg18045556</t>
  </si>
  <si>
    <t>cg18055456</t>
  </si>
  <si>
    <t>cg18090384</t>
  </si>
  <si>
    <t>cg18094551</t>
  </si>
  <si>
    <t>cg18129621</t>
  </si>
  <si>
    <t>cg18155131</t>
  </si>
  <si>
    <t>cg18184075</t>
  </si>
  <si>
    <t>cg18265887</t>
  </si>
  <si>
    <t>cg18354764</t>
  </si>
  <si>
    <t>cg18399321</t>
  </si>
  <si>
    <t>cg18404974</t>
  </si>
  <si>
    <t>cg18443229</t>
  </si>
  <si>
    <t>cg18445088</t>
  </si>
  <si>
    <t>cg18485569</t>
  </si>
  <si>
    <t>cg18496937</t>
  </si>
  <si>
    <t>cg18509540</t>
  </si>
  <si>
    <t>cg18555433</t>
  </si>
  <si>
    <t>cg18574426</t>
  </si>
  <si>
    <t>cg18587988</t>
  </si>
  <si>
    <t>cg18598016</t>
  </si>
  <si>
    <t>cg18606700</t>
  </si>
  <si>
    <t>cg18617276</t>
  </si>
  <si>
    <t>cg18630243</t>
  </si>
  <si>
    <t>cg18631743</t>
  </si>
  <si>
    <t>cg18641946</t>
  </si>
  <si>
    <t>cg18659483</t>
  </si>
  <si>
    <t>cg18670767</t>
  </si>
  <si>
    <t>cg18699242</t>
  </si>
  <si>
    <t>cg18708252</t>
  </si>
  <si>
    <t>cg18713809</t>
  </si>
  <si>
    <t>cg18746040</t>
  </si>
  <si>
    <t>cg18767321</t>
  </si>
  <si>
    <t>cg18771605</t>
  </si>
  <si>
    <t>cg18782736</t>
  </si>
  <si>
    <t>cg18802885</t>
  </si>
  <si>
    <t>cg18803171</t>
  </si>
  <si>
    <t>cg18869709</t>
  </si>
  <si>
    <t>cg18884805</t>
  </si>
  <si>
    <t>cg18940588</t>
  </si>
  <si>
    <t>cg18945842</t>
  </si>
  <si>
    <t>cg18954434</t>
  </si>
  <si>
    <t>cg18982625</t>
  </si>
  <si>
    <t>cg19018643</t>
  </si>
  <si>
    <t>cg19051504</t>
  </si>
  <si>
    <t>cg19067897</t>
  </si>
  <si>
    <t>cg19085118</t>
  </si>
  <si>
    <t>cg19086455</t>
  </si>
  <si>
    <t>cg19089314</t>
  </si>
  <si>
    <t>cg19092959</t>
  </si>
  <si>
    <t>cg19099736</t>
  </si>
  <si>
    <t>cg19104475</t>
  </si>
  <si>
    <t>cg19121055</t>
  </si>
  <si>
    <t>cg19128271</t>
  </si>
  <si>
    <t>cg19165344</t>
  </si>
  <si>
    <t>cg19191357</t>
  </si>
  <si>
    <t>cg19199531</t>
  </si>
  <si>
    <t>cg19206437</t>
  </si>
  <si>
    <t>cg19213744</t>
  </si>
  <si>
    <t>cg19214594</t>
  </si>
  <si>
    <t>cg19262968</t>
  </si>
  <si>
    <t>cg19293995</t>
  </si>
  <si>
    <t>cg19306958</t>
  </si>
  <si>
    <t>cg19308056</t>
  </si>
  <si>
    <t>cg19312935</t>
  </si>
  <si>
    <t>cg19339932</t>
  </si>
  <si>
    <t>cg19343611</t>
  </si>
  <si>
    <t>cg19343631</t>
  </si>
  <si>
    <t>cg19348733</t>
  </si>
  <si>
    <t>cg19349143</t>
  </si>
  <si>
    <t>cg19377127</t>
  </si>
  <si>
    <t>cg19406182</t>
  </si>
  <si>
    <t>cg19414598</t>
  </si>
  <si>
    <t>cg19416088</t>
  </si>
  <si>
    <t>cg19418284</t>
  </si>
  <si>
    <t>cg19433955</t>
  </si>
  <si>
    <t>cg19437142</t>
  </si>
  <si>
    <t>cg19443189</t>
  </si>
  <si>
    <t>cg19452173</t>
  </si>
  <si>
    <t>cg19467356</t>
  </si>
  <si>
    <t>cg19547200</t>
  </si>
  <si>
    <t>cg19552441</t>
  </si>
  <si>
    <t>cg19570171</t>
  </si>
  <si>
    <t>cg19603134</t>
  </si>
  <si>
    <t>cg19609502</t>
  </si>
  <si>
    <t>cg19621271</t>
  </si>
  <si>
    <t>cg19667082</t>
  </si>
  <si>
    <t>cg19685053</t>
  </si>
  <si>
    <t>cg19705676</t>
  </si>
  <si>
    <t>cg19708343</t>
  </si>
  <si>
    <t>cg19710330</t>
  </si>
  <si>
    <t>cg19711553</t>
  </si>
  <si>
    <t>cg19764325</t>
  </si>
  <si>
    <t>cg19778944</t>
  </si>
  <si>
    <t>cg19783536</t>
  </si>
  <si>
    <t>cg19789653</t>
  </si>
  <si>
    <t>cg19796981</t>
  </si>
  <si>
    <t>cg19840066</t>
  </si>
  <si>
    <t>cg19862860</t>
  </si>
  <si>
    <t>cg19864539</t>
  </si>
  <si>
    <t>cg19878516</t>
  </si>
  <si>
    <t>cg19881032</t>
  </si>
  <si>
    <t>cg19890858</t>
  </si>
  <si>
    <t>cg19916740</t>
  </si>
  <si>
    <t>cg19934709</t>
  </si>
  <si>
    <t>cg19938187</t>
  </si>
  <si>
    <t>cg19940065</t>
  </si>
  <si>
    <t>cg19940389</t>
  </si>
  <si>
    <t>cg19949853</t>
  </si>
  <si>
    <t>cg19963025</t>
  </si>
  <si>
    <t>cg19974128</t>
  </si>
  <si>
    <t>cg19977691</t>
  </si>
  <si>
    <t>cg19979738</t>
  </si>
  <si>
    <t>cg19987256</t>
  </si>
  <si>
    <t>cg20004634</t>
  </si>
  <si>
    <t>cg20012028</t>
  </si>
  <si>
    <t>cg20012172</t>
  </si>
  <si>
    <t>cg20061654</t>
  </si>
  <si>
    <t>cg20074569</t>
  </si>
  <si>
    <t>cg20089264</t>
  </si>
  <si>
    <t>cg20100936</t>
  </si>
  <si>
    <t>cg20112827</t>
  </si>
  <si>
    <t>cg20117626</t>
  </si>
  <si>
    <t>cg20180585</t>
  </si>
  <si>
    <t>cg20209308</t>
  </si>
  <si>
    <t>cg20247455</t>
  </si>
  <si>
    <t>cg20257411</t>
  </si>
  <si>
    <t>cg20279673</t>
  </si>
  <si>
    <t>cg20295671</t>
  </si>
  <si>
    <t>cg20307496</t>
  </si>
  <si>
    <t>cg20326580</t>
  </si>
  <si>
    <t>cg20336580</t>
  </si>
  <si>
    <t>cg20351171</t>
  </si>
  <si>
    <t>cg20353484</t>
  </si>
  <si>
    <t>cg20359783</t>
  </si>
  <si>
    <t>cg20361154</t>
  </si>
  <si>
    <t>cg20376123</t>
  </si>
  <si>
    <t>cg20390150</t>
  </si>
  <si>
    <t>cg20397358</t>
  </si>
  <si>
    <t>cg20401551</t>
  </si>
  <si>
    <t>cg20435485</t>
  </si>
  <si>
    <t>cg20447656</t>
  </si>
  <si>
    <t>cg20495645</t>
  </si>
  <si>
    <t>cg20500237</t>
  </si>
  <si>
    <t>cg20501883</t>
  </si>
  <si>
    <t>cg20536263</t>
  </si>
  <si>
    <t>cg20545941</t>
  </si>
  <si>
    <t>cg20563534</t>
  </si>
  <si>
    <t>cg20573307</t>
  </si>
  <si>
    <t>cg20611294</t>
  </si>
  <si>
    <t>cg20642906</t>
  </si>
  <si>
    <t>cg20659657</t>
  </si>
  <si>
    <t>cg20660269</t>
  </si>
  <si>
    <t>cg20667684</t>
  </si>
  <si>
    <t>cg20689730</t>
  </si>
  <si>
    <t>cg20693706</t>
  </si>
  <si>
    <t>cg20706071</t>
  </si>
  <si>
    <t>cg20709110</t>
  </si>
  <si>
    <t>cg20728514</t>
  </si>
  <si>
    <t>cg20742366</t>
  </si>
  <si>
    <t>cg20744362</t>
  </si>
  <si>
    <t>cg20746101</t>
  </si>
  <si>
    <t>cg20750843</t>
  </si>
  <si>
    <t>cg20786683</t>
  </si>
  <si>
    <t>cg20787903</t>
  </si>
  <si>
    <t>cg20795428</t>
  </si>
  <si>
    <t>cg20800844</t>
  </si>
  <si>
    <t>cg20808578</t>
  </si>
  <si>
    <t>cg20810072</t>
  </si>
  <si>
    <t>cg20835725</t>
  </si>
  <si>
    <t>cg20911168</t>
  </si>
  <si>
    <t>cg20947268</t>
  </si>
  <si>
    <t>cg20967343</t>
  </si>
  <si>
    <t>cg20975546</t>
  </si>
  <si>
    <t>cg20979921</t>
  </si>
  <si>
    <t>cg20991347</t>
  </si>
  <si>
    <t>cg20996561</t>
  </si>
  <si>
    <t>cg21000447</t>
  </si>
  <si>
    <t>cg21009747</t>
  </si>
  <si>
    <t>cg21014483</t>
  </si>
  <si>
    <t>cg21023520</t>
  </si>
  <si>
    <t>cg21025089</t>
  </si>
  <si>
    <t>cg21025551</t>
  </si>
  <si>
    <t>cg21029504</t>
  </si>
  <si>
    <t>cg21030719</t>
  </si>
  <si>
    <t>cg21032013</t>
  </si>
  <si>
    <t>cg21053015</t>
  </si>
  <si>
    <t>cg21054147</t>
  </si>
  <si>
    <t>cg21113094</t>
  </si>
  <si>
    <t>cg21144941</t>
  </si>
  <si>
    <t>cg21146184</t>
  </si>
  <si>
    <t>cg21178434</t>
  </si>
  <si>
    <t>cg21184806</t>
  </si>
  <si>
    <t>cg21220614</t>
  </si>
  <si>
    <t>cg21232129</t>
  </si>
  <si>
    <t>cg21246624</t>
  </si>
  <si>
    <t>cg21293611</t>
  </si>
  <si>
    <t>cg21299458</t>
  </si>
  <si>
    <t>cg21315798</t>
  </si>
  <si>
    <t>cg21372286</t>
  </si>
  <si>
    <t>cg21377598</t>
  </si>
  <si>
    <t>cg21384203</t>
  </si>
  <si>
    <t>cg21388335</t>
  </si>
  <si>
    <t>cg21395191</t>
  </si>
  <si>
    <t>cg21416529</t>
  </si>
  <si>
    <t>cg21417229</t>
  </si>
  <si>
    <t>cg21428954</t>
  </si>
  <si>
    <t>cg21446343</t>
  </si>
  <si>
    <t>cg21448991</t>
  </si>
  <si>
    <t>cg21450723</t>
  </si>
  <si>
    <t>cg21454656</t>
  </si>
  <si>
    <t>cg21495622</t>
  </si>
  <si>
    <t>cg21507866</t>
  </si>
  <si>
    <t>cg21510025</t>
  </si>
  <si>
    <t>cg21533369</t>
  </si>
  <si>
    <t>cg21639236</t>
  </si>
  <si>
    <t>cg21686890</t>
  </si>
  <si>
    <t>cg21694044</t>
  </si>
  <si>
    <t>cg21714878</t>
  </si>
  <si>
    <t>cg21715212</t>
  </si>
  <si>
    <t>cg21716444</t>
  </si>
  <si>
    <t>cg21778268</t>
  </si>
  <si>
    <t>cg21821726</t>
  </si>
  <si>
    <t>cg21832731</t>
  </si>
  <si>
    <t>cg21844316</t>
  </si>
  <si>
    <t>cg21854621</t>
  </si>
  <si>
    <t>cg21855135</t>
  </si>
  <si>
    <t>cg21872764</t>
  </si>
  <si>
    <t>cg21882650</t>
  </si>
  <si>
    <t>cg21890667</t>
  </si>
  <si>
    <t>cg21910543</t>
  </si>
  <si>
    <t>cg21918728</t>
  </si>
  <si>
    <t>cg21925310</t>
  </si>
  <si>
    <t>cg21935981</t>
  </si>
  <si>
    <t>cg21946940</t>
  </si>
  <si>
    <t>cg21949747</t>
  </si>
  <si>
    <t>cg22017996</t>
  </si>
  <si>
    <t>cg22041137</t>
  </si>
  <si>
    <t>cg22071311</t>
  </si>
  <si>
    <t>cg22075328</t>
  </si>
  <si>
    <t>cg22075974</t>
  </si>
  <si>
    <t>cg22091609</t>
  </si>
  <si>
    <t>cg22118655</t>
  </si>
  <si>
    <t>cg22123289</t>
  </si>
  <si>
    <t>cg22147449</t>
  </si>
  <si>
    <t>cg22189786</t>
  </si>
  <si>
    <t>cg22193150</t>
  </si>
  <si>
    <t>cg22193447</t>
  </si>
  <si>
    <t>cg22199216</t>
  </si>
  <si>
    <t>cg22201734</t>
  </si>
  <si>
    <t>cg22216015</t>
  </si>
  <si>
    <t>cg22225685</t>
  </si>
  <si>
    <t>cg22236073</t>
  </si>
  <si>
    <t>cg22247277</t>
  </si>
  <si>
    <t>cg22249529</t>
  </si>
  <si>
    <t>cg22251784</t>
  </si>
  <si>
    <t>cg22252283</t>
  </si>
  <si>
    <t>cg22258863</t>
  </si>
  <si>
    <t>cg22259932</t>
  </si>
  <si>
    <t>cg22263548</t>
  </si>
  <si>
    <t>cg22264317</t>
  </si>
  <si>
    <t>cg22278400</t>
  </si>
  <si>
    <t>cg22281644</t>
  </si>
  <si>
    <t>cg22396353</t>
  </si>
  <si>
    <t>cg22411837</t>
  </si>
  <si>
    <t>cg22413388</t>
  </si>
  <si>
    <t>cg22416596</t>
  </si>
  <si>
    <t>cg22471075</t>
  </si>
  <si>
    <t>cg22471255</t>
  </si>
  <si>
    <t>cg22476848</t>
  </si>
  <si>
    <t>cg22499215</t>
  </si>
  <si>
    <t>cg22504180</t>
  </si>
  <si>
    <t>cg22512377</t>
  </si>
  <si>
    <t>cg22515201</t>
  </si>
  <si>
    <t>cg22544416</t>
  </si>
  <si>
    <t>cg22581974</t>
  </si>
  <si>
    <t>cg22605179</t>
  </si>
  <si>
    <t>cg22615000</t>
  </si>
  <si>
    <t>cg22628235</t>
  </si>
  <si>
    <t>cg22641425</t>
  </si>
  <si>
    <t>cg22655038</t>
  </si>
  <si>
    <t>cg22677723</t>
  </si>
  <si>
    <t>cg22689280</t>
  </si>
  <si>
    <t>cg22704037</t>
  </si>
  <si>
    <t>cg22716904</t>
  </si>
  <si>
    <t>cg22721007</t>
  </si>
  <si>
    <t>cg22797182</t>
  </si>
  <si>
    <t>cg22808478</t>
  </si>
  <si>
    <t>cg22823183</t>
  </si>
  <si>
    <t>cg22829799</t>
  </si>
  <si>
    <t>cg22846741</t>
  </si>
  <si>
    <t>cg22871485</t>
  </si>
  <si>
    <t>cg22884130</t>
  </si>
  <si>
    <t>cg22884159</t>
  </si>
  <si>
    <t>cg22884516</t>
  </si>
  <si>
    <t>cg22896904</t>
  </si>
  <si>
    <t>cg22900519</t>
  </si>
  <si>
    <t>cg22902400</t>
  </si>
  <si>
    <t>cg22910462</t>
  </si>
  <si>
    <t>cg22910549</t>
  </si>
  <si>
    <t>cg22919916</t>
  </si>
  <si>
    <t>cg22934785</t>
  </si>
  <si>
    <t>cg22935149</t>
  </si>
  <si>
    <t>cg22942097</t>
  </si>
  <si>
    <t>cg22959474</t>
  </si>
  <si>
    <t>cg22977667</t>
  </si>
  <si>
    <t>cg22989103</t>
  </si>
  <si>
    <t>cg23001415</t>
  </si>
  <si>
    <t>cg23006885</t>
  </si>
  <si>
    <t>cg23015157</t>
  </si>
  <si>
    <t>cg23018242</t>
  </si>
  <si>
    <t>cg23041250</t>
  </si>
  <si>
    <t>cg23060735</t>
  </si>
  <si>
    <t>cg23069551</t>
  </si>
  <si>
    <t>cg23076591</t>
  </si>
  <si>
    <t>cg23080354</t>
  </si>
  <si>
    <t>cg23092250</t>
  </si>
  <si>
    <t>cg23098062</t>
  </si>
  <si>
    <t>cg23144376</t>
  </si>
  <si>
    <t>cg23149423</t>
  </si>
  <si>
    <t>cg23231026</t>
  </si>
  <si>
    <t>cg23327483</t>
  </si>
  <si>
    <t>cg23332586</t>
  </si>
  <si>
    <t>cg23345500</t>
  </si>
  <si>
    <t>cg23353952</t>
  </si>
  <si>
    <t>cg23366861</t>
  </si>
  <si>
    <t>cg23400715</t>
  </si>
  <si>
    <t>cg23423423</t>
  </si>
  <si>
    <t>cg23441210</t>
  </si>
  <si>
    <t>cg23516852</t>
  </si>
  <si>
    <t>cg23520948</t>
  </si>
  <si>
    <t>cg23527624</t>
  </si>
  <si>
    <t>cg23565980</t>
  </si>
  <si>
    <t>cg23570378</t>
  </si>
  <si>
    <t>cg23575668</t>
  </si>
  <si>
    <t>cg23595222</t>
  </si>
  <si>
    <t>cg23597375</t>
  </si>
  <si>
    <t>cg23601416</t>
  </si>
  <si>
    <t>cg23621893</t>
  </si>
  <si>
    <t>cg23622141</t>
  </si>
  <si>
    <t>cg23625592</t>
  </si>
  <si>
    <t>cg23640300</t>
  </si>
  <si>
    <t>cg23644017</t>
  </si>
  <si>
    <t>cg23649004</t>
  </si>
  <si>
    <t>cg23652354</t>
  </si>
  <si>
    <t>cg23654327</t>
  </si>
  <si>
    <t>cg23681311</t>
  </si>
  <si>
    <t>cg23691090</t>
  </si>
  <si>
    <t>cg23695120</t>
  </si>
  <si>
    <t>cg23704627</t>
  </si>
  <si>
    <t>cg23743186</t>
  </si>
  <si>
    <t>cg23750200</t>
  </si>
  <si>
    <t>cg23762037</t>
  </si>
  <si>
    <t>cg23774356</t>
  </si>
  <si>
    <t>cg23787873</t>
  </si>
  <si>
    <t>cg23791442</t>
  </si>
  <si>
    <t>cg23818931</t>
  </si>
  <si>
    <t>cg23825480</t>
  </si>
  <si>
    <t>cg23827657</t>
  </si>
  <si>
    <t>cg23842331</t>
  </si>
  <si>
    <t>cg23848541</t>
  </si>
  <si>
    <t>cg23860217</t>
  </si>
  <si>
    <t>cg23894553</t>
  </si>
  <si>
    <t>cg23912697</t>
  </si>
  <si>
    <t>cg23921249</t>
  </si>
  <si>
    <t>cg23944102</t>
  </si>
  <si>
    <t>cg24019054</t>
  </si>
  <si>
    <t>cg24032209</t>
  </si>
  <si>
    <t>cg24041977</t>
  </si>
  <si>
    <t>cg24045935</t>
  </si>
  <si>
    <t>cg24049841</t>
  </si>
  <si>
    <t>cg24107443</t>
  </si>
  <si>
    <t>cg24149898</t>
  </si>
  <si>
    <t>cg24159891</t>
  </si>
  <si>
    <t>cg24193339</t>
  </si>
  <si>
    <t>cg24199050</t>
  </si>
  <si>
    <t>cg24200083</t>
  </si>
  <si>
    <t>cg24204556</t>
  </si>
  <si>
    <t>cg24228040</t>
  </si>
  <si>
    <t>cg24240981</t>
  </si>
  <si>
    <t>cg24258125</t>
  </si>
  <si>
    <t>cg24283289</t>
  </si>
  <si>
    <t>cg24289553</t>
  </si>
  <si>
    <t>cg24291485</t>
  </si>
  <si>
    <t>cg24292323</t>
  </si>
  <si>
    <t>cg24333469</t>
  </si>
  <si>
    <t>cg24334002</t>
  </si>
  <si>
    <t>cg24349631</t>
  </si>
  <si>
    <t>cg24352349</t>
  </si>
  <si>
    <t>cg24363820</t>
  </si>
  <si>
    <t>cg24394020</t>
  </si>
  <si>
    <t>cg24402603</t>
  </si>
  <si>
    <t>cg24403968</t>
  </si>
  <si>
    <t>cg24407859</t>
  </si>
  <si>
    <t>cg24420164</t>
  </si>
  <si>
    <t>cg24423099</t>
  </si>
  <si>
    <t>cg24423424</t>
  </si>
  <si>
    <t>cg24430642</t>
  </si>
  <si>
    <t>cg24441912</t>
  </si>
  <si>
    <t>cg24489344</t>
  </si>
  <si>
    <t>cg24533913</t>
  </si>
  <si>
    <t>cg24556441</t>
  </si>
  <si>
    <t>cg24563015</t>
  </si>
  <si>
    <t>cg24678319</t>
  </si>
  <si>
    <t>cg24687723</t>
  </si>
  <si>
    <t>cg24688909</t>
  </si>
  <si>
    <t>cg24713529</t>
  </si>
  <si>
    <t>cg24726466</t>
  </si>
  <si>
    <t>cg24731441</t>
  </si>
  <si>
    <t>cg24734643</t>
  </si>
  <si>
    <t>cg24753662</t>
  </si>
  <si>
    <t>cg24755053</t>
  </si>
  <si>
    <t>cg24865802</t>
  </si>
  <si>
    <t>cg24899205</t>
  </si>
  <si>
    <t>cg24899361</t>
  </si>
  <si>
    <t>cg24962573</t>
  </si>
  <si>
    <t>cg24968629</t>
  </si>
  <si>
    <t>cg24974982</t>
  </si>
  <si>
    <t>cg25033817</t>
  </si>
  <si>
    <t>cg25125450</t>
  </si>
  <si>
    <t>cg25146100</t>
  </si>
  <si>
    <t>cg25152348</t>
  </si>
  <si>
    <t>cg25225340</t>
  </si>
  <si>
    <t>cg25245266</t>
  </si>
  <si>
    <t>cg25247183</t>
  </si>
  <si>
    <t>cg25267957</t>
  </si>
  <si>
    <t>cg25294651</t>
  </si>
  <si>
    <t>cg25301142</t>
  </si>
  <si>
    <t>cg25314532</t>
  </si>
  <si>
    <t>cg25353054</t>
  </si>
  <si>
    <t>cg25363931</t>
  </si>
  <si>
    <t>cg25371038</t>
  </si>
  <si>
    <t>cg25375290</t>
  </si>
  <si>
    <t>cg25408497</t>
  </si>
  <si>
    <t>cg25432807</t>
  </si>
  <si>
    <t>cg25436375</t>
  </si>
  <si>
    <t>cg25436985</t>
  </si>
  <si>
    <t>cg25459000</t>
  </si>
  <si>
    <t>cg25459170</t>
  </si>
  <si>
    <t>cg25463478</t>
  </si>
  <si>
    <t>cg25466154</t>
  </si>
  <si>
    <t>cg25497487</t>
  </si>
  <si>
    <t>cg25551362</t>
  </si>
  <si>
    <t>cg25555137</t>
  </si>
  <si>
    <t>cg25556101</t>
  </si>
  <si>
    <t>cg25561581</t>
  </si>
  <si>
    <t>cg25580306</t>
  </si>
  <si>
    <t>cg25613101</t>
  </si>
  <si>
    <t>cg25615509</t>
  </si>
  <si>
    <t>cg25618765</t>
  </si>
  <si>
    <t>cg25621037</t>
  </si>
  <si>
    <t>cg25632093</t>
  </si>
  <si>
    <t>cg25632672</t>
  </si>
  <si>
    <t>cg25650110</t>
  </si>
  <si>
    <t>cg25663764</t>
  </si>
  <si>
    <t>cg25666403</t>
  </si>
  <si>
    <t>cg25714060</t>
  </si>
  <si>
    <t>cg25714069</t>
  </si>
  <si>
    <t>cg25718361</t>
  </si>
  <si>
    <t>cg25728876</t>
  </si>
  <si>
    <t>cg25736328</t>
  </si>
  <si>
    <t>cg25739518</t>
  </si>
  <si>
    <t>cg25750469</t>
  </si>
  <si>
    <t>cg25751690</t>
  </si>
  <si>
    <t>cg25756166</t>
  </si>
  <si>
    <t>cg25758201</t>
  </si>
  <si>
    <t>cg25769450</t>
  </si>
  <si>
    <t>cg25806456</t>
  </si>
  <si>
    <t>cg25836061</t>
  </si>
  <si>
    <t>cg25842633</t>
  </si>
  <si>
    <t>cg25867694</t>
  </si>
  <si>
    <t>cg25916307</t>
  </si>
  <si>
    <t>cg25934700</t>
  </si>
  <si>
    <t>cg25937494</t>
  </si>
  <si>
    <t>cg25937577</t>
  </si>
  <si>
    <t>cg25940946</t>
  </si>
  <si>
    <t>cg25964984</t>
  </si>
  <si>
    <t>cg25975712</t>
  </si>
  <si>
    <t>cg25976257</t>
  </si>
  <si>
    <t>cg26038465</t>
  </si>
  <si>
    <t>cg26058289</t>
  </si>
  <si>
    <t>cg26069037</t>
  </si>
  <si>
    <t>cg26106626</t>
  </si>
  <si>
    <t>cg26112317</t>
  </si>
  <si>
    <t>cg26119008</t>
  </si>
  <si>
    <t>cg26120340</t>
  </si>
  <si>
    <t>cg26131049</t>
  </si>
  <si>
    <t>cg26137971</t>
  </si>
  <si>
    <t>cg26138144</t>
  </si>
  <si>
    <t>cg26151531</t>
  </si>
  <si>
    <t>cg26154188</t>
  </si>
  <si>
    <t>cg26158235</t>
  </si>
  <si>
    <t>cg26162007</t>
  </si>
  <si>
    <t>cg26179441</t>
  </si>
  <si>
    <t>cg26197037</t>
  </si>
  <si>
    <t>cg26220298</t>
  </si>
  <si>
    <t>cg26239816</t>
  </si>
  <si>
    <t>cg26278151</t>
  </si>
  <si>
    <t>cg26297819</t>
  </si>
  <si>
    <t>cg26305042</t>
  </si>
  <si>
    <t>cg26306411</t>
  </si>
  <si>
    <t>cg26336731</t>
  </si>
  <si>
    <t>cg26354221</t>
  </si>
  <si>
    <t>cg26361276</t>
  </si>
  <si>
    <t>cg26364091</t>
  </si>
  <si>
    <t>cg26371705</t>
  </si>
  <si>
    <t>cg26380756</t>
  </si>
  <si>
    <t>cg26429095</t>
  </si>
  <si>
    <t>cg26448406</t>
  </si>
  <si>
    <t>cg26464887</t>
  </si>
  <si>
    <t>cg26475180</t>
  </si>
  <si>
    <t>cg26475819</t>
  </si>
  <si>
    <t>cg26494441</t>
  </si>
  <si>
    <t>cg26494782</t>
  </si>
  <si>
    <t>cg26496917</t>
  </si>
  <si>
    <t>cg26513850</t>
  </si>
  <si>
    <t>cg26520942</t>
  </si>
  <si>
    <t>cg26525486</t>
  </si>
  <si>
    <t>cg26567213</t>
  </si>
  <si>
    <t>cg26581886</t>
  </si>
  <si>
    <t>cg26599006</t>
  </si>
  <si>
    <t>cg26608032</t>
  </si>
  <si>
    <t>cg26685726</t>
  </si>
  <si>
    <t>cg26736321</t>
  </si>
  <si>
    <t>cg26743849</t>
  </si>
  <si>
    <t>cg26819140</t>
  </si>
  <si>
    <t>cg26916117</t>
  </si>
  <si>
    <t>cg26919378</t>
  </si>
  <si>
    <t>cg26943378</t>
  </si>
  <si>
    <t>cg26947834</t>
  </si>
  <si>
    <t>cg26995244</t>
  </si>
  <si>
    <t>cg27014927</t>
  </si>
  <si>
    <t>cg27018254</t>
  </si>
  <si>
    <t>cg27035678</t>
  </si>
  <si>
    <t>cg27062573</t>
  </si>
  <si>
    <t>cg27078652</t>
  </si>
  <si>
    <t>cg27098470</t>
  </si>
  <si>
    <t>cg27115863</t>
  </si>
  <si>
    <t>cg27116232</t>
  </si>
  <si>
    <t>cg27140247</t>
  </si>
  <si>
    <t>cg27179327</t>
  </si>
  <si>
    <t>cg27179375</t>
  </si>
  <si>
    <t>cg27306787</t>
  </si>
  <si>
    <t>cg27308329</t>
  </si>
  <si>
    <t>cg27309229</t>
  </si>
  <si>
    <t>cg27366395</t>
  </si>
  <si>
    <t>cg27373049</t>
  </si>
  <si>
    <t>cg27373134</t>
  </si>
  <si>
    <t>cg27379407</t>
  </si>
  <si>
    <t>cg27382058</t>
  </si>
  <si>
    <t>cg27391037</t>
  </si>
  <si>
    <t>cg27393667</t>
  </si>
  <si>
    <t>cg27409650</t>
  </si>
  <si>
    <t>cg27422872</t>
  </si>
  <si>
    <t>cg27424226</t>
  </si>
  <si>
    <t>cg27452651</t>
  </si>
  <si>
    <t>cg27467383</t>
  </si>
  <si>
    <t>cg27481164</t>
  </si>
  <si>
    <t>cg27485730</t>
  </si>
  <si>
    <t>cg27502912</t>
  </si>
  <si>
    <t>cg27510503</t>
  </si>
  <si>
    <t>cg27511021</t>
  </si>
  <si>
    <t>cg27515076</t>
  </si>
  <si>
    <t>cg27535047</t>
  </si>
  <si>
    <t>cg27535648</t>
  </si>
  <si>
    <t>cg27544191</t>
  </si>
  <si>
    <t>cg27554844</t>
  </si>
  <si>
    <t>cg27569203</t>
  </si>
  <si>
    <t>cg27572240</t>
  </si>
  <si>
    <t>cg27576692</t>
  </si>
  <si>
    <t>cg27604249</t>
  </si>
  <si>
    <t>cg27610821</t>
  </si>
  <si>
    <t>cg27619353</t>
  </si>
  <si>
    <t>cg27645955</t>
  </si>
  <si>
    <t>cg27647370</t>
  </si>
  <si>
    <t>cg27652464</t>
  </si>
  <si>
    <t>cg00223952</t>
  </si>
  <si>
    <t>cg02432075</t>
  </si>
  <si>
    <t>cg08455548</t>
  </si>
  <si>
    <t>cg09703571</t>
  </si>
  <si>
    <t>cg09730640</t>
  </si>
  <si>
    <t>cg10465579</t>
  </si>
  <si>
    <t>cg15183843</t>
  </si>
  <si>
    <t>cg27265812</t>
  </si>
  <si>
    <t>cg00006815</t>
  </si>
  <si>
    <t>cg00029931</t>
  </si>
  <si>
    <t>cg00030125</t>
  </si>
  <si>
    <t>cg00031235</t>
  </si>
  <si>
    <t>cg00034639</t>
  </si>
  <si>
    <t>cg00034731</t>
  </si>
  <si>
    <t>cg00040455</t>
  </si>
  <si>
    <t>cg00046099</t>
  </si>
  <si>
    <t>cg00070542</t>
  </si>
  <si>
    <t>cg00078867</t>
  </si>
  <si>
    <t>cg00098732</t>
  </si>
  <si>
    <t>cg00108056</t>
  </si>
  <si>
    <t>cg00113623</t>
  </si>
  <si>
    <t>cg00116265</t>
  </si>
  <si>
    <t>cg00123001</t>
  </si>
  <si>
    <t>cg00128197</t>
  </si>
  <si>
    <t>cg00130498</t>
  </si>
  <si>
    <t>cg00148031</t>
  </si>
  <si>
    <t>cg00157034</t>
  </si>
  <si>
    <t>cg00158454</t>
  </si>
  <si>
    <t>cg00168417</t>
  </si>
  <si>
    <t>cg00179446</t>
  </si>
  <si>
    <t>cg00180631</t>
  </si>
  <si>
    <t>cg00188971</t>
  </si>
  <si>
    <t>cg00191758</t>
  </si>
  <si>
    <t>cg00195237</t>
  </si>
  <si>
    <t>cg00203804</t>
  </si>
  <si>
    <t>cg00213853</t>
  </si>
  <si>
    <t>cg00216997</t>
  </si>
  <si>
    <t>cg00228620</t>
  </si>
  <si>
    <t>cg00230685</t>
  </si>
  <si>
    <t>cg00238052</t>
  </si>
  <si>
    <t>cg00238131</t>
  </si>
  <si>
    <t>cg00253811</t>
  </si>
  <si>
    <t>cg00255219</t>
  </si>
  <si>
    <t>cg00258480</t>
  </si>
  <si>
    <t>cg00260448</t>
  </si>
  <si>
    <t>cg00261039</t>
  </si>
  <si>
    <t>cg00267883</t>
  </si>
  <si>
    <t>cg00271516</t>
  </si>
  <si>
    <t>cg00276426</t>
  </si>
  <si>
    <t>cg00291222</t>
  </si>
  <si>
    <t>cg00291929</t>
  </si>
  <si>
    <t>cg00304884</t>
  </si>
  <si>
    <t>cg00321056</t>
  </si>
  <si>
    <t>cg00328965</t>
  </si>
  <si>
    <t>cg00331433</t>
  </si>
  <si>
    <t>cg00337921</t>
  </si>
  <si>
    <t>cg00347850</t>
  </si>
  <si>
    <t>cg00348113</t>
  </si>
  <si>
    <t>cg00349460</t>
  </si>
  <si>
    <t>cg00355945</t>
  </si>
  <si>
    <t>cg00359973</t>
  </si>
  <si>
    <t>cg00360298</t>
  </si>
  <si>
    <t>cg00368230</t>
  </si>
  <si>
    <t>cg00369058</t>
  </si>
  <si>
    <t>cg00369477</t>
  </si>
  <si>
    <t>cg00374346</t>
  </si>
  <si>
    <t>cg00375105</t>
  </si>
  <si>
    <t>cg00379371</t>
  </si>
  <si>
    <t>cg00382651</t>
  </si>
  <si>
    <t>cg00387940</t>
  </si>
  <si>
    <t>cg00389276</t>
  </si>
  <si>
    <t>cg00390049</t>
  </si>
  <si>
    <t>cg00400665</t>
  </si>
  <si>
    <t>cg00404599</t>
  </si>
  <si>
    <t>cg00406460</t>
  </si>
  <si>
    <t>cg00409480</t>
  </si>
  <si>
    <t>cg00411843</t>
  </si>
  <si>
    <t>cg00422452</t>
  </si>
  <si>
    <t>cg00426668</t>
  </si>
  <si>
    <t>cg00479885</t>
  </si>
  <si>
    <t>cg00484111</t>
  </si>
  <si>
    <t>cg00514746</t>
  </si>
  <si>
    <t>cg00523465</t>
  </si>
  <si>
    <t>cg00525383</t>
  </si>
  <si>
    <t>cg00538420</t>
  </si>
  <si>
    <t>cg00547789</t>
  </si>
  <si>
    <t>cg00553200</t>
  </si>
  <si>
    <t>cg00571700</t>
  </si>
  <si>
    <t>cg00572146</t>
  </si>
  <si>
    <t>cg00581583</t>
  </si>
  <si>
    <t>cg00582864</t>
  </si>
  <si>
    <t>cg00584971</t>
  </si>
  <si>
    <t>cg00586014</t>
  </si>
  <si>
    <t>cg00586321</t>
  </si>
  <si>
    <t>cg00595697</t>
  </si>
  <si>
    <t>cg00596686</t>
  </si>
  <si>
    <t>cg00604086</t>
  </si>
  <si>
    <t>cg00607036</t>
  </si>
  <si>
    <t>cg00608151</t>
  </si>
  <si>
    <t>cg00609239</t>
  </si>
  <si>
    <t>cg00615738</t>
  </si>
  <si>
    <t>cg00618396</t>
  </si>
  <si>
    <t>cg00620602</t>
  </si>
  <si>
    <t>cg00623388</t>
  </si>
  <si>
    <t>cg00625743</t>
  </si>
  <si>
    <t>cg00632374</t>
  </si>
  <si>
    <t>cg00646140</t>
  </si>
  <si>
    <t>cg00651446</t>
  </si>
  <si>
    <t>cg00658396</t>
  </si>
  <si>
    <t>cg00668694</t>
  </si>
  <si>
    <t>cg00679603</t>
  </si>
  <si>
    <t>cg00679726</t>
  </si>
  <si>
    <t>cg00690049</t>
  </si>
  <si>
    <t>cg00692892</t>
  </si>
  <si>
    <t>cg00705055</t>
  </si>
  <si>
    <t>cg00715011</t>
  </si>
  <si>
    <t>cg00718129</t>
  </si>
  <si>
    <t>cg00723034</t>
  </si>
  <si>
    <t>cg00725912</t>
  </si>
  <si>
    <t>cg00739787</t>
  </si>
  <si>
    <t>cg00742240</t>
  </si>
  <si>
    <t>cg00743412</t>
  </si>
  <si>
    <t>cg00744851</t>
  </si>
  <si>
    <t>cg00745293</t>
  </si>
  <si>
    <t>cg00748144</t>
  </si>
  <si>
    <t>cg00765686</t>
  </si>
  <si>
    <t>cg00768158</t>
  </si>
  <si>
    <t>cg00768439</t>
  </si>
  <si>
    <t>cg00775115</t>
  </si>
  <si>
    <t>cg00779763</t>
  </si>
  <si>
    <t>cg00780578</t>
  </si>
  <si>
    <t>cg00781047</t>
  </si>
  <si>
    <t>cg00781978</t>
  </si>
  <si>
    <t>cg00787015</t>
  </si>
  <si>
    <t>cg00790086</t>
  </si>
  <si>
    <t>cg00800095</t>
  </si>
  <si>
    <t>cg00803922</t>
  </si>
  <si>
    <t>cg00809111</t>
  </si>
  <si>
    <t>cg00810883</t>
  </si>
  <si>
    <t>cg00813142</t>
  </si>
  <si>
    <t>cg00813765</t>
  </si>
  <si>
    <t>cg00815013</t>
  </si>
  <si>
    <t>cg00822998</t>
  </si>
  <si>
    <t>cg00823357</t>
  </si>
  <si>
    <t>cg00825441</t>
  </si>
  <si>
    <t>cg00834229</t>
  </si>
  <si>
    <t>cg00850648</t>
  </si>
  <si>
    <t>cg00854963</t>
  </si>
  <si>
    <t>cg00861899</t>
  </si>
  <si>
    <t>cg00862041</t>
  </si>
  <si>
    <t>cg00878023</t>
  </si>
  <si>
    <t>cg00913945</t>
  </si>
  <si>
    <t>cg00914218</t>
  </si>
  <si>
    <t>cg00917362</t>
  </si>
  <si>
    <t>cg00920537</t>
  </si>
  <si>
    <t>cg00928753</t>
  </si>
  <si>
    <t>cg00932276</t>
  </si>
  <si>
    <t>cg00936342</t>
  </si>
  <si>
    <t>cg00936349</t>
  </si>
  <si>
    <t>cg00937263</t>
  </si>
  <si>
    <t>cg00947275</t>
  </si>
  <si>
    <t>cg00948677</t>
  </si>
  <si>
    <t>cg00958651</t>
  </si>
  <si>
    <t>cg00960300</t>
  </si>
  <si>
    <t>cg00960898</t>
  </si>
  <si>
    <t>cg00962635</t>
  </si>
  <si>
    <t>cg00963467</t>
  </si>
  <si>
    <t>cg00968475</t>
  </si>
  <si>
    <t>cg00969573</t>
  </si>
  <si>
    <t>cg00977690</t>
  </si>
  <si>
    <t>cg00979376</t>
  </si>
  <si>
    <t>cg00981643</t>
  </si>
  <si>
    <t>cg01001959</t>
  </si>
  <si>
    <t>cg01004805</t>
  </si>
  <si>
    <t>cg01005760</t>
  </si>
  <si>
    <t>cg01008919</t>
  </si>
  <si>
    <t>cg01010618</t>
  </si>
  <si>
    <t>cg01022618</t>
  </si>
  <si>
    <t>cg01037726</t>
  </si>
  <si>
    <t>cg01039990</t>
  </si>
  <si>
    <t>cg01046746</t>
  </si>
  <si>
    <t>cg01057599</t>
  </si>
  <si>
    <t>cg01069311</t>
  </si>
  <si>
    <t>cg01078706</t>
  </si>
  <si>
    <t>cg01079126</t>
  </si>
  <si>
    <t>cg01080862</t>
  </si>
  <si>
    <t>cg01081720</t>
  </si>
  <si>
    <t>cg01084328</t>
  </si>
  <si>
    <t>cg01084827</t>
  </si>
  <si>
    <t>cg01087287</t>
  </si>
  <si>
    <t>cg01098871</t>
  </si>
  <si>
    <t>cg01099541</t>
  </si>
  <si>
    <t>cg01104131</t>
  </si>
  <si>
    <t>cg01108554</t>
  </si>
  <si>
    <t>cg01109012</t>
  </si>
  <si>
    <t>cg01109660</t>
  </si>
  <si>
    <t>cg01110765</t>
  </si>
  <si>
    <t>cg01112452</t>
  </si>
  <si>
    <t>cg01112624</t>
  </si>
  <si>
    <t>cg01119520</t>
  </si>
  <si>
    <t>cg01123965</t>
  </si>
  <si>
    <t>cg01125381</t>
  </si>
  <si>
    <t>cg01127291</t>
  </si>
  <si>
    <t>cg01131699</t>
  </si>
  <si>
    <t>cg01131961</t>
  </si>
  <si>
    <t>cg01135626</t>
  </si>
  <si>
    <t>cg01138740</t>
  </si>
  <si>
    <t>cg01140782</t>
  </si>
  <si>
    <t>cg01145939</t>
  </si>
  <si>
    <t>cg01146870</t>
  </si>
  <si>
    <t>cg01162900</t>
  </si>
  <si>
    <t>cg01172484</t>
  </si>
  <si>
    <t>cg01172526</t>
  </si>
  <si>
    <t>cg01173474</t>
  </si>
  <si>
    <t>cg01177664</t>
  </si>
  <si>
    <t>cg01191578</t>
  </si>
  <si>
    <t>cg01203948</t>
  </si>
  <si>
    <t>cg01207481</t>
  </si>
  <si>
    <t>cg01207755</t>
  </si>
  <si>
    <t>cg01210880</t>
  </si>
  <si>
    <t>cg01212677</t>
  </si>
  <si>
    <t>cg01219451</t>
  </si>
  <si>
    <t>cg01222180</t>
  </si>
  <si>
    <t>cg01225298</t>
  </si>
  <si>
    <t>cg01228667</t>
  </si>
  <si>
    <t>cg01241836</t>
  </si>
  <si>
    <t>cg01244877</t>
  </si>
  <si>
    <t>cg01245531</t>
  </si>
  <si>
    <t>cg01257202</t>
  </si>
  <si>
    <t>cg01282661</t>
  </si>
  <si>
    <t>cg01288367</t>
  </si>
  <si>
    <t>cg01290869</t>
  </si>
  <si>
    <t>cg01293271</t>
  </si>
  <si>
    <t>cg01302641</t>
  </si>
  <si>
    <t>cg01306265</t>
  </si>
  <si>
    <t>cg01307615</t>
  </si>
  <si>
    <t>cg01308913</t>
  </si>
  <si>
    <t>cg01309671</t>
  </si>
  <si>
    <t>cg01314643</t>
  </si>
  <si>
    <t>cg01319581</t>
  </si>
  <si>
    <t>cg01321220</t>
  </si>
  <si>
    <t>cg01321830</t>
  </si>
  <si>
    <t>cg01325935</t>
  </si>
  <si>
    <t>cg01326358</t>
  </si>
  <si>
    <t>cg01331780</t>
  </si>
  <si>
    <t>cg01336631</t>
  </si>
  <si>
    <t>cg01337545</t>
  </si>
  <si>
    <t>cg01342901</t>
  </si>
  <si>
    <t>cg01343084</t>
  </si>
  <si>
    <t>cg01345087</t>
  </si>
  <si>
    <t>cg01349336</t>
  </si>
  <si>
    <t>cg01353347</t>
  </si>
  <si>
    <t>cg01353903</t>
  </si>
  <si>
    <t>cg01355242</t>
  </si>
  <si>
    <t>cg01361446</t>
  </si>
  <si>
    <t>cg01364253</t>
  </si>
  <si>
    <t>cg01368763</t>
  </si>
  <si>
    <t>cg01375994</t>
  </si>
  <si>
    <t>cg01378112</t>
  </si>
  <si>
    <t>cg01381545</t>
  </si>
  <si>
    <t>cg01383228</t>
  </si>
  <si>
    <t>cg01383599</t>
  </si>
  <si>
    <t>cg01384686</t>
  </si>
  <si>
    <t>cg01396530</t>
  </si>
  <si>
    <t>cg01398148</t>
  </si>
  <si>
    <t>cg01398912</t>
  </si>
  <si>
    <t>cg01408383</t>
  </si>
  <si>
    <t>cg01410230</t>
  </si>
  <si>
    <t>cg01413291</t>
  </si>
  <si>
    <t>cg01415112</t>
  </si>
  <si>
    <t>cg01430241</t>
  </si>
  <si>
    <t>cg01445307</t>
  </si>
  <si>
    <t>cg01460974</t>
  </si>
  <si>
    <t>cg01461762</t>
  </si>
  <si>
    <t>cg01473187</t>
  </si>
  <si>
    <t>cg01473525</t>
  </si>
  <si>
    <t>cg01479413</t>
  </si>
  <si>
    <t>cg01480550</t>
  </si>
  <si>
    <t>cg01486020</t>
  </si>
  <si>
    <t>cg01488378</t>
  </si>
  <si>
    <t>cg01501252</t>
  </si>
  <si>
    <t>cg01514943</t>
  </si>
  <si>
    <t>cg01523865</t>
  </si>
  <si>
    <t>cg01528835</t>
  </si>
  <si>
    <t>cg01529679</t>
  </si>
  <si>
    <t>cg01530521</t>
  </si>
  <si>
    <t>cg01534758</t>
  </si>
  <si>
    <t>cg01537968</t>
  </si>
  <si>
    <t>cg01540386</t>
  </si>
  <si>
    <t>cg01560464</t>
  </si>
  <si>
    <t>cg01560885</t>
  </si>
  <si>
    <t>cg01563671</t>
  </si>
  <si>
    <t>cg01564045</t>
  </si>
  <si>
    <t>cg01564693</t>
  </si>
  <si>
    <t>cg01567000</t>
  </si>
  <si>
    <t>cg01577514</t>
  </si>
  <si>
    <t>cg01577745</t>
  </si>
  <si>
    <t>cg01579322</t>
  </si>
  <si>
    <t>cg01589255</t>
  </si>
  <si>
    <t>cg01593269</t>
  </si>
  <si>
    <t>cg01598357</t>
  </si>
  <si>
    <t>cg01609611</t>
  </si>
  <si>
    <t>cg01634761</t>
  </si>
  <si>
    <t>cg01640808</t>
  </si>
  <si>
    <t>cg01651728</t>
  </si>
  <si>
    <t>cg01666573</t>
  </si>
  <si>
    <t>cg01668907</t>
  </si>
  <si>
    <t>cg01669374</t>
  </si>
  <si>
    <t>cg01673753</t>
  </si>
  <si>
    <t>cg01674874</t>
  </si>
  <si>
    <t>cg01680245</t>
  </si>
  <si>
    <t>cg01714671</t>
  </si>
  <si>
    <t>cg01716666</t>
  </si>
  <si>
    <t>cg01718602</t>
  </si>
  <si>
    <t>cg01733439</t>
  </si>
  <si>
    <t>cg01737010</t>
  </si>
  <si>
    <t>cg01742164</t>
  </si>
  <si>
    <t>cg01747155</t>
  </si>
  <si>
    <t>cg01752030</t>
  </si>
  <si>
    <t>cg01756638</t>
  </si>
  <si>
    <t>cg01758418</t>
  </si>
  <si>
    <t>cg01760227</t>
  </si>
  <si>
    <t>cg01765758</t>
  </si>
  <si>
    <t>cg01776229</t>
  </si>
  <si>
    <t>cg01780361</t>
  </si>
  <si>
    <t>cg01796247</t>
  </si>
  <si>
    <t>cg01809408</t>
  </si>
  <si>
    <t>cg01817069</t>
  </si>
  <si>
    <t>cg01817230</t>
  </si>
  <si>
    <t>cg01823238</t>
  </si>
  <si>
    <t>cg01826283</t>
  </si>
  <si>
    <t>cg01828434</t>
  </si>
  <si>
    <t>cg01831944</t>
  </si>
  <si>
    <t>cg01852560</t>
  </si>
  <si>
    <t>cg01852992</t>
  </si>
  <si>
    <t>cg01854931</t>
  </si>
  <si>
    <t>cg01855997</t>
  </si>
  <si>
    <t>cg01856640</t>
  </si>
  <si>
    <t>cg01859586</t>
  </si>
  <si>
    <t>cg01864032</t>
  </si>
  <si>
    <t>cg01885202</t>
  </si>
  <si>
    <t>cg01886630</t>
  </si>
  <si>
    <t>cg01886810</t>
  </si>
  <si>
    <t>cg01887353</t>
  </si>
  <si>
    <t>cg01887803</t>
  </si>
  <si>
    <t>cg01892695</t>
  </si>
  <si>
    <t>cg01893797</t>
  </si>
  <si>
    <t>cg01895141</t>
  </si>
  <si>
    <t>cg01896298</t>
  </si>
  <si>
    <t>cg01905377</t>
  </si>
  <si>
    <t>cg01906946</t>
  </si>
  <si>
    <t>cg01911846</t>
  </si>
  <si>
    <t>cg01918534</t>
  </si>
  <si>
    <t>cg01923531</t>
  </si>
  <si>
    <t>cg01924982</t>
  </si>
  <si>
    <t>cg01948589</t>
  </si>
  <si>
    <t>cg01959381</t>
  </si>
  <si>
    <t>cg01962233</t>
  </si>
  <si>
    <t>cg01963258</t>
  </si>
  <si>
    <t>cg01970554</t>
  </si>
  <si>
    <t>cg01980778</t>
  </si>
  <si>
    <t>cg01990433</t>
  </si>
  <si>
    <t>cg01993928</t>
  </si>
  <si>
    <t>cg01996723</t>
  </si>
  <si>
    <t>cg01997953</t>
  </si>
  <si>
    <t>cg02007259</t>
  </si>
  <si>
    <t>cg02012821</t>
  </si>
  <si>
    <t>cg02019068</t>
  </si>
  <si>
    <t>cg02022247</t>
  </si>
  <si>
    <t>cg02023473</t>
  </si>
  <si>
    <t>cg02025065</t>
  </si>
  <si>
    <t>cg02033323</t>
  </si>
  <si>
    <t>cg02041067</t>
  </si>
  <si>
    <t>cg02042142</t>
  </si>
  <si>
    <t>cg02053896</t>
  </si>
  <si>
    <t>cg02116333</t>
  </si>
  <si>
    <t>cg02120046</t>
  </si>
  <si>
    <t>cg02121672</t>
  </si>
  <si>
    <t>cg02124085</t>
  </si>
  <si>
    <t>cg02129889</t>
  </si>
  <si>
    <t>cg02148711</t>
  </si>
  <si>
    <t>cg02150469</t>
  </si>
  <si>
    <t>cg02154531</t>
  </si>
  <si>
    <t>cg02155675</t>
  </si>
  <si>
    <t>cg02155838</t>
  </si>
  <si>
    <t>cg02161824</t>
  </si>
  <si>
    <t>cg02165720</t>
  </si>
  <si>
    <t>cg02166322</t>
  </si>
  <si>
    <t>cg02169289</t>
  </si>
  <si>
    <t>cg02180505</t>
  </si>
  <si>
    <t>cg02188048</t>
  </si>
  <si>
    <t>cg02190600</t>
  </si>
  <si>
    <t>cg02193580</t>
  </si>
  <si>
    <t>cg02198544</t>
  </si>
  <si>
    <t>cg02200373</t>
  </si>
  <si>
    <t>cg02212061</t>
  </si>
  <si>
    <t>cg02215374</t>
  </si>
  <si>
    <t>cg02232536</t>
  </si>
  <si>
    <t>cg02233493</t>
  </si>
  <si>
    <t>cg02263717</t>
  </si>
  <si>
    <t>cg02264182</t>
  </si>
  <si>
    <t>cg02265919</t>
  </si>
  <si>
    <t>cg02273788</t>
  </si>
  <si>
    <t>cg02279124</t>
  </si>
  <si>
    <t>cg02283106</t>
  </si>
  <si>
    <t>cg02301364</t>
  </si>
  <si>
    <t>cg02311013</t>
  </si>
  <si>
    <t>cg02329520</t>
  </si>
  <si>
    <t>cg02336608</t>
  </si>
  <si>
    <t>cg02341380</t>
  </si>
  <si>
    <t>cg02345317</t>
  </si>
  <si>
    <t>cg02360119</t>
  </si>
  <si>
    <t>cg02376524</t>
  </si>
  <si>
    <t>cg02396917</t>
  </si>
  <si>
    <t>cg02402307</t>
  </si>
  <si>
    <t>cg02416822</t>
  </si>
  <si>
    <t>cg02424670</t>
  </si>
  <si>
    <t>cg02433927</t>
  </si>
  <si>
    <t>cg02437314</t>
  </si>
  <si>
    <t>cg02438576</t>
  </si>
  <si>
    <t>cg02447370</t>
  </si>
  <si>
    <t>cg02459704</t>
  </si>
  <si>
    <t>cg02492445</t>
  </si>
  <si>
    <t>cg02492740</t>
  </si>
  <si>
    <t>cg02504617</t>
  </si>
  <si>
    <t>cg02506527</t>
  </si>
  <si>
    <t>cg02512611</t>
  </si>
  <si>
    <t>cg02514307</t>
  </si>
  <si>
    <t>cg02523105</t>
  </si>
  <si>
    <t>cg02537612</t>
  </si>
  <si>
    <t>cg02543363</t>
  </si>
  <si>
    <t>cg02546818</t>
  </si>
  <si>
    <t>cg02559685</t>
  </si>
  <si>
    <t>cg02573613</t>
  </si>
  <si>
    <t>cg02575859</t>
  </si>
  <si>
    <t>cg02579620</t>
  </si>
  <si>
    <t>cg02581727</t>
  </si>
  <si>
    <t>cg02586883</t>
  </si>
  <si>
    <t>cg02590287</t>
  </si>
  <si>
    <t>cg02590710</t>
  </si>
  <si>
    <t>cg02602300</t>
  </si>
  <si>
    <t>cg02603022</t>
  </si>
  <si>
    <t>cg02604836</t>
  </si>
  <si>
    <t>cg02611122</t>
  </si>
  <si>
    <t>cg02616921</t>
  </si>
  <si>
    <t>cg02626719</t>
  </si>
  <si>
    <t>cg02634916</t>
  </si>
  <si>
    <t>cg02637978</t>
  </si>
  <si>
    <t>cg02639619</t>
  </si>
  <si>
    <t>cg02645343</t>
  </si>
  <si>
    <t>cg02647042</t>
  </si>
  <si>
    <t>cg02649608</t>
  </si>
  <si>
    <t>cg02651788</t>
  </si>
  <si>
    <t>cg02678356</t>
  </si>
  <si>
    <t>cg02684842</t>
  </si>
  <si>
    <t>cg02693068</t>
  </si>
  <si>
    <t>cg02698615</t>
  </si>
  <si>
    <t>cg02699127</t>
  </si>
  <si>
    <t>cg02710173</t>
  </si>
  <si>
    <t>cg02712399</t>
  </si>
  <si>
    <t>cg02714492</t>
  </si>
  <si>
    <t>cg02725692</t>
  </si>
  <si>
    <t>cg02732801</t>
  </si>
  <si>
    <t>cg02734755</t>
  </si>
  <si>
    <t>cg02742990</t>
  </si>
  <si>
    <t>cg02743552</t>
  </si>
  <si>
    <t>cg02752267</t>
  </si>
  <si>
    <t>cg02756511</t>
  </si>
  <si>
    <t>cg02769235</t>
  </si>
  <si>
    <t>cg02770794</t>
  </si>
  <si>
    <t>cg02772823</t>
  </si>
  <si>
    <t>cg02791948</t>
  </si>
  <si>
    <t>cg02799972</t>
  </si>
  <si>
    <t>cg02804166</t>
  </si>
  <si>
    <t>cg02804757</t>
  </si>
  <si>
    <t>cg02805922</t>
  </si>
  <si>
    <t>cg02812399</t>
  </si>
  <si>
    <t>cg02814558</t>
  </si>
  <si>
    <t>cg02830187</t>
  </si>
  <si>
    <t>cg02836821</t>
  </si>
  <si>
    <t>cg02841824</t>
  </si>
  <si>
    <t>cg02847500</t>
  </si>
  <si>
    <t>cg02853686</t>
  </si>
  <si>
    <t>cg02855049</t>
  </si>
  <si>
    <t>cg02856792</t>
  </si>
  <si>
    <t>cg02860323</t>
  </si>
  <si>
    <t>cg02871887</t>
  </si>
  <si>
    <t>cg02879659</t>
  </si>
  <si>
    <t>cg02882301</t>
  </si>
  <si>
    <t>cg02892589</t>
  </si>
  <si>
    <t>cg02893780</t>
  </si>
  <si>
    <t>cg02895192</t>
  </si>
  <si>
    <t>cg02902015</t>
  </si>
  <si>
    <t>cg02904184</t>
  </si>
  <si>
    <t>cg02912158</t>
  </si>
  <si>
    <t>cg02915422</t>
  </si>
  <si>
    <t>cg02921294</t>
  </si>
  <si>
    <t>cg02923300</t>
  </si>
  <si>
    <t>cg02934226</t>
  </si>
  <si>
    <t>cg02936076</t>
  </si>
  <si>
    <t>cg02940028</t>
  </si>
  <si>
    <t>cg02940221</t>
  </si>
  <si>
    <t>cg02944422</t>
  </si>
  <si>
    <t>cg02952681</t>
  </si>
  <si>
    <t>cg02953041</t>
  </si>
  <si>
    <t>cg02969243</t>
  </si>
  <si>
    <t>cg02971064</t>
  </si>
  <si>
    <t>cg02973734</t>
  </si>
  <si>
    <t>cg02973971</t>
  </si>
  <si>
    <t>cg02977829</t>
  </si>
  <si>
    <t>cg02981877</t>
  </si>
  <si>
    <t>cg02990147</t>
  </si>
  <si>
    <t>cg02992767</t>
  </si>
  <si>
    <t>cg02998933</t>
  </si>
  <si>
    <t>cg03003060</t>
  </si>
  <si>
    <t>cg03008405</t>
  </si>
  <si>
    <t>cg03010388</t>
  </si>
  <si>
    <t>cg03025340</t>
  </si>
  <si>
    <t>cg03025466</t>
  </si>
  <si>
    <t>cg03026311</t>
  </si>
  <si>
    <t>cg03031520</t>
  </si>
  <si>
    <t>cg03035653</t>
  </si>
  <si>
    <t>cg03038395</t>
  </si>
  <si>
    <t>cg03040210</t>
  </si>
  <si>
    <t>cg03046946</t>
  </si>
  <si>
    <t>cg03050491</t>
  </si>
  <si>
    <t>cg03056849</t>
  </si>
  <si>
    <t>cg03057808</t>
  </si>
  <si>
    <t>cg03058616</t>
  </si>
  <si>
    <t>cg03088756</t>
  </si>
  <si>
    <t>cg03096488</t>
  </si>
  <si>
    <t>cg03100992</t>
  </si>
  <si>
    <t>cg03122511</t>
  </si>
  <si>
    <t>cg03130686</t>
  </si>
  <si>
    <t>cg03149049</t>
  </si>
  <si>
    <t>cg03157806</t>
  </si>
  <si>
    <t>cg03159836</t>
  </si>
  <si>
    <t>cg03161453</t>
  </si>
  <si>
    <t>cg03164831</t>
  </si>
  <si>
    <t>cg03169432</t>
  </si>
  <si>
    <t>cg03174501</t>
  </si>
  <si>
    <t>cg03181214</t>
  </si>
  <si>
    <t>cg03191149</t>
  </si>
  <si>
    <t>cg03191359</t>
  </si>
  <si>
    <t>cg03198117</t>
  </si>
  <si>
    <t>cg03199955</t>
  </si>
  <si>
    <t>cg03206476</t>
  </si>
  <si>
    <t>cg03210191</t>
  </si>
  <si>
    <t>cg03210912</t>
  </si>
  <si>
    <t>cg03213502</t>
  </si>
  <si>
    <t>cg03221436</t>
  </si>
  <si>
    <t>cg03236853</t>
  </si>
  <si>
    <t>cg03250346</t>
  </si>
  <si>
    <t>cg03250911</t>
  </si>
  <si>
    <t>cg03267667</t>
  </si>
  <si>
    <t>cg03267787</t>
  </si>
  <si>
    <t>cg03274069</t>
  </si>
  <si>
    <t>cg03289972</t>
  </si>
  <si>
    <t>cg03305185</t>
  </si>
  <si>
    <t>cg03310203</t>
  </si>
  <si>
    <t>cg03319489</t>
  </si>
  <si>
    <t>cg03321558</t>
  </si>
  <si>
    <t>cg03328165</t>
  </si>
  <si>
    <t>cg03332892</t>
  </si>
  <si>
    <t>cg03341064</t>
  </si>
  <si>
    <t>cg03350825</t>
  </si>
  <si>
    <t>cg03350932</t>
  </si>
  <si>
    <t>cg03351894</t>
  </si>
  <si>
    <t>cg03356806</t>
  </si>
  <si>
    <t>cg03375088</t>
  </si>
  <si>
    <t>cg03382925</t>
  </si>
  <si>
    <t>cg03422380</t>
  </si>
  <si>
    <t>cg03435878</t>
  </si>
  <si>
    <t>cg03440535</t>
  </si>
  <si>
    <t>cg03447800</t>
  </si>
  <si>
    <t>cg03448884</t>
  </si>
  <si>
    <t>cg03455762</t>
  </si>
  <si>
    <t>cg03460546</t>
  </si>
  <si>
    <t>cg03465847</t>
  </si>
  <si>
    <t>cg03470745</t>
  </si>
  <si>
    <t>cg03477368</t>
  </si>
  <si>
    <t>cg03487706</t>
  </si>
  <si>
    <t>cg03506684</t>
  </si>
  <si>
    <t>cg03509908</t>
  </si>
  <si>
    <t>cg03527511</t>
  </si>
  <si>
    <t>cg03536032</t>
  </si>
  <si>
    <t>cg03537243</t>
  </si>
  <si>
    <t>cg03553451</t>
  </si>
  <si>
    <t>cg03558222</t>
  </si>
  <si>
    <t>cg03559234</t>
  </si>
  <si>
    <t>cg03575468</t>
  </si>
  <si>
    <t>cg03576039</t>
  </si>
  <si>
    <t>cg03577944</t>
  </si>
  <si>
    <t>cg03578806</t>
  </si>
  <si>
    <t>cg03595428</t>
  </si>
  <si>
    <t>cg03598440</t>
  </si>
  <si>
    <t>cg03598919</t>
  </si>
  <si>
    <t>cg03605858</t>
  </si>
  <si>
    <t>cg03608855</t>
  </si>
  <si>
    <t>cg03610137</t>
  </si>
  <si>
    <t>cg03650842</t>
  </si>
  <si>
    <t>cg03659012</t>
  </si>
  <si>
    <t>cg03662899</t>
  </si>
  <si>
    <t>cg03664928</t>
  </si>
  <si>
    <t>cg03670355</t>
  </si>
  <si>
    <t>cg03671371</t>
  </si>
  <si>
    <t>cg03672021</t>
  </si>
  <si>
    <t>cg03682444</t>
  </si>
  <si>
    <t>cg03688409</t>
  </si>
  <si>
    <t>cg03692134</t>
  </si>
  <si>
    <t>cg03692228</t>
  </si>
  <si>
    <t>cg03697809</t>
  </si>
  <si>
    <t>cg03704653</t>
  </si>
  <si>
    <t>cg03706022</t>
  </si>
  <si>
    <t>cg03709474</t>
  </si>
  <si>
    <t>cg03711046</t>
  </si>
  <si>
    <t>cg03714991</t>
  </si>
  <si>
    <t>cg03717635</t>
  </si>
  <si>
    <t>cg03718309</t>
  </si>
  <si>
    <t>cg03733831</t>
  </si>
  <si>
    <t>cg03735049</t>
  </si>
  <si>
    <t>cg03735077</t>
  </si>
  <si>
    <t>cg03738247</t>
  </si>
  <si>
    <t>cg03753611</t>
  </si>
  <si>
    <t>cg03761894</t>
  </si>
  <si>
    <t>cg03765359</t>
  </si>
  <si>
    <t>cg03768687</t>
  </si>
  <si>
    <t>cg03787796</t>
  </si>
  <si>
    <t>cg03788610</t>
  </si>
  <si>
    <t>cg03790146</t>
  </si>
  <si>
    <t>cg03791917</t>
  </si>
  <si>
    <t>cg03800724</t>
  </si>
  <si>
    <t>cg03805048</t>
  </si>
  <si>
    <t>cg03810479</t>
  </si>
  <si>
    <t>cg03817616</t>
  </si>
  <si>
    <t>cg03823149</t>
  </si>
  <si>
    <t>cg03834574</t>
  </si>
  <si>
    <t>cg03838168</t>
  </si>
  <si>
    <t>cg03842291</t>
  </si>
  <si>
    <t>cg03845409</t>
  </si>
  <si>
    <t>cg03849262</t>
  </si>
  <si>
    <t>cg03858262</t>
  </si>
  <si>
    <t>cg03909472</t>
  </si>
  <si>
    <t>cg03915527</t>
  </si>
  <si>
    <t>cg03931619</t>
  </si>
  <si>
    <t>cg03934360</t>
  </si>
  <si>
    <t>cg03937594</t>
  </si>
  <si>
    <t>cg03939693</t>
  </si>
  <si>
    <t>cg03941517</t>
  </si>
  <si>
    <t>cg03946442</t>
  </si>
  <si>
    <t>cg03948928</t>
  </si>
  <si>
    <t>cg03950785</t>
  </si>
  <si>
    <t>cg03960747</t>
  </si>
  <si>
    <t>cg03966679</t>
  </si>
  <si>
    <t>cg03991766</t>
  </si>
  <si>
    <t>cg03992069</t>
  </si>
  <si>
    <t>cg03993368</t>
  </si>
  <si>
    <t>cg03995238</t>
  </si>
  <si>
    <t>cg04023829</t>
  </si>
  <si>
    <t>cg04032861</t>
  </si>
  <si>
    <t>cg04041812</t>
  </si>
  <si>
    <t>cg04044631</t>
  </si>
  <si>
    <t>cg04044694</t>
  </si>
  <si>
    <t>cg04051266</t>
  </si>
  <si>
    <t>cg04059198</t>
  </si>
  <si>
    <t>cg04064330</t>
  </si>
  <si>
    <t>cg04069374</t>
  </si>
  <si>
    <t>cg04069419</t>
  </si>
  <si>
    <t>cg04077363</t>
  </si>
  <si>
    <t>cg04084455</t>
  </si>
  <si>
    <t>cg04101819</t>
  </si>
  <si>
    <t>cg04118889</t>
  </si>
  <si>
    <t>cg04123347</t>
  </si>
  <si>
    <t>cg04137897</t>
  </si>
  <si>
    <t>cg04144603</t>
  </si>
  <si>
    <t>cg04177332</t>
  </si>
  <si>
    <t>cg04182378</t>
  </si>
  <si>
    <t>cg04183498</t>
  </si>
  <si>
    <t>cg04185841</t>
  </si>
  <si>
    <t>cg04189389</t>
  </si>
  <si>
    <t>cg04189697</t>
  </si>
  <si>
    <t>cg04205692</t>
  </si>
  <si>
    <t>cg04217946</t>
  </si>
  <si>
    <t>cg04224247</t>
  </si>
  <si>
    <t>cg04227026</t>
  </si>
  <si>
    <t>cg04238548</t>
  </si>
  <si>
    <t>cg04241572</t>
  </si>
  <si>
    <t>cg04253298</t>
  </si>
  <si>
    <t>cg04271131</t>
  </si>
  <si>
    <t>cg04279920</t>
  </si>
  <si>
    <t>cg04283377</t>
  </si>
  <si>
    <t>cg04287191</t>
  </si>
  <si>
    <t>cg04287686</t>
  </si>
  <si>
    <t>cg04290766</t>
  </si>
  <si>
    <t>cg04300278</t>
  </si>
  <si>
    <t>cg04302192</t>
  </si>
  <si>
    <t>cg04308274</t>
  </si>
  <si>
    <t>cg04318320</t>
  </si>
  <si>
    <t>cg04325187</t>
  </si>
  <si>
    <t>cg04331647</t>
  </si>
  <si>
    <t>cg04334684</t>
  </si>
  <si>
    <t>cg04341767</t>
  </si>
  <si>
    <t>cg04342295</t>
  </si>
  <si>
    <t>cg04343775</t>
  </si>
  <si>
    <t>cg04369555</t>
  </si>
  <si>
    <t>cg04381495</t>
  </si>
  <si>
    <t>cg04388053</t>
  </si>
  <si>
    <t>cg04388409</t>
  </si>
  <si>
    <t>cg04389917</t>
  </si>
  <si>
    <t>cg04392209</t>
  </si>
  <si>
    <t>cg04392694</t>
  </si>
  <si>
    <t>cg04395332</t>
  </si>
  <si>
    <t>cg04397441</t>
  </si>
  <si>
    <t>cg04399994</t>
  </si>
  <si>
    <t>cg04402798</t>
  </si>
  <si>
    <t>cg04414245</t>
  </si>
  <si>
    <t>cg04427987</t>
  </si>
  <si>
    <t>cg04455999</t>
  </si>
  <si>
    <t>cg04474375</t>
  </si>
  <si>
    <t>cg04483797</t>
  </si>
  <si>
    <t>cg04486022</t>
  </si>
  <si>
    <t>cg04488527</t>
  </si>
  <si>
    <t>cg04491396</t>
  </si>
  <si>
    <t>cg04499381</t>
  </si>
  <si>
    <t>cg04501372</t>
  </si>
  <si>
    <t>cg04522721</t>
  </si>
  <si>
    <t>cg04544154</t>
  </si>
  <si>
    <t>cg04557963</t>
  </si>
  <si>
    <t>cg04569165</t>
  </si>
  <si>
    <t>cg04574723</t>
  </si>
  <si>
    <t>cg04584307</t>
  </si>
  <si>
    <t>cg04586456</t>
  </si>
  <si>
    <t>cg04587983</t>
  </si>
  <si>
    <t>cg04593531</t>
  </si>
  <si>
    <t>cg04593869</t>
  </si>
  <si>
    <t>cg04602218</t>
  </si>
  <si>
    <t>cg04613080</t>
  </si>
  <si>
    <t>cg04621904</t>
  </si>
  <si>
    <t>cg04637219</t>
  </si>
  <si>
    <t>cg04637490</t>
  </si>
  <si>
    <t>cg04640677</t>
  </si>
  <si>
    <t>cg04641663</t>
  </si>
  <si>
    <t>cg04653083</t>
  </si>
  <si>
    <t>cg04659622</t>
  </si>
  <si>
    <t>cg04669465</t>
  </si>
  <si>
    <t>cg04675306</t>
  </si>
  <si>
    <t>cg04688327</t>
  </si>
  <si>
    <t>cg04688815</t>
  </si>
  <si>
    <t>cg04696059</t>
  </si>
  <si>
    <t>cg04700060</t>
  </si>
  <si>
    <t>cg04700811</t>
  </si>
  <si>
    <t>cg04703500</t>
  </si>
  <si>
    <t>cg04721883</t>
  </si>
  <si>
    <t>cg04733222</t>
  </si>
  <si>
    <t>cg04734446</t>
  </si>
  <si>
    <t>cg04751297</t>
  </si>
  <si>
    <t>cg04755662</t>
  </si>
  <si>
    <t>cg04765207</t>
  </si>
  <si>
    <t>cg04769268</t>
  </si>
  <si>
    <t>cg04769341</t>
  </si>
  <si>
    <t>cg04771729</t>
  </si>
  <si>
    <t>cg04784122</t>
  </si>
  <si>
    <t>cg04787237</t>
  </si>
  <si>
    <t>cg04791287</t>
  </si>
  <si>
    <t>cg04812249</t>
  </si>
  <si>
    <t>cg04817724</t>
  </si>
  <si>
    <t>cg04821091</t>
  </si>
  <si>
    <t>cg04823894</t>
  </si>
  <si>
    <t>cg04861259</t>
  </si>
  <si>
    <t>cg04867253</t>
  </si>
  <si>
    <t>cg04875162</t>
  </si>
  <si>
    <t>cg04886514</t>
  </si>
  <si>
    <t>cg04889508</t>
  </si>
  <si>
    <t>cg04907664</t>
  </si>
  <si>
    <t>cg04919858</t>
  </si>
  <si>
    <t>cg04924696</t>
  </si>
  <si>
    <t>cg04926827</t>
  </si>
  <si>
    <t>cg04929022</t>
  </si>
  <si>
    <t>cg04929865</t>
  </si>
  <si>
    <t>cg04932149</t>
  </si>
  <si>
    <t>cg04941611</t>
  </si>
  <si>
    <t>cg04960964</t>
  </si>
  <si>
    <t>cg04967538</t>
  </si>
  <si>
    <t>cg04985372</t>
  </si>
  <si>
    <t>cg04992335</t>
  </si>
  <si>
    <t>cg04995154</t>
  </si>
  <si>
    <t>cg05012785</t>
  </si>
  <si>
    <t>cg05016192</t>
  </si>
  <si>
    <t>cg05019001</t>
  </si>
  <si>
    <t>cg05026884</t>
  </si>
  <si>
    <t>cg05028588</t>
  </si>
  <si>
    <t>cg05029625</t>
  </si>
  <si>
    <t>cg05034175</t>
  </si>
  <si>
    <t>cg05041728</t>
  </si>
  <si>
    <t>cg05047811</t>
  </si>
  <si>
    <t>cg05049933</t>
  </si>
  <si>
    <t>cg05059994</t>
  </si>
  <si>
    <t>cg05070565</t>
  </si>
  <si>
    <t>cg05073171</t>
  </si>
  <si>
    <t>cg05074623</t>
  </si>
  <si>
    <t>cg05078775</t>
  </si>
  <si>
    <t>cg05083020</t>
  </si>
  <si>
    <t>cg05085049</t>
  </si>
  <si>
    <t>cg05093881</t>
  </si>
  <si>
    <t>cg05100268</t>
  </si>
  <si>
    <t>cg05100479</t>
  </si>
  <si>
    <t>cg05101765</t>
  </si>
  <si>
    <t>cg05103731</t>
  </si>
  <si>
    <t>cg05106463</t>
  </si>
  <si>
    <t>cg05106824</t>
  </si>
  <si>
    <t>cg05116966</t>
  </si>
  <si>
    <t>cg05121989</t>
  </si>
  <si>
    <t>cg05130312</t>
  </si>
  <si>
    <t>cg05135729</t>
  </si>
  <si>
    <t>cg05137662</t>
  </si>
  <si>
    <t>cg05141400</t>
  </si>
  <si>
    <t>cg05143403</t>
  </si>
  <si>
    <t>cg05148324</t>
  </si>
  <si>
    <t>cg05152051</t>
  </si>
  <si>
    <t>cg05152459</t>
  </si>
  <si>
    <t>cg05159604</t>
  </si>
  <si>
    <t>cg05162528</t>
  </si>
  <si>
    <t>cg05168419</t>
  </si>
  <si>
    <t>cg05169062</t>
  </si>
  <si>
    <t>cg05175213</t>
  </si>
  <si>
    <t>cg05181110</t>
  </si>
  <si>
    <t>cg05185504</t>
  </si>
  <si>
    <t>cg05185776</t>
  </si>
  <si>
    <t>cg05193141</t>
  </si>
  <si>
    <t>cg05196026</t>
  </si>
  <si>
    <t>cg05196885</t>
  </si>
  <si>
    <t>cg05212419</t>
  </si>
  <si>
    <t>cg05215598</t>
  </si>
  <si>
    <t>cg05223249</t>
  </si>
  <si>
    <t>cg05237609</t>
  </si>
  <si>
    <t>cg05240059</t>
  </si>
  <si>
    <t>cg05240083</t>
  </si>
  <si>
    <t>cg05254049</t>
  </si>
  <si>
    <t>cg05257947</t>
  </si>
  <si>
    <t>cg05259868</t>
  </si>
  <si>
    <t>cg05272837</t>
  </si>
  <si>
    <t>cg05275343</t>
  </si>
  <si>
    <t>cg05279113</t>
  </si>
  <si>
    <t>cg05287266</t>
  </si>
  <si>
    <t>cg05290899</t>
  </si>
  <si>
    <t>cg05292991</t>
  </si>
  <si>
    <t>cg05294909</t>
  </si>
  <si>
    <t>cg05295197</t>
  </si>
  <si>
    <t>cg05302110</t>
  </si>
  <si>
    <t>cg05302212</t>
  </si>
  <si>
    <t>cg05305760</t>
  </si>
  <si>
    <t>cg05339472</t>
  </si>
  <si>
    <t>cg05345404</t>
  </si>
  <si>
    <t>cg05347431</t>
  </si>
  <si>
    <t>cg05363666</t>
  </si>
  <si>
    <t>cg05365121</t>
  </si>
  <si>
    <t>cg05371395</t>
  </si>
  <si>
    <t>cg05392989</t>
  </si>
  <si>
    <t>cg05396017</t>
  </si>
  <si>
    <t>cg05397738</t>
  </si>
  <si>
    <t>cg05400670</t>
  </si>
  <si>
    <t>cg05405674</t>
  </si>
  <si>
    <t>cg05414556</t>
  </si>
  <si>
    <t>cg05418443</t>
  </si>
  <si>
    <t>cg05418506</t>
  </si>
  <si>
    <t>cg05419061</t>
  </si>
  <si>
    <t>cg05419227</t>
  </si>
  <si>
    <t>cg05422360</t>
  </si>
  <si>
    <t>cg05427163</t>
  </si>
  <si>
    <t>cg05434903</t>
  </si>
  <si>
    <t>cg05437059</t>
  </si>
  <si>
    <t>cg05444994</t>
  </si>
  <si>
    <t>cg05450314</t>
  </si>
  <si>
    <t>cg05464374</t>
  </si>
  <si>
    <t>cg05491276</t>
  </si>
  <si>
    <t>cg05494459</t>
  </si>
  <si>
    <t>cg05508067</t>
  </si>
  <si>
    <t>cg05511138</t>
  </si>
  <si>
    <t>cg05511752</t>
  </si>
  <si>
    <t>cg05530348</t>
  </si>
  <si>
    <t>cg05532403</t>
  </si>
  <si>
    <t>cg05542153</t>
  </si>
  <si>
    <t>cg05545272</t>
  </si>
  <si>
    <t>cg05547600</t>
  </si>
  <si>
    <t>cg05554396</t>
  </si>
  <si>
    <t>cg05555725</t>
  </si>
  <si>
    <t>cg05558522</t>
  </si>
  <si>
    <t>cg05559023</t>
  </si>
  <si>
    <t>cg05559795</t>
  </si>
  <si>
    <t>cg05559881</t>
  </si>
  <si>
    <t>cg05560472</t>
  </si>
  <si>
    <t>cg05566296</t>
  </si>
  <si>
    <t>cg05572207</t>
  </si>
  <si>
    <t>cg05576548</t>
  </si>
  <si>
    <t>cg05585317</t>
  </si>
  <si>
    <t>cg05587158</t>
  </si>
  <si>
    <t>cg05591348</t>
  </si>
  <si>
    <t>cg05592527</t>
  </si>
  <si>
    <t>cg05594230</t>
  </si>
  <si>
    <t>cg05598468</t>
  </si>
  <si>
    <t>cg05652828</t>
  </si>
  <si>
    <t>cg05666266</t>
  </si>
  <si>
    <t>cg05680973</t>
  </si>
  <si>
    <t>cg05688478</t>
  </si>
  <si>
    <t>cg05695959</t>
  </si>
  <si>
    <t>cg05699139</t>
  </si>
  <si>
    <t>cg05707815</t>
  </si>
  <si>
    <t>cg05735850</t>
  </si>
  <si>
    <t>cg05740522</t>
  </si>
  <si>
    <t>cg05777666</t>
  </si>
  <si>
    <t>cg05777690</t>
  </si>
  <si>
    <t>cg05789980</t>
  </si>
  <si>
    <t>cg05801573</t>
  </si>
  <si>
    <t>cg05832562</t>
  </si>
  <si>
    <t>cg05837905</t>
  </si>
  <si>
    <t>cg05839786</t>
  </si>
  <si>
    <t>cg05858130</t>
  </si>
  <si>
    <t>cg05867448</t>
  </si>
  <si>
    <t>cg05870108</t>
  </si>
  <si>
    <t>cg05872215</t>
  </si>
  <si>
    <t>cg05877833</t>
  </si>
  <si>
    <t>cg05878968</t>
  </si>
  <si>
    <t>cg05884886</t>
  </si>
  <si>
    <t>cg05889642</t>
  </si>
  <si>
    <t>cg05892376</t>
  </si>
  <si>
    <t>cg05892902</t>
  </si>
  <si>
    <t>cg05902740</t>
  </si>
  <si>
    <t>cg05903800</t>
  </si>
  <si>
    <t>cg05906362</t>
  </si>
  <si>
    <t>cg05908833</t>
  </si>
  <si>
    <t>cg05921207</t>
  </si>
  <si>
    <t>cg05929865</t>
  </si>
  <si>
    <t>cg05933703</t>
  </si>
  <si>
    <t>cg05943755</t>
  </si>
  <si>
    <t>cg05961595</t>
  </si>
  <si>
    <t>cg05965444</t>
  </si>
  <si>
    <t>cg05980727</t>
  </si>
  <si>
    <t>cg05999377</t>
  </si>
  <si>
    <t>cg06002470</t>
  </si>
  <si>
    <t>cg06010380</t>
  </si>
  <si>
    <t>cg06019215</t>
  </si>
  <si>
    <t>cg06037923</t>
  </si>
  <si>
    <t>cg06046085</t>
  </si>
  <si>
    <t>cg06051662</t>
  </si>
  <si>
    <t>cg06069823</t>
  </si>
  <si>
    <t>cg06099218</t>
  </si>
  <si>
    <t>cg06102452</t>
  </si>
  <si>
    <t>cg06102971</t>
  </si>
  <si>
    <t>cg06106988</t>
  </si>
  <si>
    <t>cg06107108</t>
  </si>
  <si>
    <t>cg06122016</t>
  </si>
  <si>
    <t>cg06126323</t>
  </si>
  <si>
    <t>cg06127902</t>
  </si>
  <si>
    <t>cg06128881</t>
  </si>
  <si>
    <t>cg06134608</t>
  </si>
  <si>
    <t>cg06140460</t>
  </si>
  <si>
    <t>cg06140761</t>
  </si>
  <si>
    <t>cg06143713</t>
  </si>
  <si>
    <t>cg06144608</t>
  </si>
  <si>
    <t>cg06145357</t>
  </si>
  <si>
    <t>cg06149454</t>
  </si>
  <si>
    <t>cg06152434</t>
  </si>
  <si>
    <t>cg06159667</t>
  </si>
  <si>
    <t>cg06163534</t>
  </si>
  <si>
    <t>cg06170080</t>
  </si>
  <si>
    <t>cg06170215</t>
  </si>
  <si>
    <t>cg06172119</t>
  </si>
  <si>
    <t>cg06190216</t>
  </si>
  <si>
    <t>cg06204009</t>
  </si>
  <si>
    <t>cg06213900</t>
  </si>
  <si>
    <t>cg06217046</t>
  </si>
  <si>
    <t>cg06219046</t>
  </si>
  <si>
    <t>cg06219927</t>
  </si>
  <si>
    <t>cg06220755</t>
  </si>
  <si>
    <t>cg06223806</t>
  </si>
  <si>
    <t>cg06231618</t>
  </si>
  <si>
    <t>cg06234064</t>
  </si>
  <si>
    <t>cg06243722</t>
  </si>
  <si>
    <t>cg06253229</t>
  </si>
  <si>
    <t>cg06267401</t>
  </si>
  <si>
    <t>cg06270497</t>
  </si>
  <si>
    <t>cg06273903</t>
  </si>
  <si>
    <t>cg06275134</t>
  </si>
  <si>
    <t>cg06277838</t>
  </si>
  <si>
    <t>cg06286431</t>
  </si>
  <si>
    <t>cg06289882</t>
  </si>
  <si>
    <t>cg06291093</t>
  </si>
  <si>
    <t>cg06298361</t>
  </si>
  <si>
    <t>cg06302218</t>
  </si>
  <si>
    <t>cg06307153</t>
  </si>
  <si>
    <t>cg06327799</t>
  </si>
  <si>
    <t>cg06341336</t>
  </si>
  <si>
    <t>cg06373526</t>
  </si>
  <si>
    <t>cg06376940</t>
  </si>
  <si>
    <t>cg06384623</t>
  </si>
  <si>
    <t>cg06400167</t>
  </si>
  <si>
    <t>cg06408533</t>
  </si>
  <si>
    <t>cg06409934</t>
  </si>
  <si>
    <t>cg06427226</t>
  </si>
  <si>
    <t>cg06428055</t>
  </si>
  <si>
    <t>cg06438901</t>
  </si>
  <si>
    <t>cg06441867</t>
  </si>
  <si>
    <t>cg06442736</t>
  </si>
  <si>
    <t>cg06442966</t>
  </si>
  <si>
    <t>cg06447436</t>
  </si>
  <si>
    <t>cg06448666</t>
  </si>
  <si>
    <t>cg06452893</t>
  </si>
  <si>
    <t>cg06452970</t>
  </si>
  <si>
    <t>cg06455206</t>
  </si>
  <si>
    <t>cg06457249</t>
  </si>
  <si>
    <t>cg06462431</t>
  </si>
  <si>
    <t>cg06468442</t>
  </si>
  <si>
    <t>cg06475150</t>
  </si>
  <si>
    <t>cg06476341</t>
  </si>
  <si>
    <t>cg06481089</t>
  </si>
  <si>
    <t>cg06489418</t>
  </si>
  <si>
    <t>cg06492112</t>
  </si>
  <si>
    <t>cg06505213</t>
  </si>
  <si>
    <t>cg06505768</t>
  </si>
  <si>
    <t>cg06513359</t>
  </si>
  <si>
    <t>cg06514587</t>
  </si>
  <si>
    <t>cg06522219</t>
  </si>
  <si>
    <t>cg06526829</t>
  </si>
  <si>
    <t>cg06539694</t>
  </si>
  <si>
    <t>cg06548617</t>
  </si>
  <si>
    <t>cg06549249</t>
  </si>
  <si>
    <t>cg06552195</t>
  </si>
  <si>
    <t>cg06558952</t>
  </si>
  <si>
    <t>cg06583412</t>
  </si>
  <si>
    <t>cg06616051</t>
  </si>
  <si>
    <t>cg06620299</t>
  </si>
  <si>
    <t>cg06621863</t>
  </si>
  <si>
    <t>cg06623468</t>
  </si>
  <si>
    <t>cg06625174</t>
  </si>
  <si>
    <t>cg06645047</t>
  </si>
  <si>
    <t>cg06649626</t>
  </si>
  <si>
    <t>cg06650847</t>
  </si>
  <si>
    <t>cg06655100</t>
  </si>
  <si>
    <t>cg06657741</t>
  </si>
  <si>
    <t>cg06659128</t>
  </si>
  <si>
    <t>cg06663923</t>
  </si>
  <si>
    <t>cg06667703</t>
  </si>
  <si>
    <t>cg06675660</t>
  </si>
  <si>
    <t>cg06691299</t>
  </si>
  <si>
    <t>cg06692867</t>
  </si>
  <si>
    <t>cg06701191</t>
  </si>
  <si>
    <t>cg06705167</t>
  </si>
  <si>
    <t>cg06711837</t>
  </si>
  <si>
    <t>cg06717971</t>
  </si>
  <si>
    <t>cg06731599</t>
  </si>
  <si>
    <t>cg06746903</t>
  </si>
  <si>
    <t>cg06758848</t>
  </si>
  <si>
    <t>cg06761424</t>
  </si>
  <si>
    <t>cg06767008</t>
  </si>
  <si>
    <t>cg06769752</t>
  </si>
  <si>
    <t>cg06774124</t>
  </si>
  <si>
    <t>cg06776257</t>
  </si>
  <si>
    <t>cg06780606</t>
  </si>
  <si>
    <t>cg06786167</t>
  </si>
  <si>
    <t>cg06809565</t>
  </si>
  <si>
    <t>cg06810133</t>
  </si>
  <si>
    <t>cg06818142</t>
  </si>
  <si>
    <t>cg06831164</t>
  </si>
  <si>
    <t>cg06851753</t>
  </si>
  <si>
    <t>cg06877198</t>
  </si>
  <si>
    <t>cg06885779</t>
  </si>
  <si>
    <t>cg06891491</t>
  </si>
  <si>
    <t>cg06895515</t>
  </si>
  <si>
    <t>cg06900776</t>
  </si>
  <si>
    <t>cg06902764</t>
  </si>
  <si>
    <t>cg06908232</t>
  </si>
  <si>
    <t>cg06919398</t>
  </si>
  <si>
    <t>cg06919903</t>
  </si>
  <si>
    <t>cg06920429</t>
  </si>
  <si>
    <t>cg06921456</t>
  </si>
  <si>
    <t>cg06921685</t>
  </si>
  <si>
    <t>cg06925836</t>
  </si>
  <si>
    <t>cg06936709</t>
  </si>
  <si>
    <t>cg06942445</t>
  </si>
  <si>
    <t>cg06944050</t>
  </si>
  <si>
    <t>cg06957108</t>
  </si>
  <si>
    <t>cg06967228</t>
  </si>
  <si>
    <t>cg06980881</t>
  </si>
  <si>
    <t>cg06981242</t>
  </si>
  <si>
    <t>cg07001612</t>
  </si>
  <si>
    <t>cg07007780</t>
  </si>
  <si>
    <t>cg07011790</t>
  </si>
  <si>
    <t>cg07042747</t>
  </si>
  <si>
    <t>cg07053880</t>
  </si>
  <si>
    <t>cg07055845</t>
  </si>
  <si>
    <t>cg07063211</t>
  </si>
  <si>
    <t>cg07063583</t>
  </si>
  <si>
    <t>cg07069660</t>
  </si>
  <si>
    <t>cg07070940</t>
  </si>
  <si>
    <t>cg07079445</t>
  </si>
  <si>
    <t>cg07091641</t>
  </si>
  <si>
    <t>cg07094528</t>
  </si>
  <si>
    <t>cg07099245</t>
  </si>
  <si>
    <t>cg07103644</t>
  </si>
  <si>
    <t>cg07108522</t>
  </si>
  <si>
    <t>cg07137581</t>
  </si>
  <si>
    <t>cg07151929</t>
  </si>
  <si>
    <t>cg07161993</t>
  </si>
  <si>
    <t>cg07172550</t>
  </si>
  <si>
    <t>cg07174097</t>
  </si>
  <si>
    <t>cg07180121</t>
  </si>
  <si>
    <t>cg07193309</t>
  </si>
  <si>
    <t>cg07195469</t>
  </si>
  <si>
    <t>cg07201013</t>
  </si>
  <si>
    <t>cg07204290</t>
  </si>
  <si>
    <t>cg07210835</t>
  </si>
  <si>
    <t>cg07223177</t>
  </si>
  <si>
    <t>cg07240096</t>
  </si>
  <si>
    <t>cg07242375</t>
  </si>
  <si>
    <t>cg07260443</t>
  </si>
  <si>
    <t>cg07274490</t>
  </si>
  <si>
    <t>cg07278328</t>
  </si>
  <si>
    <t>cg07295246</t>
  </si>
  <si>
    <t>cg07297906</t>
  </si>
  <si>
    <t>cg07309821</t>
  </si>
  <si>
    <t>cg07313078</t>
  </si>
  <si>
    <t>cg07314984</t>
  </si>
  <si>
    <t>cg07320017</t>
  </si>
  <si>
    <t>cg07337720</t>
  </si>
  <si>
    <t>cg07342016</t>
  </si>
  <si>
    <t>cg07349006</t>
  </si>
  <si>
    <t>cg07368951</t>
  </si>
  <si>
    <t>cg07374632</t>
  </si>
  <si>
    <t>cg07380282</t>
  </si>
  <si>
    <t>cg07382899</t>
  </si>
  <si>
    <t>cg07388258</t>
  </si>
  <si>
    <t>cg07398429</t>
  </si>
  <si>
    <t>cg07418809</t>
  </si>
  <si>
    <t>cg07419178</t>
  </si>
  <si>
    <t>cg07419680</t>
  </si>
  <si>
    <t>cg07428182</t>
  </si>
  <si>
    <t>cg07434817</t>
  </si>
  <si>
    <t>cg07446846</t>
  </si>
  <si>
    <t>cg07447868</t>
  </si>
  <si>
    <t>cg07459438</t>
  </si>
  <si>
    <t>cg07462256</t>
  </si>
  <si>
    <t>cg07463743</t>
  </si>
  <si>
    <t>cg07469105</t>
  </si>
  <si>
    <t>cg07469691</t>
  </si>
  <si>
    <t>cg07473550</t>
  </si>
  <si>
    <t>cg07474356</t>
  </si>
  <si>
    <t>cg07485959</t>
  </si>
  <si>
    <t>cg07489003</t>
  </si>
  <si>
    <t>cg07492878</t>
  </si>
  <si>
    <t>cg07494987</t>
  </si>
  <si>
    <t>cg07495946</t>
  </si>
  <si>
    <t>cg07496966</t>
  </si>
  <si>
    <t>cg07501063</t>
  </si>
  <si>
    <t>cg07507339</t>
  </si>
  <si>
    <t>cg07508090</t>
  </si>
  <si>
    <t>cg07525100</t>
  </si>
  <si>
    <t>cg07549474</t>
  </si>
  <si>
    <t>cg07556193</t>
  </si>
  <si>
    <t>cg07559438</t>
  </si>
  <si>
    <t>cg07570652</t>
  </si>
  <si>
    <t>cg07573912</t>
  </si>
  <si>
    <t>cg07581973</t>
  </si>
  <si>
    <t>cg07608505</t>
  </si>
  <si>
    <t>cg07621042</t>
  </si>
  <si>
    <t>cg07629996</t>
  </si>
  <si>
    <t>cg07635888</t>
  </si>
  <si>
    <t>cg07646007</t>
  </si>
  <si>
    <t>cg07649160</t>
  </si>
  <si>
    <t>cg07650640</t>
  </si>
  <si>
    <t>cg07653699</t>
  </si>
  <si>
    <t>cg07658428</t>
  </si>
  <si>
    <t>cg07662137</t>
  </si>
  <si>
    <t>cg07681139</t>
  </si>
  <si>
    <t>cg07688234</t>
  </si>
  <si>
    <t>cg07694085</t>
  </si>
  <si>
    <t>cg07748875</t>
  </si>
  <si>
    <t>cg07749485</t>
  </si>
  <si>
    <t>cg07761358</t>
  </si>
  <si>
    <t>cg07764473</t>
  </si>
  <si>
    <t>cg07767690</t>
  </si>
  <si>
    <t>cg07768177</t>
  </si>
  <si>
    <t>cg07769622</t>
  </si>
  <si>
    <t>cg07770093</t>
  </si>
  <si>
    <t>cg07772467</t>
  </si>
  <si>
    <t>cg07779826</t>
  </si>
  <si>
    <t>cg07780118</t>
  </si>
  <si>
    <t>cg07780544</t>
  </si>
  <si>
    <t>cg07780887</t>
  </si>
  <si>
    <t>cg07792041</t>
  </si>
  <si>
    <t>cg07796014</t>
  </si>
  <si>
    <t>cg07806797</t>
  </si>
  <si>
    <t>cg07812390</t>
  </si>
  <si>
    <t>cg07820420</t>
  </si>
  <si>
    <t>cg07830469</t>
  </si>
  <si>
    <t>cg07845764</t>
  </si>
  <si>
    <t>cg07861014</t>
  </si>
  <si>
    <t>cg07863318</t>
  </si>
  <si>
    <t>cg07870985</t>
  </si>
  <si>
    <t>cg07874284</t>
  </si>
  <si>
    <t>cg07876586</t>
  </si>
  <si>
    <t>cg07897414</t>
  </si>
  <si>
    <t>cg07907859</t>
  </si>
  <si>
    <t>cg07910919</t>
  </si>
  <si>
    <t>cg07911663</t>
  </si>
  <si>
    <t>cg07917796</t>
  </si>
  <si>
    <t>cg07929447</t>
  </si>
  <si>
    <t>cg07933757</t>
  </si>
  <si>
    <t>cg07934503</t>
  </si>
  <si>
    <t>cg07940380</t>
  </si>
  <si>
    <t>cg07940804</t>
  </si>
  <si>
    <t>cg07946630</t>
  </si>
  <si>
    <t>cg07971493</t>
  </si>
  <si>
    <t>cg07979856</t>
  </si>
  <si>
    <t>cg07984302</t>
  </si>
  <si>
    <t>cg07989638</t>
  </si>
  <si>
    <t>cg07998499</t>
  </si>
  <si>
    <t>cg08046324</t>
  </si>
  <si>
    <t>cg08062822</t>
  </si>
  <si>
    <t>cg08065271</t>
  </si>
  <si>
    <t>cg08065501</t>
  </si>
  <si>
    <t>cg08071770</t>
  </si>
  <si>
    <t>cg08076508</t>
  </si>
  <si>
    <t>cg08087512</t>
  </si>
  <si>
    <t>cg08093211</t>
  </si>
  <si>
    <t>cg08099387</t>
  </si>
  <si>
    <t>cg08103876</t>
  </si>
  <si>
    <t>cg08115220</t>
  </si>
  <si>
    <t>cg08117103</t>
  </si>
  <si>
    <t>cg08118032</t>
  </si>
  <si>
    <t>cg08118341</t>
  </si>
  <si>
    <t>cg08122495</t>
  </si>
  <si>
    <t>cg08126551</t>
  </si>
  <si>
    <t>cg08130682</t>
  </si>
  <si>
    <t>cg08139636</t>
  </si>
  <si>
    <t>cg08143197</t>
  </si>
  <si>
    <t>cg08143561</t>
  </si>
  <si>
    <t>cg08145178</t>
  </si>
  <si>
    <t>cg08159444</t>
  </si>
  <si>
    <t>cg08168768</t>
  </si>
  <si>
    <t>cg08195028</t>
  </si>
  <si>
    <t>cg08195522</t>
  </si>
  <si>
    <t>cg08195538</t>
  </si>
  <si>
    <t>cg08209743</t>
  </si>
  <si>
    <t>cg08214328</t>
  </si>
  <si>
    <t>cg08214610</t>
  </si>
  <si>
    <t>cg08221357</t>
  </si>
  <si>
    <t>cg08222221</t>
  </si>
  <si>
    <t>cg08222309</t>
  </si>
  <si>
    <t>cg08239458</t>
  </si>
  <si>
    <t>cg08255147</t>
  </si>
  <si>
    <t>cg08264124</t>
  </si>
  <si>
    <t>cg08279496</t>
  </si>
  <si>
    <t>cg08291487</t>
  </si>
  <si>
    <t>cg08292505</t>
  </si>
  <si>
    <t>cg08300622</t>
  </si>
  <si>
    <t>cg08318837</t>
  </si>
  <si>
    <t>cg08322013</t>
  </si>
  <si>
    <t>cg08327779</t>
  </si>
  <si>
    <t>cg08327960</t>
  </si>
  <si>
    <t>cg08328842</t>
  </si>
  <si>
    <t>cg08329683</t>
  </si>
  <si>
    <t>cg08341323</t>
  </si>
  <si>
    <t>cg08349204</t>
  </si>
  <si>
    <t>cg08355317</t>
  </si>
  <si>
    <t>cg08357177</t>
  </si>
  <si>
    <t>cg08372291</t>
  </si>
  <si>
    <t>cg08382577</t>
  </si>
  <si>
    <t>cg08395108</t>
  </si>
  <si>
    <t>cg08395842</t>
  </si>
  <si>
    <t>cg08401365</t>
  </si>
  <si>
    <t>cg08407553</t>
  </si>
  <si>
    <t>cg08409066</t>
  </si>
  <si>
    <t>cg08409482</t>
  </si>
  <si>
    <t>cg08416046</t>
  </si>
  <si>
    <t>cg08418115</t>
  </si>
  <si>
    <t>cg08430222</t>
  </si>
  <si>
    <t>cg08434396</t>
  </si>
  <si>
    <t>cg08458068</t>
  </si>
  <si>
    <t>cg08470131</t>
  </si>
  <si>
    <t>cg08476892</t>
  </si>
  <si>
    <t>cg08491357</t>
  </si>
  <si>
    <t>cg08513688</t>
  </si>
  <si>
    <t>cg08530364</t>
  </si>
  <si>
    <t>cg08539065</t>
  </si>
  <si>
    <t>cg08560117</t>
  </si>
  <si>
    <t>cg08573069</t>
  </si>
  <si>
    <t>cg08577442</t>
  </si>
  <si>
    <t>cg08586423</t>
  </si>
  <si>
    <t>cg08587717</t>
  </si>
  <si>
    <t>cg08609845</t>
  </si>
  <si>
    <t>cg08610886</t>
  </si>
  <si>
    <t>cg08615635</t>
  </si>
  <si>
    <t>cg08620245</t>
  </si>
  <si>
    <t>cg08625693</t>
  </si>
  <si>
    <t>cg08633697</t>
  </si>
  <si>
    <t>cg08634339</t>
  </si>
  <si>
    <t>cg08642787</t>
  </si>
  <si>
    <t>cg08656747</t>
  </si>
  <si>
    <t>cg08663085</t>
  </si>
  <si>
    <t>cg08664054</t>
  </si>
  <si>
    <t>cg08674227</t>
  </si>
  <si>
    <t>cg08680085</t>
  </si>
  <si>
    <t>cg08681413</t>
  </si>
  <si>
    <t>cg08689445</t>
  </si>
  <si>
    <t>cg08690835</t>
  </si>
  <si>
    <t>cg08691687</t>
  </si>
  <si>
    <t>cg08695223</t>
  </si>
  <si>
    <t>cg08697944</t>
  </si>
  <si>
    <t>cg08698436</t>
  </si>
  <si>
    <t>cg08707617</t>
  </si>
  <si>
    <t>cg08710238</t>
  </si>
  <si>
    <t>cg08723064</t>
  </si>
  <si>
    <t>cg08728127</t>
  </si>
  <si>
    <t>cg08729658</t>
  </si>
  <si>
    <t>cg08760398</t>
  </si>
  <si>
    <t>cg08769559</t>
  </si>
  <si>
    <t>cg08774483</t>
  </si>
  <si>
    <t>cg08779783</t>
  </si>
  <si>
    <t>cg08783735</t>
  </si>
  <si>
    <t>cg08785133</t>
  </si>
  <si>
    <t>cg08791697</t>
  </si>
  <si>
    <t>cg08792260</t>
  </si>
  <si>
    <t>cg08800033</t>
  </si>
  <si>
    <t>cg08812937</t>
  </si>
  <si>
    <t>cg08814148</t>
  </si>
  <si>
    <t>cg08814772</t>
  </si>
  <si>
    <t>cg08815337</t>
  </si>
  <si>
    <t>cg08819482</t>
  </si>
  <si>
    <t>cg08826497</t>
  </si>
  <si>
    <t>cg08836298</t>
  </si>
  <si>
    <t>cg08841290</t>
  </si>
  <si>
    <t>cg08843314</t>
  </si>
  <si>
    <t>cg08846002</t>
  </si>
  <si>
    <t>cg08848171</t>
  </si>
  <si>
    <t>cg08855111</t>
  </si>
  <si>
    <t>cg08860608</t>
  </si>
  <si>
    <t>cg08862109</t>
  </si>
  <si>
    <t>cg08867430</t>
  </si>
  <si>
    <t>cg08874821</t>
  </si>
  <si>
    <t>cg08884343</t>
  </si>
  <si>
    <t>cg08902818</t>
  </si>
  <si>
    <t>cg08929402</t>
  </si>
  <si>
    <t>cg08937958</t>
  </si>
  <si>
    <t>cg08973646</t>
  </si>
  <si>
    <t>cg08990057</t>
  </si>
  <si>
    <t>cg08991015</t>
  </si>
  <si>
    <t>cg08998531</t>
  </si>
  <si>
    <t>cg09006810</t>
  </si>
  <si>
    <t>cg09012264</t>
  </si>
  <si>
    <t>cg09031836</t>
  </si>
  <si>
    <t>cg09039264</t>
  </si>
  <si>
    <t>cg09049334</t>
  </si>
  <si>
    <t>cg09054333</t>
  </si>
  <si>
    <t>cg09055214</t>
  </si>
  <si>
    <t>cg09055253</t>
  </si>
  <si>
    <t>cg09058241</t>
  </si>
  <si>
    <t>cg09075063</t>
  </si>
  <si>
    <t>cg09076540</t>
  </si>
  <si>
    <t>cg09092713</t>
  </si>
  <si>
    <t>cg09094355</t>
  </si>
  <si>
    <t>cg09100792</t>
  </si>
  <si>
    <t>cg09106468</t>
  </si>
  <si>
    <t>cg09125286</t>
  </si>
  <si>
    <t>cg09140084</t>
  </si>
  <si>
    <t>cg09144786</t>
  </si>
  <si>
    <t>cg09163457</t>
  </si>
  <si>
    <t>cg09177473</t>
  </si>
  <si>
    <t>cg09182733</t>
  </si>
  <si>
    <t>cg09195491</t>
  </si>
  <si>
    <t>cg09202373</t>
  </si>
  <si>
    <t>cg09227616</t>
  </si>
  <si>
    <t>cg09231482</t>
  </si>
  <si>
    <t>cg09234578</t>
  </si>
  <si>
    <t>cg09238868</t>
  </si>
  <si>
    <t>cg09250703</t>
  </si>
  <si>
    <t>cg09252204</t>
  </si>
  <si>
    <t>cg09275137</t>
  </si>
  <si>
    <t>cg09287459</t>
  </si>
  <si>
    <t>cg09294666</t>
  </si>
  <si>
    <t>cg09302010</t>
  </si>
  <si>
    <t>cg09319393</t>
  </si>
  <si>
    <t>cg09324116</t>
  </si>
  <si>
    <t>cg09332981</t>
  </si>
  <si>
    <t>cg09340741</t>
  </si>
  <si>
    <t>cg09344532</t>
  </si>
  <si>
    <t>cg09364317</t>
  </si>
  <si>
    <t>cg09368035</t>
  </si>
  <si>
    <t>cg09407693</t>
  </si>
  <si>
    <t>cg09407917</t>
  </si>
  <si>
    <t>cg09418623</t>
  </si>
  <si>
    <t>cg09438085</t>
  </si>
  <si>
    <t>cg09440563</t>
  </si>
  <si>
    <t>cg09445383</t>
  </si>
  <si>
    <t>cg09448062</t>
  </si>
  <si>
    <t>cg09475041</t>
  </si>
  <si>
    <t>cg09484077</t>
  </si>
  <si>
    <t>cg09500531</t>
  </si>
  <si>
    <t>cg09515442</t>
  </si>
  <si>
    <t>cg09554224</t>
  </si>
  <si>
    <t>cg09581098</t>
  </si>
  <si>
    <t>cg09608545</t>
  </si>
  <si>
    <t>cg09641151</t>
  </si>
  <si>
    <t>cg09661041</t>
  </si>
  <si>
    <t>cg09662907</t>
  </si>
  <si>
    <t>cg09703824</t>
  </si>
  <si>
    <t>cg09724624</t>
  </si>
  <si>
    <t>cg09725439</t>
  </si>
  <si>
    <t>cg09735782</t>
  </si>
  <si>
    <t>cg09743261</t>
  </si>
  <si>
    <t>cg09760728</t>
  </si>
  <si>
    <t>cg09761247</t>
  </si>
  <si>
    <t>cg09764075</t>
  </si>
  <si>
    <t>cg09778422</t>
  </si>
  <si>
    <t>cg09791535</t>
  </si>
  <si>
    <t>cg09793827</t>
  </si>
  <si>
    <t>cg09810818</t>
  </si>
  <si>
    <t>cg09810925</t>
  </si>
  <si>
    <t>cg09841635</t>
  </si>
  <si>
    <t>cg09875833</t>
  </si>
  <si>
    <t>cg09877299</t>
  </si>
  <si>
    <t>cg09902786</t>
  </si>
  <si>
    <t>cg09923855</t>
  </si>
  <si>
    <t>cg09929941</t>
  </si>
  <si>
    <t>cg09935073</t>
  </si>
  <si>
    <t>cg09950034</t>
  </si>
  <si>
    <t>cg09953687</t>
  </si>
  <si>
    <t>cg09966745</t>
  </si>
  <si>
    <t>cg09989237</t>
  </si>
  <si>
    <t>cg09991056</t>
  </si>
  <si>
    <t>cg09998101</t>
  </si>
  <si>
    <t>cg10014219</t>
  </si>
  <si>
    <t>cg10026671</t>
  </si>
  <si>
    <t>cg10030436</t>
  </si>
  <si>
    <t>cg10039267</t>
  </si>
  <si>
    <t>cg10043804</t>
  </si>
  <si>
    <t>cg10055173</t>
  </si>
  <si>
    <t>cg10058095</t>
  </si>
  <si>
    <t>cg10058598</t>
  </si>
  <si>
    <t>cg10064814</t>
  </si>
  <si>
    <t>cg10070741</t>
  </si>
  <si>
    <t>cg10072574</t>
  </si>
  <si>
    <t>cg10076009</t>
  </si>
  <si>
    <t>cg10084932</t>
  </si>
  <si>
    <t>cg10090585</t>
  </si>
  <si>
    <t>cg10091155</t>
  </si>
  <si>
    <t>cg10098570</t>
  </si>
  <si>
    <t>cg10101479</t>
  </si>
  <si>
    <t>cg10102167</t>
  </si>
  <si>
    <t>cg10105844</t>
  </si>
  <si>
    <t>cg10127415</t>
  </si>
  <si>
    <t>cg10127939</t>
  </si>
  <si>
    <t>cg10142252</t>
  </si>
  <si>
    <t>cg10149996</t>
  </si>
  <si>
    <t>cg10155960</t>
  </si>
  <si>
    <t>cg10163050</t>
  </si>
  <si>
    <t>cg10164191</t>
  </si>
  <si>
    <t>cg10174816</t>
  </si>
  <si>
    <t>cg10191725</t>
  </si>
  <si>
    <t>cg10194937</t>
  </si>
  <si>
    <t>cg10196665</t>
  </si>
  <si>
    <t>cg10207530</t>
  </si>
  <si>
    <t>cg10208578</t>
  </si>
  <si>
    <t>cg10210150</t>
  </si>
  <si>
    <t>cg10228006</t>
  </si>
  <si>
    <t>cg10246296</t>
  </si>
  <si>
    <t>cg10256662</t>
  </si>
  <si>
    <t>cg10258730</t>
  </si>
  <si>
    <t>cg10262485</t>
  </si>
  <si>
    <t>cg10273882</t>
  </si>
  <si>
    <t>cg10275056</t>
  </si>
  <si>
    <t>cg10276549</t>
  </si>
  <si>
    <t>cg10277365</t>
  </si>
  <si>
    <t>cg10290730</t>
  </si>
  <si>
    <t>cg10293967</t>
  </si>
  <si>
    <t>cg10310824</t>
  </si>
  <si>
    <t>cg10318351</t>
  </si>
  <si>
    <t>cg10320061</t>
  </si>
  <si>
    <t>cg10375870</t>
  </si>
  <si>
    <t>cg10403109</t>
  </si>
  <si>
    <t>cg10407245</t>
  </si>
  <si>
    <t>cg10417559</t>
  </si>
  <si>
    <t>cg10443532</t>
  </si>
  <si>
    <t>cg10444261</t>
  </si>
  <si>
    <t>cg10448608</t>
  </si>
  <si>
    <t>cg10455133</t>
  </si>
  <si>
    <t>cg10461324</t>
  </si>
  <si>
    <t>cg10462174</t>
  </si>
  <si>
    <t>cg10468737</t>
  </si>
  <si>
    <t>cg10479992</t>
  </si>
  <si>
    <t>cg10511972</t>
  </si>
  <si>
    <t>cg10512285</t>
  </si>
  <si>
    <t>cg10519228</t>
  </si>
  <si>
    <t>cg10521948</t>
  </si>
  <si>
    <t>cg10530128</t>
  </si>
  <si>
    <t>cg10530171</t>
  </si>
  <si>
    <t>cg10530733</t>
  </si>
  <si>
    <t>cg10535814</t>
  </si>
  <si>
    <t>cg10538243</t>
  </si>
  <si>
    <t>cg10542519</t>
  </si>
  <si>
    <t>cg10549828</t>
  </si>
  <si>
    <t>cg10559351</t>
  </si>
  <si>
    <t>cg10571993</t>
  </si>
  <si>
    <t>cg10574944</t>
  </si>
  <si>
    <t>cg10575170</t>
  </si>
  <si>
    <t>cg10581449</t>
  </si>
  <si>
    <t>cg10591659</t>
  </si>
  <si>
    <t>cg10593416</t>
  </si>
  <si>
    <t>cg10626623</t>
  </si>
  <si>
    <t>cg10627583</t>
  </si>
  <si>
    <t>cg10640004</t>
  </si>
  <si>
    <t>cg10670396</t>
  </si>
  <si>
    <t>cg10694252</t>
  </si>
  <si>
    <t>cg10709704</t>
  </si>
  <si>
    <t>cg10717754</t>
  </si>
  <si>
    <t>cg10723556</t>
  </si>
  <si>
    <t>cg10729169</t>
  </si>
  <si>
    <t>cg10729706</t>
  </si>
  <si>
    <t>cg10733677</t>
  </si>
  <si>
    <t>cg10773531</t>
  </si>
  <si>
    <t>cg10779454</t>
  </si>
  <si>
    <t>cg10783042</t>
  </si>
  <si>
    <t>cg10786329</t>
  </si>
  <si>
    <t>cg10786986</t>
  </si>
  <si>
    <t>cg10794473</t>
  </si>
  <si>
    <t>cg10811052</t>
  </si>
  <si>
    <t>cg10857345</t>
  </si>
  <si>
    <t>cg10857887</t>
  </si>
  <si>
    <t>cg10869271</t>
  </si>
  <si>
    <t>cg10871046</t>
  </si>
  <si>
    <t>cg10906138</t>
  </si>
  <si>
    <t>cg10907112</t>
  </si>
  <si>
    <t>cg10913227</t>
  </si>
  <si>
    <t>cg10926623</t>
  </si>
  <si>
    <t>cg10950297</t>
  </si>
  <si>
    <t>cg10981178</t>
  </si>
  <si>
    <t>cg10982861</t>
  </si>
  <si>
    <t>cg11001470</t>
  </si>
  <si>
    <t>cg11014998</t>
  </si>
  <si>
    <t>cg11019890</t>
  </si>
  <si>
    <t>cg11036290</t>
  </si>
  <si>
    <t>cg11036643</t>
  </si>
  <si>
    <t>cg11039211</t>
  </si>
  <si>
    <t>cg11049305</t>
  </si>
  <si>
    <t>cg11072201</t>
  </si>
  <si>
    <t>cg11075227</t>
  </si>
  <si>
    <t>cg11079517</t>
  </si>
  <si>
    <t>cg11080085</t>
  </si>
  <si>
    <t>cg11081453</t>
  </si>
  <si>
    <t>cg11085564</t>
  </si>
  <si>
    <t>cg11102619</t>
  </si>
  <si>
    <t>cg11110686</t>
  </si>
  <si>
    <t>cg11111083</t>
  </si>
  <si>
    <t>cg11117255</t>
  </si>
  <si>
    <t>cg11118624</t>
  </si>
  <si>
    <t>cg11132751</t>
  </si>
  <si>
    <t>cg11139821</t>
  </si>
  <si>
    <t>cg11146367</t>
  </si>
  <si>
    <t>cg11152528</t>
  </si>
  <si>
    <t>cg11153610</t>
  </si>
  <si>
    <t>cg11157838</t>
  </si>
  <si>
    <t>cg11165479</t>
  </si>
  <si>
    <t>cg11172930</t>
  </si>
  <si>
    <t>cg11179997</t>
  </si>
  <si>
    <t>cg11188837</t>
  </si>
  <si>
    <t>cg11190637</t>
  </si>
  <si>
    <t>cg11235848</t>
  </si>
  <si>
    <t>cg11236246</t>
  </si>
  <si>
    <t>cg11244095</t>
  </si>
  <si>
    <t>cg11251991</t>
  </si>
  <si>
    <t>cg11253356</t>
  </si>
  <si>
    <t>cg11254749</t>
  </si>
  <si>
    <t>cg11264711</t>
  </si>
  <si>
    <t>cg11275015</t>
  </si>
  <si>
    <t>cg11286294</t>
  </si>
  <si>
    <t>cg11291200</t>
  </si>
  <si>
    <t>cg11293764</t>
  </si>
  <si>
    <t>cg11318129</t>
  </si>
  <si>
    <t>cg11321432</t>
  </si>
  <si>
    <t>cg11321526</t>
  </si>
  <si>
    <t>cg11330362</t>
  </si>
  <si>
    <t>cg11331191</t>
  </si>
  <si>
    <t>cg11332786</t>
  </si>
  <si>
    <t>cg11333230</t>
  </si>
  <si>
    <t>cg11337462</t>
  </si>
  <si>
    <t>cg11369993</t>
  </si>
  <si>
    <t>cg11371160</t>
  </si>
  <si>
    <t>cg11412673</t>
  </si>
  <si>
    <t>cg11416605</t>
  </si>
  <si>
    <t>cg11424273</t>
  </si>
  <si>
    <t>cg11441847</t>
  </si>
  <si>
    <t>cg11452781</t>
  </si>
  <si>
    <t>cg11454836</t>
  </si>
  <si>
    <t>cg11468748</t>
  </si>
  <si>
    <t>cg11475300</t>
  </si>
  <si>
    <t>cg11475880</t>
  </si>
  <si>
    <t>cg11479591</t>
  </si>
  <si>
    <t>cg11494656</t>
  </si>
  <si>
    <t>cg11498602</t>
  </si>
  <si>
    <t>cg11503671</t>
  </si>
  <si>
    <t>cg11531236</t>
  </si>
  <si>
    <t>cg11548243</t>
  </si>
  <si>
    <t>cg11555315</t>
  </si>
  <si>
    <t>cg11565248</t>
  </si>
  <si>
    <t>cg11565980</t>
  </si>
  <si>
    <t>cg11593123</t>
  </si>
  <si>
    <t>cg11593337</t>
  </si>
  <si>
    <t>cg11595135</t>
  </si>
  <si>
    <t>cg11609760</t>
  </si>
  <si>
    <t>cg11633086</t>
  </si>
  <si>
    <t>cg11640565</t>
  </si>
  <si>
    <t>cg11641061</t>
  </si>
  <si>
    <t>cg11648471</t>
  </si>
  <si>
    <t>cg11649713</t>
  </si>
  <si>
    <t>cg11650160</t>
  </si>
  <si>
    <t>cg11663421</t>
  </si>
  <si>
    <t>cg11664825</t>
  </si>
  <si>
    <t>cg11667509</t>
  </si>
  <si>
    <t>cg11673013</t>
  </si>
  <si>
    <t>cg11681617</t>
  </si>
  <si>
    <t>cg11696431</t>
  </si>
  <si>
    <t>cg11703777</t>
  </si>
  <si>
    <t>cg11707352</t>
  </si>
  <si>
    <t>cg11708328</t>
  </si>
  <si>
    <t>cg11708870</t>
  </si>
  <si>
    <t>cg11714014</t>
  </si>
  <si>
    <t>cg11717930</t>
  </si>
  <si>
    <t>cg11718092</t>
  </si>
  <si>
    <t>cg11720142</t>
  </si>
  <si>
    <t>cg11727174</t>
  </si>
  <si>
    <t>cg11764747</t>
  </si>
  <si>
    <t>cg11779941</t>
  </si>
  <si>
    <t>cg11802925</t>
  </si>
  <si>
    <t>cg11806565</t>
  </si>
  <si>
    <t>cg11810837</t>
  </si>
  <si>
    <t>cg11825821</t>
  </si>
  <si>
    <t>cg11828775</t>
  </si>
  <si>
    <t>cg11834066</t>
  </si>
  <si>
    <t>cg11849673</t>
  </si>
  <si>
    <t>cg11854877</t>
  </si>
  <si>
    <t>cg11861581</t>
  </si>
  <si>
    <t>cg11863130</t>
  </si>
  <si>
    <t>cg11864871</t>
  </si>
  <si>
    <t>cg11868755</t>
  </si>
  <si>
    <t>cg11869614</t>
  </si>
  <si>
    <t>cg11870452</t>
  </si>
  <si>
    <t>cg11871549</t>
  </si>
  <si>
    <t>cg11898317</t>
  </si>
  <si>
    <t>cg11898648</t>
  </si>
  <si>
    <t>cg11901680</t>
  </si>
  <si>
    <t>cg11906997</t>
  </si>
  <si>
    <t>cg11932249</t>
  </si>
  <si>
    <t>cg11941526</t>
  </si>
  <si>
    <t>cg12017815</t>
  </si>
  <si>
    <t>cg12030231</t>
  </si>
  <si>
    <t>cg12030973</t>
  </si>
  <si>
    <t>cg12033483</t>
  </si>
  <si>
    <t>cg12038981</t>
  </si>
  <si>
    <t>cg12054337</t>
  </si>
  <si>
    <t>cg12054566</t>
  </si>
  <si>
    <t>cg12058508</t>
  </si>
  <si>
    <t>cg12064213</t>
  </si>
  <si>
    <t>cg12074916</t>
  </si>
  <si>
    <t>cg12094412</t>
  </si>
  <si>
    <t>cg12116535</t>
  </si>
  <si>
    <t>cg12116566</t>
  </si>
  <si>
    <t>cg12125741</t>
  </si>
  <si>
    <t>cg12130976</t>
  </si>
  <si>
    <t>cg12155476</t>
  </si>
  <si>
    <t>cg12158214</t>
  </si>
  <si>
    <t>cg12171481</t>
  </si>
  <si>
    <t>cg12177562</t>
  </si>
  <si>
    <t>cg12194828</t>
  </si>
  <si>
    <t>cg12204574</t>
  </si>
  <si>
    <t>cg12206646</t>
  </si>
  <si>
    <t>cg12226826</t>
  </si>
  <si>
    <t>cg12232738</t>
  </si>
  <si>
    <t>cg12242224</t>
  </si>
  <si>
    <t>cg12251508</t>
  </si>
  <si>
    <t>cg12268565</t>
  </si>
  <si>
    <t>cg12281614</t>
  </si>
  <si>
    <t>cg12290635</t>
  </si>
  <si>
    <t>cg12292084</t>
  </si>
  <si>
    <t>cg12308243</t>
  </si>
  <si>
    <t>cg12321798</t>
  </si>
  <si>
    <t>cg12324831</t>
  </si>
  <si>
    <t>cg12358915</t>
  </si>
  <si>
    <t>cg12360110</t>
  </si>
  <si>
    <t>cg12373280</t>
  </si>
  <si>
    <t>cg12382941</t>
  </si>
  <si>
    <t>cg12391921</t>
  </si>
  <si>
    <t>cg12417438</t>
  </si>
  <si>
    <t>cg12423482</t>
  </si>
  <si>
    <t>cg12431196</t>
  </si>
  <si>
    <t>cg12434779</t>
  </si>
  <si>
    <t>cg12440269</t>
  </si>
  <si>
    <t>cg12443477</t>
  </si>
  <si>
    <t>cg12444168</t>
  </si>
  <si>
    <t>cg12454975</t>
  </si>
  <si>
    <t>cg12456011</t>
  </si>
  <si>
    <t>cg12461113</t>
  </si>
  <si>
    <t>cg12464216</t>
  </si>
  <si>
    <t>cg12467288</t>
  </si>
  <si>
    <t>cg12468189</t>
  </si>
  <si>
    <t>cg12472203</t>
  </si>
  <si>
    <t>cg12474452</t>
  </si>
  <si>
    <t>cg12491455</t>
  </si>
  <si>
    <t>cg12496982</t>
  </si>
  <si>
    <t>cg12506468</t>
  </si>
  <si>
    <t>cg12513189</t>
  </si>
  <si>
    <t>cg12517167</t>
  </si>
  <si>
    <t>cg12517811</t>
  </si>
  <si>
    <t>cg12527112</t>
  </si>
  <si>
    <t>cg12530936</t>
  </si>
  <si>
    <t>cg12536534</t>
  </si>
  <si>
    <t>cg12537796</t>
  </si>
  <si>
    <t>cg12542857</t>
  </si>
  <si>
    <t>cg12543338</t>
  </si>
  <si>
    <t>cg12543929</t>
  </si>
  <si>
    <t>cg12546665</t>
  </si>
  <si>
    <t>cg12550885</t>
  </si>
  <si>
    <t>cg12553336</t>
  </si>
  <si>
    <t>cg12589433</t>
  </si>
  <si>
    <t>cg12590845</t>
  </si>
  <si>
    <t>cg12591117</t>
  </si>
  <si>
    <t>cg12592455</t>
  </si>
  <si>
    <t>cg12594780</t>
  </si>
  <si>
    <t>cg12594800</t>
  </si>
  <si>
    <t>cg12614283</t>
  </si>
  <si>
    <t>cg12614912</t>
  </si>
  <si>
    <t>cg12614984</t>
  </si>
  <si>
    <t>cg12620265</t>
  </si>
  <si>
    <t>cg12621141</t>
  </si>
  <si>
    <t>cg12622895</t>
  </si>
  <si>
    <t>cg12623328</t>
  </si>
  <si>
    <t>cg12642693</t>
  </si>
  <si>
    <t>cg12653105</t>
  </si>
  <si>
    <t>cg12653510</t>
  </si>
  <si>
    <t>cg12654845</t>
  </si>
  <si>
    <t>cg12687215</t>
  </si>
  <si>
    <t>cg12689022</t>
  </si>
  <si>
    <t>cg12689375</t>
  </si>
  <si>
    <t>cg12707233</t>
  </si>
  <si>
    <t>cg12713960</t>
  </si>
  <si>
    <t>cg12739617</t>
  </si>
  <si>
    <t>cg12742739</t>
  </si>
  <si>
    <t>cg12753358</t>
  </si>
  <si>
    <t>cg12755246</t>
  </si>
  <si>
    <t>cg12763824</t>
  </si>
  <si>
    <t>cg12775788</t>
  </si>
  <si>
    <t>cg12813325</t>
  </si>
  <si>
    <t>cg12817924</t>
  </si>
  <si>
    <t>cg12823249</t>
  </si>
  <si>
    <t>cg12838207</t>
  </si>
  <si>
    <t>cg12848223</t>
  </si>
  <si>
    <t>cg12856407</t>
  </si>
  <si>
    <t>cg12861974</t>
  </si>
  <si>
    <t>cg12865398</t>
  </si>
  <si>
    <t>cg12869615</t>
  </si>
  <si>
    <t>cg12869875</t>
  </si>
  <si>
    <t>cg12872238</t>
  </si>
  <si>
    <t>cg12888005</t>
  </si>
  <si>
    <t>cg12900151</t>
  </si>
  <si>
    <t>cg12900739</t>
  </si>
  <si>
    <t>cg12903711</t>
  </si>
  <si>
    <t>cg12905477</t>
  </si>
  <si>
    <t>cg12937141</t>
  </si>
  <si>
    <t>cg12940781</t>
  </si>
  <si>
    <t>cg12941426</t>
  </si>
  <si>
    <t>cg12942133</t>
  </si>
  <si>
    <t>cg12947498</t>
  </si>
  <si>
    <t>cg12972869</t>
  </si>
  <si>
    <t>cg12983165</t>
  </si>
  <si>
    <t>cg13009425</t>
  </si>
  <si>
    <t>cg13012525</t>
  </si>
  <si>
    <t>cg13015245</t>
  </si>
  <si>
    <t>cg13049326</t>
  </si>
  <si>
    <t>cg13069450</t>
  </si>
  <si>
    <t>cg13072112</t>
  </si>
  <si>
    <t>cg13077484</t>
  </si>
  <si>
    <t>cg13081620</t>
  </si>
  <si>
    <t>cg13082192</t>
  </si>
  <si>
    <t>cg13087041</t>
  </si>
  <si>
    <t>cg13098917</t>
  </si>
  <si>
    <t>cg13105517</t>
  </si>
  <si>
    <t>cg13108852</t>
  </si>
  <si>
    <t>cg13113748</t>
  </si>
  <si>
    <t>cg13118590</t>
  </si>
  <si>
    <t>cg13156574</t>
  </si>
  <si>
    <t>cg13161621</t>
  </si>
  <si>
    <t>cg13172884</t>
  </si>
  <si>
    <t>cg13174077</t>
  </si>
  <si>
    <t>cg13176270</t>
  </si>
  <si>
    <t>cg13177658</t>
  </si>
  <si>
    <t>cg13182323</t>
  </si>
  <si>
    <t>cg13183496</t>
  </si>
  <si>
    <t>cg13185972</t>
  </si>
  <si>
    <t>cg13201322</t>
  </si>
  <si>
    <t>cg13204040</t>
  </si>
  <si>
    <t>cg13214067</t>
  </si>
  <si>
    <t>cg13217333</t>
  </si>
  <si>
    <t>cg13218284</t>
  </si>
  <si>
    <t>cg13219139</t>
  </si>
  <si>
    <t>cg13219667</t>
  </si>
  <si>
    <t>cg13223227</t>
  </si>
  <si>
    <t>cg13257485</t>
  </si>
  <si>
    <t>cg13269522</t>
  </si>
  <si>
    <t>cg13273653</t>
  </si>
  <si>
    <t>cg13279286</t>
  </si>
  <si>
    <t>cg13281447</t>
  </si>
  <si>
    <t>cg13282942</t>
  </si>
  <si>
    <t>cg13286902</t>
  </si>
  <si>
    <t>cg13286990</t>
  </si>
  <si>
    <t>cg13310805</t>
  </si>
  <si>
    <t>cg13316877</t>
  </si>
  <si>
    <t>cg13318368</t>
  </si>
  <si>
    <t>cg13338084</t>
  </si>
  <si>
    <t>cg13340269</t>
  </si>
  <si>
    <t>cg13365334</t>
  </si>
  <si>
    <t>cg13367122</t>
  </si>
  <si>
    <t>cg13368805</t>
  </si>
  <si>
    <t>cg13370439</t>
  </si>
  <si>
    <t>cg13370916</t>
  </si>
  <si>
    <t>cg13372830</t>
  </si>
  <si>
    <t>cg13397331</t>
  </si>
  <si>
    <t>cg13397632</t>
  </si>
  <si>
    <t>cg13401681</t>
  </si>
  <si>
    <t>cg13422744</t>
  </si>
  <si>
    <t>cg13431666</t>
  </si>
  <si>
    <t>cg13441872</t>
  </si>
  <si>
    <t>cg13442104</t>
  </si>
  <si>
    <t>cg13448203</t>
  </si>
  <si>
    <t>cg13494652</t>
  </si>
  <si>
    <t>cg13506244</t>
  </si>
  <si>
    <t>cg13510054</t>
  </si>
  <si>
    <t>cg13510429</t>
  </si>
  <si>
    <t>cg13517065</t>
  </si>
  <si>
    <t>cg13536258</t>
  </si>
  <si>
    <t>cg13542480</t>
  </si>
  <si>
    <t>cg13550079</t>
  </si>
  <si>
    <t>cg13552866</t>
  </si>
  <si>
    <t>cg13554270</t>
  </si>
  <si>
    <t>cg13558151</t>
  </si>
  <si>
    <t>cg13566908</t>
  </si>
  <si>
    <t>cg13569323</t>
  </si>
  <si>
    <t>cg13572003</t>
  </si>
  <si>
    <t>cg13601079</t>
  </si>
  <si>
    <t>cg13606829</t>
  </si>
  <si>
    <t>cg13613682</t>
  </si>
  <si>
    <t>cg13616144</t>
  </si>
  <si>
    <t>cg13616735</t>
  </si>
  <si>
    <t>cg13622893</t>
  </si>
  <si>
    <t>cg13627141</t>
  </si>
  <si>
    <t>cg13630855</t>
  </si>
  <si>
    <t>cg13643594</t>
  </si>
  <si>
    <t>cg13643725</t>
  </si>
  <si>
    <t>cg13645300</t>
  </si>
  <si>
    <t>cg13651586</t>
  </si>
  <si>
    <t>cg13652795</t>
  </si>
  <si>
    <t>cg13655660</t>
  </si>
  <si>
    <t>cg13658640</t>
  </si>
  <si>
    <t>cg13658777</t>
  </si>
  <si>
    <t>cg13663390</t>
  </si>
  <si>
    <t>cg13664798</t>
  </si>
  <si>
    <t>cg13674559</t>
  </si>
  <si>
    <t>cg13677598</t>
  </si>
  <si>
    <t>cg13681367</t>
  </si>
  <si>
    <t>cg13699065</t>
  </si>
  <si>
    <t>cg13699139</t>
  </si>
  <si>
    <t>cg13700552</t>
  </si>
  <si>
    <t>cg13716034</t>
  </si>
  <si>
    <t>cg13719062</t>
  </si>
  <si>
    <t>cg13726507</t>
  </si>
  <si>
    <t>cg13726724</t>
  </si>
  <si>
    <t>cg13728104</t>
  </si>
  <si>
    <t>cg13748267</t>
  </si>
  <si>
    <t>cg13749508</t>
  </si>
  <si>
    <t>cg13751956</t>
  </si>
  <si>
    <t>cg13758960</t>
  </si>
  <si>
    <t>cg13762255</t>
  </si>
  <si>
    <t>cg13766816</t>
  </si>
  <si>
    <t>cg13768026</t>
  </si>
  <si>
    <t>cg13771629</t>
  </si>
  <si>
    <t>cg13779265</t>
  </si>
  <si>
    <t>cg13781574</t>
  </si>
  <si>
    <t>cg13788827</t>
  </si>
  <si>
    <t>cg13806096</t>
  </si>
  <si>
    <t>cg13806616</t>
  </si>
  <si>
    <t>cg13807550</t>
  </si>
  <si>
    <t>cg13811328</t>
  </si>
  <si>
    <t>cg13812570</t>
  </si>
  <si>
    <t>cg13814975</t>
  </si>
  <si>
    <t>cg13822691</t>
  </si>
  <si>
    <t>cg13828067</t>
  </si>
  <si>
    <t>cg13839778</t>
  </si>
  <si>
    <t>cg13857811</t>
  </si>
  <si>
    <t>cg13860040</t>
  </si>
  <si>
    <t>cg13861342</t>
  </si>
  <si>
    <t>cg13864549</t>
  </si>
  <si>
    <t>cg13868987</t>
  </si>
  <si>
    <t>cg13918808</t>
  </si>
  <si>
    <t>cg13920260</t>
  </si>
  <si>
    <t>cg13929917</t>
  </si>
  <si>
    <t>cg13937075</t>
  </si>
  <si>
    <t>cg13976265</t>
  </si>
  <si>
    <t>cg13984511</t>
  </si>
  <si>
    <t>cg13987686</t>
  </si>
  <si>
    <t>cg13996925</t>
  </si>
  <si>
    <t>cg14002781</t>
  </si>
  <si>
    <t>cg14006678</t>
  </si>
  <si>
    <t>cg14006893</t>
  </si>
  <si>
    <t>cg14010367</t>
  </si>
  <si>
    <t>cg14013497</t>
  </si>
  <si>
    <t>cg14019861</t>
  </si>
  <si>
    <t>cg14024637</t>
  </si>
  <si>
    <t>cg14028178</t>
  </si>
  <si>
    <t>cg14029629</t>
  </si>
  <si>
    <t>cg14051366</t>
  </si>
  <si>
    <t>cg14059333</t>
  </si>
  <si>
    <t>cg14071112</t>
  </si>
  <si>
    <t>cg14073590</t>
  </si>
  <si>
    <t>cg14098973</t>
  </si>
  <si>
    <t>cg14105781</t>
  </si>
  <si>
    <t>cg14106263</t>
  </si>
  <si>
    <t>cg14107346</t>
  </si>
  <si>
    <t>cg14107638</t>
  </si>
  <si>
    <t>cg14108922</t>
  </si>
  <si>
    <t>cg14110884</t>
  </si>
  <si>
    <t>cg14111132</t>
  </si>
  <si>
    <t>cg14126185</t>
  </si>
  <si>
    <t>cg14132995</t>
  </si>
  <si>
    <t>cg14139065</t>
  </si>
  <si>
    <t>cg14145674</t>
  </si>
  <si>
    <t>cg14168975</t>
  </si>
  <si>
    <t>cg14173330</t>
  </si>
  <si>
    <t>cg14179628</t>
  </si>
  <si>
    <t>cg14196261</t>
  </si>
  <si>
    <t>cg14210943</t>
  </si>
  <si>
    <t>cg14218246</t>
  </si>
  <si>
    <t>cg14230133</t>
  </si>
  <si>
    <t>cg14232291</t>
  </si>
  <si>
    <t>cg14243895</t>
  </si>
  <si>
    <t>cg14247788</t>
  </si>
  <si>
    <t>cg14248531</t>
  </si>
  <si>
    <t>cg14253153</t>
  </si>
  <si>
    <t>cg14258356</t>
  </si>
  <si>
    <t>cg14260465</t>
  </si>
  <si>
    <t>cg14260918</t>
  </si>
  <si>
    <t>cg14273219</t>
  </si>
  <si>
    <t>cg14289621</t>
  </si>
  <si>
    <t>cg14295009</t>
  </si>
  <si>
    <t>cg14295696</t>
  </si>
  <si>
    <t>cg14304890</t>
  </si>
  <si>
    <t>cg14313347</t>
  </si>
  <si>
    <t>cg14314451</t>
  </si>
  <si>
    <t>cg14332086</t>
  </si>
  <si>
    <t>cg14338025</t>
  </si>
  <si>
    <t>cg14343151</t>
  </si>
  <si>
    <t>cg14345281</t>
  </si>
  <si>
    <t>cg14346048</t>
  </si>
  <si>
    <t>cg14353569</t>
  </si>
  <si>
    <t>cg14354270</t>
  </si>
  <si>
    <t>cg14356114</t>
  </si>
  <si>
    <t>cg14368286</t>
  </si>
  <si>
    <t>cg14368852</t>
  </si>
  <si>
    <t>cg14372935</t>
  </si>
  <si>
    <t>cg14376241</t>
  </si>
  <si>
    <t>cg14381745</t>
  </si>
  <si>
    <t>cg14383004</t>
  </si>
  <si>
    <t>cg14384228</t>
  </si>
  <si>
    <t>cg14389582</t>
  </si>
  <si>
    <t>cg14397289</t>
  </si>
  <si>
    <t>cg14397820</t>
  </si>
  <si>
    <t>cg14403099</t>
  </si>
  <si>
    <t>cg14429073</t>
  </si>
  <si>
    <t>cg14430524</t>
  </si>
  <si>
    <t>cg14453693</t>
  </si>
  <si>
    <t>cg14454549</t>
  </si>
  <si>
    <t>cg14457256</t>
  </si>
  <si>
    <t>cg14463725</t>
  </si>
  <si>
    <t>cg14464718</t>
  </si>
  <si>
    <t>cg14474963</t>
  </si>
  <si>
    <t>cg14479037</t>
  </si>
  <si>
    <t>cg14493612</t>
  </si>
  <si>
    <t>cg14496001</t>
  </si>
  <si>
    <t>cg14506668</t>
  </si>
  <si>
    <t>cg14520448</t>
  </si>
  <si>
    <t>cg14520892</t>
  </si>
  <si>
    <t>cg14522841</t>
  </si>
  <si>
    <t>cg14533133</t>
  </si>
  <si>
    <t>cg14533874</t>
  </si>
  <si>
    <t>cg14538442</t>
  </si>
  <si>
    <t>cg14541939</t>
  </si>
  <si>
    <t>cg14542503</t>
  </si>
  <si>
    <t>cg14544514</t>
  </si>
  <si>
    <t>cg14550383</t>
  </si>
  <si>
    <t>cg14562990</t>
  </si>
  <si>
    <t>cg14590681</t>
  </si>
  <si>
    <t>cg14592807</t>
  </si>
  <si>
    <t>cg14596086</t>
  </si>
  <si>
    <t>cg14602622</t>
  </si>
  <si>
    <t>cg14604474</t>
  </si>
  <si>
    <t>cg14607533</t>
  </si>
  <si>
    <t>cg14622782</t>
  </si>
  <si>
    <t>cg14637830</t>
  </si>
  <si>
    <t>cg14680768</t>
  </si>
  <si>
    <t>cg14686949</t>
  </si>
  <si>
    <t>cg14688652</t>
  </si>
  <si>
    <t>cg14688956</t>
  </si>
  <si>
    <t>cg14694370</t>
  </si>
  <si>
    <t>cg14699015</t>
  </si>
  <si>
    <t>cg14699869</t>
  </si>
  <si>
    <t>cg14708847</t>
  </si>
  <si>
    <t>cg14713449</t>
  </si>
  <si>
    <t>cg14719055</t>
  </si>
  <si>
    <t>cg14725537</t>
  </si>
  <si>
    <t>cg14737574</t>
  </si>
  <si>
    <t>cg14752426</t>
  </si>
  <si>
    <t>cg14755341</t>
  </si>
  <si>
    <t>cg14759284</t>
  </si>
  <si>
    <t>cg14772068</t>
  </si>
  <si>
    <t>cg14773858</t>
  </si>
  <si>
    <t>cg14781905</t>
  </si>
  <si>
    <t>cg14803417</t>
  </si>
  <si>
    <t>cg14805882</t>
  </si>
  <si>
    <t>cg14814815</t>
  </si>
  <si>
    <t>cg14825312</t>
  </si>
  <si>
    <t>cg14832266</t>
  </si>
  <si>
    <t>cg14833706</t>
  </si>
  <si>
    <t>cg14854487</t>
  </si>
  <si>
    <t>cg14867863</t>
  </si>
  <si>
    <t>cg14868996</t>
  </si>
  <si>
    <t>cg14892037</t>
  </si>
  <si>
    <t>cg14918358</t>
  </si>
  <si>
    <t>cg14923379</t>
  </si>
  <si>
    <t>cg14930000</t>
  </si>
  <si>
    <t>cg14933706</t>
  </si>
  <si>
    <t>cg14942312</t>
  </si>
  <si>
    <t>cg14954874</t>
  </si>
  <si>
    <t>cg14959801</t>
  </si>
  <si>
    <t>cg14961988</t>
  </si>
  <si>
    <t>cg14964387</t>
  </si>
  <si>
    <t>cg14968719</t>
  </si>
  <si>
    <t>cg14972889</t>
  </si>
  <si>
    <t>cg14973366</t>
  </si>
  <si>
    <t>cg14985146</t>
  </si>
  <si>
    <t>cg14993456</t>
  </si>
  <si>
    <t>cg14996686</t>
  </si>
  <si>
    <t>cg15008991</t>
  </si>
  <si>
    <t>cg15014034</t>
  </si>
  <si>
    <t>cg15021707</t>
  </si>
  <si>
    <t>cg15027606</t>
  </si>
  <si>
    <t>cg15029878</t>
  </si>
  <si>
    <t>cg15033973</t>
  </si>
  <si>
    <t>cg15040559</t>
  </si>
  <si>
    <t>cg15040731</t>
  </si>
  <si>
    <t>cg15048430</t>
  </si>
  <si>
    <t>cg15050093</t>
  </si>
  <si>
    <t>cg15057941</t>
  </si>
  <si>
    <t>cg15062055</t>
  </si>
  <si>
    <t>cg15132216</t>
  </si>
  <si>
    <t>cg15132649</t>
  </si>
  <si>
    <t>cg15159291</t>
  </si>
  <si>
    <t>cg15170964</t>
  </si>
  <si>
    <t>cg15187939</t>
  </si>
  <si>
    <t>cg15192932</t>
  </si>
  <si>
    <t>cg15200096</t>
  </si>
  <si>
    <t>cg15215369</t>
  </si>
  <si>
    <t>cg15224006</t>
  </si>
  <si>
    <t>cg15228617</t>
  </si>
  <si>
    <t>cg15230046</t>
  </si>
  <si>
    <t>cg15236057</t>
  </si>
  <si>
    <t>cg15248636</t>
  </si>
  <si>
    <t>cg15259889</t>
  </si>
  <si>
    <t>cg15289846</t>
  </si>
  <si>
    <t>cg15299258</t>
  </si>
  <si>
    <t>cg15309236</t>
  </si>
  <si>
    <t>cg15315638</t>
  </si>
  <si>
    <t>cg15317375</t>
  </si>
  <si>
    <t>cg15322420</t>
  </si>
  <si>
    <t>cg15322570</t>
  </si>
  <si>
    <t>cg15329483</t>
  </si>
  <si>
    <t>cg15334207</t>
  </si>
  <si>
    <t>cg15373633</t>
  </si>
  <si>
    <t>cg15374982</t>
  </si>
  <si>
    <t>cg15375586</t>
  </si>
  <si>
    <t>cg15380945</t>
  </si>
  <si>
    <t>cg15454357</t>
  </si>
  <si>
    <t>cg15454483</t>
  </si>
  <si>
    <t>cg15462879</t>
  </si>
  <si>
    <t>cg15463500</t>
  </si>
  <si>
    <t>cg15464143</t>
  </si>
  <si>
    <t>cg15465300</t>
  </si>
  <si>
    <t>cg15474769</t>
  </si>
  <si>
    <t>cg15480287</t>
  </si>
  <si>
    <t>cg15480941</t>
  </si>
  <si>
    <t>cg15481819</t>
  </si>
  <si>
    <t>cg15483141</t>
  </si>
  <si>
    <t>cg15508284</t>
  </si>
  <si>
    <t>cg15508450</t>
  </si>
  <si>
    <t>cg15511022</t>
  </si>
  <si>
    <t>cg15516728</t>
  </si>
  <si>
    <t>cg15521097</t>
  </si>
  <si>
    <t>cg15529344</t>
  </si>
  <si>
    <t>cg15536552</t>
  </si>
  <si>
    <t>cg15568009</t>
  </si>
  <si>
    <t>cg15570803</t>
  </si>
  <si>
    <t>cg15577287</t>
  </si>
  <si>
    <t>cg15600969</t>
  </si>
  <si>
    <t>cg15602735</t>
  </si>
  <si>
    <t>cg15604433</t>
  </si>
  <si>
    <t>cg15604615</t>
  </si>
  <si>
    <t>cg15614048</t>
  </si>
  <si>
    <t>cg15615706</t>
  </si>
  <si>
    <t>cg15617976</t>
  </si>
  <si>
    <t>cg15627188</t>
  </si>
  <si>
    <t>cg15658365</t>
  </si>
  <si>
    <t>cg15659974</t>
  </si>
  <si>
    <t>cg15662246</t>
  </si>
  <si>
    <t>cg15667675</t>
  </si>
  <si>
    <t>cg15685317</t>
  </si>
  <si>
    <t>cg15688151</t>
  </si>
  <si>
    <t>cg15691129</t>
  </si>
  <si>
    <t>cg15693668</t>
  </si>
  <si>
    <t>cg15698953</t>
  </si>
  <si>
    <t>cg15730931</t>
  </si>
  <si>
    <t>cg15732053</t>
  </si>
  <si>
    <t>cg15737490</t>
  </si>
  <si>
    <t>cg15741706</t>
  </si>
  <si>
    <t>cg15754755</t>
  </si>
  <si>
    <t>cg15771597</t>
  </si>
  <si>
    <t>cg15788661</t>
  </si>
  <si>
    <t>cg15790913</t>
  </si>
  <si>
    <t>cg15796459</t>
  </si>
  <si>
    <t>cg15815114</t>
  </si>
  <si>
    <t>cg15822015</t>
  </si>
  <si>
    <t>cg15824287</t>
  </si>
  <si>
    <t>cg15845873</t>
  </si>
  <si>
    <t>cg15847896</t>
  </si>
  <si>
    <t>cg15848449</t>
  </si>
  <si>
    <t>cg15870894</t>
  </si>
  <si>
    <t>cg15878116</t>
  </si>
  <si>
    <t>cg15879692</t>
  </si>
  <si>
    <t>cg15895359</t>
  </si>
  <si>
    <t>cg15907259</t>
  </si>
  <si>
    <t>cg15923127</t>
  </si>
  <si>
    <t>cg15940237</t>
  </si>
  <si>
    <t>cg15953767</t>
  </si>
  <si>
    <t>cg15958715</t>
  </si>
  <si>
    <t>cg15977272</t>
  </si>
  <si>
    <t>cg15980334</t>
  </si>
  <si>
    <t>cg16022279</t>
  </si>
  <si>
    <t>cg16062292</t>
  </si>
  <si>
    <t>cg16063272</t>
  </si>
  <si>
    <t>cg16082125</t>
  </si>
  <si>
    <t>cg16084857</t>
  </si>
  <si>
    <t>cg16091746</t>
  </si>
  <si>
    <t>cg16091895</t>
  </si>
  <si>
    <t>cg16097355</t>
  </si>
  <si>
    <t>cg16104634</t>
  </si>
  <si>
    <t>cg16107992</t>
  </si>
  <si>
    <t>cg16115418</t>
  </si>
  <si>
    <t>cg16118600</t>
  </si>
  <si>
    <t>cg16122592</t>
  </si>
  <si>
    <t>cg16135771</t>
  </si>
  <si>
    <t>cg16144476</t>
  </si>
  <si>
    <t>cg16145139</t>
  </si>
  <si>
    <t>cg16153146</t>
  </si>
  <si>
    <t>cg16158045</t>
  </si>
  <si>
    <t>cg16158407</t>
  </si>
  <si>
    <t>cg16167673</t>
  </si>
  <si>
    <t>cg16168153</t>
  </si>
  <si>
    <t>cg16170760</t>
  </si>
  <si>
    <t>cg16170944</t>
  </si>
  <si>
    <t>cg16175497</t>
  </si>
  <si>
    <t>cg16181613</t>
  </si>
  <si>
    <t>cg16190093</t>
  </si>
  <si>
    <t>cg16200617</t>
  </si>
  <si>
    <t>cg16202017</t>
  </si>
  <si>
    <t>cg16203368</t>
  </si>
  <si>
    <t>cg16204757</t>
  </si>
  <si>
    <t>cg16207593</t>
  </si>
  <si>
    <t>cg16213807</t>
  </si>
  <si>
    <t>cg16221059</t>
  </si>
  <si>
    <t>cg16227684</t>
  </si>
  <si>
    <t>cg16232809</t>
  </si>
  <si>
    <t>cg16235803</t>
  </si>
  <si>
    <t>cg16243644</t>
  </si>
  <si>
    <t>cg16244634</t>
  </si>
  <si>
    <t>cg16256230</t>
  </si>
  <si>
    <t>cg16311072</t>
  </si>
  <si>
    <t>cg16314146</t>
  </si>
  <si>
    <t>cg16320351</t>
  </si>
  <si>
    <t>cg16328412</t>
  </si>
  <si>
    <t>cg16337138</t>
  </si>
  <si>
    <t>cg16342780</t>
  </si>
  <si>
    <t>cg16349029</t>
  </si>
  <si>
    <t>cg16359563</t>
  </si>
  <si>
    <t>cg16374753</t>
  </si>
  <si>
    <t>cg16391404</t>
  </si>
  <si>
    <t>cg16397002</t>
  </si>
  <si>
    <t>cg16405946</t>
  </si>
  <si>
    <t>cg16407164</t>
  </si>
  <si>
    <t>cg16415834</t>
  </si>
  <si>
    <t>cg16429439</t>
  </si>
  <si>
    <t>cg16429758</t>
  </si>
  <si>
    <t>cg16452396</t>
  </si>
  <si>
    <t>cg16481170</t>
  </si>
  <si>
    <t>cg16488059</t>
  </si>
  <si>
    <t>cg16497626</t>
  </si>
  <si>
    <t>cg16508637</t>
  </si>
  <si>
    <t>cg16523424</t>
  </si>
  <si>
    <t>cg16524492</t>
  </si>
  <si>
    <t>cg16524589</t>
  </si>
  <si>
    <t>cg16536563</t>
  </si>
  <si>
    <t>cg16537859</t>
  </si>
  <si>
    <t>cg16546841</t>
  </si>
  <si>
    <t>cg16546861</t>
  </si>
  <si>
    <t>cg16552959</t>
  </si>
  <si>
    <t>cg16562533</t>
  </si>
  <si>
    <t>cg16567137</t>
  </si>
  <si>
    <t>cg16576300</t>
  </si>
  <si>
    <t>cg16584431</t>
  </si>
  <si>
    <t>cg16586165</t>
  </si>
  <si>
    <t>cg16586749</t>
  </si>
  <si>
    <t>cg16594779</t>
  </si>
  <si>
    <t>cg16613750</t>
  </si>
  <si>
    <t>cg16617551</t>
  </si>
  <si>
    <t>cg16617753</t>
  </si>
  <si>
    <t>cg16618605</t>
  </si>
  <si>
    <t>cg16620229</t>
  </si>
  <si>
    <t>cg16635881</t>
  </si>
  <si>
    <t>cg16678835</t>
  </si>
  <si>
    <t>cg16679001</t>
  </si>
  <si>
    <t>cg16686242</t>
  </si>
  <si>
    <t>cg16695688</t>
  </si>
  <si>
    <t>cg16700576</t>
  </si>
  <si>
    <t>cg16712127</t>
  </si>
  <si>
    <t>cg16712639</t>
  </si>
  <si>
    <t>cg16726201</t>
  </si>
  <si>
    <t>cg16737869</t>
  </si>
  <si>
    <t>cg16742675</t>
  </si>
  <si>
    <t>cg16772022</t>
  </si>
  <si>
    <t>cg16783314</t>
  </si>
  <si>
    <t>cg16796107</t>
  </si>
  <si>
    <t>cg16801265</t>
  </si>
  <si>
    <t>cg16803643</t>
  </si>
  <si>
    <t>cg16806953</t>
  </si>
  <si>
    <t>cg16809091</t>
  </si>
  <si>
    <t>cg16810342</t>
  </si>
  <si>
    <t>cg16811756</t>
  </si>
  <si>
    <t>cg16814362</t>
  </si>
  <si>
    <t>cg16821267</t>
  </si>
  <si>
    <t>cg16832275</t>
  </si>
  <si>
    <t>cg16832551</t>
  </si>
  <si>
    <t>cg16832801</t>
  </si>
  <si>
    <t>cg16856720</t>
  </si>
  <si>
    <t>cg16857852</t>
  </si>
  <si>
    <t>cg16869809</t>
  </si>
  <si>
    <t>cg16884539</t>
  </si>
  <si>
    <t>cg16893455</t>
  </si>
  <si>
    <t>cg16946997</t>
  </si>
  <si>
    <t>cg16970748</t>
  </si>
  <si>
    <t>cg17001703</t>
  </si>
  <si>
    <t>cg17008556</t>
  </si>
  <si>
    <t>cg17011147</t>
  </si>
  <si>
    <t>cg17015217</t>
  </si>
  <si>
    <t>cg17028443</t>
  </si>
  <si>
    <t>cg17032587</t>
  </si>
  <si>
    <t>cg17035182</t>
  </si>
  <si>
    <t>cg17040469</t>
  </si>
  <si>
    <t>cg17056186</t>
  </si>
  <si>
    <t>cg17066973</t>
  </si>
  <si>
    <t>cg17068766</t>
  </si>
  <si>
    <t>cg17074762</t>
  </si>
  <si>
    <t>cg17075998</t>
  </si>
  <si>
    <t>cg17082365</t>
  </si>
  <si>
    <t>cg17084763</t>
  </si>
  <si>
    <t>cg17120139</t>
  </si>
  <si>
    <t>cg17120952</t>
  </si>
  <si>
    <t>cg17122511</t>
  </si>
  <si>
    <t>cg17122979</t>
  </si>
  <si>
    <t>cg17123338</t>
  </si>
  <si>
    <t>cg17134286</t>
  </si>
  <si>
    <t>cg17156570</t>
  </si>
  <si>
    <t>cg17189778</t>
  </si>
  <si>
    <t>cg17192356</t>
  </si>
  <si>
    <t>cg17192679</t>
  </si>
  <si>
    <t>cg17203703</t>
  </si>
  <si>
    <t>cg17204993</t>
  </si>
  <si>
    <t>cg17207552</t>
  </si>
  <si>
    <t>cg17219209</t>
  </si>
  <si>
    <t>cg17221316</t>
  </si>
  <si>
    <t>cg17230120</t>
  </si>
  <si>
    <t>cg17231524</t>
  </si>
  <si>
    <t>cg17239904</t>
  </si>
  <si>
    <t>cg17242918</t>
  </si>
  <si>
    <t>cg17274024</t>
  </si>
  <si>
    <t>cg17274142</t>
  </si>
  <si>
    <t>cg17274387</t>
  </si>
  <si>
    <t>cg17282539</t>
  </si>
  <si>
    <t>cg17288382</t>
  </si>
  <si>
    <t>cg17291758</t>
  </si>
  <si>
    <t>cg17299712</t>
  </si>
  <si>
    <t>cg17330458</t>
  </si>
  <si>
    <t>cg17330459</t>
  </si>
  <si>
    <t>cg17334225</t>
  </si>
  <si>
    <t>cg17337021</t>
  </si>
  <si>
    <t>cg17337467</t>
  </si>
  <si>
    <t>cg17339373</t>
  </si>
  <si>
    <t>cg17345373</t>
  </si>
  <si>
    <t>cg17355765</t>
  </si>
  <si>
    <t>cg17380767</t>
  </si>
  <si>
    <t>cg17383449</t>
  </si>
  <si>
    <t>cg17385437</t>
  </si>
  <si>
    <t>cg17390497</t>
  </si>
  <si>
    <t>cg17391107</t>
  </si>
  <si>
    <t>cg17395800</t>
  </si>
  <si>
    <t>cg17398312</t>
  </si>
  <si>
    <t>cg17407511</t>
  </si>
  <si>
    <t>cg17420696</t>
  </si>
  <si>
    <t>cg17439480</t>
  </si>
  <si>
    <t>cg17458755</t>
  </si>
  <si>
    <t>cg17460003</t>
  </si>
  <si>
    <t>cg17464366</t>
  </si>
  <si>
    <t>cg17470032</t>
  </si>
  <si>
    <t>cg17475505</t>
  </si>
  <si>
    <t>cg17488861</t>
  </si>
  <si>
    <t>cg17502810</t>
  </si>
  <si>
    <t>cg17505409</t>
  </si>
  <si>
    <t>cg17505944</t>
  </si>
  <si>
    <t>cg17506050</t>
  </si>
  <si>
    <t>cg17508549</t>
  </si>
  <si>
    <t>cg17509494</t>
  </si>
  <si>
    <t>cg17512860</t>
  </si>
  <si>
    <t>cg17513789</t>
  </si>
  <si>
    <t>cg17535087</t>
  </si>
  <si>
    <t>cg17542176</t>
  </si>
  <si>
    <t>cg17542495</t>
  </si>
  <si>
    <t>cg17547226</t>
  </si>
  <si>
    <t>cg17552650</t>
  </si>
  <si>
    <t>cg17560693</t>
  </si>
  <si>
    <t>cg17562247</t>
  </si>
  <si>
    <t>cg17568534</t>
  </si>
  <si>
    <t>cg17571782</t>
  </si>
  <si>
    <t>cg17578642</t>
  </si>
  <si>
    <t>cg17585445</t>
  </si>
  <si>
    <t>cg17590101</t>
  </si>
  <si>
    <t>cg17606228</t>
  </si>
  <si>
    <t>cg17618474</t>
  </si>
  <si>
    <t>cg17619403</t>
  </si>
  <si>
    <t>cg17627526</t>
  </si>
  <si>
    <t>cg17653493</t>
  </si>
  <si>
    <t>cg17654284</t>
  </si>
  <si>
    <t>cg17659886</t>
  </si>
  <si>
    <t>cg17670641</t>
  </si>
  <si>
    <t>cg17672846</t>
  </si>
  <si>
    <t>cg17678039</t>
  </si>
  <si>
    <t>cg17693270</t>
  </si>
  <si>
    <t>cg17694877</t>
  </si>
  <si>
    <t>cg17702590</t>
  </si>
  <si>
    <t>cg17715469</t>
  </si>
  <si>
    <t>cg17725595</t>
  </si>
  <si>
    <t>cg17726280</t>
  </si>
  <si>
    <t>cg17731486</t>
  </si>
  <si>
    <t>cg17740587</t>
  </si>
  <si>
    <t>cg17758324</t>
  </si>
  <si>
    <t>cg17773502</t>
  </si>
  <si>
    <t>cg17775283</t>
  </si>
  <si>
    <t>cg17784580</t>
  </si>
  <si>
    <t>cg17786532</t>
  </si>
  <si>
    <t>cg17790038</t>
  </si>
  <si>
    <t>cg17791122</t>
  </si>
  <si>
    <t>cg17792806</t>
  </si>
  <si>
    <t>cg17808461</t>
  </si>
  <si>
    <t>cg17811446</t>
  </si>
  <si>
    <t>cg17812797</t>
  </si>
  <si>
    <t>cg17822352</t>
  </si>
  <si>
    <t>cg17824914</t>
  </si>
  <si>
    <t>cg17825231</t>
  </si>
  <si>
    <t>cg17828708</t>
  </si>
  <si>
    <t>cg17828773</t>
  </si>
  <si>
    <t>cg17830714</t>
  </si>
  <si>
    <t>cg17843048</t>
  </si>
  <si>
    <t>cg17853057</t>
  </si>
  <si>
    <t>cg17873414</t>
  </si>
  <si>
    <t>cg17876020</t>
  </si>
  <si>
    <t>cg17876443</t>
  </si>
  <si>
    <t>cg17878135</t>
  </si>
  <si>
    <t>cg17878446</t>
  </si>
  <si>
    <t>cg17914927</t>
  </si>
  <si>
    <t>cg17926057</t>
  </si>
  <si>
    <t>cg17933493</t>
  </si>
  <si>
    <t>cg17961384</t>
  </si>
  <si>
    <t>cg17964359</t>
  </si>
  <si>
    <t>cg17970282</t>
  </si>
  <si>
    <t>cg17973147</t>
  </si>
  <si>
    <t>cg17994214</t>
  </si>
  <si>
    <t>cg17994896</t>
  </si>
  <si>
    <t>cg18003791</t>
  </si>
  <si>
    <t>cg18005219</t>
  </si>
  <si>
    <t>cg18011534</t>
  </si>
  <si>
    <t>cg18013550</t>
  </si>
  <si>
    <t>cg18015266</t>
  </si>
  <si>
    <t>cg18036967</t>
  </si>
  <si>
    <t>cg18043690</t>
  </si>
  <si>
    <t>cg18044482</t>
  </si>
  <si>
    <t>cg18064897</t>
  </si>
  <si>
    <t>cg18086582</t>
  </si>
  <si>
    <t>cg18087559</t>
  </si>
  <si>
    <t>cg18090198</t>
  </si>
  <si>
    <t>cg18093711</t>
  </si>
  <si>
    <t>cg18096738</t>
  </si>
  <si>
    <t>cg18099006</t>
  </si>
  <si>
    <t>cg18101474</t>
  </si>
  <si>
    <t>cg18103394</t>
  </si>
  <si>
    <t>cg18105344</t>
  </si>
  <si>
    <t>cg18116135</t>
  </si>
  <si>
    <t>cg18134562</t>
  </si>
  <si>
    <t>cg18138606</t>
  </si>
  <si>
    <t>cg18144073</t>
  </si>
  <si>
    <t>cg18154457</t>
  </si>
  <si>
    <t>cg18155062</t>
  </si>
  <si>
    <t>cg18156601</t>
  </si>
  <si>
    <t>cg18159654</t>
  </si>
  <si>
    <t>cg18161489</t>
  </si>
  <si>
    <t>cg18221317</t>
  </si>
  <si>
    <t>cg18233735</t>
  </si>
  <si>
    <t>cg18239702</t>
  </si>
  <si>
    <t>cg18263397</t>
  </si>
  <si>
    <t>cg18275647</t>
  </si>
  <si>
    <t>cg18289259</t>
  </si>
  <si>
    <t>cg18291437</t>
  </si>
  <si>
    <t>cg18307604</t>
  </si>
  <si>
    <t>cg18336502</t>
  </si>
  <si>
    <t>cg18337321</t>
  </si>
  <si>
    <t>cg18364820</t>
  </si>
  <si>
    <t>cg18381576</t>
  </si>
  <si>
    <t>cg18389023</t>
  </si>
  <si>
    <t>cg18391610</t>
  </si>
  <si>
    <t>cg18394995</t>
  </si>
  <si>
    <t>cg18395615</t>
  </si>
  <si>
    <t>cg18399551</t>
  </si>
  <si>
    <t>cg18411009</t>
  </si>
  <si>
    <t>cg18418655</t>
  </si>
  <si>
    <t>cg18419476</t>
  </si>
  <si>
    <t>cg18432393</t>
  </si>
  <si>
    <t>cg18434680</t>
  </si>
  <si>
    <t>cg18435505</t>
  </si>
  <si>
    <t>cg18439080</t>
  </si>
  <si>
    <t>cg18443450</t>
  </si>
  <si>
    <t>cg18459957</t>
  </si>
  <si>
    <t>cg18468467</t>
  </si>
  <si>
    <t>cg18470455</t>
  </si>
  <si>
    <t>cg18476633</t>
  </si>
  <si>
    <t>cg18478786</t>
  </si>
  <si>
    <t>cg18492059</t>
  </si>
  <si>
    <t>cg18497064</t>
  </si>
  <si>
    <t>cg18498622</t>
  </si>
  <si>
    <t>cg18503052</t>
  </si>
  <si>
    <t>cg18507125</t>
  </si>
  <si>
    <t>cg18512807</t>
  </si>
  <si>
    <t>cg18525817</t>
  </si>
  <si>
    <t>cg18528798</t>
  </si>
  <si>
    <t>cg18535534</t>
  </si>
  <si>
    <t>cg18538900</t>
  </si>
  <si>
    <t>cg18616655</t>
  </si>
  <si>
    <t>cg18624866</t>
  </si>
  <si>
    <t>cg18626098</t>
  </si>
  <si>
    <t>cg18626864</t>
  </si>
  <si>
    <t>cg18665563</t>
  </si>
  <si>
    <t>cg18695429</t>
  </si>
  <si>
    <t>cg18700197</t>
  </si>
  <si>
    <t>cg18700741</t>
  </si>
  <si>
    <t>cg18701656</t>
  </si>
  <si>
    <t>cg18702239</t>
  </si>
  <si>
    <t>cg18731813</t>
  </si>
  <si>
    <t>cg18769420</t>
  </si>
  <si>
    <t>cg18770944</t>
  </si>
  <si>
    <t>cg18776021</t>
  </si>
  <si>
    <t>cg18777226</t>
  </si>
  <si>
    <t>cg18780401</t>
  </si>
  <si>
    <t>cg18780751</t>
  </si>
  <si>
    <t>cg18785414</t>
  </si>
  <si>
    <t>cg18793814</t>
  </si>
  <si>
    <t>cg18799866</t>
  </si>
  <si>
    <t>cg18811601</t>
  </si>
  <si>
    <t>cg18813691</t>
  </si>
  <si>
    <t>cg18827179</t>
  </si>
  <si>
    <t>cg18827893</t>
  </si>
  <si>
    <t>cg18849630</t>
  </si>
  <si>
    <t>cg18869368</t>
  </si>
  <si>
    <t>cg18875207</t>
  </si>
  <si>
    <t>cg18879010</t>
  </si>
  <si>
    <t>cg18882436</t>
  </si>
  <si>
    <t>cg18898763</t>
  </si>
  <si>
    <t>cg18903768</t>
  </si>
  <si>
    <t>cg18923230</t>
  </si>
  <si>
    <t>cg18931873</t>
  </si>
  <si>
    <t>cg18939543</t>
  </si>
  <si>
    <t>cg18949886</t>
  </si>
  <si>
    <t>cg18976803</t>
  </si>
  <si>
    <t>cg18980650</t>
  </si>
  <si>
    <t>cg18986576</t>
  </si>
  <si>
    <t>cg18987659</t>
  </si>
  <si>
    <t>cg18992293</t>
  </si>
  <si>
    <t>cg19000468</t>
  </si>
  <si>
    <t>cg19011603</t>
  </si>
  <si>
    <t>cg19013417</t>
  </si>
  <si>
    <t>cg19039586</t>
  </si>
  <si>
    <t>cg19045344</t>
  </si>
  <si>
    <t>cg19050914</t>
  </si>
  <si>
    <t>cg19053608</t>
  </si>
  <si>
    <t>cg19058005</t>
  </si>
  <si>
    <t>cg19059427</t>
  </si>
  <si>
    <t>cg19062189</t>
  </si>
  <si>
    <t>cg19069416</t>
  </si>
  <si>
    <t>cg19110434</t>
  </si>
  <si>
    <t>cg19114226</t>
  </si>
  <si>
    <t>cg19127840</t>
  </si>
  <si>
    <t>cg19134404</t>
  </si>
  <si>
    <t>cg19137564</t>
  </si>
  <si>
    <t>cg19138060</t>
  </si>
  <si>
    <t>cg19144013</t>
  </si>
  <si>
    <t>cg19153710</t>
  </si>
  <si>
    <t>cg19155032</t>
  </si>
  <si>
    <t>cg19169838</t>
  </si>
  <si>
    <t>cg19177332</t>
  </si>
  <si>
    <t>cg19189070</t>
  </si>
  <si>
    <t>cg19206010</t>
  </si>
  <si>
    <t>cg19212576</t>
  </si>
  <si>
    <t>cg19218988</t>
  </si>
  <si>
    <t>cg19227523</t>
  </si>
  <si>
    <t>cg19233518</t>
  </si>
  <si>
    <t>cg19235109</t>
  </si>
  <si>
    <t>cg19257537</t>
  </si>
  <si>
    <t>cg19259802</t>
  </si>
  <si>
    <t>cg19261292</t>
  </si>
  <si>
    <t>cg19269918</t>
  </si>
  <si>
    <t>cg19318920</t>
  </si>
  <si>
    <t>cg19334385</t>
  </si>
  <si>
    <t>cg19355555</t>
  </si>
  <si>
    <t>cg19358195</t>
  </si>
  <si>
    <t>cg19382362</t>
  </si>
  <si>
    <t>cg19384325</t>
  </si>
  <si>
    <t>cg19388636</t>
  </si>
  <si>
    <t>cg19392138</t>
  </si>
  <si>
    <t>cg19405200</t>
  </si>
  <si>
    <t>cg19406003</t>
  </si>
  <si>
    <t>cg19407266</t>
  </si>
  <si>
    <t>cg19407886</t>
  </si>
  <si>
    <t>cg19410841</t>
  </si>
  <si>
    <t>cg19420465</t>
  </si>
  <si>
    <t>cg19421044</t>
  </si>
  <si>
    <t>cg19431247</t>
  </si>
  <si>
    <t>cg19434750</t>
  </si>
  <si>
    <t>cg19441691</t>
  </si>
  <si>
    <t>cg19481013</t>
  </si>
  <si>
    <t>cg19481052</t>
  </si>
  <si>
    <t>cg19491742</t>
  </si>
  <si>
    <t>cg19499945</t>
  </si>
  <si>
    <t>cg19502998</t>
  </si>
  <si>
    <t>cg19506407</t>
  </si>
  <si>
    <t>cg19522972</t>
  </si>
  <si>
    <t>cg19523014</t>
  </si>
  <si>
    <t>cg19523692</t>
  </si>
  <si>
    <t>cg19532356</t>
  </si>
  <si>
    <t>cg19534423</t>
  </si>
  <si>
    <t>cg19541913</t>
  </si>
  <si>
    <t>cg19548593</t>
  </si>
  <si>
    <t>cg19566414</t>
  </si>
  <si>
    <t>cg19570406</t>
  </si>
  <si>
    <t>cg19572242</t>
  </si>
  <si>
    <t>cg19585882</t>
  </si>
  <si>
    <t>cg19591080</t>
  </si>
  <si>
    <t>cg19593957</t>
  </si>
  <si>
    <t>cg19616372</t>
  </si>
  <si>
    <t>cg19618505</t>
  </si>
  <si>
    <t>cg19658849</t>
  </si>
  <si>
    <t>cg19666053</t>
  </si>
  <si>
    <t>cg19683299</t>
  </si>
  <si>
    <t>cg19688321</t>
  </si>
  <si>
    <t>cg19716713</t>
  </si>
  <si>
    <t>cg19732480</t>
  </si>
  <si>
    <t>cg19740287</t>
  </si>
  <si>
    <t>cg19741073</t>
  </si>
  <si>
    <t>cg19771541</t>
  </si>
  <si>
    <t>cg19792027</t>
  </si>
  <si>
    <t>cg19792266</t>
  </si>
  <si>
    <t>cg19794163</t>
  </si>
  <si>
    <t>cg19797013</t>
  </si>
  <si>
    <t>cg19818925</t>
  </si>
  <si>
    <t>cg19822434</t>
  </si>
  <si>
    <t>cg19839614</t>
  </si>
  <si>
    <t>cg19840763</t>
  </si>
  <si>
    <t>cg19854896</t>
  </si>
  <si>
    <t>cg19879210</t>
  </si>
  <si>
    <t>cg19881386</t>
  </si>
  <si>
    <t>cg19885057</t>
  </si>
  <si>
    <t>cg19899539</t>
  </si>
  <si>
    <t>cg19899961</t>
  </si>
  <si>
    <t>cg19907419</t>
  </si>
  <si>
    <t>cg19926635</t>
  </si>
  <si>
    <t>cg19933709</t>
  </si>
  <si>
    <t>cg19937098</t>
  </si>
  <si>
    <t>cg19937286</t>
  </si>
  <si>
    <t>cg19948991</t>
  </si>
  <si>
    <t>cg19949137</t>
  </si>
  <si>
    <t>cg19954218</t>
  </si>
  <si>
    <t>cg19955701</t>
  </si>
  <si>
    <t>cg19994834</t>
  </si>
  <si>
    <t>cg20010130</t>
  </si>
  <si>
    <t>cg20015672</t>
  </si>
  <si>
    <t>cg20025403</t>
  </si>
  <si>
    <t>cg20056133</t>
  </si>
  <si>
    <t>cg20057595</t>
  </si>
  <si>
    <t>cg20063630</t>
  </si>
  <si>
    <t>cg20065832</t>
  </si>
  <si>
    <t>cg20069969</t>
  </si>
  <si>
    <t>cg20077179</t>
  </si>
  <si>
    <t>cg20078783</t>
  </si>
  <si>
    <t>cg20079335</t>
  </si>
  <si>
    <t>cg20085561</t>
  </si>
  <si>
    <t>cg20086286</t>
  </si>
  <si>
    <t>cg20086420</t>
  </si>
  <si>
    <t>cg20095274</t>
  </si>
  <si>
    <t>cg20098118</t>
  </si>
  <si>
    <t>cg20104776</t>
  </si>
  <si>
    <t>cg20112962</t>
  </si>
  <si>
    <t>cg20123374</t>
  </si>
  <si>
    <t>cg20134598</t>
  </si>
  <si>
    <t>cg20154346</t>
  </si>
  <si>
    <t>cg20203466</t>
  </si>
  <si>
    <t>cg20207989</t>
  </si>
  <si>
    <t>cg20216854</t>
  </si>
  <si>
    <t>cg20219360</t>
  </si>
  <si>
    <t>cg20220865</t>
  </si>
  <si>
    <t>cg20258249</t>
  </si>
  <si>
    <t>cg20260312</t>
  </si>
  <si>
    <t>cg20262028</t>
  </si>
  <si>
    <t>cg20271300</t>
  </si>
  <si>
    <t>cg20272754</t>
  </si>
  <si>
    <t>cg20275344</t>
  </si>
  <si>
    <t>cg20308511</t>
  </si>
  <si>
    <t>cg20313902</t>
  </si>
  <si>
    <t>cg20321768</t>
  </si>
  <si>
    <t>cg20332242</t>
  </si>
  <si>
    <t>cg20332806</t>
  </si>
  <si>
    <t>cg20333676</t>
  </si>
  <si>
    <t>cg20338399</t>
  </si>
  <si>
    <t>cg20340631</t>
  </si>
  <si>
    <t>cg20344426</t>
  </si>
  <si>
    <t>cg20344820</t>
  </si>
  <si>
    <t>cg20346189</t>
  </si>
  <si>
    <t>cg20371650</t>
  </si>
  <si>
    <t>cg20417134</t>
  </si>
  <si>
    <t>cg20430749</t>
  </si>
  <si>
    <t>cg20431201</t>
  </si>
  <si>
    <t>cg20450662</t>
  </si>
  <si>
    <t>cg20450764</t>
  </si>
  <si>
    <t>cg20456193</t>
  </si>
  <si>
    <t>cg20457190</t>
  </si>
  <si>
    <t>cg20460541</t>
  </si>
  <si>
    <t>cg20463407</t>
  </si>
  <si>
    <t>cg20465526</t>
  </si>
  <si>
    <t>cg20465655</t>
  </si>
  <si>
    <t>cg20486690</t>
  </si>
  <si>
    <t>cg20495737</t>
  </si>
  <si>
    <t>cg20497120</t>
  </si>
  <si>
    <t>cg20497334</t>
  </si>
  <si>
    <t>cg20497504</t>
  </si>
  <si>
    <t>cg20502006</t>
  </si>
  <si>
    <t>cg20512370</t>
  </si>
  <si>
    <t>cg20514061</t>
  </si>
  <si>
    <t>cg20522409</t>
  </si>
  <si>
    <t>cg20540913</t>
  </si>
  <si>
    <t>cg20546893</t>
  </si>
  <si>
    <t>cg20551211</t>
  </si>
  <si>
    <t>cg20557017</t>
  </si>
  <si>
    <t>cg20569128</t>
  </si>
  <si>
    <t>cg20578376</t>
  </si>
  <si>
    <t>cg20578501</t>
  </si>
  <si>
    <t>cg20584415</t>
  </si>
  <si>
    <t>cg20641280</t>
  </si>
  <si>
    <t>cg20648463</t>
  </si>
  <si>
    <t>cg20654256</t>
  </si>
  <si>
    <t>cg20662859</t>
  </si>
  <si>
    <t>cg20663980</t>
  </si>
  <si>
    <t>cg20664065</t>
  </si>
  <si>
    <t>cg20676303</t>
  </si>
  <si>
    <t>cg20698282</t>
  </si>
  <si>
    <t>cg20699879</t>
  </si>
  <si>
    <t>cg20731167</t>
  </si>
  <si>
    <t>cg20749047</t>
  </si>
  <si>
    <t>cg20763943</t>
  </si>
  <si>
    <t>cg20765985</t>
  </si>
  <si>
    <t>cg20767433</t>
  </si>
  <si>
    <t>cg20780119</t>
  </si>
  <si>
    <t>cg20786173</t>
  </si>
  <si>
    <t>cg20786418</t>
  </si>
  <si>
    <t>cg20788415</t>
  </si>
  <si>
    <t>cg20790618</t>
  </si>
  <si>
    <t>cg20795578</t>
  </si>
  <si>
    <t>cg20796646</t>
  </si>
  <si>
    <t>cg20825323</t>
  </si>
  <si>
    <t>cg20842729</t>
  </si>
  <si>
    <t>cg20844690</t>
  </si>
  <si>
    <t>cg20844861</t>
  </si>
  <si>
    <t>cg20847962</t>
  </si>
  <si>
    <t>cg20852235</t>
  </si>
  <si>
    <t>cg20855042</t>
  </si>
  <si>
    <t>cg20855303</t>
  </si>
  <si>
    <t>cg20860481</t>
  </si>
  <si>
    <t>cg20878850</t>
  </si>
  <si>
    <t>cg20945035</t>
  </si>
  <si>
    <t>cg20950264</t>
  </si>
  <si>
    <t>cg20950932</t>
  </si>
  <si>
    <t>cg20958732</t>
  </si>
  <si>
    <t>cg20959965</t>
  </si>
  <si>
    <t>cg20964758</t>
  </si>
  <si>
    <t>cg20967299</t>
  </si>
  <si>
    <t>cg20971536</t>
  </si>
  <si>
    <t>cg20973408</t>
  </si>
  <si>
    <t>cg20976488</t>
  </si>
  <si>
    <t>cg20977592</t>
  </si>
  <si>
    <t>cg20978230</t>
  </si>
  <si>
    <t>cg20981089</t>
  </si>
  <si>
    <t>cg20996825</t>
  </si>
  <si>
    <t>cg21010298</t>
  </si>
  <si>
    <t>cg21017771</t>
  </si>
  <si>
    <t>cg21028499</t>
  </si>
  <si>
    <t>cg21030483</t>
  </si>
  <si>
    <t>cg21036593</t>
  </si>
  <si>
    <t>cg21042032</t>
  </si>
  <si>
    <t>cg21045917</t>
  </si>
  <si>
    <t>cg21046413</t>
  </si>
  <si>
    <t>cg21080294</t>
  </si>
  <si>
    <t>cg21109542</t>
  </si>
  <si>
    <t>cg21112796</t>
  </si>
  <si>
    <t>cg21114800</t>
  </si>
  <si>
    <t>cg21119901</t>
  </si>
  <si>
    <t>cg21120047</t>
  </si>
  <si>
    <t>cg21122900</t>
  </si>
  <si>
    <t>cg21127593</t>
  </si>
  <si>
    <t>cg21128398</t>
  </si>
  <si>
    <t>cg21137707</t>
  </si>
  <si>
    <t>cg21139564</t>
  </si>
  <si>
    <t>cg21142420</t>
  </si>
  <si>
    <t>cg21153181</t>
  </si>
  <si>
    <t>cg21158178</t>
  </si>
  <si>
    <t>cg21166191</t>
  </si>
  <si>
    <t>cg21179255</t>
  </si>
  <si>
    <t>cg21183872</t>
  </si>
  <si>
    <t>cg21184257</t>
  </si>
  <si>
    <t>cg21184454</t>
  </si>
  <si>
    <t>cg21198428</t>
  </si>
  <si>
    <t>cg21201934</t>
  </si>
  <si>
    <t>cg21206555</t>
  </si>
  <si>
    <t>cg21224759</t>
  </si>
  <si>
    <t>cg21229055</t>
  </si>
  <si>
    <t>cg21232685</t>
  </si>
  <si>
    <t>cg21252909</t>
  </si>
  <si>
    <t>cg21255939</t>
  </si>
  <si>
    <t>cg21258987</t>
  </si>
  <si>
    <t>cg21267792</t>
  </si>
  <si>
    <t>cg21283832</t>
  </si>
  <si>
    <t>cg21284034</t>
  </si>
  <si>
    <t>cg21297942</t>
  </si>
  <si>
    <t>cg21305413</t>
  </si>
  <si>
    <t>cg21306843</t>
  </si>
  <si>
    <t>cg21319950</t>
  </si>
  <si>
    <t>cg21329548</t>
  </si>
  <si>
    <t>cg21337832</t>
  </si>
  <si>
    <t>cg21355508</t>
  </si>
  <si>
    <t>cg21365235</t>
  </si>
  <si>
    <t>cg21378690</t>
  </si>
  <si>
    <t>cg21380860</t>
  </si>
  <si>
    <t>cg21393587</t>
  </si>
  <si>
    <t>cg21402738</t>
  </si>
  <si>
    <t>cg21410798</t>
  </si>
  <si>
    <t>cg21412053</t>
  </si>
  <si>
    <t>cg21416682</t>
  </si>
  <si>
    <t>cg21417660</t>
  </si>
  <si>
    <t>cg21456313</t>
  </si>
  <si>
    <t>cg21471515</t>
  </si>
  <si>
    <t>cg21472099</t>
  </si>
  <si>
    <t>cg21489722</t>
  </si>
  <si>
    <t>cg21497739</t>
  </si>
  <si>
    <t>cg21500538</t>
  </si>
  <si>
    <t>cg21501064</t>
  </si>
  <si>
    <t>cg21509846</t>
  </si>
  <si>
    <t>cg21515329</t>
  </si>
  <si>
    <t>cg21516819</t>
  </si>
  <si>
    <t>cg21537736</t>
  </si>
  <si>
    <t>cg21537947</t>
  </si>
  <si>
    <t>cg21559133</t>
  </si>
  <si>
    <t>cg21565451</t>
  </si>
  <si>
    <t>cg21601364</t>
  </si>
  <si>
    <t>cg21606887</t>
  </si>
  <si>
    <t>cg21617677</t>
  </si>
  <si>
    <t>cg21640139</t>
  </si>
  <si>
    <t>cg21648502</t>
  </si>
  <si>
    <t>cg21652638</t>
  </si>
  <si>
    <t>cg21662807</t>
  </si>
  <si>
    <t>cg21672057</t>
  </si>
  <si>
    <t>cg21693321</t>
  </si>
  <si>
    <t>cg21697779</t>
  </si>
  <si>
    <t>cg21711683</t>
  </si>
  <si>
    <t>cg21729122</t>
  </si>
  <si>
    <t>cg21738316</t>
  </si>
  <si>
    <t>cg21742716</t>
  </si>
  <si>
    <t>cg21744850</t>
  </si>
  <si>
    <t>cg21744973</t>
  </si>
  <si>
    <t>cg21747330</t>
  </si>
  <si>
    <t>cg21760862</t>
  </si>
  <si>
    <t>cg21765125</t>
  </si>
  <si>
    <t>cg21781308</t>
  </si>
  <si>
    <t>cg21798601</t>
  </si>
  <si>
    <t>cg21805136</t>
  </si>
  <si>
    <t>cg21811592</t>
  </si>
  <si>
    <t>cg21860846</t>
  </si>
  <si>
    <t>cg21864248</t>
  </si>
  <si>
    <t>cg21870760</t>
  </si>
  <si>
    <t>cg21900692</t>
  </si>
  <si>
    <t>cg21900764</t>
  </si>
  <si>
    <t>cg21902245</t>
  </si>
  <si>
    <t>cg21902627</t>
  </si>
  <si>
    <t>cg21905818</t>
  </si>
  <si>
    <t>cg21907794</t>
  </si>
  <si>
    <t>cg21910941</t>
  </si>
  <si>
    <t>cg21911834</t>
  </si>
  <si>
    <t>cg21943052</t>
  </si>
  <si>
    <t>cg21956484</t>
  </si>
  <si>
    <t>cg21990184</t>
  </si>
  <si>
    <t>cg21992771</t>
  </si>
  <si>
    <t>cg21994514</t>
  </si>
  <si>
    <t>cg22009709</t>
  </si>
  <si>
    <t>cg22012543</t>
  </si>
  <si>
    <t>cg22016571</t>
  </si>
  <si>
    <t>cg22036140</t>
  </si>
  <si>
    <t>cg22040303</t>
  </si>
  <si>
    <t>cg22058533</t>
  </si>
  <si>
    <t>cg22072691</t>
  </si>
  <si>
    <t>cg22133177</t>
  </si>
  <si>
    <t>cg22137300</t>
  </si>
  <si>
    <t>cg22139325</t>
  </si>
  <si>
    <t>cg22142212</t>
  </si>
  <si>
    <t>cg22144149</t>
  </si>
  <si>
    <t>cg22145512</t>
  </si>
  <si>
    <t>cg22148243</t>
  </si>
  <si>
    <t>cg22151131</t>
  </si>
  <si>
    <t>cg22166305</t>
  </si>
  <si>
    <t>cg22172517</t>
  </si>
  <si>
    <t>cg22208280</t>
  </si>
  <si>
    <t>cg22238863</t>
  </si>
  <si>
    <t>cg22249566</t>
  </si>
  <si>
    <t>cg22256180</t>
  </si>
  <si>
    <t>cg22265142</t>
  </si>
  <si>
    <t>cg22311608</t>
  </si>
  <si>
    <t>cg22321559</t>
  </si>
  <si>
    <t>cg22332233</t>
  </si>
  <si>
    <t>cg22337136</t>
  </si>
  <si>
    <t>cg22337892</t>
  </si>
  <si>
    <t>cg22343001</t>
  </si>
  <si>
    <t>cg22363867</t>
  </si>
  <si>
    <t>cg22364675</t>
  </si>
  <si>
    <t>cg22366629</t>
  </si>
  <si>
    <t>cg22399096</t>
  </si>
  <si>
    <t>cg22418103</t>
  </si>
  <si>
    <t>cg22419482</t>
  </si>
  <si>
    <t>cg22437699</t>
  </si>
  <si>
    <t>cg22455963</t>
  </si>
  <si>
    <t>cg22464151</t>
  </si>
  <si>
    <t>cg22466573</t>
  </si>
  <si>
    <t>cg22470298</t>
  </si>
  <si>
    <t>cg22471695</t>
  </si>
  <si>
    <t>cg22474124</t>
  </si>
  <si>
    <t>cg22484503</t>
  </si>
  <si>
    <t>cg22495120</t>
  </si>
  <si>
    <t>cg22502059</t>
  </si>
  <si>
    <t>cg22526309</t>
  </si>
  <si>
    <t>cg22527050</t>
  </si>
  <si>
    <t>cg22539189</t>
  </si>
  <si>
    <t>cg22560211</t>
  </si>
  <si>
    <t>cg22562335</t>
  </si>
  <si>
    <t>cg22569627</t>
  </si>
  <si>
    <t>cg22590594</t>
  </si>
  <si>
    <t>cg22597771</t>
  </si>
  <si>
    <t>cg22606540</t>
  </si>
  <si>
    <t>cg22612743</t>
  </si>
  <si>
    <t>cg22617367</t>
  </si>
  <si>
    <t>cg22618086</t>
  </si>
  <si>
    <t>cg22622899</t>
  </si>
  <si>
    <t>cg22629482</t>
  </si>
  <si>
    <t>cg22629722</t>
  </si>
  <si>
    <t>cg22646149</t>
  </si>
  <si>
    <t>cg22647743</t>
  </si>
  <si>
    <t>cg22650104</t>
  </si>
  <si>
    <t>cg22651103</t>
  </si>
  <si>
    <t>cg22655251</t>
  </si>
  <si>
    <t>cg22656275</t>
  </si>
  <si>
    <t>cg22660483</t>
  </si>
  <si>
    <t>cg22665187</t>
  </si>
  <si>
    <t>cg22685762</t>
  </si>
  <si>
    <t>cg22686892</t>
  </si>
  <si>
    <t>cg22688927</t>
  </si>
  <si>
    <t>cg22693205</t>
  </si>
  <si>
    <t>cg22696549</t>
  </si>
  <si>
    <t>cg22713630</t>
  </si>
  <si>
    <t>cg22713892</t>
  </si>
  <si>
    <t>cg22745747</t>
  </si>
  <si>
    <t>cg22750044</t>
  </si>
  <si>
    <t>cg22762309</t>
  </si>
  <si>
    <t>cg22772711</t>
  </si>
  <si>
    <t>cg22795938</t>
  </si>
  <si>
    <t>cg22799132</t>
  </si>
  <si>
    <t>cg22805594</t>
  </si>
  <si>
    <t>cg22811030</t>
  </si>
  <si>
    <t>cg22818965</t>
  </si>
  <si>
    <t>cg22829182</t>
  </si>
  <si>
    <t>cg22834521</t>
  </si>
  <si>
    <t>cg22844499</t>
  </si>
  <si>
    <t>cg22844669</t>
  </si>
  <si>
    <t>cg22845087</t>
  </si>
  <si>
    <t>cg22848013</t>
  </si>
  <si>
    <t>cg22848793</t>
  </si>
  <si>
    <t>cg22849541</t>
  </si>
  <si>
    <t>cg22858728</t>
  </si>
  <si>
    <t>cg22873145</t>
  </si>
  <si>
    <t>cg22876425</t>
  </si>
  <si>
    <t>cg22881447</t>
  </si>
  <si>
    <t>cg22887748</t>
  </si>
  <si>
    <t>cg22899869</t>
  </si>
  <si>
    <t>cg22903370</t>
  </si>
  <si>
    <t>cg22917617</t>
  </si>
  <si>
    <t>cg22926247</t>
  </si>
  <si>
    <t>cg22934939</t>
  </si>
  <si>
    <t>cg22946377</t>
  </si>
  <si>
    <t>cg22948201</t>
  </si>
  <si>
    <t>cg22952406</t>
  </si>
  <si>
    <t>cg22956922</t>
  </si>
  <si>
    <t>cg22959512</t>
  </si>
  <si>
    <t>cg22972444</t>
  </si>
  <si>
    <t>cg22975791</t>
  </si>
  <si>
    <t>cg22975864</t>
  </si>
  <si>
    <t>cg22978992</t>
  </si>
  <si>
    <t>cg22980351</t>
  </si>
  <si>
    <t>cg22982510</t>
  </si>
  <si>
    <t>cg22996592</t>
  </si>
  <si>
    <t>cg22998840</t>
  </si>
  <si>
    <t>cg23050981</t>
  </si>
  <si>
    <t>cg23061435</t>
  </si>
  <si>
    <t>cg23066860</t>
  </si>
  <si>
    <t>cg23083269</t>
  </si>
  <si>
    <t>cg23091067</t>
  </si>
  <si>
    <t>cg23112505</t>
  </si>
  <si>
    <t>cg23119380</t>
  </si>
  <si>
    <t>cg23124111</t>
  </si>
  <si>
    <t>cg23125267</t>
  </si>
  <si>
    <t>cg23127995</t>
  </si>
  <si>
    <t>cg23129452</t>
  </si>
  <si>
    <t>cg23137494</t>
  </si>
  <si>
    <t>cg23157067</t>
  </si>
  <si>
    <t>cg23163644</t>
  </si>
  <si>
    <t>cg23174160</t>
  </si>
  <si>
    <t>cg23186825</t>
  </si>
  <si>
    <t>cg23205426</t>
  </si>
  <si>
    <t>cg23210456</t>
  </si>
  <si>
    <t>cg23212388</t>
  </si>
  <si>
    <t>cg23221557</t>
  </si>
  <si>
    <t>cg23242236</t>
  </si>
  <si>
    <t>cg23250973</t>
  </si>
  <si>
    <t>cg23269489</t>
  </si>
  <si>
    <t>cg23277098</t>
  </si>
  <si>
    <t>cg23280339</t>
  </si>
  <si>
    <t>cg23282949</t>
  </si>
  <si>
    <t>cg23297872</t>
  </si>
  <si>
    <t>cg23360535</t>
  </si>
  <si>
    <t>cg23360700</t>
  </si>
  <si>
    <t>cg23362763</t>
  </si>
  <si>
    <t>cg23374711</t>
  </si>
  <si>
    <t>cg23378094</t>
  </si>
  <si>
    <t>cg23384620</t>
  </si>
  <si>
    <t>cg23387422</t>
  </si>
  <si>
    <t>cg23390865</t>
  </si>
  <si>
    <t>cg23392495</t>
  </si>
  <si>
    <t>cg23403072</t>
  </si>
  <si>
    <t>cg23431897</t>
  </si>
  <si>
    <t>cg23445828</t>
  </si>
  <si>
    <t>cg23446945</t>
  </si>
  <si>
    <t>cg23473396</t>
  </si>
  <si>
    <t>cg23477679</t>
  </si>
  <si>
    <t>cg23483251</t>
  </si>
  <si>
    <t>cg23494279</t>
  </si>
  <si>
    <t>cg23496314</t>
  </si>
  <si>
    <t>cg23499980</t>
  </si>
  <si>
    <t>cg23516342</t>
  </si>
  <si>
    <t>cg23518228</t>
  </si>
  <si>
    <t>cg23527532</t>
  </si>
  <si>
    <t>cg23530721</t>
  </si>
  <si>
    <t>cg23532648</t>
  </si>
  <si>
    <t>cg23547143</t>
  </si>
  <si>
    <t>cg23554686</t>
  </si>
  <si>
    <t>cg23556525</t>
  </si>
  <si>
    <t>cg23570034</t>
  </si>
  <si>
    <t>cg23571457</t>
  </si>
  <si>
    <t>cg23583777</t>
  </si>
  <si>
    <t>cg23604959</t>
  </si>
  <si>
    <t>cg23662469</t>
  </si>
  <si>
    <t>cg23673620</t>
  </si>
  <si>
    <t>cg23675214</t>
  </si>
  <si>
    <t>cg23694557</t>
  </si>
  <si>
    <t>cg23699176</t>
  </si>
  <si>
    <t>cg23701759</t>
  </si>
  <si>
    <t>cg23708288</t>
  </si>
  <si>
    <t>cg23709290</t>
  </si>
  <si>
    <t>cg23709838</t>
  </si>
  <si>
    <t>cg23714856</t>
  </si>
  <si>
    <t>cg23718917</t>
  </si>
  <si>
    <t>cg23719663</t>
  </si>
  <si>
    <t>cg23722438</t>
  </si>
  <si>
    <t>cg23722529</t>
  </si>
  <si>
    <t>cg23733328</t>
  </si>
  <si>
    <t>cg23756219</t>
  </si>
  <si>
    <t>cg23773680</t>
  </si>
  <si>
    <t>cg23800739</t>
  </si>
  <si>
    <t>cg23812886</t>
  </si>
  <si>
    <t>cg23839682</t>
  </si>
  <si>
    <t>cg23846114</t>
  </si>
  <si>
    <t>cg23851088</t>
  </si>
  <si>
    <t>cg23862713</t>
  </si>
  <si>
    <t>cg23896806</t>
  </si>
  <si>
    <t>cg23904115</t>
  </si>
  <si>
    <t>cg23921534</t>
  </si>
  <si>
    <t>cg23922730</t>
  </si>
  <si>
    <t>cg23926715</t>
  </si>
  <si>
    <t>cg23947872</t>
  </si>
  <si>
    <t>cg23948362</t>
  </si>
  <si>
    <t>cg23954847</t>
  </si>
  <si>
    <t>cg23986186</t>
  </si>
  <si>
    <t>cg23987198</t>
  </si>
  <si>
    <t>cg23987345</t>
  </si>
  <si>
    <t>cg23991947</t>
  </si>
  <si>
    <t>cg24026732</t>
  </si>
  <si>
    <t>cg24035953</t>
  </si>
  <si>
    <t>cg24052239</t>
  </si>
  <si>
    <t>cg24054653</t>
  </si>
  <si>
    <t>cg24076965</t>
  </si>
  <si>
    <t>cg24090339</t>
  </si>
  <si>
    <t>cg24126759</t>
  </si>
  <si>
    <t>cg24139739</t>
  </si>
  <si>
    <t>cg24149051</t>
  </si>
  <si>
    <t>cg24151308</t>
  </si>
  <si>
    <t>cg24156054</t>
  </si>
  <si>
    <t>cg24194941</t>
  </si>
  <si>
    <t>cg24197116</t>
  </si>
  <si>
    <t>cg24199204</t>
  </si>
  <si>
    <t>cg24208785</t>
  </si>
  <si>
    <t>cg24232677</t>
  </si>
  <si>
    <t>cg24239230</t>
  </si>
  <si>
    <t>cg24244718</t>
  </si>
  <si>
    <t>cg24249486</t>
  </si>
  <si>
    <t>cg24253627</t>
  </si>
  <si>
    <t>cg24256637</t>
  </si>
  <si>
    <t>cg24258154</t>
  </si>
  <si>
    <t>cg24268343</t>
  </si>
  <si>
    <t>cg24268663</t>
  </si>
  <si>
    <t>cg24324483</t>
  </si>
  <si>
    <t>cg24324845</t>
  </si>
  <si>
    <t>cg24326574</t>
  </si>
  <si>
    <t>cg24327587</t>
  </si>
  <si>
    <t>cg24332600</t>
  </si>
  <si>
    <t>cg24340926</t>
  </si>
  <si>
    <t>cg24347741</t>
  </si>
  <si>
    <t>cg24348786</t>
  </si>
  <si>
    <t>cg24351198</t>
  </si>
  <si>
    <t>cg24376537</t>
  </si>
  <si>
    <t>cg24376810</t>
  </si>
  <si>
    <t>cg24378073</t>
  </si>
  <si>
    <t>cg24381372</t>
  </si>
  <si>
    <t>cg24382689</t>
  </si>
  <si>
    <t>cg24395545</t>
  </si>
  <si>
    <t>cg24395855</t>
  </si>
  <si>
    <t>cg24399474</t>
  </si>
  <si>
    <t>cg24411090</t>
  </si>
  <si>
    <t>cg24415468</t>
  </si>
  <si>
    <t>cg24422680</t>
  </si>
  <si>
    <t>cg24443136</t>
  </si>
  <si>
    <t>cg24464909</t>
  </si>
  <si>
    <t>cg24464999</t>
  </si>
  <si>
    <t>cg24468804</t>
  </si>
  <si>
    <t>cg24479484</t>
  </si>
  <si>
    <t>cg24504300</t>
  </si>
  <si>
    <t>cg24507210</t>
  </si>
  <si>
    <t>cg24508310</t>
  </si>
  <si>
    <t>cg24530587</t>
  </si>
  <si>
    <t>cg24544147</t>
  </si>
  <si>
    <t>cg24549268</t>
  </si>
  <si>
    <t>cg24550433</t>
  </si>
  <si>
    <t>cg24569746</t>
  </si>
  <si>
    <t>cg24585803</t>
  </si>
  <si>
    <t>cg24590452</t>
  </si>
  <si>
    <t>cg24597862</t>
  </si>
  <si>
    <t>cg24605338</t>
  </si>
  <si>
    <t>cg24605995</t>
  </si>
  <si>
    <t>cg24616736</t>
  </si>
  <si>
    <t>cg24618413</t>
  </si>
  <si>
    <t>cg24630097</t>
  </si>
  <si>
    <t>cg24636657</t>
  </si>
  <si>
    <t>cg24643262</t>
  </si>
  <si>
    <t>cg24648715</t>
  </si>
  <si>
    <t>cg24654385</t>
  </si>
  <si>
    <t>cg24655012</t>
  </si>
  <si>
    <t>cg24655865</t>
  </si>
  <si>
    <t>cg24658899</t>
  </si>
  <si>
    <t>cg24663569</t>
  </si>
  <si>
    <t>cg24671185</t>
  </si>
  <si>
    <t>cg24672310</t>
  </si>
  <si>
    <t>cg24678093</t>
  </si>
  <si>
    <t>cg24691157</t>
  </si>
  <si>
    <t>cg24707688</t>
  </si>
  <si>
    <t>cg24712639</t>
  </si>
  <si>
    <t>cg24723496</t>
  </si>
  <si>
    <t>cg24728008</t>
  </si>
  <si>
    <t>cg24736559</t>
  </si>
  <si>
    <t>cg24738321</t>
  </si>
  <si>
    <t>cg24743423</t>
  </si>
  <si>
    <t>cg24744459</t>
  </si>
  <si>
    <t>cg24751886</t>
  </si>
  <si>
    <t>cg24761863</t>
  </si>
  <si>
    <t>cg24774956</t>
  </si>
  <si>
    <t>cg24779040</t>
  </si>
  <si>
    <t>cg24813163</t>
  </si>
  <si>
    <t>cg24817502</t>
  </si>
  <si>
    <t>cg24822127</t>
  </si>
  <si>
    <t>cg24823082</t>
  </si>
  <si>
    <t>cg24825446</t>
  </si>
  <si>
    <t>cg24831179</t>
  </si>
  <si>
    <t>cg24834461</t>
  </si>
  <si>
    <t>cg24841909</t>
  </si>
  <si>
    <t>cg24852779</t>
  </si>
  <si>
    <t>cg24853313</t>
  </si>
  <si>
    <t>cg24857545</t>
  </si>
  <si>
    <t>cg24862851</t>
  </si>
  <si>
    <t>cg24877449</t>
  </si>
  <si>
    <t>cg24882168</t>
  </si>
  <si>
    <t>cg24882621</t>
  </si>
  <si>
    <t>cg24883860</t>
  </si>
  <si>
    <t>cg24888621</t>
  </si>
  <si>
    <t>cg24923226</t>
  </si>
  <si>
    <t>cg24926947</t>
  </si>
  <si>
    <t>cg24964364</t>
  </si>
  <si>
    <t>cg24964466</t>
  </si>
  <si>
    <t>cg24974356</t>
  </si>
  <si>
    <t>cg24978383</t>
  </si>
  <si>
    <t>cg24995836</t>
  </si>
  <si>
    <t>cg25034591</t>
  </si>
  <si>
    <t>cg25052176</t>
  </si>
  <si>
    <t>cg25071429</t>
  </si>
  <si>
    <t>cg25075069</t>
  </si>
  <si>
    <t>cg25077868</t>
  </si>
  <si>
    <t>cg25078813</t>
  </si>
  <si>
    <t>cg25079603</t>
  </si>
  <si>
    <t>cg25081977</t>
  </si>
  <si>
    <t>cg25086957</t>
  </si>
  <si>
    <t>cg25100404</t>
  </si>
  <si>
    <t>cg25111007</t>
  </si>
  <si>
    <t>cg25126296</t>
  </si>
  <si>
    <t>cg25127732</t>
  </si>
  <si>
    <t>cg25129414</t>
  </si>
  <si>
    <t>cg25130333</t>
  </si>
  <si>
    <t>cg25131897</t>
  </si>
  <si>
    <t>cg25141133</t>
  </si>
  <si>
    <t>cg25156473</t>
  </si>
  <si>
    <t>cg25177692</t>
  </si>
  <si>
    <t>cg25214923</t>
  </si>
  <si>
    <t>cg25223408</t>
  </si>
  <si>
    <t>cg25226068</t>
  </si>
  <si>
    <t>cg25226891</t>
  </si>
  <si>
    <t>cg25228188</t>
  </si>
  <si>
    <t>cg25253815</t>
  </si>
  <si>
    <t>cg25257360</t>
  </si>
  <si>
    <t>cg25265343</t>
  </si>
  <si>
    <t>cg25270201</t>
  </si>
  <si>
    <t>cg25279183</t>
  </si>
  <si>
    <t>cg25280509</t>
  </si>
  <si>
    <t>cg25280589</t>
  </si>
  <si>
    <t>cg25316166</t>
  </si>
  <si>
    <t>cg25317260</t>
  </si>
  <si>
    <t>cg25339449</t>
  </si>
  <si>
    <t>cg25359581</t>
  </si>
  <si>
    <t>cg25360441</t>
  </si>
  <si>
    <t>cg25366157</t>
  </si>
  <si>
    <t>cg25375329</t>
  </si>
  <si>
    <t>cg25376316</t>
  </si>
  <si>
    <t>cg25377867</t>
  </si>
  <si>
    <t>cg25389127</t>
  </si>
  <si>
    <t>cg25395546</t>
  </si>
  <si>
    <t>cg25396787</t>
  </si>
  <si>
    <t>cg25410279</t>
  </si>
  <si>
    <t>cg25416923</t>
  </si>
  <si>
    <t>cg25421903</t>
  </si>
  <si>
    <t>cg25422517</t>
  </si>
  <si>
    <t>cg25424556</t>
  </si>
  <si>
    <t>cg25433595</t>
  </si>
  <si>
    <t>cg25434856</t>
  </si>
  <si>
    <t>cg25436127</t>
  </si>
  <si>
    <t>cg25442844</t>
  </si>
  <si>
    <t>cg25447299</t>
  </si>
  <si>
    <t>cg25449245</t>
  </si>
  <si>
    <t>cg25450034</t>
  </si>
  <si>
    <t>cg25457696</t>
  </si>
  <si>
    <t>cg25479128</t>
  </si>
  <si>
    <t>cg25492195</t>
  </si>
  <si>
    <t>cg25492574</t>
  </si>
  <si>
    <t>cg25493146</t>
  </si>
  <si>
    <t>cg25496792</t>
  </si>
  <si>
    <t>cg25504143</t>
  </si>
  <si>
    <t>cg25517979</t>
  </si>
  <si>
    <t>cg25523185</t>
  </si>
  <si>
    <t>cg25524053</t>
  </si>
  <si>
    <t>cg25525476</t>
  </si>
  <si>
    <t>cg25536960</t>
  </si>
  <si>
    <t>cg25541754</t>
  </si>
  <si>
    <t>cg25545920</t>
  </si>
  <si>
    <t>cg25547772</t>
  </si>
  <si>
    <t>cg25549255</t>
  </si>
  <si>
    <t>cg25549758</t>
  </si>
  <si>
    <t>cg25549819</t>
  </si>
  <si>
    <t>cg25551840</t>
  </si>
  <si>
    <t>cg25555657</t>
  </si>
  <si>
    <t>cg25569491</t>
  </si>
  <si>
    <t>cg25588559</t>
  </si>
  <si>
    <t>cg25591670</t>
  </si>
  <si>
    <t>cg25601949</t>
  </si>
  <si>
    <t>cg25614853</t>
  </si>
  <si>
    <t>cg25624831</t>
  </si>
  <si>
    <t>cg25630838</t>
  </si>
  <si>
    <t>cg25645693</t>
  </si>
  <si>
    <t>cg25645840</t>
  </si>
  <si>
    <t>cg25651984</t>
  </si>
  <si>
    <t>cg25661164</t>
  </si>
  <si>
    <t>cg25670900</t>
  </si>
  <si>
    <t>cg25676950</t>
  </si>
  <si>
    <t>cg25684111</t>
  </si>
  <si>
    <t>cg25685741</t>
  </si>
  <si>
    <t>cg25685838</t>
  </si>
  <si>
    <t>cg25692732</t>
  </si>
  <si>
    <t>cg25704253</t>
  </si>
  <si>
    <t>cg25710140</t>
  </si>
  <si>
    <t>cg25712015</t>
  </si>
  <si>
    <t>cg25714610</t>
  </si>
  <si>
    <t>cg25720114</t>
  </si>
  <si>
    <t>cg25729795</t>
  </si>
  <si>
    <t>cg25730864</t>
  </si>
  <si>
    <t>cg25731337</t>
  </si>
  <si>
    <t>cg25745795</t>
  </si>
  <si>
    <t>cg25758314</t>
  </si>
  <si>
    <t>cg25775033</t>
  </si>
  <si>
    <t>cg25781258</t>
  </si>
  <si>
    <t>cg25790279</t>
  </si>
  <si>
    <t>cg25790968</t>
  </si>
  <si>
    <t>cg25791017</t>
  </si>
  <si>
    <t>cg25813820</t>
  </si>
  <si>
    <t>cg25818915</t>
  </si>
  <si>
    <t>cg25820515</t>
  </si>
  <si>
    <t>cg25831435</t>
  </si>
  <si>
    <t>cg25841909</t>
  </si>
  <si>
    <t>cg25845235</t>
  </si>
  <si>
    <t>cg25845992</t>
  </si>
  <si>
    <t>cg25852925</t>
  </si>
  <si>
    <t>cg25863147</t>
  </si>
  <si>
    <t>cg25869832</t>
  </si>
  <si>
    <t>cg25873532</t>
  </si>
  <si>
    <t>cg25874079</t>
  </si>
  <si>
    <t>cg25880781</t>
  </si>
  <si>
    <t>cg25881119</t>
  </si>
  <si>
    <t>cg25887010</t>
  </si>
  <si>
    <t>cg25903474</t>
  </si>
  <si>
    <t>cg25910622</t>
  </si>
  <si>
    <t>cg25927711</t>
  </si>
  <si>
    <t>cg25932752</t>
  </si>
  <si>
    <t>cg25933726</t>
  </si>
  <si>
    <t>cg25943872</t>
  </si>
  <si>
    <t>cg25943986</t>
  </si>
  <si>
    <t>cg25987936</t>
  </si>
  <si>
    <t>cg25988570</t>
  </si>
  <si>
    <t>cg25988710</t>
  </si>
  <si>
    <t>cg25996557</t>
  </si>
  <si>
    <t>cg26004099</t>
  </si>
  <si>
    <t>cg26011743</t>
  </si>
  <si>
    <t>cg26025071</t>
  </si>
  <si>
    <t>cg26028155</t>
  </si>
  <si>
    <t>cg26035633</t>
  </si>
  <si>
    <t>cg26039373</t>
  </si>
  <si>
    <t>cg26068514</t>
  </si>
  <si>
    <t>cg26069920</t>
  </si>
  <si>
    <t>cg26071410</t>
  </si>
  <si>
    <t>cg26071755</t>
  </si>
  <si>
    <t>cg26104731</t>
  </si>
  <si>
    <t>cg26104800</t>
  </si>
  <si>
    <t>cg26106803</t>
  </si>
  <si>
    <t>cg26119746</t>
  </si>
  <si>
    <t>cg26122495</t>
  </si>
  <si>
    <t>cg26140100</t>
  </si>
  <si>
    <t>cg26140836</t>
  </si>
  <si>
    <t>cg26144445</t>
  </si>
  <si>
    <t>cg26150490</t>
  </si>
  <si>
    <t>cg26155374</t>
  </si>
  <si>
    <t>cg26155828</t>
  </si>
  <si>
    <t>cg26176649</t>
  </si>
  <si>
    <t>cg26207017</t>
  </si>
  <si>
    <t>cg26215003</t>
  </si>
  <si>
    <t>cg26222407</t>
  </si>
  <si>
    <t>cg26222437</t>
  </si>
  <si>
    <t>cg26239772</t>
  </si>
  <si>
    <t>cg26280904</t>
  </si>
  <si>
    <t>cg26341773</t>
  </si>
  <si>
    <t>cg26348018</t>
  </si>
  <si>
    <t>cg26367351</t>
  </si>
  <si>
    <t>cg26367537</t>
  </si>
  <si>
    <t>cg26370285</t>
  </si>
  <si>
    <t>cg26382607</t>
  </si>
  <si>
    <t>cg26395098</t>
  </si>
  <si>
    <t>cg26399113</t>
  </si>
  <si>
    <t>cg26412379</t>
  </si>
  <si>
    <t>cg26415216</t>
  </si>
  <si>
    <t>cg26417435</t>
  </si>
  <si>
    <t>cg26422761</t>
  </si>
  <si>
    <t>cg26433812</t>
  </si>
  <si>
    <t>cg26436278</t>
  </si>
  <si>
    <t>cg26438739</t>
  </si>
  <si>
    <t>cg26457272</t>
  </si>
  <si>
    <t>cg26461352</t>
  </si>
  <si>
    <t>cg26469991</t>
  </si>
  <si>
    <t>cg26486069</t>
  </si>
  <si>
    <t>cg26486175</t>
  </si>
  <si>
    <t>cg26488590</t>
  </si>
  <si>
    <t>cg26492744</t>
  </si>
  <si>
    <t>cg26510526</t>
  </si>
  <si>
    <t>cg26511293</t>
  </si>
  <si>
    <t>cg26511551</t>
  </si>
  <si>
    <t>cg26519783</t>
  </si>
  <si>
    <t>cg26533737</t>
  </si>
  <si>
    <t>cg26547788</t>
  </si>
  <si>
    <t>cg26552464</t>
  </si>
  <si>
    <t>cg26555756</t>
  </si>
  <si>
    <t>cg26561721</t>
  </si>
  <si>
    <t>cg26584771</t>
  </si>
  <si>
    <t>cg26602702</t>
  </si>
  <si>
    <t>cg26606552</t>
  </si>
  <si>
    <t>cg26621897</t>
  </si>
  <si>
    <t>cg26644504</t>
  </si>
  <si>
    <t>cg26655138</t>
  </si>
  <si>
    <t>cg26670011</t>
  </si>
  <si>
    <t>cg26695278</t>
  </si>
  <si>
    <t>cg26699341</t>
  </si>
  <si>
    <t>cg26700969</t>
  </si>
  <si>
    <t>cg26704637</t>
  </si>
  <si>
    <t>cg26735834</t>
  </si>
  <si>
    <t>cg26747299</t>
  </si>
  <si>
    <t>cg26748472</t>
  </si>
  <si>
    <t>cg26751304</t>
  </si>
  <si>
    <t>cg26751510</t>
  </si>
  <si>
    <t>cg26751631</t>
  </si>
  <si>
    <t>cg26778358</t>
  </si>
  <si>
    <t>cg26780743</t>
  </si>
  <si>
    <t>cg26786476</t>
  </si>
  <si>
    <t>cg26790627</t>
  </si>
  <si>
    <t>cg26791349</t>
  </si>
  <si>
    <t>cg26800155</t>
  </si>
  <si>
    <t>cg26807389</t>
  </si>
  <si>
    <t>cg26822438</t>
  </si>
  <si>
    <t>cg26872564</t>
  </si>
  <si>
    <t>cg26883351</t>
  </si>
  <si>
    <t>cg26889826</t>
  </si>
  <si>
    <t>cg26901920</t>
  </si>
  <si>
    <t>cg26909705</t>
  </si>
  <si>
    <t>cg26918720</t>
  </si>
  <si>
    <t>cg26947474</t>
  </si>
  <si>
    <t>cg26950467</t>
  </si>
  <si>
    <t>cg26953403</t>
  </si>
  <si>
    <t>cg26954928</t>
  </si>
  <si>
    <t>cg26955512</t>
  </si>
  <si>
    <t>cg26955881</t>
  </si>
  <si>
    <t>cg26961103</t>
  </si>
  <si>
    <t>cg26962057</t>
  </si>
  <si>
    <t>cg26964112</t>
  </si>
  <si>
    <t>cg26965953</t>
  </si>
  <si>
    <t>cg26973074</t>
  </si>
  <si>
    <t>cg26985119</t>
  </si>
  <si>
    <t>cg27024381</t>
  </si>
  <si>
    <t>cg27033183</t>
  </si>
  <si>
    <t>cg27040993</t>
  </si>
  <si>
    <t>cg27042767</t>
  </si>
  <si>
    <t>cg27044041</t>
  </si>
  <si>
    <t>cg27045390</t>
  </si>
  <si>
    <t>cg27048639</t>
  </si>
  <si>
    <t>cg27053580</t>
  </si>
  <si>
    <t>cg27056972</t>
  </si>
  <si>
    <t>cg27058480</t>
  </si>
  <si>
    <t>cg27064949</t>
  </si>
  <si>
    <t>cg27065374</t>
  </si>
  <si>
    <t>cg27066211</t>
  </si>
  <si>
    <t>cg27072561</t>
  </si>
  <si>
    <t>cg27074837</t>
  </si>
  <si>
    <t>cg27078591</t>
  </si>
  <si>
    <t>cg27087885</t>
  </si>
  <si>
    <t>cg27112414</t>
  </si>
  <si>
    <t>cg27118658</t>
  </si>
  <si>
    <t>cg27121276</t>
  </si>
  <si>
    <t>cg27138147</t>
  </si>
  <si>
    <t>cg27147258</t>
  </si>
  <si>
    <t>cg27162304</t>
  </si>
  <si>
    <t>cg27167979</t>
  </si>
  <si>
    <t>cg27187671</t>
  </si>
  <si>
    <t>cg27192418</t>
  </si>
  <si>
    <t>cg27198071</t>
  </si>
  <si>
    <t>cg27198824</t>
  </si>
  <si>
    <t>cg27208467</t>
  </si>
  <si>
    <t>cg27221747</t>
  </si>
  <si>
    <t>cg27248583</t>
  </si>
  <si>
    <t>cg27260858</t>
  </si>
  <si>
    <t>cg27271368</t>
  </si>
  <si>
    <t>cg27271445</t>
  </si>
  <si>
    <t>cg27278294</t>
  </si>
  <si>
    <t>cg27281559</t>
  </si>
  <si>
    <t>cg27301033</t>
  </si>
  <si>
    <t>cg27303549</t>
  </si>
  <si>
    <t>cg27311392</t>
  </si>
  <si>
    <t>cg27332976</t>
  </si>
  <si>
    <t>cg27333993</t>
  </si>
  <si>
    <t>cg27345735</t>
  </si>
  <si>
    <t>cg27346808</t>
  </si>
  <si>
    <t>cg27351642</t>
  </si>
  <si>
    <t>cg27381383</t>
  </si>
  <si>
    <t>cg27382931</t>
  </si>
  <si>
    <t>cg27389609</t>
  </si>
  <si>
    <t>cg27394478</t>
  </si>
  <si>
    <t>cg27395754</t>
  </si>
  <si>
    <t>cg27403913</t>
  </si>
  <si>
    <t>cg27424370</t>
  </si>
  <si>
    <t>cg27424407</t>
  </si>
  <si>
    <t>cg27429569</t>
  </si>
  <si>
    <t>cg27450030</t>
  </si>
  <si>
    <t>cg27453644</t>
  </si>
  <si>
    <t>cg27483305</t>
  </si>
  <si>
    <t>cg27496592</t>
  </si>
  <si>
    <t>cg27497831</t>
  </si>
  <si>
    <t>cg27502296</t>
  </si>
  <si>
    <t>cg27505756</t>
  </si>
  <si>
    <t>cg27519679</t>
  </si>
  <si>
    <t>cg27523218</t>
  </si>
  <si>
    <t>cg27540791</t>
  </si>
  <si>
    <t>cg27550498</t>
  </si>
  <si>
    <t>cg27551771</t>
  </si>
  <si>
    <t>cg27553638</t>
  </si>
  <si>
    <t>cg27554171</t>
  </si>
  <si>
    <t>cg27555176</t>
  </si>
  <si>
    <t>cg27557909</t>
  </si>
  <si>
    <t>cg27559462</t>
  </si>
  <si>
    <t>cg27564373</t>
  </si>
  <si>
    <t>cg27565450</t>
  </si>
  <si>
    <t>cg27584469</t>
  </si>
  <si>
    <t>cg27587954</t>
  </si>
  <si>
    <t>cg27615590</t>
  </si>
  <si>
    <t>cg27624721</t>
  </si>
  <si>
    <t>cg27647594</t>
  </si>
  <si>
    <t>ch.X.16035608F</t>
  </si>
  <si>
    <t>ch.X.34090944F</t>
  </si>
  <si>
    <t>ch.X.42921571R</t>
  </si>
  <si>
    <t>ch.X.1084981F</t>
  </si>
  <si>
    <t>ch.X.88220680F</t>
  </si>
  <si>
    <t>ch.X.89171221R</t>
  </si>
  <si>
    <t>ch.X.90223523F</t>
  </si>
  <si>
    <t>ch.X.92148261F</t>
  </si>
  <si>
    <t>ch.X.93511680F</t>
  </si>
  <si>
    <t>ch.X.1388524F</t>
  </si>
  <si>
    <t>ch.X.97737721F</t>
  </si>
  <si>
    <t>ch.X.107997386R</t>
  </si>
  <si>
    <t>ch.X.108232304R</t>
  </si>
  <si>
    <t>ch.X.114073068F</t>
  </si>
  <si>
    <t>ch.X.116673198R</t>
  </si>
  <si>
    <t>cg00000363</t>
  </si>
  <si>
    <t>cg00001364</t>
  </si>
  <si>
    <t>cg00002593</t>
  </si>
  <si>
    <t>cg00002646</t>
  </si>
  <si>
    <t>cg00002810</t>
  </si>
  <si>
    <t>cg00003345</t>
  </si>
  <si>
    <t>cg00003513</t>
  </si>
  <si>
    <t>cg00003578</t>
  </si>
  <si>
    <t>cg00003858</t>
  </si>
  <si>
    <t>cg00004209</t>
  </si>
  <si>
    <t>cg00004257</t>
  </si>
  <si>
    <t>cg00006397</t>
  </si>
  <si>
    <t>cg00006626</t>
  </si>
  <si>
    <t>cg00007221</t>
  </si>
  <si>
    <t>cg00008036</t>
  </si>
  <si>
    <t>cg00008446</t>
  </si>
  <si>
    <t>cg00008810</t>
  </si>
  <si>
    <t>cg00008971</t>
  </si>
  <si>
    <t>cg00009834</t>
  </si>
  <si>
    <t>cg00010654</t>
  </si>
  <si>
    <t>cg00010742</t>
  </si>
  <si>
    <t>cg00011203</t>
  </si>
  <si>
    <t>cg00011513</t>
  </si>
  <si>
    <t>cg00012362</t>
  </si>
  <si>
    <t>cg00012386</t>
  </si>
  <si>
    <t>cg00013409</t>
  </si>
  <si>
    <t>cg00014445</t>
  </si>
  <si>
    <t>cg00016593</t>
  </si>
  <si>
    <t>cg00017546</t>
  </si>
  <si>
    <t>cg00017970</t>
  </si>
  <si>
    <t>cg00018103</t>
  </si>
  <si>
    <t>cg00018229</t>
  </si>
  <si>
    <t>cg00019308</t>
  </si>
  <si>
    <t>cg00020720</t>
  </si>
  <si>
    <t>cg00022054</t>
  </si>
  <si>
    <t>cg00023154</t>
  </si>
  <si>
    <t>cg00023726</t>
  </si>
  <si>
    <t>cg00025211</t>
  </si>
  <si>
    <t>cg00025357</t>
  </si>
  <si>
    <t>cg00025643</t>
  </si>
  <si>
    <t>cg00026457</t>
  </si>
  <si>
    <t>cg00026546</t>
  </si>
  <si>
    <t>cg00026803</t>
  </si>
  <si>
    <t>cg00027466</t>
  </si>
  <si>
    <t>cg00028184</t>
  </si>
  <si>
    <t>cg00030047</t>
  </si>
  <si>
    <t>cg00030604</t>
  </si>
  <si>
    <t>cg00030816</t>
  </si>
  <si>
    <t>cg00032879</t>
  </si>
  <si>
    <t>cg00033102</t>
  </si>
  <si>
    <t>cg00034468</t>
  </si>
  <si>
    <t>cg00034556</t>
  </si>
  <si>
    <t>cg00035000</t>
  </si>
  <si>
    <t>cg00035847</t>
  </si>
  <si>
    <t>cg00036110</t>
  </si>
  <si>
    <t>cg00038131</t>
  </si>
  <si>
    <t>cg00038877</t>
  </si>
  <si>
    <t>cg00039326</t>
  </si>
  <si>
    <t>cg00040380</t>
  </si>
  <si>
    <t>cg00040588</t>
  </si>
  <si>
    <t>cg00043599</t>
  </si>
  <si>
    <t>cg00044354</t>
  </si>
  <si>
    <t>cg00045275</t>
  </si>
  <si>
    <t>cg00045607</t>
  </si>
  <si>
    <t>cg00046105</t>
  </si>
  <si>
    <t>cg00049253</t>
  </si>
  <si>
    <t>cg00049691</t>
  </si>
  <si>
    <t>cg00050294</t>
  </si>
  <si>
    <t>cg00053851</t>
  </si>
  <si>
    <t>cg00056754</t>
  </si>
  <si>
    <t>cg00057114</t>
  </si>
  <si>
    <t>cg00057676</t>
  </si>
  <si>
    <t>cg00058291</t>
  </si>
  <si>
    <t>cg00058923</t>
  </si>
  <si>
    <t>cg00060715</t>
  </si>
  <si>
    <t>cg00060956</t>
  </si>
  <si>
    <t>cg00062312</t>
  </si>
  <si>
    <t>cg00063346</t>
  </si>
  <si>
    <t>cg00063748</t>
  </si>
  <si>
    <t>cg00064261</t>
  </si>
  <si>
    <t>cg00065048</t>
  </si>
  <si>
    <t>cg00065071</t>
  </si>
  <si>
    <t>cg00065957</t>
  </si>
  <si>
    <t>cg00066554</t>
  </si>
  <si>
    <t>cg00066722</t>
  </si>
  <si>
    <t>cg00067058</t>
  </si>
  <si>
    <t>cg00067102</t>
  </si>
  <si>
    <t>cg00067196</t>
  </si>
  <si>
    <t>cg00068153</t>
  </si>
  <si>
    <t>cg00068433</t>
  </si>
  <si>
    <t>cg00068503</t>
  </si>
  <si>
    <t>cg00069002</t>
  </si>
  <si>
    <t>cg00069059</t>
  </si>
  <si>
    <t>cg00072675</t>
  </si>
  <si>
    <t>cg00073244</t>
  </si>
  <si>
    <t>cg00073543</t>
  </si>
  <si>
    <t>cg00074184</t>
  </si>
  <si>
    <t>cg00075975</t>
  </si>
  <si>
    <t>cg00076797</t>
  </si>
  <si>
    <t>cg00078456</t>
  </si>
  <si>
    <t>cg00078968</t>
  </si>
  <si>
    <t>cg00081251</t>
  </si>
  <si>
    <t>cg00081729</t>
  </si>
  <si>
    <t>cg00082182</t>
  </si>
  <si>
    <t>cg00082285</t>
  </si>
  <si>
    <t>cg00083262</t>
  </si>
  <si>
    <t>cg00085830</t>
  </si>
  <si>
    <t>cg00086243</t>
  </si>
  <si>
    <t>cg00087273</t>
  </si>
  <si>
    <t>cg00087420</t>
  </si>
  <si>
    <t>cg00087546</t>
  </si>
  <si>
    <t>cg00087884</t>
  </si>
  <si>
    <t>cg00088080</t>
  </si>
  <si>
    <t>cg00089915</t>
  </si>
  <si>
    <t>cg00090764</t>
  </si>
  <si>
    <t>cg00091004</t>
  </si>
  <si>
    <t>cg00091302</t>
  </si>
  <si>
    <t>cg00094044</t>
  </si>
  <si>
    <t>cg00095214</t>
  </si>
  <si>
    <t>cg00095674</t>
  </si>
  <si>
    <t>cg00097790</t>
  </si>
  <si>
    <t>cg00097968</t>
  </si>
  <si>
    <t>cg00098451</t>
  </si>
  <si>
    <t>cg00098693</t>
  </si>
  <si>
    <t>cg00099768</t>
  </si>
  <si>
    <t>cg00102166</t>
  </si>
  <si>
    <t>cg00102183</t>
  </si>
  <si>
    <t>cg00102955</t>
  </si>
  <si>
    <t>cg00103132</t>
  </si>
  <si>
    <t>cg00103329</t>
  </si>
  <si>
    <t>cg00103568</t>
  </si>
  <si>
    <t>cg00103785</t>
  </si>
  <si>
    <t>cg00103908</t>
  </si>
  <si>
    <t>cg00105102</t>
  </si>
  <si>
    <t>cg00105640</t>
  </si>
  <si>
    <t>cg00107046</t>
  </si>
  <si>
    <t>cg00107782</t>
  </si>
  <si>
    <t>cg00108454</t>
  </si>
  <si>
    <t>cg00108524</t>
  </si>
  <si>
    <t>cg00109164</t>
  </si>
  <si>
    <t>cg00109293</t>
  </si>
  <si>
    <t>cg00111333</t>
  </si>
  <si>
    <t>cg00111948</t>
  </si>
  <si>
    <t>cg00112042</t>
  </si>
  <si>
    <t>cg00112238</t>
  </si>
  <si>
    <t>cg00112251</t>
  </si>
  <si>
    <t>cg00113315</t>
  </si>
  <si>
    <t>cg00113369</t>
  </si>
  <si>
    <t>cg00113712</t>
  </si>
  <si>
    <t>cg00115980</t>
  </si>
  <si>
    <t>cg00117335</t>
  </si>
  <si>
    <t>cg00118966</t>
  </si>
  <si>
    <t>cg00120825</t>
  </si>
  <si>
    <t>cg00120948</t>
  </si>
  <si>
    <t>cg00121147</t>
  </si>
  <si>
    <t>cg00121374</t>
  </si>
  <si>
    <t>cg00121533</t>
  </si>
  <si>
    <t>cg00123035</t>
  </si>
  <si>
    <t>cg00124774</t>
  </si>
  <si>
    <t>cg00125858</t>
  </si>
  <si>
    <t>cg00128877</t>
  </si>
  <si>
    <t>cg00128951</t>
  </si>
  <si>
    <t>cg00129132</t>
  </si>
  <si>
    <t>cg00130693</t>
  </si>
  <si>
    <t>cg00136477</t>
  </si>
  <si>
    <t>cg00142815</t>
  </si>
  <si>
    <t>cg00143623</t>
  </si>
  <si>
    <t>cg00143998</t>
  </si>
  <si>
    <t>cg00145253</t>
  </si>
  <si>
    <t>cg00145672</t>
  </si>
  <si>
    <t>cg00145904</t>
  </si>
  <si>
    <t>cg00145979</t>
  </si>
  <si>
    <t>cg00147095</t>
  </si>
  <si>
    <t>cg00147307</t>
  </si>
  <si>
    <t>cg00147638</t>
  </si>
  <si>
    <t>cg00151048</t>
  </si>
  <si>
    <t>cg00151525</t>
  </si>
  <si>
    <t>cg00152117</t>
  </si>
  <si>
    <t>cg00153101</t>
  </si>
  <si>
    <t>cg00153395</t>
  </si>
  <si>
    <t>cg00154846</t>
  </si>
  <si>
    <t>cg00154957</t>
  </si>
  <si>
    <t>cg00155397</t>
  </si>
  <si>
    <t>cg00155504</t>
  </si>
  <si>
    <t>cg00155732</t>
  </si>
  <si>
    <t>cg00156072</t>
  </si>
  <si>
    <t>cg00157638</t>
  </si>
  <si>
    <t>cg00157755</t>
  </si>
  <si>
    <t>cg00157962</t>
  </si>
  <si>
    <t>cg00158227</t>
  </si>
  <si>
    <t>cg00159212</t>
  </si>
  <si>
    <t>cg00160583</t>
  </si>
  <si>
    <t>cg00161124</t>
  </si>
  <si>
    <t>cg00162421</t>
  </si>
  <si>
    <t>cg00163089</t>
  </si>
  <si>
    <t>cg00163481</t>
  </si>
  <si>
    <t>cg00163510</t>
  </si>
  <si>
    <t>cg00164458</t>
  </si>
  <si>
    <t>cg00164546</t>
  </si>
  <si>
    <t>cg00164894</t>
  </si>
  <si>
    <t>cg00165078</t>
  </si>
  <si>
    <t>cg00165323</t>
  </si>
  <si>
    <t>cg00165535</t>
  </si>
  <si>
    <t>cg00165631</t>
  </si>
  <si>
    <t>cg00165862</t>
  </si>
  <si>
    <t>cg00168240</t>
  </si>
  <si>
    <t>cg00168835</t>
  </si>
  <si>
    <t>cg00169111</t>
  </si>
  <si>
    <t>cg00170796</t>
  </si>
  <si>
    <t>cg00171084</t>
  </si>
  <si>
    <t>cg00171203</t>
  </si>
  <si>
    <t>cg00171947</t>
  </si>
  <si>
    <t>cg00172227</t>
  </si>
  <si>
    <t>cg00172631</t>
  </si>
  <si>
    <t>cg00172849</t>
  </si>
  <si>
    <t>cg00173170</t>
  </si>
  <si>
    <t>cg00173804</t>
  </si>
  <si>
    <t>cg00174428</t>
  </si>
  <si>
    <t>cg00175403</t>
  </si>
  <si>
    <t>cg00175702</t>
  </si>
  <si>
    <t>cg00175709</t>
  </si>
  <si>
    <t>cg00176111</t>
  </si>
  <si>
    <t>cg00177203</t>
  </si>
  <si>
    <t>cg00177797</t>
  </si>
  <si>
    <t>cg00178122</t>
  </si>
  <si>
    <t>cg00178562</t>
  </si>
  <si>
    <t>cg00178850</t>
  </si>
  <si>
    <t>cg00183684</t>
  </si>
  <si>
    <t>cg00184452</t>
  </si>
  <si>
    <t>cg00185566</t>
  </si>
  <si>
    <t>cg00187465</t>
  </si>
  <si>
    <t>cg00187614</t>
  </si>
  <si>
    <t>cg00194374</t>
  </si>
  <si>
    <t>cg00197028</t>
  </si>
  <si>
    <t>cg00198436</t>
  </si>
  <si>
    <t>cg00203284</t>
  </si>
  <si>
    <t>cg00205485</t>
  </si>
  <si>
    <t>cg00205605</t>
  </si>
  <si>
    <t>cg00207865</t>
  </si>
  <si>
    <t>cg00207921</t>
  </si>
  <si>
    <t>cg00208830</t>
  </si>
  <si>
    <t>cg00211609</t>
  </si>
  <si>
    <t>cg00212470</t>
  </si>
  <si>
    <t>cg00213004</t>
  </si>
  <si>
    <t>cg00215182</t>
  </si>
  <si>
    <t>cg00222472</t>
  </si>
  <si>
    <t>cg00223046</t>
  </si>
  <si>
    <t>cg00223950</t>
  </si>
  <si>
    <t>cg00224299</t>
  </si>
  <si>
    <t>cg00228689</t>
  </si>
  <si>
    <t>cg00228796</t>
  </si>
  <si>
    <t>cg00231049</t>
  </si>
  <si>
    <t>cg00242098</t>
  </si>
  <si>
    <t>cg00242627</t>
  </si>
  <si>
    <t>cg00245778</t>
  </si>
  <si>
    <t>cg00246451</t>
  </si>
  <si>
    <t>cg00247489</t>
  </si>
  <si>
    <t>cg00248454</t>
  </si>
  <si>
    <t>cg00249614</t>
  </si>
  <si>
    <t>cg00249974</t>
  </si>
  <si>
    <t>cg00250483</t>
  </si>
  <si>
    <t>cg00251125</t>
  </si>
  <si>
    <t>cg00251678</t>
  </si>
  <si>
    <t>cg00252442</t>
  </si>
  <si>
    <t>cg00252781</t>
  </si>
  <si>
    <t>cg00253564</t>
  </si>
  <si>
    <t>cg00255368</t>
  </si>
  <si>
    <t>cg00255837</t>
  </si>
  <si>
    <t>cg00257455</t>
  </si>
  <si>
    <t>cg00257473</t>
  </si>
  <si>
    <t>cg00258499</t>
  </si>
  <si>
    <t>cg00259249</t>
  </si>
  <si>
    <t>cg00259279</t>
  </si>
  <si>
    <t>cg00261162</t>
  </si>
  <si>
    <t>cg00262415</t>
  </si>
  <si>
    <t>cg00265415</t>
  </si>
  <si>
    <t>cg00265863</t>
  </si>
  <si>
    <t>cg00269115</t>
  </si>
  <si>
    <t>cg00270521</t>
  </si>
  <si>
    <t>cg00279406</t>
  </si>
  <si>
    <t>cg00279790</t>
  </si>
  <si>
    <t>cg00280609</t>
  </si>
  <si>
    <t>cg00282347</t>
  </si>
  <si>
    <t>cg00291837</t>
  </si>
  <si>
    <t>cg00292107</t>
  </si>
  <si>
    <t>cg00292312</t>
  </si>
  <si>
    <t>cg00292669</t>
  </si>
  <si>
    <t>cg00294096</t>
  </si>
  <si>
    <t>cg00294558</t>
  </si>
  <si>
    <t>cg00294940</t>
  </si>
  <si>
    <t>cg00295382</t>
  </si>
  <si>
    <t>cg00295744</t>
  </si>
  <si>
    <t>cg00295780</t>
  </si>
  <si>
    <t>cg00295853</t>
  </si>
  <si>
    <t>cg00296565</t>
  </si>
  <si>
    <t>cg00296652</t>
  </si>
  <si>
    <t>cg00299257</t>
  </si>
  <si>
    <t>cg00300046</t>
  </si>
  <si>
    <t>cg00300303</t>
  </si>
  <si>
    <t>cg00300999</t>
  </si>
  <si>
    <t>cg00304388</t>
  </si>
  <si>
    <t>cg00305188</t>
  </si>
  <si>
    <t>cg00305193</t>
  </si>
  <si>
    <t>cg00305229</t>
  </si>
  <si>
    <t>cg00306003</t>
  </si>
  <si>
    <t>cg00306426</t>
  </si>
  <si>
    <t>cg00307383</t>
  </si>
  <si>
    <t>cg00307483</t>
  </si>
  <si>
    <t>cg00307685</t>
  </si>
  <si>
    <t>cg00308185</t>
  </si>
  <si>
    <t>cg00308767</t>
  </si>
  <si>
    <t>cg00308770</t>
  </si>
  <si>
    <t>cg00309945</t>
  </si>
  <si>
    <t>cg00310940</t>
  </si>
  <si>
    <t>cg00311303</t>
  </si>
  <si>
    <t>cg00312809</t>
  </si>
  <si>
    <t>cg00313106</t>
  </si>
  <si>
    <t>cg00313185</t>
  </si>
  <si>
    <t>cg00314240</t>
  </si>
  <si>
    <t>cg00314892</t>
  </si>
  <si>
    <t>cg00318000</t>
  </si>
  <si>
    <t>cg00318631</t>
  </si>
  <si>
    <t>cg00319545</t>
  </si>
  <si>
    <t>cg00319893</t>
  </si>
  <si>
    <t>cg00321065</t>
  </si>
  <si>
    <t>cg00321642</t>
  </si>
  <si>
    <t>cg00321850</t>
  </si>
  <si>
    <t>cg00322486</t>
  </si>
  <si>
    <t>cg00323313</t>
  </si>
  <si>
    <t>cg00324257</t>
  </si>
  <si>
    <t>cg00325149</t>
  </si>
  <si>
    <t>cg00325531</t>
  </si>
  <si>
    <t>cg00325910</t>
  </si>
  <si>
    <t>cg00326300</t>
  </si>
  <si>
    <t>cg00327483</t>
  </si>
  <si>
    <t>cg00327516</t>
  </si>
  <si>
    <t>cg00328058</t>
  </si>
  <si>
    <t>cg00328724</t>
  </si>
  <si>
    <t>cg00328870</t>
  </si>
  <si>
    <t>cg00329272</t>
  </si>
  <si>
    <t>cg00330318</t>
  </si>
  <si>
    <t>cg00330490</t>
  </si>
  <si>
    <t>cg00338002</t>
  </si>
  <si>
    <t>cg00338345</t>
  </si>
  <si>
    <t>cg00338758</t>
  </si>
  <si>
    <t>cg00339319</t>
  </si>
  <si>
    <t>cg00339782</t>
  </si>
  <si>
    <t>cg00340744</t>
  </si>
  <si>
    <t>cg00341297</t>
  </si>
  <si>
    <t>cg00341415</t>
  </si>
  <si>
    <t>cg00341602</t>
  </si>
  <si>
    <t>cg00341980</t>
  </si>
  <si>
    <t>cg00344209</t>
  </si>
  <si>
    <t>cg00344655</t>
  </si>
  <si>
    <t>cg00345965</t>
  </si>
  <si>
    <t>cg00346236</t>
  </si>
  <si>
    <t>cg00346446</t>
  </si>
  <si>
    <t>cg00346898</t>
  </si>
  <si>
    <t>cg00347918</t>
  </si>
  <si>
    <t>cg00348771</t>
  </si>
  <si>
    <t>cg00349071</t>
  </si>
  <si>
    <t>cg00349776</t>
  </si>
  <si>
    <t>cg00350642</t>
  </si>
  <si>
    <t>cg00351283</t>
  </si>
  <si>
    <t>cg00352913</t>
  </si>
  <si>
    <t>cg00353844</t>
  </si>
  <si>
    <t>cg00355656</t>
  </si>
  <si>
    <t>cg00355799</t>
  </si>
  <si>
    <t>cg00356045</t>
  </si>
  <si>
    <t>cg00356916</t>
  </si>
  <si>
    <t>cg00358451</t>
  </si>
  <si>
    <t>cg00358660</t>
  </si>
  <si>
    <t>cg00358880</t>
  </si>
  <si>
    <t>cg00359365</t>
  </si>
  <si>
    <t>cg00359465</t>
  </si>
  <si>
    <t>cg00362285</t>
  </si>
  <si>
    <t>cg00365524</t>
  </si>
  <si>
    <t>cg00367463</t>
  </si>
  <si>
    <t>cg00368415</t>
  </si>
  <si>
    <t>cg00370968</t>
  </si>
  <si>
    <t>cg00371134</t>
  </si>
  <si>
    <t>cg00371239</t>
  </si>
  <si>
    <t>cg00373616</t>
  </si>
  <si>
    <t>cg00375983</t>
  </si>
  <si>
    <t>cg00383020</t>
  </si>
  <si>
    <t>cg00383081</t>
  </si>
  <si>
    <t>cg00383763</t>
  </si>
  <si>
    <t>cg00384553</t>
  </si>
  <si>
    <t>cg00384847</t>
  </si>
  <si>
    <t>cg00385761</t>
  </si>
  <si>
    <t>cg00386338</t>
  </si>
  <si>
    <t>cg00386725</t>
  </si>
  <si>
    <t>cg00386961</t>
  </si>
  <si>
    <t>cg00388391</t>
  </si>
  <si>
    <t>cg00388673</t>
  </si>
  <si>
    <t>cg00388905</t>
  </si>
  <si>
    <t>cg00389420</t>
  </si>
  <si>
    <t>cg00390654</t>
  </si>
  <si>
    <t>cg00391668</t>
  </si>
  <si>
    <t>cg00392257</t>
  </si>
  <si>
    <t>cg00393182</t>
  </si>
  <si>
    <t>cg00395931</t>
  </si>
  <si>
    <t>cg00397103</t>
  </si>
  <si>
    <t>cg00397104</t>
  </si>
  <si>
    <t>cg00397740</t>
  </si>
  <si>
    <t>cg00404394</t>
  </si>
  <si>
    <t>cg00405069</t>
  </si>
  <si>
    <t>cg00405232</t>
  </si>
  <si>
    <t>cg00407231</t>
  </si>
  <si>
    <t>cg00407413</t>
  </si>
  <si>
    <t>cg00408773</t>
  </si>
  <si>
    <t>cg00409816</t>
  </si>
  <si>
    <t>cg00410422</t>
  </si>
  <si>
    <t>cg00413849</t>
  </si>
  <si>
    <t>cg00416130</t>
  </si>
  <si>
    <t>cg00416176</t>
  </si>
  <si>
    <t>cg00417025</t>
  </si>
  <si>
    <t>cg00417094</t>
  </si>
  <si>
    <t>cg00417419</t>
  </si>
  <si>
    <t>cg00417605</t>
  </si>
  <si>
    <t>cg00418068</t>
  </si>
  <si>
    <t>cg00419117</t>
  </si>
  <si>
    <t>cg00419759</t>
  </si>
  <si>
    <t>cg00420347</t>
  </si>
  <si>
    <t>cg00421368</t>
  </si>
  <si>
    <t>cg00421585</t>
  </si>
  <si>
    <t>cg00423039</t>
  </si>
  <si>
    <t>cg00423486</t>
  </si>
  <si>
    <t>cg00426089</t>
  </si>
  <si>
    <t>cg00428296</t>
  </si>
  <si>
    <t>cg00432789</t>
  </si>
  <si>
    <t>cg00438309</t>
  </si>
  <si>
    <t>cg00443516</t>
  </si>
  <si>
    <t>cg00446235</t>
  </si>
  <si>
    <t>cg00447682</t>
  </si>
  <si>
    <t>cg00449021</t>
  </si>
  <si>
    <t>cg00450164</t>
  </si>
  <si>
    <t>cg00451039</t>
  </si>
  <si>
    <t>cg00452133</t>
  </si>
  <si>
    <t>cg00452270</t>
  </si>
  <si>
    <t>cg00452755</t>
  </si>
  <si>
    <t>cg00452835</t>
  </si>
  <si>
    <t>cg00454696</t>
  </si>
  <si>
    <t>cg00454749</t>
  </si>
  <si>
    <t>cg00454997</t>
  </si>
  <si>
    <t>cg00458210</t>
  </si>
  <si>
    <t>cg00461770</t>
  </si>
  <si>
    <t>cg00462240</t>
  </si>
  <si>
    <t>cg00463239</t>
  </si>
  <si>
    <t>cg00463840</t>
  </si>
  <si>
    <t>cg00463859</t>
  </si>
  <si>
    <t>cg00464768</t>
  </si>
  <si>
    <t>cg00475456</t>
  </si>
  <si>
    <t>cg00478361</t>
  </si>
  <si>
    <t>cg00480136</t>
  </si>
  <si>
    <t>cg00483992</t>
  </si>
  <si>
    <t>cg00489772</t>
  </si>
  <si>
    <t>cg00492873</t>
  </si>
  <si>
    <t>cg00493831</t>
  </si>
  <si>
    <t>cg00495462</t>
  </si>
  <si>
    <t>cg00497091</t>
  </si>
  <si>
    <t>cg00499831</t>
  </si>
  <si>
    <t>cg00500229</t>
  </si>
  <si>
    <t>cg00501542</t>
  </si>
  <si>
    <t>cg00501765</t>
  </si>
  <si>
    <t>cg00501904</t>
  </si>
  <si>
    <t>cg00502062</t>
  </si>
  <si>
    <t>cg00502077</t>
  </si>
  <si>
    <t>cg00502190</t>
  </si>
  <si>
    <t>cg00502254</t>
  </si>
  <si>
    <t>cg00502533</t>
  </si>
  <si>
    <t>cg00502932</t>
  </si>
  <si>
    <t>cg00503852</t>
  </si>
  <si>
    <t>cg00503866</t>
  </si>
  <si>
    <t>cg00504341</t>
  </si>
  <si>
    <t>cg00504782</t>
  </si>
  <si>
    <t>cg00505133</t>
  </si>
  <si>
    <t>cg00505979</t>
  </si>
  <si>
    <t>cg00506442</t>
  </si>
  <si>
    <t>cg00508158</t>
  </si>
  <si>
    <t>cg00510956</t>
  </si>
  <si>
    <t>cg00513220</t>
  </si>
  <si>
    <t>cg00514268</t>
  </si>
  <si>
    <t>cg00517072</t>
  </si>
  <si>
    <t>cg00518190</t>
  </si>
  <si>
    <t>cg00520096</t>
  </si>
  <si>
    <t>cg00521428</t>
  </si>
  <si>
    <t>cg00521434</t>
  </si>
  <si>
    <t>cg00521598</t>
  </si>
  <si>
    <t>cg00524289</t>
  </si>
  <si>
    <t>cg00524963</t>
  </si>
  <si>
    <t>cg00525597</t>
  </si>
  <si>
    <t>cg00526316</t>
  </si>
  <si>
    <t>cg00527174</t>
  </si>
  <si>
    <t>cg00528052</t>
  </si>
  <si>
    <t>cg00528191</t>
  </si>
  <si>
    <t>cg00528464</t>
  </si>
  <si>
    <t>cg00532411</t>
  </si>
  <si>
    <t>cg00533084</t>
  </si>
  <si>
    <t>cg00535618</t>
  </si>
  <si>
    <t>cg00535683</t>
  </si>
  <si>
    <t>cg00538247</t>
  </si>
  <si>
    <t>cg00539154</t>
  </si>
  <si>
    <t>cg00539925</t>
  </si>
  <si>
    <t>cg00540544</t>
  </si>
  <si>
    <t>cg00541479</t>
  </si>
  <si>
    <t>cg00541683</t>
  </si>
  <si>
    <t>cg00543976</t>
  </si>
  <si>
    <t>cg00546117</t>
  </si>
  <si>
    <t>cg00546153</t>
  </si>
  <si>
    <t>cg00546248</t>
  </si>
  <si>
    <t>cg00546307</t>
  </si>
  <si>
    <t>cg00546971</t>
  </si>
  <si>
    <t>cg00547484</t>
  </si>
  <si>
    <t>cg00548143</t>
  </si>
  <si>
    <t>cg00551648</t>
  </si>
  <si>
    <t>cg00554413</t>
  </si>
  <si>
    <t>cg00556029</t>
  </si>
  <si>
    <t>cg00558749</t>
  </si>
  <si>
    <t>cg00559234</t>
  </si>
  <si>
    <t>cg00559790</t>
  </si>
  <si>
    <t>cg00559963</t>
  </si>
  <si>
    <t>cg00562879</t>
  </si>
  <si>
    <t>cg00563229</t>
  </si>
  <si>
    <t>cg00563926</t>
  </si>
  <si>
    <t>cg00565263</t>
  </si>
  <si>
    <t>cg00566187</t>
  </si>
  <si>
    <t>cg00566320</t>
  </si>
  <si>
    <t>cg00567298</t>
  </si>
  <si>
    <t>cg00567854</t>
  </si>
  <si>
    <t>cg00567930</t>
  </si>
  <si>
    <t>cg00568027</t>
  </si>
  <si>
    <t>cg00569244</t>
  </si>
  <si>
    <t>cg00569500</t>
  </si>
  <si>
    <t>cg00573165</t>
  </si>
  <si>
    <t>cg00575683</t>
  </si>
  <si>
    <t>cg00576075</t>
  </si>
  <si>
    <t>cg00576736</t>
  </si>
  <si>
    <t>cg00577560</t>
  </si>
  <si>
    <t>cg00577578</t>
  </si>
  <si>
    <t>cg00578363</t>
  </si>
  <si>
    <t>cg00578673</t>
  </si>
  <si>
    <t>cg00579502</t>
  </si>
  <si>
    <t>cg00580340</t>
  </si>
  <si>
    <t>cg00580652</t>
  </si>
  <si>
    <t>cg00582671</t>
  </si>
  <si>
    <t>cg00582902</t>
  </si>
  <si>
    <t>cg00583147</t>
  </si>
  <si>
    <t>cg00583526</t>
  </si>
  <si>
    <t>cg00584008</t>
  </si>
  <si>
    <t>cg00584713</t>
  </si>
  <si>
    <t>cg00584815</t>
  </si>
  <si>
    <t>cg00589002</t>
  </si>
  <si>
    <t>cg00591489</t>
  </si>
  <si>
    <t>cg00594099</t>
  </si>
  <si>
    <t>cg00594952</t>
  </si>
  <si>
    <t>cg00596048</t>
  </si>
  <si>
    <t>cg00597687</t>
  </si>
  <si>
    <t>cg00599376</t>
  </si>
  <si>
    <t>cg00600854</t>
  </si>
  <si>
    <t>cg00601916</t>
  </si>
  <si>
    <t>cg00606914</t>
  </si>
  <si>
    <t>cg00609097</t>
  </si>
  <si>
    <t>cg00609227</t>
  </si>
  <si>
    <t>cg00611192</t>
  </si>
  <si>
    <t>cg00615145</t>
  </si>
  <si>
    <t>cg00615260</t>
  </si>
  <si>
    <t>cg00616624</t>
  </si>
  <si>
    <t>cg00617305</t>
  </si>
  <si>
    <t>cg00619207</t>
  </si>
  <si>
    <t>cg00624908</t>
  </si>
  <si>
    <t>cg00625425</t>
  </si>
  <si>
    <t>cg00625963</t>
  </si>
  <si>
    <t>cg00626119</t>
  </si>
  <si>
    <t>cg00628228</t>
  </si>
  <si>
    <t>cg00630249</t>
  </si>
  <si>
    <t>cg00630958</t>
  </si>
  <si>
    <t>cg00643651</t>
  </si>
  <si>
    <t>cg00644823</t>
  </si>
  <si>
    <t>cg00646396</t>
  </si>
  <si>
    <t>cg00646546</t>
  </si>
  <si>
    <t>cg00647004</t>
  </si>
  <si>
    <t>cg00647233</t>
  </si>
  <si>
    <t>cg00648558</t>
  </si>
  <si>
    <t>cg00649515</t>
  </si>
  <si>
    <t>cg00650876</t>
  </si>
  <si>
    <t>cg00651912</t>
  </si>
  <si>
    <t>cg00652727</t>
  </si>
  <si>
    <t>cg00653085</t>
  </si>
  <si>
    <t>cg00653615</t>
  </si>
  <si>
    <t>cg00653960</t>
  </si>
  <si>
    <t>cg00655913</t>
  </si>
  <si>
    <t>cg00656728</t>
  </si>
  <si>
    <t>cg00656881</t>
  </si>
  <si>
    <t>cg00657694</t>
  </si>
  <si>
    <t>cg00657871</t>
  </si>
  <si>
    <t>cg00658007</t>
  </si>
  <si>
    <t>cg00659035</t>
  </si>
  <si>
    <t>cg00660272</t>
  </si>
  <si>
    <t>cg00660626</t>
  </si>
  <si>
    <t>cg00660693</t>
  </si>
  <si>
    <t>cg00660701</t>
  </si>
  <si>
    <t>cg00661564</t>
  </si>
  <si>
    <t>cg00663575</t>
  </si>
  <si>
    <t>cg00664418</t>
  </si>
  <si>
    <t>cg00664682</t>
  </si>
  <si>
    <t>cg00665106</t>
  </si>
  <si>
    <t>cg00665114</t>
  </si>
  <si>
    <t>cg00667048</t>
  </si>
  <si>
    <t>cg00667647</t>
  </si>
  <si>
    <t>cg00667862</t>
  </si>
  <si>
    <t>cg00667938</t>
  </si>
  <si>
    <t>cg00668303</t>
  </si>
  <si>
    <t>cg00668515</t>
  </si>
  <si>
    <t>cg00669623</t>
  </si>
  <si>
    <t>cg00672802</t>
  </si>
  <si>
    <t>cg00673963</t>
  </si>
  <si>
    <t>cg00679738</t>
  </si>
  <si>
    <t>cg00683961</t>
  </si>
  <si>
    <t>cg00688323</t>
  </si>
  <si>
    <t>cg00690746</t>
  </si>
  <si>
    <t>cg00690929</t>
  </si>
  <si>
    <t>cg00692367</t>
  </si>
  <si>
    <t>cg00692462</t>
  </si>
  <si>
    <t>cg00693978</t>
  </si>
  <si>
    <t>cg00694324</t>
  </si>
  <si>
    <t>cg00694336</t>
  </si>
  <si>
    <t>cg00694357</t>
  </si>
  <si>
    <t>cg00695077</t>
  </si>
  <si>
    <t>cg00695391</t>
  </si>
  <si>
    <t>cg00700455</t>
  </si>
  <si>
    <t>cg00700866</t>
  </si>
  <si>
    <t>cg00701741</t>
  </si>
  <si>
    <t>cg00702126</t>
  </si>
  <si>
    <t>cg00702417</t>
  </si>
  <si>
    <t>cg00702489</t>
  </si>
  <si>
    <t>cg00703019</t>
  </si>
  <si>
    <t>cg00704288</t>
  </si>
  <si>
    <t>cg00706913</t>
  </si>
  <si>
    <t>cg00707317</t>
  </si>
  <si>
    <t>cg00712762</t>
  </si>
  <si>
    <t>cg00713925</t>
  </si>
  <si>
    <t>cg00714309</t>
  </si>
  <si>
    <t>cg00714874</t>
  </si>
  <si>
    <t>cg00714888</t>
  </si>
  <si>
    <t>cg00715811</t>
  </si>
  <si>
    <t>cg00717995</t>
  </si>
  <si>
    <t>cg00718029</t>
  </si>
  <si>
    <t>cg00718581</t>
  </si>
  <si>
    <t>cg00718681</t>
  </si>
  <si>
    <t>cg00719568</t>
  </si>
  <si>
    <t>cg00722329</t>
  </si>
  <si>
    <t>cg00723277</t>
  </si>
  <si>
    <t>cg00728398</t>
  </si>
  <si>
    <t>cg00729875</t>
  </si>
  <si>
    <t>cg00741410</t>
  </si>
  <si>
    <t>cg00746981</t>
  </si>
  <si>
    <t>cg00750606</t>
  </si>
  <si>
    <t>cg00754036</t>
  </si>
  <si>
    <t>cg00755423</t>
  </si>
  <si>
    <t>cg00755561</t>
  </si>
  <si>
    <t>cg00756748</t>
  </si>
  <si>
    <t>cg00756852</t>
  </si>
  <si>
    <t>cg00757420</t>
  </si>
  <si>
    <t>cg00759254</t>
  </si>
  <si>
    <t>cg00760014</t>
  </si>
  <si>
    <t>cg00761129</t>
  </si>
  <si>
    <t>cg00761344</t>
  </si>
  <si>
    <t>cg00761363</t>
  </si>
  <si>
    <t>cg00761787</t>
  </si>
  <si>
    <t>cg00762738</t>
  </si>
  <si>
    <t>cg00763594</t>
  </si>
  <si>
    <t>cg00764210</t>
  </si>
  <si>
    <t>cg00764632</t>
  </si>
  <si>
    <t>cg00765655</t>
  </si>
  <si>
    <t>cg00765922</t>
  </si>
  <si>
    <t>cg00766146</t>
  </si>
  <si>
    <t>cg00768741</t>
  </si>
  <si>
    <t>cg00769305</t>
  </si>
  <si>
    <t>cg00770085</t>
  </si>
  <si>
    <t>cg00771553</t>
  </si>
  <si>
    <t>cg00773060</t>
  </si>
  <si>
    <t>cg00774867</t>
  </si>
  <si>
    <t>cg00775374</t>
  </si>
  <si>
    <t>cg00776160</t>
  </si>
  <si>
    <t>cg00776464</t>
  </si>
  <si>
    <t>cg00776601</t>
  </si>
  <si>
    <t>cg00777271</t>
  </si>
  <si>
    <t>cg00777341</t>
  </si>
  <si>
    <t>cg00778190</t>
  </si>
  <si>
    <t>cg00779167</t>
  </si>
  <si>
    <t>cg00779393</t>
  </si>
  <si>
    <t>cg00779565</t>
  </si>
  <si>
    <t>cg00779797</t>
  </si>
  <si>
    <t>cg00779928</t>
  </si>
  <si>
    <t>cg00782828</t>
  </si>
  <si>
    <t>cg00784718</t>
  </si>
  <si>
    <t>cg00785170</t>
  </si>
  <si>
    <t>cg00785482</t>
  </si>
  <si>
    <t>cg00786138</t>
  </si>
  <si>
    <t>cg00787856</t>
  </si>
  <si>
    <t>cg00788170</t>
  </si>
  <si>
    <t>cg00790672</t>
  </si>
  <si>
    <t>cg00790970</t>
  </si>
  <si>
    <t>cg00791468</t>
  </si>
  <si>
    <t>cg00791854</t>
  </si>
  <si>
    <t>cg00791905</t>
  </si>
  <si>
    <t>cg00792172</t>
  </si>
  <si>
    <t>cg00794813</t>
  </si>
  <si>
    <t>cg00794881</t>
  </si>
  <si>
    <t>cg00795024</t>
  </si>
  <si>
    <t>cg00797651</t>
  </si>
  <si>
    <t>cg00800997</t>
  </si>
  <si>
    <t>cg00801514</t>
  </si>
  <si>
    <t>cg00804097</t>
  </si>
  <si>
    <t>cg00804354</t>
  </si>
  <si>
    <t>cg00804934</t>
  </si>
  <si>
    <t>cg00806138</t>
  </si>
  <si>
    <t>cg00808305</t>
  </si>
  <si>
    <t>cg00808579</t>
  </si>
  <si>
    <t>cg00809399</t>
  </si>
  <si>
    <t>cg00809477</t>
  </si>
  <si>
    <t>cg00809863</t>
  </si>
  <si>
    <t>cg00812246</t>
  </si>
  <si>
    <t>cg00812303</t>
  </si>
  <si>
    <t>cg00812770</t>
  </si>
  <si>
    <t>cg00813440</t>
  </si>
  <si>
    <t>cg00813560</t>
  </si>
  <si>
    <t>cg00813993</t>
  </si>
  <si>
    <t>cg00815091</t>
  </si>
  <si>
    <t>cg00815519</t>
  </si>
  <si>
    <t>cg00816397</t>
  </si>
  <si>
    <t>cg00816406</t>
  </si>
  <si>
    <t>cg00817765</t>
  </si>
  <si>
    <t>cg00819142</t>
  </si>
  <si>
    <t>cg00819310</t>
  </si>
  <si>
    <t>cg00819857</t>
  </si>
  <si>
    <t>cg00819871</t>
  </si>
  <si>
    <t>cg00820581</t>
  </si>
  <si>
    <t>cg00821310</t>
  </si>
  <si>
    <t>cg00823095</t>
  </si>
  <si>
    <t>cg00825462</t>
  </si>
  <si>
    <t>cg00825734</t>
  </si>
  <si>
    <t>cg00825951</t>
  </si>
  <si>
    <t>cg00826603</t>
  </si>
  <si>
    <t>cg00830283</t>
  </si>
  <si>
    <t>cg00830599</t>
  </si>
  <si>
    <t>cg00830850</t>
  </si>
  <si>
    <t>cg00831358</t>
  </si>
  <si>
    <t>cg00831929</t>
  </si>
  <si>
    <t>cg00832476</t>
  </si>
  <si>
    <t>cg00832644</t>
  </si>
  <si>
    <t>cg00833394</t>
  </si>
  <si>
    <t>cg00833537</t>
  </si>
  <si>
    <t>cg00833688</t>
  </si>
  <si>
    <t>cg00833822</t>
  </si>
  <si>
    <t>cg00834379</t>
  </si>
  <si>
    <t>cg00836308</t>
  </si>
  <si>
    <t>cg00838829</t>
  </si>
  <si>
    <t>cg00838919</t>
  </si>
  <si>
    <t>cg00842602</t>
  </si>
  <si>
    <t>cg00848728</t>
  </si>
  <si>
    <t>cg00849570</t>
  </si>
  <si>
    <t>cg00851028</t>
  </si>
  <si>
    <t>cg00851518</t>
  </si>
  <si>
    <t>cg00851627</t>
  </si>
  <si>
    <t>cg00853237</t>
  </si>
  <si>
    <t>cg00853964</t>
  </si>
  <si>
    <t>cg00853979</t>
  </si>
  <si>
    <t>cg00854799</t>
  </si>
  <si>
    <t>cg00856177</t>
  </si>
  <si>
    <t>cg00856580</t>
  </si>
  <si>
    <t>cg00857963</t>
  </si>
  <si>
    <t>cg00859178</t>
  </si>
  <si>
    <t>cg00859858</t>
  </si>
  <si>
    <t>cg00860090</t>
  </si>
  <si>
    <t>cg00860640</t>
  </si>
  <si>
    <t>cg00861010</t>
  </si>
  <si>
    <t>cg00862394</t>
  </si>
  <si>
    <t>cg00864400</t>
  </si>
  <si>
    <t>cg00864860</t>
  </si>
  <si>
    <t>cg00864916</t>
  </si>
  <si>
    <t>cg00866295</t>
  </si>
  <si>
    <t>cg00866953</t>
  </si>
  <si>
    <t>cg00867391</t>
  </si>
  <si>
    <t>cg00867472</t>
  </si>
  <si>
    <t>cg00868131</t>
  </si>
  <si>
    <t>cg00870095</t>
  </si>
  <si>
    <t>cg00874055</t>
  </si>
  <si>
    <t>cg00874641</t>
  </si>
  <si>
    <t>cg00875272</t>
  </si>
  <si>
    <t>cg00882235</t>
  </si>
  <si>
    <t>cg00883218</t>
  </si>
  <si>
    <t>cg00885901</t>
  </si>
  <si>
    <t>cg00887511</t>
  </si>
  <si>
    <t>cg00890054</t>
  </si>
  <si>
    <t>cg00890145</t>
  </si>
  <si>
    <t>cg00890774</t>
  </si>
  <si>
    <t>cg00891011</t>
  </si>
  <si>
    <t>cg00891459</t>
  </si>
  <si>
    <t>cg00891611</t>
  </si>
  <si>
    <t>cg00891995</t>
  </si>
  <si>
    <t>cg00894252</t>
  </si>
  <si>
    <t>cg00900054</t>
  </si>
  <si>
    <t>cg00901198</t>
  </si>
  <si>
    <t>cg00901843</t>
  </si>
  <si>
    <t>cg00903584</t>
  </si>
  <si>
    <t>cg00904574</t>
  </si>
  <si>
    <t>cg00907402</t>
  </si>
  <si>
    <t>cg00908427</t>
  </si>
  <si>
    <t>cg00909926</t>
  </si>
  <si>
    <t>cg00910103</t>
  </si>
  <si>
    <t>cg00910616</t>
  </si>
  <si>
    <t>cg00912316</t>
  </si>
  <si>
    <t>cg00912942</t>
  </si>
  <si>
    <t>cg00912946</t>
  </si>
  <si>
    <t>cg00913949</t>
  </si>
  <si>
    <t>cg00914726</t>
  </si>
  <si>
    <t>cg00914781</t>
  </si>
  <si>
    <t>cg00915178</t>
  </si>
  <si>
    <t>cg00915214</t>
  </si>
  <si>
    <t>cg00915289</t>
  </si>
  <si>
    <t>cg00916659</t>
  </si>
  <si>
    <t>cg00917251</t>
  </si>
  <si>
    <t>cg00918541</t>
  </si>
  <si>
    <t>cg00920799</t>
  </si>
  <si>
    <t>cg00921097</t>
  </si>
  <si>
    <t>cg00921454</t>
  </si>
  <si>
    <t>cg00922841</t>
  </si>
  <si>
    <t>cg00923458</t>
  </si>
  <si>
    <t>cg00923744</t>
  </si>
  <si>
    <t>cg00924017</t>
  </si>
  <si>
    <t>cg00924685</t>
  </si>
  <si>
    <t>cg00925953</t>
  </si>
  <si>
    <t>cg00929493</t>
  </si>
  <si>
    <t>cg00929523</t>
  </si>
  <si>
    <t>cg00930707</t>
  </si>
  <si>
    <t>cg00934017</t>
  </si>
  <si>
    <t>cg00935967</t>
  </si>
  <si>
    <t>cg00938395</t>
  </si>
  <si>
    <t>cg00940260</t>
  </si>
  <si>
    <t>cg00942920</t>
  </si>
  <si>
    <t>cg00943287</t>
  </si>
  <si>
    <t>cg00944431</t>
  </si>
  <si>
    <t>cg00944433</t>
  </si>
  <si>
    <t>cg00944580</t>
  </si>
  <si>
    <t>cg00945108</t>
  </si>
  <si>
    <t>cg00945234</t>
  </si>
  <si>
    <t>cg00945666</t>
  </si>
  <si>
    <t>cg00947586</t>
  </si>
  <si>
    <t>cg00947686</t>
  </si>
  <si>
    <t>cg00949753</t>
  </si>
  <si>
    <t>cg00950004</t>
  </si>
  <si>
    <t>cg00950809</t>
  </si>
  <si>
    <t>cg00951108</t>
  </si>
  <si>
    <t>cg00951310</t>
  </si>
  <si>
    <t>cg00951597</t>
  </si>
  <si>
    <t>cg00952342</t>
  </si>
  <si>
    <t>cg00953211</t>
  </si>
  <si>
    <t>cg00953314</t>
  </si>
  <si>
    <t>cg00954161</t>
  </si>
  <si>
    <t>cg00954633</t>
  </si>
  <si>
    <t>cg00954875</t>
  </si>
  <si>
    <t>cg00955307</t>
  </si>
  <si>
    <t>cg00955674</t>
  </si>
  <si>
    <t>cg00955686</t>
  </si>
  <si>
    <t>cg00955867</t>
  </si>
  <si>
    <t>cg00956091</t>
  </si>
  <si>
    <t>cg00956350</t>
  </si>
  <si>
    <t>cg00957516</t>
  </si>
  <si>
    <t>cg00958217</t>
  </si>
  <si>
    <t>cg00958225</t>
  </si>
  <si>
    <t>cg00958241</t>
  </si>
  <si>
    <t>cg00958927</t>
  </si>
  <si>
    <t>cg00958944</t>
  </si>
  <si>
    <t>cg00959749</t>
  </si>
  <si>
    <t>cg00960017</t>
  </si>
  <si>
    <t>cg00960197</t>
  </si>
  <si>
    <t>cg00960308</t>
  </si>
  <si>
    <t>cg00961792</t>
  </si>
  <si>
    <t>cg00961932</t>
  </si>
  <si>
    <t>cg00964039</t>
  </si>
  <si>
    <t>cg00964400</t>
  </si>
  <si>
    <t>cg00965643</t>
  </si>
  <si>
    <t>cg00966974</t>
  </si>
  <si>
    <t>cg00967809</t>
  </si>
  <si>
    <t>cg00967854</t>
  </si>
  <si>
    <t>cg00969087</t>
  </si>
  <si>
    <t>cg00970057</t>
  </si>
  <si>
    <t>cg00971737</t>
  </si>
  <si>
    <t>cg00971747</t>
  </si>
  <si>
    <t>cg00971804</t>
  </si>
  <si>
    <t>cg00972140</t>
  </si>
  <si>
    <t>cg00972246</t>
  </si>
  <si>
    <t>cg00974864</t>
  </si>
  <si>
    <t>cg00976181</t>
  </si>
  <si>
    <t>cg00977903</t>
  </si>
  <si>
    <t>cg00978203</t>
  </si>
  <si>
    <t>cg00978570</t>
  </si>
  <si>
    <t>cg00978901</t>
  </si>
  <si>
    <t>cg00979347</t>
  </si>
  <si>
    <t>cg00979527</t>
  </si>
  <si>
    <t>cg00979634</t>
  </si>
  <si>
    <t>cg00980058</t>
  </si>
  <si>
    <t>cg00980060</t>
  </si>
  <si>
    <t>cg00982167</t>
  </si>
  <si>
    <t>cg00982214</t>
  </si>
  <si>
    <t>cg00982271</t>
  </si>
  <si>
    <t>cg00982535</t>
  </si>
  <si>
    <t>cg00984967</t>
  </si>
  <si>
    <t>cg00986762</t>
  </si>
  <si>
    <t>cg00987097</t>
  </si>
  <si>
    <t>cg00987350</t>
  </si>
  <si>
    <t>cg00987513</t>
  </si>
  <si>
    <t>cg00988037</t>
  </si>
  <si>
    <t>cg00988350</t>
  </si>
  <si>
    <t>cg00988548</t>
  </si>
  <si>
    <t>cg00990358</t>
  </si>
  <si>
    <t>cg00992398</t>
  </si>
  <si>
    <t>cg00992659</t>
  </si>
  <si>
    <t>cg00993057</t>
  </si>
  <si>
    <t>cg00994251</t>
  </si>
  <si>
    <t>cg00994941</t>
  </si>
  <si>
    <t>cg00995520</t>
  </si>
  <si>
    <t>cg00996847</t>
  </si>
  <si>
    <t>cg00997327</t>
  </si>
  <si>
    <t>cg00998782</t>
  </si>
  <si>
    <t>cg00999623</t>
  </si>
  <si>
    <t>cg00999858</t>
  </si>
  <si>
    <t>cg01000615</t>
  </si>
  <si>
    <t>cg01001098</t>
  </si>
  <si>
    <t>cg01002125</t>
  </si>
  <si>
    <t>cg01002223</t>
  </si>
  <si>
    <t>cg01002313</t>
  </si>
  <si>
    <t>cg01002622</t>
  </si>
  <si>
    <t>cg01004056</t>
  </si>
  <si>
    <t>cg01004918</t>
  </si>
  <si>
    <t>cg01005303</t>
  </si>
  <si>
    <t>cg01006034</t>
  </si>
  <si>
    <t>cg01006332</t>
  </si>
  <si>
    <t>cg01008154</t>
  </si>
  <si>
    <t>cg01011482</t>
  </si>
  <si>
    <t>cg01011619</t>
  </si>
  <si>
    <t>cg01011918</t>
  </si>
  <si>
    <t>cg01013155</t>
  </si>
  <si>
    <t>cg01015663</t>
  </si>
  <si>
    <t>cg01016030</t>
  </si>
  <si>
    <t>cg01016521</t>
  </si>
  <si>
    <t>cg01016694</t>
  </si>
  <si>
    <t>cg01016851</t>
  </si>
  <si>
    <t>cg01017257</t>
  </si>
  <si>
    <t>cg01017395</t>
  </si>
  <si>
    <t>cg01017839</t>
  </si>
  <si>
    <t>cg01019262</t>
  </si>
  <si>
    <t>cg01019362</t>
  </si>
  <si>
    <t>cg01019985</t>
  </si>
  <si>
    <t>cg01020987</t>
  </si>
  <si>
    <t>cg01022200</t>
  </si>
  <si>
    <t>cg01022916</t>
  </si>
  <si>
    <t>cg01023053</t>
  </si>
  <si>
    <t>cg01023668</t>
  </si>
  <si>
    <t>cg01024175</t>
  </si>
  <si>
    <t>cg01024473</t>
  </si>
  <si>
    <t>cg01028869</t>
  </si>
  <si>
    <t>cg01030973</t>
  </si>
  <si>
    <t>cg01036148</t>
  </si>
  <si>
    <t>cg01037895</t>
  </si>
  <si>
    <t>cg01041284</t>
  </si>
  <si>
    <t>cg01045946</t>
  </si>
  <si>
    <t>cg01047045</t>
  </si>
  <si>
    <t>cg01048751</t>
  </si>
  <si>
    <t>cg01048810</t>
  </si>
  <si>
    <t>cg01049188</t>
  </si>
  <si>
    <t>cg01051327</t>
  </si>
  <si>
    <t>cg01051545</t>
  </si>
  <si>
    <t>cg01052200</t>
  </si>
  <si>
    <t>cg01053213</t>
  </si>
  <si>
    <t>cg01053621</t>
  </si>
  <si>
    <t>cg01054023</t>
  </si>
  <si>
    <t>cg01055562</t>
  </si>
  <si>
    <t>cg01056310</t>
  </si>
  <si>
    <t>cg01056590</t>
  </si>
  <si>
    <t>cg01057552</t>
  </si>
  <si>
    <t>cg01058902</t>
  </si>
  <si>
    <t>cg01061025</t>
  </si>
  <si>
    <t>cg01063178</t>
  </si>
  <si>
    <t>cg01063509</t>
  </si>
  <si>
    <t>cg01063572</t>
  </si>
  <si>
    <t>cg01063935</t>
  </si>
  <si>
    <t>cg01064307</t>
  </si>
  <si>
    <t>cg01065210</t>
  </si>
  <si>
    <t>cg01065278</t>
  </si>
  <si>
    <t>cg01065938</t>
  </si>
  <si>
    <t>cg01066465</t>
  </si>
  <si>
    <t>cg01067604</t>
  </si>
  <si>
    <t>cg01068006</t>
  </si>
  <si>
    <t>cg01068023</t>
  </si>
  <si>
    <t>cg01068808</t>
  </si>
  <si>
    <t>cg01070065</t>
  </si>
  <si>
    <t>cg01070250</t>
  </si>
  <si>
    <t>cg01070794</t>
  </si>
  <si>
    <t>cg01071440</t>
  </si>
  <si>
    <t>cg01072498</t>
  </si>
  <si>
    <t>cg01073765</t>
  </si>
  <si>
    <t>cg01073918</t>
  </si>
  <si>
    <t>cg01077274</t>
  </si>
  <si>
    <t>cg01077379</t>
  </si>
  <si>
    <t>cg01077724</t>
  </si>
  <si>
    <t>cg01078174</t>
  </si>
  <si>
    <t>cg01079164</t>
  </si>
  <si>
    <t>cg01079872</t>
  </si>
  <si>
    <t>cg01079969</t>
  </si>
  <si>
    <t>cg01080781</t>
  </si>
  <si>
    <t>cg01080986</t>
  </si>
  <si>
    <t>cg01081836</t>
  </si>
  <si>
    <t>cg01083650</t>
  </si>
  <si>
    <t>cg01084154</t>
  </si>
  <si>
    <t>cg01084386</t>
  </si>
  <si>
    <t>cg01084918</t>
  </si>
  <si>
    <t>cg01093088</t>
  </si>
  <si>
    <t>cg01095590</t>
  </si>
  <si>
    <t>cg01095837</t>
  </si>
  <si>
    <t>cg01100796</t>
  </si>
  <si>
    <t>cg01101178</t>
  </si>
  <si>
    <t>cg01101380</t>
  </si>
  <si>
    <t>cg01102193</t>
  </si>
  <si>
    <t>cg01102307</t>
  </si>
  <si>
    <t>cg01104425</t>
  </si>
  <si>
    <t>cg01104924</t>
  </si>
  <si>
    <t>cg01105557</t>
  </si>
  <si>
    <t>cg01114951</t>
  </si>
  <si>
    <t>cg01116067</t>
  </si>
  <si>
    <t>cg01119512</t>
  </si>
  <si>
    <t>cg01120851</t>
  </si>
  <si>
    <t>cg01121610</t>
  </si>
  <si>
    <t>cg01124530</t>
  </si>
  <si>
    <t>cg01132471</t>
  </si>
  <si>
    <t>cg01133446</t>
  </si>
  <si>
    <t>cg01134491</t>
  </si>
  <si>
    <t>cg01136232</t>
  </si>
  <si>
    <t>cg01138839</t>
  </si>
  <si>
    <t>cg01140101</t>
  </si>
  <si>
    <t>cg01140149</t>
  </si>
  <si>
    <t>cg01143423</t>
  </si>
  <si>
    <t>cg01143426</t>
  </si>
  <si>
    <t>cg01144693</t>
  </si>
  <si>
    <t>cg01145389</t>
  </si>
  <si>
    <t>cg01150641</t>
  </si>
  <si>
    <t>cg01152499</t>
  </si>
  <si>
    <t>cg01154193</t>
  </si>
  <si>
    <t>cg01154903</t>
  </si>
  <si>
    <t>cg01157404</t>
  </si>
  <si>
    <t>cg01159288</t>
  </si>
  <si>
    <t>cg01164686</t>
  </si>
  <si>
    <t>cg01175682</t>
  </si>
  <si>
    <t>cg01175767</t>
  </si>
  <si>
    <t>cg01177928</t>
  </si>
  <si>
    <t>cg01178703</t>
  </si>
  <si>
    <t>cg01178795</t>
  </si>
  <si>
    <t>cg01179095</t>
  </si>
  <si>
    <t>cg01179986</t>
  </si>
  <si>
    <t>cg01181681</t>
  </si>
  <si>
    <t>cg01183669</t>
  </si>
  <si>
    <t>cg01184522</t>
  </si>
  <si>
    <t>cg01185626</t>
  </si>
  <si>
    <t>cg01186725</t>
  </si>
  <si>
    <t>cg01189112</t>
  </si>
  <si>
    <t>cg01191660</t>
  </si>
  <si>
    <t>cg01193554</t>
  </si>
  <si>
    <t>cg01194444</t>
  </si>
  <si>
    <t>cg01194901</t>
  </si>
  <si>
    <t>cg01195848</t>
  </si>
  <si>
    <t>cg01196079</t>
  </si>
  <si>
    <t>cg01197763</t>
  </si>
  <si>
    <t>cg01198591</t>
  </si>
  <si>
    <t>cg01198994</t>
  </si>
  <si>
    <t>cg01199807</t>
  </si>
  <si>
    <t>cg01200585</t>
  </si>
  <si>
    <t>cg01203812</t>
  </si>
  <si>
    <t>cg01205165</t>
  </si>
  <si>
    <t>cg01205584</t>
  </si>
  <si>
    <t>cg01206410</t>
  </si>
  <si>
    <t>cg01208873</t>
  </si>
  <si>
    <t>cg01215525</t>
  </si>
  <si>
    <t>cg01215682</t>
  </si>
  <si>
    <t>cg01220651</t>
  </si>
  <si>
    <t>cg01225317</t>
  </si>
  <si>
    <t>cg01226883</t>
  </si>
  <si>
    <t>cg01229562</t>
  </si>
  <si>
    <t>cg01229567</t>
  </si>
  <si>
    <t>cg01237807</t>
  </si>
  <si>
    <t>cg01240433</t>
  </si>
  <si>
    <t>cg01242872</t>
  </si>
  <si>
    <t>cg01243544</t>
  </si>
  <si>
    <t>cg01243892</t>
  </si>
  <si>
    <t>cg01243924</t>
  </si>
  <si>
    <t>cg01244651</t>
  </si>
  <si>
    <t>cg01244934</t>
  </si>
  <si>
    <t>cg01245356</t>
  </si>
  <si>
    <t>cg01258522</t>
  </si>
  <si>
    <t>cg01259156</t>
  </si>
  <si>
    <t>cg01259619</t>
  </si>
  <si>
    <t>cg01260146</t>
  </si>
  <si>
    <t>cg01260170</t>
  </si>
  <si>
    <t>cg01261194</t>
  </si>
  <si>
    <t>cg01263850</t>
  </si>
  <si>
    <t>cg01267315</t>
  </si>
  <si>
    <t>cg01275687</t>
  </si>
  <si>
    <t>cg01276323</t>
  </si>
  <si>
    <t>cg01277844</t>
  </si>
  <si>
    <t>cg01279219</t>
  </si>
  <si>
    <t>cg01281061</t>
  </si>
  <si>
    <t>cg01281797</t>
  </si>
  <si>
    <t>cg01293263</t>
  </si>
  <si>
    <t>cg01294686</t>
  </si>
  <si>
    <t>cg01295264</t>
  </si>
  <si>
    <t>cg01297397</t>
  </si>
  <si>
    <t>cg01301282</t>
  </si>
  <si>
    <t>cg01309121</t>
  </si>
  <si>
    <t>cg01309569</t>
  </si>
  <si>
    <t>cg01311971</t>
  </si>
  <si>
    <t>cg01313514</t>
  </si>
  <si>
    <t>cg01314194</t>
  </si>
  <si>
    <t>cg01318461</t>
  </si>
  <si>
    <t>cg01318691</t>
  </si>
  <si>
    <t>cg01324793</t>
  </si>
  <si>
    <t>cg01328548</t>
  </si>
  <si>
    <t>cg01328949</t>
  </si>
  <si>
    <t>cg01329153</t>
  </si>
  <si>
    <t>cg01330391</t>
  </si>
  <si>
    <t>cg01333788</t>
  </si>
  <si>
    <t>cg01334186</t>
  </si>
  <si>
    <t>cg01334432</t>
  </si>
  <si>
    <t>cg01335180</t>
  </si>
  <si>
    <t>cg01335566</t>
  </si>
  <si>
    <t>cg01336162</t>
  </si>
  <si>
    <t>cg01337514</t>
  </si>
  <si>
    <t>cg01339558</t>
  </si>
  <si>
    <t>cg01340542</t>
  </si>
  <si>
    <t>cg01343344</t>
  </si>
  <si>
    <t>cg01346152</t>
  </si>
  <si>
    <t>cg01346589</t>
  </si>
  <si>
    <t>cg01347529</t>
  </si>
  <si>
    <t>cg01350686</t>
  </si>
  <si>
    <t>cg01352586</t>
  </si>
  <si>
    <t>cg01352906</t>
  </si>
  <si>
    <t>cg01354137</t>
  </si>
  <si>
    <t>cg01357370</t>
  </si>
  <si>
    <t>cg01359534</t>
  </si>
  <si>
    <t>cg01360093</t>
  </si>
  <si>
    <t>cg01364621</t>
  </si>
  <si>
    <t>cg01364674</t>
  </si>
  <si>
    <t>cg01366407</t>
  </si>
  <si>
    <t>cg01367992</t>
  </si>
  <si>
    <t>cg01371155</t>
  </si>
  <si>
    <t>cg01372608</t>
  </si>
  <si>
    <t>cg01378578</t>
  </si>
  <si>
    <t>cg01379846</t>
  </si>
  <si>
    <t>cg01380356</t>
  </si>
  <si>
    <t>cg01380361</t>
  </si>
  <si>
    <t>cg01385862</t>
  </si>
  <si>
    <t>cg01388211</t>
  </si>
  <si>
    <t>cg01391297</t>
  </si>
  <si>
    <t>cg01391650</t>
  </si>
  <si>
    <t>cg01393233</t>
  </si>
  <si>
    <t>cg01394052</t>
  </si>
  <si>
    <t>cg01395281</t>
  </si>
  <si>
    <t>cg01395456</t>
  </si>
  <si>
    <t>cg01395499</t>
  </si>
  <si>
    <t>cg01395667</t>
  </si>
  <si>
    <t>cg01396034</t>
  </si>
  <si>
    <t>cg01397308</t>
  </si>
  <si>
    <t>cg01398415</t>
  </si>
  <si>
    <t>cg01399319</t>
  </si>
  <si>
    <t>cg01400822</t>
  </si>
  <si>
    <t>cg01402735</t>
  </si>
  <si>
    <t>cg01403607</t>
  </si>
  <si>
    <t>cg01405084</t>
  </si>
  <si>
    <t>cg01411912</t>
  </si>
  <si>
    <t>cg01411954</t>
  </si>
  <si>
    <t>cg01412518</t>
  </si>
  <si>
    <t>cg01412803</t>
  </si>
  <si>
    <t>cg01412907</t>
  </si>
  <si>
    <t>cg01413809</t>
  </si>
  <si>
    <t>cg01414934</t>
  </si>
  <si>
    <t>cg01415937</t>
  </si>
  <si>
    <t>cg01416168</t>
  </si>
  <si>
    <t>cg01416295</t>
  </si>
  <si>
    <t>cg01417625</t>
  </si>
  <si>
    <t>cg01417714</t>
  </si>
  <si>
    <t>cg01418153</t>
  </si>
  <si>
    <t>cg01420388</t>
  </si>
  <si>
    <t>cg01420765</t>
  </si>
  <si>
    <t>cg01421044</t>
  </si>
  <si>
    <t>cg01422881</t>
  </si>
  <si>
    <t>cg01424901</t>
  </si>
  <si>
    <t>cg01425670</t>
  </si>
  <si>
    <t>cg01425967</t>
  </si>
  <si>
    <t>cg01427815</t>
  </si>
  <si>
    <t>cg01427957</t>
  </si>
  <si>
    <t>cg01428928</t>
  </si>
  <si>
    <t>cg01428953</t>
  </si>
  <si>
    <t>cg01429181</t>
  </si>
  <si>
    <t>cg01429933</t>
  </si>
  <si>
    <t>cg01430327</t>
  </si>
  <si>
    <t>cg01431057</t>
  </si>
  <si>
    <t>cg01431482</t>
  </si>
  <si>
    <t>cg01432902</t>
  </si>
  <si>
    <t>cg01433468</t>
  </si>
  <si>
    <t>cg01433556</t>
  </si>
  <si>
    <t>cg01433766</t>
  </si>
  <si>
    <t>cg01434679</t>
  </si>
  <si>
    <t>cg01435109</t>
  </si>
  <si>
    <t>cg01435118</t>
  </si>
  <si>
    <t>cg01435515</t>
  </si>
  <si>
    <t>cg01435678</t>
  </si>
  <si>
    <t>cg01436362</t>
  </si>
  <si>
    <t>cg01436372</t>
  </si>
  <si>
    <t>cg01436608</t>
  </si>
  <si>
    <t>cg01437439</t>
  </si>
  <si>
    <t>cg01438286</t>
  </si>
  <si>
    <t>cg01441698</t>
  </si>
  <si>
    <t>cg01441699</t>
  </si>
  <si>
    <t>cg01442843</t>
  </si>
  <si>
    <t>cg01443394</t>
  </si>
  <si>
    <t>cg01443408</t>
  </si>
  <si>
    <t>cg01444797</t>
  </si>
  <si>
    <t>cg01445052</t>
  </si>
  <si>
    <t>cg01445399</t>
  </si>
  <si>
    <t>cg01447096</t>
  </si>
  <si>
    <t>cg01447281</t>
  </si>
  <si>
    <t>cg01447427</t>
  </si>
  <si>
    <t>cg01448470</t>
  </si>
  <si>
    <t>cg01448881</t>
  </si>
  <si>
    <t>cg01449266</t>
  </si>
  <si>
    <t>cg01455178</t>
  </si>
  <si>
    <t>cg01459162</t>
  </si>
  <si>
    <t>cg01459453</t>
  </si>
  <si>
    <t>cg01460360</t>
  </si>
  <si>
    <t>cg01461641</t>
  </si>
  <si>
    <t>cg01464052</t>
  </si>
  <si>
    <t>cg01465596</t>
  </si>
  <si>
    <t>cg01466020</t>
  </si>
  <si>
    <t>cg01466288</t>
  </si>
  <si>
    <t>cg01468656</t>
  </si>
  <si>
    <t>cg01468717</t>
  </si>
  <si>
    <t>cg01470925</t>
  </si>
  <si>
    <t>cg01471713</t>
  </si>
  <si>
    <t>cg01481000</t>
  </si>
  <si>
    <t>cg01481784</t>
  </si>
  <si>
    <t>cg01484320</t>
  </si>
  <si>
    <t>cg01485247</t>
  </si>
  <si>
    <t>cg01486239</t>
  </si>
  <si>
    <t>cg01486262</t>
  </si>
  <si>
    <t>cg01486686</t>
  </si>
  <si>
    <t>cg01488300</t>
  </si>
  <si>
    <t>cg01488306</t>
  </si>
  <si>
    <t>cg01490102</t>
  </si>
  <si>
    <t>cg01490578</t>
  </si>
  <si>
    <t>cg01490733</t>
  </si>
  <si>
    <t>cg01495321</t>
  </si>
  <si>
    <t>cg01497426</t>
  </si>
  <si>
    <t>cg01501018</t>
  </si>
  <si>
    <t>cg01501048</t>
  </si>
  <si>
    <t>cg01501312</t>
  </si>
  <si>
    <t>cg01508386</t>
  </si>
  <si>
    <t>cg01511231</t>
  </si>
  <si>
    <t>cg01511557</t>
  </si>
  <si>
    <t>cg01511880</t>
  </si>
  <si>
    <t>cg01511884</t>
  </si>
  <si>
    <t>cg01512026</t>
  </si>
  <si>
    <t>cg01512113</t>
  </si>
  <si>
    <t>cg01512396</t>
  </si>
  <si>
    <t>cg01514015</t>
  </si>
  <si>
    <t>cg01514415</t>
  </si>
  <si>
    <t>cg01515136</t>
  </si>
  <si>
    <t>cg01515806</t>
  </si>
  <si>
    <t>cg01515913</t>
  </si>
  <si>
    <t>cg01516372</t>
  </si>
  <si>
    <t>cg01518906</t>
  </si>
  <si>
    <t>cg01519195</t>
  </si>
  <si>
    <t>cg01521258</t>
  </si>
  <si>
    <t>cg01523881</t>
  </si>
  <si>
    <t>cg01524359</t>
  </si>
  <si>
    <t>cg01525376</t>
  </si>
  <si>
    <t>cg01525538</t>
  </si>
  <si>
    <t>cg01530981</t>
  </si>
  <si>
    <t>cg01531388</t>
  </si>
  <si>
    <t>cg01531551</t>
  </si>
  <si>
    <t>cg01532487</t>
  </si>
  <si>
    <t>cg01534125</t>
  </si>
  <si>
    <t>cg01534765</t>
  </si>
  <si>
    <t>cg01535630</t>
  </si>
  <si>
    <t>cg01535838</t>
  </si>
  <si>
    <t>cg01536190</t>
  </si>
  <si>
    <t>cg01537455</t>
  </si>
  <si>
    <t>cg01540571</t>
  </si>
  <si>
    <t>cg01540595</t>
  </si>
  <si>
    <t>cg01549226</t>
  </si>
  <si>
    <t>cg01550716</t>
  </si>
  <si>
    <t>cg01550810</t>
  </si>
  <si>
    <t>cg01551133</t>
  </si>
  <si>
    <t>cg01551176</t>
  </si>
  <si>
    <t>cg01551238</t>
  </si>
  <si>
    <t>cg01552707</t>
  </si>
  <si>
    <t>cg01553935</t>
  </si>
  <si>
    <t>cg01554357</t>
  </si>
  <si>
    <t>cg01554474</t>
  </si>
  <si>
    <t>cg01555014</t>
  </si>
  <si>
    <t>cg01556275</t>
  </si>
  <si>
    <t>cg01557753</t>
  </si>
  <si>
    <t>cg01557798</t>
  </si>
  <si>
    <t>cg01557951</t>
  </si>
  <si>
    <t>cg01559650</t>
  </si>
  <si>
    <t>cg01561517</t>
  </si>
  <si>
    <t>cg01561528</t>
  </si>
  <si>
    <t>cg01564665</t>
  </si>
  <si>
    <t>cg01564925</t>
  </si>
  <si>
    <t>cg01564977</t>
  </si>
  <si>
    <t>cg01565985</t>
  </si>
  <si>
    <t>cg01566216</t>
  </si>
  <si>
    <t>cg01566217</t>
  </si>
  <si>
    <t>cg01566304</t>
  </si>
  <si>
    <t>cg01566404</t>
  </si>
  <si>
    <t>cg01569204</t>
  </si>
  <si>
    <t>cg01569295</t>
  </si>
  <si>
    <t>cg01570589</t>
  </si>
  <si>
    <t>cg01572884</t>
  </si>
  <si>
    <t>cg01573472</t>
  </si>
  <si>
    <t>cg01573949</t>
  </si>
  <si>
    <t>cg01574287</t>
  </si>
  <si>
    <t>cg01574673</t>
  </si>
  <si>
    <t>cg01575408</t>
  </si>
  <si>
    <t>cg01577933</t>
  </si>
  <si>
    <t>cg01580568</t>
  </si>
  <si>
    <t>cg01586952</t>
  </si>
  <si>
    <t>cg01587771</t>
  </si>
  <si>
    <t>cg01588224</t>
  </si>
  <si>
    <t>cg01588464</t>
  </si>
  <si>
    <t>cg01588592</t>
  </si>
  <si>
    <t>cg01594290</t>
  </si>
  <si>
    <t>cg01598007</t>
  </si>
  <si>
    <t>cg01599189</t>
  </si>
  <si>
    <t>cg01599460</t>
  </si>
  <si>
    <t>cg01601760</t>
  </si>
  <si>
    <t>cg01602166</t>
  </si>
  <si>
    <t>cg01603374</t>
  </si>
  <si>
    <t>cg01604210</t>
  </si>
  <si>
    <t>cg01605789</t>
  </si>
  <si>
    <t>cg01614716</t>
  </si>
  <si>
    <t>cg01623797</t>
  </si>
  <si>
    <t>cg01627483</t>
  </si>
  <si>
    <t>cg01628067</t>
  </si>
  <si>
    <t>cg01628253</t>
  </si>
  <si>
    <t>cg01631408</t>
  </si>
  <si>
    <t>cg01634153</t>
  </si>
  <si>
    <t>cg01637011</t>
  </si>
  <si>
    <t>cg01637218</t>
  </si>
  <si>
    <t>cg01647724</t>
  </si>
  <si>
    <t>cg01651593</t>
  </si>
  <si>
    <t>cg01654312</t>
  </si>
  <si>
    <t>cg01656394</t>
  </si>
  <si>
    <t>cg01656955</t>
  </si>
  <si>
    <t>cg01664666</t>
  </si>
  <si>
    <t>cg01666040</t>
  </si>
  <si>
    <t>cg01671285</t>
  </si>
  <si>
    <t>cg01671575</t>
  </si>
  <si>
    <t>cg01676680</t>
  </si>
  <si>
    <t>cg01689405</t>
  </si>
  <si>
    <t>cg01693305</t>
  </si>
  <si>
    <t>cg01693598</t>
  </si>
  <si>
    <t>cg01695892</t>
  </si>
  <si>
    <t>cg01697986</t>
  </si>
  <si>
    <t>cg01698708</t>
  </si>
  <si>
    <t>cg01700472</t>
  </si>
  <si>
    <t>cg01701555</t>
  </si>
  <si>
    <t>cg01704332</t>
  </si>
  <si>
    <t>cg01705587</t>
  </si>
  <si>
    <t>cg01710361</t>
  </si>
  <si>
    <t>cg01711077</t>
  </si>
  <si>
    <t>cg01711322</t>
  </si>
  <si>
    <t>cg01712686</t>
  </si>
  <si>
    <t>cg01713250</t>
  </si>
  <si>
    <t>cg01714087</t>
  </si>
  <si>
    <t>cg01714921</t>
  </si>
  <si>
    <t>cg01715088</t>
  </si>
  <si>
    <t>cg01715384</t>
  </si>
  <si>
    <t>cg01715450</t>
  </si>
  <si>
    <t>cg01715562</t>
  </si>
  <si>
    <t>cg01715745</t>
  </si>
  <si>
    <t>cg01717246</t>
  </si>
  <si>
    <t>cg01717609</t>
  </si>
  <si>
    <t>cg01719100</t>
  </si>
  <si>
    <t>cg01719260</t>
  </si>
  <si>
    <t>cg01719832</t>
  </si>
  <si>
    <t>cg01719994</t>
  </si>
  <si>
    <t>cg01720722</t>
  </si>
  <si>
    <t>cg01723876</t>
  </si>
  <si>
    <t>cg01723892</t>
  </si>
  <si>
    <t>cg01725297</t>
  </si>
  <si>
    <t>cg01727431</t>
  </si>
  <si>
    <t>cg01727651</t>
  </si>
  <si>
    <t>cg01728055</t>
  </si>
  <si>
    <t>cg01728712</t>
  </si>
  <si>
    <t>cg01729262</t>
  </si>
  <si>
    <t>cg01741932</t>
  </si>
  <si>
    <t>cg01745448</t>
  </si>
  <si>
    <t>cg01748832</t>
  </si>
  <si>
    <t>cg01750764</t>
  </si>
  <si>
    <t>cg01755342</t>
  </si>
  <si>
    <t>cg01756841</t>
  </si>
  <si>
    <t>cg01763236</t>
  </si>
  <si>
    <t>cg01764046</t>
  </si>
  <si>
    <t>cg01764116</t>
  </si>
  <si>
    <t>cg01765403</t>
  </si>
  <si>
    <t>cg01765600</t>
  </si>
  <si>
    <t>cg01766368</t>
  </si>
  <si>
    <t>cg01768342</t>
  </si>
  <si>
    <t>cg01769968</t>
  </si>
  <si>
    <t>cg01770019</t>
  </si>
  <si>
    <t>cg01770236</t>
  </si>
  <si>
    <t>cg01770296</t>
  </si>
  <si>
    <t>cg01770400</t>
  </si>
  <si>
    <t>cg01770831</t>
  </si>
  <si>
    <t>cg01771213</t>
  </si>
  <si>
    <t>cg01771444</t>
  </si>
  <si>
    <t>cg01773518</t>
  </si>
  <si>
    <t>cg01774454</t>
  </si>
  <si>
    <t>cg01774477</t>
  </si>
  <si>
    <t>cg01774645</t>
  </si>
  <si>
    <t>cg01775082</t>
  </si>
  <si>
    <t>cg01778864</t>
  </si>
  <si>
    <t>cg01780943</t>
  </si>
  <si>
    <t>cg01780990</t>
  </si>
  <si>
    <t>cg01781529</t>
  </si>
  <si>
    <t>cg01782486</t>
  </si>
  <si>
    <t>cg01782487</t>
  </si>
  <si>
    <t>cg01782523</t>
  </si>
  <si>
    <t>cg01786109</t>
  </si>
  <si>
    <t>cg01787110</t>
  </si>
  <si>
    <t>cg01787285</t>
  </si>
  <si>
    <t>cg01787798</t>
  </si>
  <si>
    <t>cg01788396</t>
  </si>
  <si>
    <t>cg01788438</t>
  </si>
  <si>
    <t>cg01789150</t>
  </si>
  <si>
    <t>cg01790367</t>
  </si>
  <si>
    <t>cg01791421</t>
  </si>
  <si>
    <t>cg01792532</t>
  </si>
  <si>
    <t>cg01792592</t>
  </si>
  <si>
    <t>cg01793088</t>
  </si>
  <si>
    <t>cg01793178</t>
  </si>
  <si>
    <t>cg01793445</t>
  </si>
  <si>
    <t>cg01793617</t>
  </si>
  <si>
    <t>cg01794501</t>
  </si>
  <si>
    <t>cg01794853</t>
  </si>
  <si>
    <t>cg01794932</t>
  </si>
  <si>
    <t>cg01796184</t>
  </si>
  <si>
    <t>cg01796781</t>
  </si>
  <si>
    <t>cg01797257</t>
  </si>
  <si>
    <t>cg01798266</t>
  </si>
  <si>
    <t>cg01799521</t>
  </si>
  <si>
    <t>cg01800128</t>
  </si>
  <si>
    <t>cg01800445</t>
  </si>
  <si>
    <t>cg01801174</t>
  </si>
  <si>
    <t>cg01802295</t>
  </si>
  <si>
    <t>cg01802640</t>
  </si>
  <si>
    <t>cg01802953</t>
  </si>
  <si>
    <t>cg01803258</t>
  </si>
  <si>
    <t>cg01804500</t>
  </si>
  <si>
    <t>cg01804679</t>
  </si>
  <si>
    <t>cg01806151</t>
  </si>
  <si>
    <t>cg01806956</t>
  </si>
  <si>
    <t>cg01807748</t>
  </si>
  <si>
    <t>cg01808492</t>
  </si>
  <si>
    <t>cg01808968</t>
  </si>
  <si>
    <t>cg01809217</t>
  </si>
  <si>
    <t>cg01810926</t>
  </si>
  <si>
    <t>cg01810953</t>
  </si>
  <si>
    <t>cg01811796</t>
  </si>
  <si>
    <t>cg01812865</t>
  </si>
  <si>
    <t>cg01814963</t>
  </si>
  <si>
    <t>cg01815718</t>
  </si>
  <si>
    <t>cg01815720</t>
  </si>
  <si>
    <t>cg01815833</t>
  </si>
  <si>
    <t>cg01816014</t>
  </si>
  <si>
    <t>cg01816880</t>
  </si>
  <si>
    <t>cg01817019</t>
  </si>
  <si>
    <t>cg01819707</t>
  </si>
  <si>
    <t>cg01819745</t>
  </si>
  <si>
    <t>cg01819910</t>
  </si>
  <si>
    <t>cg01820314</t>
  </si>
  <si>
    <t>cg01821043</t>
  </si>
  <si>
    <t>cg01822600</t>
  </si>
  <si>
    <t>cg01824138</t>
  </si>
  <si>
    <t>cg01824919</t>
  </si>
  <si>
    <t>cg01828548</t>
  </si>
  <si>
    <t>cg01828733</t>
  </si>
  <si>
    <t>cg01830883</t>
  </si>
  <si>
    <t>cg01833122</t>
  </si>
  <si>
    <t>cg01833417</t>
  </si>
  <si>
    <t>cg01833436</t>
  </si>
  <si>
    <t>cg01834027</t>
  </si>
  <si>
    <t>cg01834614</t>
  </si>
  <si>
    <t>cg01837198</t>
  </si>
  <si>
    <t>cg01840215</t>
  </si>
  <si>
    <t>cg01844751</t>
  </si>
  <si>
    <t>cg01846776</t>
  </si>
  <si>
    <t>cg01847380</t>
  </si>
  <si>
    <t>cg01850505</t>
  </si>
  <si>
    <t>cg01858698</t>
  </si>
  <si>
    <t>cg01858866</t>
  </si>
  <si>
    <t>cg01864564</t>
  </si>
  <si>
    <t>cg01868367</t>
  </si>
  <si>
    <t>cg01868405</t>
  </si>
  <si>
    <t>cg01869896</t>
  </si>
  <si>
    <t>cg01876531</t>
  </si>
  <si>
    <t>cg01877155</t>
  </si>
  <si>
    <t>cg01877196</t>
  </si>
  <si>
    <t>cg01879039</t>
  </si>
  <si>
    <t>cg01881062</t>
  </si>
  <si>
    <t>cg01881474</t>
  </si>
  <si>
    <t>cg01883208</t>
  </si>
  <si>
    <t>cg01883521</t>
  </si>
  <si>
    <t>cg01888206</t>
  </si>
  <si>
    <t>cg01889893</t>
  </si>
  <si>
    <t>cg01891252</t>
  </si>
  <si>
    <t>cg01892980</t>
  </si>
  <si>
    <t>cg01894875</t>
  </si>
  <si>
    <t>cg01901101</t>
  </si>
  <si>
    <t>cg01902845</t>
  </si>
  <si>
    <t>cg01903374</t>
  </si>
  <si>
    <t>cg01903504</t>
  </si>
  <si>
    <t>cg01905090</t>
  </si>
  <si>
    <t>cg01905102</t>
  </si>
  <si>
    <t>cg01905489</t>
  </si>
  <si>
    <t>cg01905828</t>
  </si>
  <si>
    <t>cg01907457</t>
  </si>
  <si>
    <t>cg01908338</t>
  </si>
  <si>
    <t>cg01909487</t>
  </si>
  <si>
    <t>cg01910639</t>
  </si>
  <si>
    <t>cg01910727</t>
  </si>
  <si>
    <t>cg01917016</t>
  </si>
  <si>
    <t>cg01917259</t>
  </si>
  <si>
    <t>cg01918604</t>
  </si>
  <si>
    <t>cg01918706</t>
  </si>
  <si>
    <t>cg01918888</t>
  </si>
  <si>
    <t>cg01923894</t>
  </si>
  <si>
    <t>cg01925498</t>
  </si>
  <si>
    <t>cg01926051</t>
  </si>
  <si>
    <t>cg01928574</t>
  </si>
  <si>
    <t>cg01929105</t>
  </si>
  <si>
    <t>cg01930478</t>
  </si>
  <si>
    <t>cg01930745</t>
  </si>
  <si>
    <t>cg01930947</t>
  </si>
  <si>
    <t>cg01931775</t>
  </si>
  <si>
    <t>cg01932308</t>
  </si>
  <si>
    <t>cg01933946</t>
  </si>
  <si>
    <t>cg01934408</t>
  </si>
  <si>
    <t>cg01934756</t>
  </si>
  <si>
    <t>cg01934856</t>
  </si>
  <si>
    <t>cg01935086</t>
  </si>
  <si>
    <t>cg01935967</t>
  </si>
  <si>
    <t>cg01937247</t>
  </si>
  <si>
    <t>cg01937669</t>
  </si>
  <si>
    <t>cg01937809</t>
  </si>
  <si>
    <t>cg01938025</t>
  </si>
  <si>
    <t>cg01939512</t>
  </si>
  <si>
    <t>cg01941586</t>
  </si>
  <si>
    <t>cg01941663</t>
  </si>
  <si>
    <t>cg01941755</t>
  </si>
  <si>
    <t>cg01942646</t>
  </si>
  <si>
    <t>cg01942719</t>
  </si>
  <si>
    <t>cg01943692</t>
  </si>
  <si>
    <t>cg01948978</t>
  </si>
  <si>
    <t>cg01950247</t>
  </si>
  <si>
    <t>cg01950958</t>
  </si>
  <si>
    <t>cg01954107</t>
  </si>
  <si>
    <t>cg01958550</t>
  </si>
  <si>
    <t>cg01958916</t>
  </si>
  <si>
    <t>cg01959873</t>
  </si>
  <si>
    <t>cg01960259</t>
  </si>
  <si>
    <t>cg01960300</t>
  </si>
  <si>
    <t>cg01961153</t>
  </si>
  <si>
    <t>cg01961525</t>
  </si>
  <si>
    <t>cg01962676</t>
  </si>
  <si>
    <t>cg01963294</t>
  </si>
  <si>
    <t>cg01963297</t>
  </si>
  <si>
    <t>cg01963906</t>
  </si>
  <si>
    <t>cg01964975</t>
  </si>
  <si>
    <t>cg01965508</t>
  </si>
  <si>
    <t>cg01966390</t>
  </si>
  <si>
    <t>cg01966974</t>
  </si>
  <si>
    <t>cg01967416</t>
  </si>
  <si>
    <t>cg01967642</t>
  </si>
  <si>
    <t>cg01969748</t>
  </si>
  <si>
    <t>cg01970336</t>
  </si>
  <si>
    <t>cg01974027</t>
  </si>
  <si>
    <t>cg01974180</t>
  </si>
  <si>
    <t>cg01974375</t>
  </si>
  <si>
    <t>cg01977520</t>
  </si>
  <si>
    <t>cg01977798</t>
  </si>
  <si>
    <t>cg01978743</t>
  </si>
  <si>
    <t>cg01980735</t>
  </si>
  <si>
    <t>cg01980854</t>
  </si>
  <si>
    <t>cg01984304</t>
  </si>
  <si>
    <t>cg01985965</t>
  </si>
  <si>
    <t>cg02005385</t>
  </si>
  <si>
    <t>cg02006421</t>
  </si>
  <si>
    <t>cg02011074</t>
  </si>
  <si>
    <t>cg02011124</t>
  </si>
  <si>
    <t>cg02012159</t>
  </si>
  <si>
    <t>cg02016753</t>
  </si>
  <si>
    <t>cg02020077</t>
  </si>
  <si>
    <t>cg02020616</t>
  </si>
  <si>
    <t>cg02026604</t>
  </si>
  <si>
    <t>cg02030524</t>
  </si>
  <si>
    <t>cg02032115</t>
  </si>
  <si>
    <t>cg02033788</t>
  </si>
  <si>
    <t>cg02035751</t>
  </si>
  <si>
    <t>cg02036826</t>
  </si>
  <si>
    <t>cg02041944</t>
  </si>
  <si>
    <t>cg02042310</t>
  </si>
  <si>
    <t>cg02044320</t>
  </si>
  <si>
    <t>cg02047702</t>
  </si>
  <si>
    <t>cg02049180</t>
  </si>
  <si>
    <t>cg02049829</t>
  </si>
  <si>
    <t>cg02050181</t>
  </si>
  <si>
    <t>cg02051553</t>
  </si>
  <si>
    <t>cg02051805</t>
  </si>
  <si>
    <t>cg02051981</t>
  </si>
  <si>
    <t>cg02053477</t>
  </si>
  <si>
    <t>cg02054457</t>
  </si>
  <si>
    <t>cg02054568</t>
  </si>
  <si>
    <t>cg02055255</t>
  </si>
  <si>
    <t>cg02057755</t>
  </si>
  <si>
    <t>cg02058215</t>
  </si>
  <si>
    <t>cg02058715</t>
  </si>
  <si>
    <t>cg02060465</t>
  </si>
  <si>
    <t>cg02060627</t>
  </si>
  <si>
    <t>cg02061431</t>
  </si>
  <si>
    <t>cg02061553</t>
  </si>
  <si>
    <t>cg02061757</t>
  </si>
  <si>
    <t>cg02063165</t>
  </si>
  <si>
    <t>cg02063560</t>
  </si>
  <si>
    <t>cg02063695</t>
  </si>
  <si>
    <t>cg02063759</t>
  </si>
  <si>
    <t>cg02065192</t>
  </si>
  <si>
    <t>cg02066936</t>
  </si>
  <si>
    <t>cg02067098</t>
  </si>
  <si>
    <t>cg02068237</t>
  </si>
  <si>
    <t>cg02068538</t>
  </si>
  <si>
    <t>cg02069772</t>
  </si>
  <si>
    <t>cg02072975</t>
  </si>
  <si>
    <t>cg02073224</t>
  </si>
  <si>
    <t>cg02073304</t>
  </si>
  <si>
    <t>cg02076020</t>
  </si>
  <si>
    <t>cg02076848</t>
  </si>
  <si>
    <t>cg02077165</t>
  </si>
  <si>
    <t>cg02077561</t>
  </si>
  <si>
    <t>cg02077977</t>
  </si>
  <si>
    <t>cg02078356</t>
  </si>
  <si>
    <t>cg02078520</t>
  </si>
  <si>
    <t>cg02080641</t>
  </si>
  <si>
    <t>cg02081364</t>
  </si>
  <si>
    <t>cg02081976</t>
  </si>
  <si>
    <t>cg02083189</t>
  </si>
  <si>
    <t>cg02083536</t>
  </si>
  <si>
    <t>cg02085276</t>
  </si>
  <si>
    <t>cg02085805</t>
  </si>
  <si>
    <t>cg02085891</t>
  </si>
  <si>
    <t>cg02086349</t>
  </si>
  <si>
    <t>cg02097014</t>
  </si>
  <si>
    <t>cg02097120</t>
  </si>
  <si>
    <t>cg02097190</t>
  </si>
  <si>
    <t>cg02099313</t>
  </si>
  <si>
    <t>cg02100997</t>
  </si>
  <si>
    <t>cg02101693</t>
  </si>
  <si>
    <t>cg02103924</t>
  </si>
  <si>
    <t>cg02104952</t>
  </si>
  <si>
    <t>cg02105034</t>
  </si>
  <si>
    <t>cg02105856</t>
  </si>
  <si>
    <t>cg02106043</t>
  </si>
  <si>
    <t>cg02107304</t>
  </si>
  <si>
    <t>cg02107558</t>
  </si>
  <si>
    <t>cg02108176</t>
  </si>
  <si>
    <t>cg02115218</t>
  </si>
  <si>
    <t>cg02117102</t>
  </si>
  <si>
    <t>cg02118652</t>
  </si>
  <si>
    <t>cg02124149</t>
  </si>
  <si>
    <t>cg02124912</t>
  </si>
  <si>
    <t>cg02126788</t>
  </si>
  <si>
    <t>cg02131465</t>
  </si>
  <si>
    <t>cg02134200</t>
  </si>
  <si>
    <t>cg02136596</t>
  </si>
  <si>
    <t>cg02138082</t>
  </si>
  <si>
    <t>cg02138218</t>
  </si>
  <si>
    <t>cg02141814</t>
  </si>
  <si>
    <t>cg02144516</t>
  </si>
  <si>
    <t>cg02145411</t>
  </si>
  <si>
    <t>cg02145668</t>
  </si>
  <si>
    <t>cg02148612</t>
  </si>
  <si>
    <t>cg02150344</t>
  </si>
  <si>
    <t>cg02150709</t>
  </si>
  <si>
    <t>cg02151528</t>
  </si>
  <si>
    <t>cg02152128</t>
  </si>
  <si>
    <t>cg02152578</t>
  </si>
  <si>
    <t>cg02152650</t>
  </si>
  <si>
    <t>cg02153358</t>
  </si>
  <si>
    <t>cg02155184</t>
  </si>
  <si>
    <t>cg02155957</t>
  </si>
  <si>
    <t>cg02156380</t>
  </si>
  <si>
    <t>cg02156570</t>
  </si>
  <si>
    <t>cg02156952</t>
  </si>
  <si>
    <t>cg02157002</t>
  </si>
  <si>
    <t>cg02161046</t>
  </si>
  <si>
    <t>cg02161115</t>
  </si>
  <si>
    <t>cg02168592</t>
  </si>
  <si>
    <t>cg02171825</t>
  </si>
  <si>
    <t>cg02172466</t>
  </si>
  <si>
    <t>cg02173128</t>
  </si>
  <si>
    <t>cg02173484</t>
  </si>
  <si>
    <t>cg02175308</t>
  </si>
  <si>
    <t>cg02177231</t>
  </si>
  <si>
    <t>cg02178648</t>
  </si>
  <si>
    <t>cg02182827</t>
  </si>
  <si>
    <t>cg02187889</t>
  </si>
  <si>
    <t>cg02189925</t>
  </si>
  <si>
    <t>cg02190400</t>
  </si>
  <si>
    <t>cg02192677</t>
  </si>
  <si>
    <t>cg02195657</t>
  </si>
  <si>
    <t>cg02199070</t>
  </si>
  <si>
    <t>cg02202305</t>
  </si>
  <si>
    <t>cg02202858</t>
  </si>
  <si>
    <t>cg02206259</t>
  </si>
  <si>
    <t>cg02211983</t>
  </si>
  <si>
    <t>cg02213139</t>
  </si>
  <si>
    <t>cg02216667</t>
  </si>
  <si>
    <t>cg02221424</t>
  </si>
  <si>
    <t>cg02222250</t>
  </si>
  <si>
    <t>cg02223962</t>
  </si>
  <si>
    <t>cg02224920</t>
  </si>
  <si>
    <t>cg02228635</t>
  </si>
  <si>
    <t>cg02230408</t>
  </si>
  <si>
    <t>cg02232839</t>
  </si>
  <si>
    <t>cg02232840</t>
  </si>
  <si>
    <t>cg02234780</t>
  </si>
  <si>
    <t>cg02234820</t>
  </si>
  <si>
    <t>cg02237875</t>
  </si>
  <si>
    <t>cg02238461</t>
  </si>
  <si>
    <t>cg02238760</t>
  </si>
  <si>
    <t>cg02239021</t>
  </si>
  <si>
    <t>cg02241397</t>
  </si>
  <si>
    <t>cg02242572</t>
  </si>
  <si>
    <t>cg02252265</t>
  </si>
  <si>
    <t>cg02255609</t>
  </si>
  <si>
    <t>cg02255801</t>
  </si>
  <si>
    <t>cg02264567</t>
  </si>
  <si>
    <t>cg02265922</t>
  </si>
  <si>
    <t>cg02266759</t>
  </si>
  <si>
    <t>cg02268584</t>
  </si>
  <si>
    <t>cg02273797</t>
  </si>
  <si>
    <t>cg02275014</t>
  </si>
  <si>
    <t>cg02275084</t>
  </si>
  <si>
    <t>cg02275294</t>
  </si>
  <si>
    <t>cg02275620</t>
  </si>
  <si>
    <t>cg02275930</t>
  </si>
  <si>
    <t>cg02276490</t>
  </si>
  <si>
    <t>cg02277710</t>
  </si>
  <si>
    <t>cg02279153</t>
  </si>
  <si>
    <t>cg02280309</t>
  </si>
  <si>
    <t>cg02281178</t>
  </si>
  <si>
    <t>cg02281959</t>
  </si>
  <si>
    <t>cg02284278</t>
  </si>
  <si>
    <t>cg02284814</t>
  </si>
  <si>
    <t>cg02286990</t>
  </si>
  <si>
    <t>cg02287573</t>
  </si>
  <si>
    <t>cg02288964</t>
  </si>
  <si>
    <t>cg02289754</t>
  </si>
  <si>
    <t>cg02290168</t>
  </si>
  <si>
    <t>cg02290880</t>
  </si>
  <si>
    <t>cg02292066</t>
  </si>
  <si>
    <t>cg02292720</t>
  </si>
  <si>
    <t>cg02293396</t>
  </si>
  <si>
    <t>cg02293828</t>
  </si>
  <si>
    <t>cg02293852</t>
  </si>
  <si>
    <t>cg02294302</t>
  </si>
  <si>
    <t>cg02294687</t>
  </si>
  <si>
    <t>cg02297801</t>
  </si>
  <si>
    <t>cg02299542</t>
  </si>
  <si>
    <t>cg02299586</t>
  </si>
  <si>
    <t>cg02299950</t>
  </si>
  <si>
    <t>cg02300576</t>
  </si>
  <si>
    <t>cg02301193</t>
  </si>
  <si>
    <t>cg02303801</t>
  </si>
  <si>
    <t>cg02305064</t>
  </si>
  <si>
    <t>cg02308112</t>
  </si>
  <si>
    <t>cg02309273</t>
  </si>
  <si>
    <t>cg02309594</t>
  </si>
  <si>
    <t>cg02312326</t>
  </si>
  <si>
    <t>cg02313130</t>
  </si>
  <si>
    <t>cg02315113</t>
  </si>
  <si>
    <t>cg02317907</t>
  </si>
  <si>
    <t>cg02325880</t>
  </si>
  <si>
    <t>cg02326858</t>
  </si>
  <si>
    <t>cg02327465</t>
  </si>
  <si>
    <t>cg02328713</t>
  </si>
  <si>
    <t>cg02329140</t>
  </si>
  <si>
    <t>cg02330214</t>
  </si>
  <si>
    <t>cg02331673</t>
  </si>
  <si>
    <t>cg02331769</t>
  </si>
  <si>
    <t>cg02332577</t>
  </si>
  <si>
    <t>cg02333202</t>
  </si>
  <si>
    <t>cg02334669</t>
  </si>
  <si>
    <t>cg02337583</t>
  </si>
  <si>
    <t>cg02338965</t>
  </si>
  <si>
    <t>cg02339674</t>
  </si>
  <si>
    <t>cg02340851</t>
  </si>
  <si>
    <t>cg02341264</t>
  </si>
  <si>
    <t>cg02343604</t>
  </si>
  <si>
    <t>cg02347356</t>
  </si>
  <si>
    <t>cg02350320</t>
  </si>
  <si>
    <t>cg02357257</t>
  </si>
  <si>
    <t>cg02358111</t>
  </si>
  <si>
    <t>cg02359160</t>
  </si>
  <si>
    <t>cg02360616</t>
  </si>
  <si>
    <t>cg02360862</t>
  </si>
  <si>
    <t>cg02361363</t>
  </si>
  <si>
    <t>cg02361557</t>
  </si>
  <si>
    <t>cg02361878</t>
  </si>
  <si>
    <t>cg02362848</t>
  </si>
  <si>
    <t>cg02363950</t>
  </si>
  <si>
    <t>cg02364551</t>
  </si>
  <si>
    <t>cg02365086</t>
  </si>
  <si>
    <t>cg02365739</t>
  </si>
  <si>
    <t>cg02367723</t>
  </si>
  <si>
    <t>cg02368058</t>
  </si>
  <si>
    <t>cg02369542</t>
  </si>
  <si>
    <t>cg02375201</t>
  </si>
  <si>
    <t>cg02385474</t>
  </si>
  <si>
    <t>cg02386822</t>
  </si>
  <si>
    <t>cg02387474</t>
  </si>
  <si>
    <t>cg02388488</t>
  </si>
  <si>
    <t>cg02388500</t>
  </si>
  <si>
    <t>cg02392619</t>
  </si>
  <si>
    <t>cg02393107</t>
  </si>
  <si>
    <t>cg02393684</t>
  </si>
  <si>
    <t>cg02393845</t>
  </si>
  <si>
    <t>cg02394186</t>
  </si>
  <si>
    <t>cg02394247</t>
  </si>
  <si>
    <t>cg02394978</t>
  </si>
  <si>
    <t>cg02396836</t>
  </si>
  <si>
    <t>cg02397727</t>
  </si>
  <si>
    <t>cg02414175</t>
  </si>
  <si>
    <t>cg02414618</t>
  </si>
  <si>
    <t>cg02415020</t>
  </si>
  <si>
    <t>cg02415297</t>
  </si>
  <si>
    <t>cg02415349</t>
  </si>
  <si>
    <t>cg02416986</t>
  </si>
  <si>
    <t>cg02418294</t>
  </si>
  <si>
    <t>cg02431098</t>
  </si>
  <si>
    <t>cg02431672</t>
  </si>
  <si>
    <t>cg02435573</t>
  </si>
  <si>
    <t>cg02439438</t>
  </si>
  <si>
    <t>cg02439789</t>
  </si>
  <si>
    <t>cg02444243</t>
  </si>
  <si>
    <t>cg02446871</t>
  </si>
  <si>
    <t>cg02447488</t>
  </si>
  <si>
    <t>cg02448796</t>
  </si>
  <si>
    <t>cg02449975</t>
  </si>
  <si>
    <t>cg02450563</t>
  </si>
  <si>
    <t>cg02451774</t>
  </si>
  <si>
    <t>cg02451888</t>
  </si>
  <si>
    <t>cg02454131</t>
  </si>
  <si>
    <t>cg02455346</t>
  </si>
  <si>
    <t>cg02455392</t>
  </si>
  <si>
    <t>cg02455792</t>
  </si>
  <si>
    <t>cg02457097</t>
  </si>
  <si>
    <t>cg02457683</t>
  </si>
  <si>
    <t>cg02457750</t>
  </si>
  <si>
    <t>cg02458483</t>
  </si>
  <si>
    <t>cg02459569</t>
  </si>
  <si>
    <t>cg02459951</t>
  </si>
  <si>
    <t>cg02460018</t>
  </si>
  <si>
    <t>cg02461388</t>
  </si>
  <si>
    <t>cg02462374</t>
  </si>
  <si>
    <t>cg02464665</t>
  </si>
  <si>
    <t>cg02468108</t>
  </si>
  <si>
    <t>cg02473847</t>
  </si>
  <si>
    <t>cg02478603</t>
  </si>
  <si>
    <t>cg02479986</t>
  </si>
  <si>
    <t>cg02480666</t>
  </si>
  <si>
    <t>cg02481000</t>
  </si>
  <si>
    <t>cg02481741</t>
  </si>
  <si>
    <t>cg02482460</t>
  </si>
  <si>
    <t>cg02483449</t>
  </si>
  <si>
    <t>cg02484342</t>
  </si>
  <si>
    <t>cg02484391</t>
  </si>
  <si>
    <t>cg02484476</t>
  </si>
  <si>
    <t>cg02486904</t>
  </si>
  <si>
    <t>cg02487331</t>
  </si>
  <si>
    <t>cg02488934</t>
  </si>
  <si>
    <t>cg02489685</t>
  </si>
  <si>
    <t>cg02491234</t>
  </si>
  <si>
    <t>cg02492778</t>
  </si>
  <si>
    <t>cg02492799</t>
  </si>
  <si>
    <t>cg02492946</t>
  </si>
  <si>
    <t>cg02493846</t>
  </si>
  <si>
    <t>cg02494593</t>
  </si>
  <si>
    <t>cg02495604</t>
  </si>
  <si>
    <t>cg02497830</t>
  </si>
  <si>
    <t>cg02504229</t>
  </si>
  <si>
    <t>cg02506501</t>
  </si>
  <si>
    <t>cg02506753</t>
  </si>
  <si>
    <t>cg02508229</t>
  </si>
  <si>
    <t>cg02511172</t>
  </si>
  <si>
    <t>cg02514914</t>
  </si>
  <si>
    <t>cg02515103</t>
  </si>
  <si>
    <t>cg02516288</t>
  </si>
  <si>
    <t>cg02518135</t>
  </si>
  <si>
    <t>cg02520707</t>
  </si>
  <si>
    <t>cg02525396</t>
  </si>
  <si>
    <t>cg02525756</t>
  </si>
  <si>
    <t>cg02528319</t>
  </si>
  <si>
    <t>cg02531516</t>
  </si>
  <si>
    <t>cg02533419</t>
  </si>
  <si>
    <t>cg02537149</t>
  </si>
  <si>
    <t>cg02538833</t>
  </si>
  <si>
    <t>cg02555074</t>
  </si>
  <si>
    <t>cg02555393</t>
  </si>
  <si>
    <t>cg02556381</t>
  </si>
  <si>
    <t>cg02558133</t>
  </si>
  <si>
    <t>cg02560699</t>
  </si>
  <si>
    <t>cg02565062</t>
  </si>
  <si>
    <t>cg02566391</t>
  </si>
  <si>
    <t>cg02567879</t>
  </si>
  <si>
    <t>cg02568479</t>
  </si>
  <si>
    <t>cg02568619</t>
  </si>
  <si>
    <t>cg02568911</t>
  </si>
  <si>
    <t>cg02569142</t>
  </si>
  <si>
    <t>cg02571503</t>
  </si>
  <si>
    <t>cg02573566</t>
  </si>
  <si>
    <t>cg02575937</t>
  </si>
  <si>
    <t>cg02576073</t>
  </si>
  <si>
    <t>cg02576092</t>
  </si>
  <si>
    <t>cg02577049</t>
  </si>
  <si>
    <t>cg02578321</t>
  </si>
  <si>
    <t>cg02578391</t>
  </si>
  <si>
    <t>cg02579668</t>
  </si>
  <si>
    <t>cg02580006</t>
  </si>
  <si>
    <t>cg02580528</t>
  </si>
  <si>
    <t>cg02580604</t>
  </si>
  <si>
    <t>cg02581257</t>
  </si>
  <si>
    <t>cg02586268</t>
  </si>
  <si>
    <t>cg02586830</t>
  </si>
  <si>
    <t>cg02586949</t>
  </si>
  <si>
    <t>cg02588107</t>
  </si>
  <si>
    <t>cg02589538</t>
  </si>
  <si>
    <t>cg02589576</t>
  </si>
  <si>
    <t>cg02589695</t>
  </si>
  <si>
    <t>cg02590060</t>
  </si>
  <si>
    <t>cg02590572</t>
  </si>
  <si>
    <t>cg02595809</t>
  </si>
  <si>
    <t>cg02599463</t>
  </si>
  <si>
    <t>cg02599835</t>
  </si>
  <si>
    <t>cg02605776</t>
  </si>
  <si>
    <t>cg02606566</t>
  </si>
  <si>
    <t>cg02612026</t>
  </si>
  <si>
    <t>cg02613871</t>
  </si>
  <si>
    <t>cg02619408</t>
  </si>
  <si>
    <t>cg02619495</t>
  </si>
  <si>
    <t>cg02621905</t>
  </si>
  <si>
    <t>cg02622251</t>
  </si>
  <si>
    <t>cg02625725</t>
  </si>
  <si>
    <t>cg02626152</t>
  </si>
  <si>
    <t>cg02626991</t>
  </si>
  <si>
    <t>cg02627682</t>
  </si>
  <si>
    <t>cg02628795</t>
  </si>
  <si>
    <t>cg02631196</t>
  </si>
  <si>
    <t>cg02632261</t>
  </si>
  <si>
    <t>cg02632792</t>
  </si>
  <si>
    <t>cg02633729</t>
  </si>
  <si>
    <t>cg02634027</t>
  </si>
  <si>
    <t>cg02634222</t>
  </si>
  <si>
    <t>cg02634341</t>
  </si>
  <si>
    <t>cg02635260</t>
  </si>
  <si>
    <t>cg02636234</t>
  </si>
  <si>
    <t>cg02637469</t>
  </si>
  <si>
    <t>cg02639608</t>
  </si>
  <si>
    <t>cg02639927</t>
  </si>
  <si>
    <t>cg02641560</t>
  </si>
  <si>
    <t>cg02648847</t>
  </si>
  <si>
    <t>cg02655351</t>
  </si>
  <si>
    <t>cg02655745</t>
  </si>
  <si>
    <t>cg02656959</t>
  </si>
  <si>
    <t>cg02657611</t>
  </si>
  <si>
    <t>cg02657830</t>
  </si>
  <si>
    <t>cg02658730</t>
  </si>
  <si>
    <t>cg02659581</t>
  </si>
  <si>
    <t>cg02661431</t>
  </si>
  <si>
    <t>cg02665570</t>
  </si>
  <si>
    <t>cg02668051</t>
  </si>
  <si>
    <t>cg02668729</t>
  </si>
  <si>
    <t>cg02669225</t>
  </si>
  <si>
    <t>cg02669989</t>
  </si>
  <si>
    <t>cg02670637</t>
  </si>
  <si>
    <t>cg02672592</t>
  </si>
  <si>
    <t>cg02673636</t>
  </si>
  <si>
    <t>cg02673850</t>
  </si>
  <si>
    <t>cg02673986</t>
  </si>
  <si>
    <t>cg02674114</t>
  </si>
  <si>
    <t>cg02676144</t>
  </si>
  <si>
    <t>cg02676476</t>
  </si>
  <si>
    <t>cg02688760</t>
  </si>
  <si>
    <t>cg02696830</t>
  </si>
  <si>
    <t>cg02697519</t>
  </si>
  <si>
    <t>cg02709261</t>
  </si>
  <si>
    <t>cg02709907</t>
  </si>
  <si>
    <t>cg02710004</t>
  </si>
  <si>
    <t>cg02710132</t>
  </si>
  <si>
    <t>cg02710163</t>
  </si>
  <si>
    <t>cg02710503</t>
  </si>
  <si>
    <t>cg02711326</t>
  </si>
  <si>
    <t>cg02711479</t>
  </si>
  <si>
    <t>cg02718725</t>
  </si>
  <si>
    <t>cg02723372</t>
  </si>
  <si>
    <t>cg02729506</t>
  </si>
  <si>
    <t>cg02731917</t>
  </si>
  <si>
    <t>cg02735919</t>
  </si>
  <si>
    <t>cg02736228</t>
  </si>
  <si>
    <t>cg02736395</t>
  </si>
  <si>
    <t>cg02736560</t>
  </si>
  <si>
    <t>cg02736846</t>
  </si>
  <si>
    <t>cg02737307</t>
  </si>
  <si>
    <t>cg02737335</t>
  </si>
  <si>
    <t>cg02737619</t>
  </si>
  <si>
    <t>cg02737621</t>
  </si>
  <si>
    <t>cg02743632</t>
  </si>
  <si>
    <t>cg02750587</t>
  </si>
  <si>
    <t>cg02752882</t>
  </si>
  <si>
    <t>cg02752934</t>
  </si>
  <si>
    <t>cg02754945</t>
  </si>
  <si>
    <t>cg02756545</t>
  </si>
  <si>
    <t>cg02756939</t>
  </si>
  <si>
    <t>cg02760280</t>
  </si>
  <si>
    <t>cg02763800</t>
  </si>
  <si>
    <t>cg02766391</t>
  </si>
  <si>
    <t>cg02767788</t>
  </si>
  <si>
    <t>cg02768471</t>
  </si>
  <si>
    <t>cg02768912</t>
  </si>
  <si>
    <t>cg02769104</t>
  </si>
  <si>
    <t>cg02769145</t>
  </si>
  <si>
    <t>cg02769743</t>
  </si>
  <si>
    <t>cg02771890</t>
  </si>
  <si>
    <t>cg02772379</t>
  </si>
  <si>
    <t>cg02773275</t>
  </si>
  <si>
    <t>cg02773758</t>
  </si>
  <si>
    <t>cg02774129</t>
  </si>
  <si>
    <t>cg02774334</t>
  </si>
  <si>
    <t>cg02779230</t>
  </si>
  <si>
    <t>cg02779944</t>
  </si>
  <si>
    <t>cg02785792</t>
  </si>
  <si>
    <t>cg02795029</t>
  </si>
  <si>
    <t>cg02802060</t>
  </si>
  <si>
    <t>cg02804999</t>
  </si>
  <si>
    <t>cg02805810</t>
  </si>
  <si>
    <t>cg02808797</t>
  </si>
  <si>
    <t>cg02809263</t>
  </si>
  <si>
    <t>cg02813121</t>
  </si>
  <si>
    <t>cg02814691</t>
  </si>
  <si>
    <t>cg02815538</t>
  </si>
  <si>
    <t>cg02825765</t>
  </si>
  <si>
    <t>cg02826237</t>
  </si>
  <si>
    <t>cg02828779</t>
  </si>
  <si>
    <t>cg02829688</t>
  </si>
  <si>
    <t>cg02832224</t>
  </si>
  <si>
    <t>cg02833588</t>
  </si>
  <si>
    <t>cg02833725</t>
  </si>
  <si>
    <t>cg02834311</t>
  </si>
  <si>
    <t>cg02834871</t>
  </si>
  <si>
    <t>cg02835274</t>
  </si>
  <si>
    <t>cg02835421</t>
  </si>
  <si>
    <t>cg02835462</t>
  </si>
  <si>
    <t>cg02835848</t>
  </si>
  <si>
    <t>cg02835977</t>
  </si>
  <si>
    <t>cg02836963</t>
  </si>
  <si>
    <t>cg02838683</t>
  </si>
  <si>
    <t>cg02839875</t>
  </si>
  <si>
    <t>cg02840615</t>
  </si>
  <si>
    <t>cg02841875</t>
  </si>
  <si>
    <t>cg02843687</t>
  </si>
  <si>
    <t>cg02844629</t>
  </si>
  <si>
    <t>cg02847588</t>
  </si>
  <si>
    <t>cg02848157</t>
  </si>
  <si>
    <t>cg02848835</t>
  </si>
  <si>
    <t>cg02850371</t>
  </si>
  <si>
    <t>cg02850689</t>
  </si>
  <si>
    <t>cg02851203</t>
  </si>
  <si>
    <t>cg02851558</t>
  </si>
  <si>
    <t>cg02852398</t>
  </si>
  <si>
    <t>cg02852923</t>
  </si>
  <si>
    <t>cg02853497</t>
  </si>
  <si>
    <t>cg02854554</t>
  </si>
  <si>
    <t>cg02855850</t>
  </si>
  <si>
    <t>cg02855983</t>
  </si>
  <si>
    <t>cg02856606</t>
  </si>
  <si>
    <t>cg02856716</t>
  </si>
  <si>
    <t>cg02856842</t>
  </si>
  <si>
    <t>cg02858267</t>
  </si>
  <si>
    <t>cg02860199</t>
  </si>
  <si>
    <t>cg02860281</t>
  </si>
  <si>
    <t>cg02861293</t>
  </si>
  <si>
    <t>cg02862467</t>
  </si>
  <si>
    <t>cg02864688</t>
  </si>
  <si>
    <t>cg02865595</t>
  </si>
  <si>
    <t>cg02873528</t>
  </si>
  <si>
    <t>cg02878987</t>
  </si>
  <si>
    <t>cg02886578</t>
  </si>
  <si>
    <t>cg02887997</t>
  </si>
  <si>
    <t>cg02889156</t>
  </si>
  <si>
    <t>cg02890457</t>
  </si>
  <si>
    <t>cg02890896</t>
  </si>
  <si>
    <t>cg02890926</t>
  </si>
  <si>
    <t>cg02892350</t>
  </si>
  <si>
    <t>cg02892384</t>
  </si>
  <si>
    <t>cg02892624</t>
  </si>
  <si>
    <t>cg02893231</t>
  </si>
  <si>
    <t>cg02894849</t>
  </si>
  <si>
    <t>cg02896201</t>
  </si>
  <si>
    <t>cg02896266</t>
  </si>
  <si>
    <t>cg02896318</t>
  </si>
  <si>
    <t>cg02896354</t>
  </si>
  <si>
    <t>cg02896872</t>
  </si>
  <si>
    <t>cg02897366</t>
  </si>
  <si>
    <t>cg02899788</t>
  </si>
  <si>
    <t>cg02901408</t>
  </si>
  <si>
    <t>cg02902865</t>
  </si>
  <si>
    <t>cg02903756</t>
  </si>
  <si>
    <t>cg02903907</t>
  </si>
  <si>
    <t>cg02904365</t>
  </si>
  <si>
    <t>cg02905426</t>
  </si>
  <si>
    <t>cg02905900</t>
  </si>
  <si>
    <t>cg02906787</t>
  </si>
  <si>
    <t>cg02907021</t>
  </si>
  <si>
    <t>cg02907556</t>
  </si>
  <si>
    <t>cg02908338</t>
  </si>
  <si>
    <t>cg02910873</t>
  </si>
  <si>
    <t>cg02910959</t>
  </si>
  <si>
    <t>cg02911408</t>
  </si>
  <si>
    <t>cg02912316</t>
  </si>
  <si>
    <t>cg02912371</t>
  </si>
  <si>
    <t>cg02913364</t>
  </si>
  <si>
    <t>cg02914429</t>
  </si>
  <si>
    <t>cg02915974</t>
  </si>
  <si>
    <t>cg02916418</t>
  </si>
  <si>
    <t>cg02917772</t>
  </si>
  <si>
    <t>cg02917972</t>
  </si>
  <si>
    <t>cg02918893</t>
  </si>
  <si>
    <t>cg02919982</t>
  </si>
  <si>
    <t>cg02920235</t>
  </si>
  <si>
    <t>cg02920421</t>
  </si>
  <si>
    <t>cg02920851</t>
  </si>
  <si>
    <t>cg02921207</t>
  </si>
  <si>
    <t>cg02922094</t>
  </si>
  <si>
    <t>cg02922280</t>
  </si>
  <si>
    <t>cg02923972</t>
  </si>
  <si>
    <t>cg02926368</t>
  </si>
  <si>
    <t>cg02927519</t>
  </si>
  <si>
    <t>cg02928840</t>
  </si>
  <si>
    <t>cg02930200</t>
  </si>
  <si>
    <t>cg02931398</t>
  </si>
  <si>
    <t>cg02931410</t>
  </si>
  <si>
    <t>cg02932026</t>
  </si>
  <si>
    <t>cg02933141</t>
  </si>
  <si>
    <t>cg02934736</t>
  </si>
  <si>
    <t>cg02936919</t>
  </si>
  <si>
    <t>cg02940454</t>
  </si>
  <si>
    <t>cg02941008</t>
  </si>
  <si>
    <t>cg02944076</t>
  </si>
  <si>
    <t>cg02947253</t>
  </si>
  <si>
    <t>cg02951134</t>
  </si>
  <si>
    <t>cg02951552</t>
  </si>
  <si>
    <t>cg02951738</t>
  </si>
  <si>
    <t>cg02951974</t>
  </si>
  <si>
    <t>cg02952078</t>
  </si>
  <si>
    <t>cg02954359</t>
  </si>
  <si>
    <t>cg02954884</t>
  </si>
  <si>
    <t>cg02955020</t>
  </si>
  <si>
    <t>cg02955098</t>
  </si>
  <si>
    <t>cg02955361</t>
  </si>
  <si>
    <t>cg02955369</t>
  </si>
  <si>
    <t>cg02956542</t>
  </si>
  <si>
    <t>cg02957094</t>
  </si>
  <si>
    <t>cg02957924</t>
  </si>
  <si>
    <t>cg02958895</t>
  </si>
  <si>
    <t>cg02959112</t>
  </si>
  <si>
    <t>cg02959364</t>
  </si>
  <si>
    <t>cg02959609</t>
  </si>
  <si>
    <t>cg02961012</t>
  </si>
  <si>
    <t>cg02961109</t>
  </si>
  <si>
    <t>cg02963188</t>
  </si>
  <si>
    <t>cg02964213</t>
  </si>
  <si>
    <t>cg02965157</t>
  </si>
  <si>
    <t>cg02968844</t>
  </si>
  <si>
    <t>cg02970384</t>
  </si>
  <si>
    <t>cg02971470</t>
  </si>
  <si>
    <t>cg02971604</t>
  </si>
  <si>
    <t>cg02972475</t>
  </si>
  <si>
    <t>cg02973441</t>
  </si>
  <si>
    <t>cg02974484</t>
  </si>
  <si>
    <t>cg02974976</t>
  </si>
  <si>
    <t>cg02975505</t>
  </si>
  <si>
    <t>cg02976036</t>
  </si>
  <si>
    <t>cg02976090</t>
  </si>
  <si>
    <t>cg02977524</t>
  </si>
  <si>
    <t>cg02977575</t>
  </si>
  <si>
    <t>cg02977954</t>
  </si>
  <si>
    <t>cg02978542</t>
  </si>
  <si>
    <t>cg02981703</t>
  </si>
  <si>
    <t>cg02984632</t>
  </si>
  <si>
    <t>cg02987388</t>
  </si>
  <si>
    <t>cg02988046</t>
  </si>
  <si>
    <t>cg02988730</t>
  </si>
  <si>
    <t>cg02988775</t>
  </si>
  <si>
    <t>cg02988984</t>
  </si>
  <si>
    <t>cg02989257</t>
  </si>
  <si>
    <t>cg02990330</t>
  </si>
  <si>
    <t>cg02990368</t>
  </si>
  <si>
    <t>cg02990438</t>
  </si>
  <si>
    <t>cg02991727</t>
  </si>
  <si>
    <t>cg02991924</t>
  </si>
  <si>
    <t>cg02993069</t>
  </si>
  <si>
    <t>cg02993722</t>
  </si>
  <si>
    <t>cg02996142</t>
  </si>
  <si>
    <t>cg02996869</t>
  </si>
  <si>
    <t>cg02997163</t>
  </si>
  <si>
    <t>cg02997316</t>
  </si>
  <si>
    <t>cg02997874</t>
  </si>
  <si>
    <t>cg02998713</t>
  </si>
  <si>
    <t>cg02999711</t>
  </si>
  <si>
    <t>cg03001048</t>
  </si>
  <si>
    <t>cg03001176</t>
  </si>
  <si>
    <t>cg03001828</t>
  </si>
  <si>
    <t>cg03001995</t>
  </si>
  <si>
    <t>cg03003526</t>
  </si>
  <si>
    <t>cg03004102</t>
  </si>
  <si>
    <t>cg03005293</t>
  </si>
  <si>
    <t>cg03005851</t>
  </si>
  <si>
    <t>cg03006225</t>
  </si>
  <si>
    <t>cg03006527</t>
  </si>
  <si>
    <t>cg03017091</t>
  </si>
  <si>
    <t>cg03017195</t>
  </si>
  <si>
    <t>cg03017824</t>
  </si>
  <si>
    <t>cg03018771</t>
  </si>
  <si>
    <t>cg03023867</t>
  </si>
  <si>
    <t>cg03024714</t>
  </si>
  <si>
    <t>cg03027354</t>
  </si>
  <si>
    <t>cg03030665</t>
  </si>
  <si>
    <t>cg03032015</t>
  </si>
  <si>
    <t>cg03033447</t>
  </si>
  <si>
    <t>cg03034759</t>
  </si>
  <si>
    <t>cg03034864</t>
  </si>
  <si>
    <t>cg03036064</t>
  </si>
  <si>
    <t>cg03036514</t>
  </si>
  <si>
    <t>cg03036777</t>
  </si>
  <si>
    <t>cg03038003</t>
  </si>
  <si>
    <t>cg03038726</t>
  </si>
  <si>
    <t>cg03039243</t>
  </si>
  <si>
    <t>cg03040292</t>
  </si>
  <si>
    <t>cg03040530</t>
  </si>
  <si>
    <t>cg03040581</t>
  </si>
  <si>
    <t>cg03041700</t>
  </si>
  <si>
    <t>cg03041738</t>
  </si>
  <si>
    <t>cg03042633</t>
  </si>
  <si>
    <t>cg03042802</t>
  </si>
  <si>
    <t>cg03043228</t>
  </si>
  <si>
    <t>cg03043406</t>
  </si>
  <si>
    <t>cg03043824</t>
  </si>
  <si>
    <t>cg03044096</t>
  </si>
  <si>
    <t>cg03044725</t>
  </si>
  <si>
    <t>cg03046812</t>
  </si>
  <si>
    <t>cg03046886</t>
  </si>
  <si>
    <t>cg03047114</t>
  </si>
  <si>
    <t>cg03047420</t>
  </si>
  <si>
    <t>cg03050669</t>
  </si>
  <si>
    <t>cg03050684</t>
  </si>
  <si>
    <t>cg03050965</t>
  </si>
  <si>
    <t>cg03052835</t>
  </si>
  <si>
    <t>cg03053688</t>
  </si>
  <si>
    <t>cg03054713</t>
  </si>
  <si>
    <t>cg03054909</t>
  </si>
  <si>
    <t>cg03055021</t>
  </si>
  <si>
    <t>cg03055158</t>
  </si>
  <si>
    <t>cg03056393</t>
  </si>
  <si>
    <t>cg03057216</t>
  </si>
  <si>
    <t>cg03058012</t>
  </si>
  <si>
    <t>cg03058163</t>
  </si>
  <si>
    <t>cg03059896</t>
  </si>
  <si>
    <t>cg03060439</t>
  </si>
  <si>
    <t>cg03061435</t>
  </si>
  <si>
    <t>cg03064968</t>
  </si>
  <si>
    <t>cg03065165</t>
  </si>
  <si>
    <t>cg03068051</t>
  </si>
  <si>
    <t>cg03070194</t>
  </si>
  <si>
    <t>cg03076210</t>
  </si>
  <si>
    <t>cg03082523</t>
  </si>
  <si>
    <t>cg03085170</t>
  </si>
  <si>
    <t>cg03086563</t>
  </si>
  <si>
    <t>cg03089651</t>
  </si>
  <si>
    <t>cg03096785</t>
  </si>
  <si>
    <t>cg03098721</t>
  </si>
  <si>
    <t>cg03099045</t>
  </si>
  <si>
    <t>cg03103023</t>
  </si>
  <si>
    <t>cg03105929</t>
  </si>
  <si>
    <t>cg03106413</t>
  </si>
  <si>
    <t>cg03106717</t>
  </si>
  <si>
    <t>cg03108296</t>
  </si>
  <si>
    <t>cg03108496</t>
  </si>
  <si>
    <t>cg03112145</t>
  </si>
  <si>
    <t>cg03112782</t>
  </si>
  <si>
    <t>cg03115470</t>
  </si>
  <si>
    <t>cg03116424</t>
  </si>
  <si>
    <t>cg03116557</t>
  </si>
  <si>
    <t>cg03116948</t>
  </si>
  <si>
    <t>cg03117079</t>
  </si>
  <si>
    <t>cg03120284</t>
  </si>
  <si>
    <t>cg03123320</t>
  </si>
  <si>
    <t>cg03123370</t>
  </si>
  <si>
    <t>cg03123541</t>
  </si>
  <si>
    <t>cg03123608</t>
  </si>
  <si>
    <t>cg03124858</t>
  </si>
  <si>
    <t>cg03125090</t>
  </si>
  <si>
    <t>cg03125480</t>
  </si>
  <si>
    <t>cg03127388</t>
  </si>
  <si>
    <t>cg03127713</t>
  </si>
  <si>
    <t>cg03131236</t>
  </si>
  <si>
    <t>cg03132729</t>
  </si>
  <si>
    <t>cg03133269</t>
  </si>
  <si>
    <t>cg03137209</t>
  </si>
  <si>
    <t>cg03137826</t>
  </si>
  <si>
    <t>cg03138446</t>
  </si>
  <si>
    <t>cg03138854</t>
  </si>
  <si>
    <t>cg03138928</t>
  </si>
  <si>
    <t>cg03140480</t>
  </si>
  <si>
    <t>cg03140521</t>
  </si>
  <si>
    <t>cg03140978</t>
  </si>
  <si>
    <t>cg03141069</t>
  </si>
  <si>
    <t>cg03142574</t>
  </si>
  <si>
    <t>cg03145134</t>
  </si>
  <si>
    <t>cg03145987</t>
  </si>
  <si>
    <t>cg03146154</t>
  </si>
  <si>
    <t>cg03147838</t>
  </si>
  <si>
    <t>cg03148889</t>
  </si>
  <si>
    <t>cg03149128</t>
  </si>
  <si>
    <t>cg03149157</t>
  </si>
  <si>
    <t>cg03149313</t>
  </si>
  <si>
    <t>cg03161476</t>
  </si>
  <si>
    <t>cg03161767</t>
  </si>
  <si>
    <t>cg03163343</t>
  </si>
  <si>
    <t>cg03165378</t>
  </si>
  <si>
    <t>cg03166324</t>
  </si>
  <si>
    <t>cg03167369</t>
  </si>
  <si>
    <t>cg03167763</t>
  </si>
  <si>
    <t>cg03171924</t>
  </si>
  <si>
    <t>cg03185752</t>
  </si>
  <si>
    <t>cg03186004</t>
  </si>
  <si>
    <t>cg03187710</t>
  </si>
  <si>
    <t>cg03196666</t>
  </si>
  <si>
    <t>cg03198116</t>
  </si>
  <si>
    <t>cg03199575</t>
  </si>
  <si>
    <t>cg03201274</t>
  </si>
  <si>
    <t>cg03209127</t>
  </si>
  <si>
    <t>cg03210277</t>
  </si>
  <si>
    <t>cg03211098</t>
  </si>
  <si>
    <t>cg03212674</t>
  </si>
  <si>
    <t>cg03214052</t>
  </si>
  <si>
    <t>cg03216355</t>
  </si>
  <si>
    <t>cg03216506</t>
  </si>
  <si>
    <t>cg03217227</t>
  </si>
  <si>
    <t>cg03217880</t>
  </si>
  <si>
    <t>cg03217897</t>
  </si>
  <si>
    <t>cg03220543</t>
  </si>
  <si>
    <t>cg03220671</t>
  </si>
  <si>
    <t>cg03221539</t>
  </si>
  <si>
    <t>cg03223659</t>
  </si>
  <si>
    <t>cg03224209</t>
  </si>
  <si>
    <t>cg03224627</t>
  </si>
  <si>
    <t>cg03224650</t>
  </si>
  <si>
    <t>cg03224850</t>
  </si>
  <si>
    <t>cg03225003</t>
  </si>
  <si>
    <t>cg03225617</t>
  </si>
  <si>
    <t>cg03226958</t>
  </si>
  <si>
    <t>cg03227456</t>
  </si>
  <si>
    <t>cg03228353</t>
  </si>
  <si>
    <t>cg03231024</t>
  </si>
  <si>
    <t>cg03242265</t>
  </si>
  <si>
    <t>cg03243362</t>
  </si>
  <si>
    <t>cg03255783</t>
  </si>
  <si>
    <t>cg03256938</t>
  </si>
  <si>
    <t>cg03257923</t>
  </si>
  <si>
    <t>cg03258665</t>
  </si>
  <si>
    <t>cg03259273</t>
  </si>
  <si>
    <t>cg03259703</t>
  </si>
  <si>
    <t>cg03259874</t>
  </si>
  <si>
    <t>cg03260744</t>
  </si>
  <si>
    <t>cg03261155</t>
  </si>
  <si>
    <t>cg03262773</t>
  </si>
  <si>
    <t>cg03265190</t>
  </si>
  <si>
    <t>cg03265564</t>
  </si>
  <si>
    <t>cg03265671</t>
  </si>
  <si>
    <t>cg03273382</t>
  </si>
  <si>
    <t>cg03277515</t>
  </si>
  <si>
    <t>cg03281194</t>
  </si>
  <si>
    <t>cg03284175</t>
  </si>
  <si>
    <t>cg03292284</t>
  </si>
  <si>
    <t>cg03295098</t>
  </si>
  <si>
    <t>cg03298073</t>
  </si>
  <si>
    <t>cg03301331</t>
  </si>
  <si>
    <t>cg03306027</t>
  </si>
  <si>
    <t>cg03311232</t>
  </si>
  <si>
    <t>cg03312427</t>
  </si>
  <si>
    <t>cg03314569</t>
  </si>
  <si>
    <t>cg03315346</t>
  </si>
  <si>
    <t>cg03315562</t>
  </si>
  <si>
    <t>cg03315764</t>
  </si>
  <si>
    <t>cg03317082</t>
  </si>
  <si>
    <t>cg03317293</t>
  </si>
  <si>
    <t>cg03317618</t>
  </si>
  <si>
    <t>cg03318314</t>
  </si>
  <si>
    <t>cg03318469</t>
  </si>
  <si>
    <t>cg03320441</t>
  </si>
  <si>
    <t>cg03320492</t>
  </si>
  <si>
    <t>cg03321142</t>
  </si>
  <si>
    <t>cg03324138</t>
  </si>
  <si>
    <t>cg03324464</t>
  </si>
  <si>
    <t>cg03325403</t>
  </si>
  <si>
    <t>cg03327263</t>
  </si>
  <si>
    <t>cg03327649</t>
  </si>
  <si>
    <t>cg03328107</t>
  </si>
  <si>
    <t>cg03329019</t>
  </si>
  <si>
    <t>cg03329052</t>
  </si>
  <si>
    <t>cg03330022</t>
  </si>
  <si>
    <t>cg03331978</t>
  </si>
  <si>
    <t>cg03333582</t>
  </si>
  <si>
    <t>cg03333776</t>
  </si>
  <si>
    <t>cg03335216</t>
  </si>
  <si>
    <t>cg03336706</t>
  </si>
  <si>
    <t>cg03336727</t>
  </si>
  <si>
    <t>cg03337430</t>
  </si>
  <si>
    <t>cg03337482</t>
  </si>
  <si>
    <t>cg03339674</t>
  </si>
  <si>
    <t>cg03340318</t>
  </si>
  <si>
    <t>cg03340466</t>
  </si>
  <si>
    <t>cg03343013</t>
  </si>
  <si>
    <t>cg03343128</t>
  </si>
  <si>
    <t>cg03343730</t>
  </si>
  <si>
    <t>cg03344490</t>
  </si>
  <si>
    <t>cg03344693</t>
  </si>
  <si>
    <t>cg03344767</t>
  </si>
  <si>
    <t>cg03345668</t>
  </si>
  <si>
    <t>cg03347306</t>
  </si>
  <si>
    <t>cg03347944</t>
  </si>
  <si>
    <t>cg03348902</t>
  </si>
  <si>
    <t>cg03350186</t>
  </si>
  <si>
    <t>cg03350439</t>
  </si>
  <si>
    <t>cg03352346</t>
  </si>
  <si>
    <t>cg03354957</t>
  </si>
  <si>
    <t>cg03364504</t>
  </si>
  <si>
    <t>cg03371205</t>
  </si>
  <si>
    <t>cg03373115</t>
  </si>
  <si>
    <t>cg03374976</t>
  </si>
  <si>
    <t>cg03379131</t>
  </si>
  <si>
    <t>cg03380518</t>
  </si>
  <si>
    <t>cg03382564</t>
  </si>
  <si>
    <t>cg03383250</t>
  </si>
  <si>
    <t>cg03386556</t>
  </si>
  <si>
    <t>cg03387723</t>
  </si>
  <si>
    <t>cg03388445</t>
  </si>
  <si>
    <t>cg03389046</t>
  </si>
  <si>
    <t>cg03390245</t>
  </si>
  <si>
    <t>cg03391019</t>
  </si>
  <si>
    <t>cg03391389</t>
  </si>
  <si>
    <t>cg03391426</t>
  </si>
  <si>
    <t>cg03391436</t>
  </si>
  <si>
    <t>cg03391657</t>
  </si>
  <si>
    <t>cg03391684</t>
  </si>
  <si>
    <t>cg03393267</t>
  </si>
  <si>
    <t>cg03393754</t>
  </si>
  <si>
    <t>cg03393802</t>
  </si>
  <si>
    <t>cg03394122</t>
  </si>
  <si>
    <t>cg03395993</t>
  </si>
  <si>
    <t>cg03396347</t>
  </si>
  <si>
    <t>cg03397031</t>
  </si>
  <si>
    <t>cg03398002</t>
  </si>
  <si>
    <t>cg03398843</t>
  </si>
  <si>
    <t>cg03399199</t>
  </si>
  <si>
    <t>cg03399754</t>
  </si>
  <si>
    <t>cg03399898</t>
  </si>
  <si>
    <t>cg03400139</t>
  </si>
  <si>
    <t>cg03400623</t>
  </si>
  <si>
    <t>cg03401114</t>
  </si>
  <si>
    <t>cg03401452</t>
  </si>
  <si>
    <t>cg03401488</t>
  </si>
  <si>
    <t>cg03401738</t>
  </si>
  <si>
    <t>cg03402404</t>
  </si>
  <si>
    <t>cg03406535</t>
  </si>
  <si>
    <t>cg03406993</t>
  </si>
  <si>
    <t>cg03409548</t>
  </si>
  <si>
    <t>cg03413303</t>
  </si>
  <si>
    <t>cg03414631</t>
  </si>
  <si>
    <t>cg03418289</t>
  </si>
  <si>
    <t>cg03419458</t>
  </si>
  <si>
    <t>cg03421104</t>
  </si>
  <si>
    <t>cg03421300</t>
  </si>
  <si>
    <t>cg03421657</t>
  </si>
  <si>
    <t>cg03422911</t>
  </si>
  <si>
    <t>cg03423916</t>
  </si>
  <si>
    <t>cg03426423</t>
  </si>
  <si>
    <t>cg03427171</t>
  </si>
  <si>
    <t>cg03430800</t>
  </si>
  <si>
    <t>cg03431165</t>
  </si>
  <si>
    <t>cg03432225</t>
  </si>
  <si>
    <t>cg03432716</t>
  </si>
  <si>
    <t>cg03433241</t>
  </si>
  <si>
    <t>cg03438216</t>
  </si>
  <si>
    <t>cg03438943</t>
  </si>
  <si>
    <t>cg03439662</t>
  </si>
  <si>
    <t>cg03439815</t>
  </si>
  <si>
    <t>cg03440757</t>
  </si>
  <si>
    <t>cg03441844</t>
  </si>
  <si>
    <t>cg03442254</t>
  </si>
  <si>
    <t>cg03442540</t>
  </si>
  <si>
    <t>cg03442642</t>
  </si>
  <si>
    <t>cg03442858</t>
  </si>
  <si>
    <t>cg03444687</t>
  </si>
  <si>
    <t>cg03446399</t>
  </si>
  <si>
    <t>cg03447165</t>
  </si>
  <si>
    <t>cg03447366</t>
  </si>
  <si>
    <t>cg03447557</t>
  </si>
  <si>
    <t>cg03448202</t>
  </si>
  <si>
    <t>cg03448635</t>
  </si>
  <si>
    <t>cg03448816</t>
  </si>
  <si>
    <t>cg03450180</t>
  </si>
  <si>
    <t>cg03451574</t>
  </si>
  <si>
    <t>cg03455250</t>
  </si>
  <si>
    <t>cg03455458</t>
  </si>
  <si>
    <t>cg03457400</t>
  </si>
  <si>
    <t>cg03459646</t>
  </si>
  <si>
    <t>cg03459809</t>
  </si>
  <si>
    <t>cg03460527</t>
  </si>
  <si>
    <t>cg03461704</t>
  </si>
  <si>
    <t>cg03461777</t>
  </si>
  <si>
    <t>cg03466522</t>
  </si>
  <si>
    <t>cg03466562</t>
  </si>
  <si>
    <t>cg03467726</t>
  </si>
  <si>
    <t>cg03469233</t>
  </si>
  <si>
    <t>cg03469472</t>
  </si>
  <si>
    <t>cg03469790</t>
  </si>
  <si>
    <t>cg03471150</t>
  </si>
  <si>
    <t>cg03471436</t>
  </si>
  <si>
    <t>cg03472655</t>
  </si>
  <si>
    <t>cg03478588</t>
  </si>
  <si>
    <t>cg03483626</t>
  </si>
  <si>
    <t>cg03484533</t>
  </si>
  <si>
    <t>cg03496978</t>
  </si>
  <si>
    <t>cg03499234</t>
  </si>
  <si>
    <t>cg03501596</t>
  </si>
  <si>
    <t>cg03503114</t>
  </si>
  <si>
    <t>cg03506609</t>
  </si>
  <si>
    <t>cg03509991</t>
  </si>
  <si>
    <t>cg03511671</t>
  </si>
  <si>
    <t>cg03511957</t>
  </si>
  <si>
    <t>cg03513388</t>
  </si>
  <si>
    <t>cg03513464</t>
  </si>
  <si>
    <t>cg03514545</t>
  </si>
  <si>
    <t>cg03515844</t>
  </si>
  <si>
    <t>cg03517160</t>
  </si>
  <si>
    <t>cg03517466</t>
  </si>
  <si>
    <t>cg03517712</t>
  </si>
  <si>
    <t>cg03517919</t>
  </si>
  <si>
    <t>cg03518417</t>
  </si>
  <si>
    <t>cg03518729</t>
  </si>
  <si>
    <t>cg03519931</t>
  </si>
  <si>
    <t>cg03519967</t>
  </si>
  <si>
    <t>cg03520879</t>
  </si>
  <si>
    <t>cg03521358</t>
  </si>
  <si>
    <t>cg03521775</t>
  </si>
  <si>
    <t>cg03522107</t>
  </si>
  <si>
    <t>cg03522910</t>
  </si>
  <si>
    <t>cg03523254</t>
  </si>
  <si>
    <t>cg03523740</t>
  </si>
  <si>
    <t>cg03524848</t>
  </si>
  <si>
    <t>cg03525023</t>
  </si>
  <si>
    <t>cg03525254</t>
  </si>
  <si>
    <t>cg03525266</t>
  </si>
  <si>
    <t>cg03525467</t>
  </si>
  <si>
    <t>cg03525818</t>
  </si>
  <si>
    <t>cg03528302</t>
  </si>
  <si>
    <t>cg03528325</t>
  </si>
  <si>
    <t>cg03529003</t>
  </si>
  <si>
    <t>cg03533141</t>
  </si>
  <si>
    <t>cg03533858</t>
  </si>
  <si>
    <t>cg03534196</t>
  </si>
  <si>
    <t>cg03535830</t>
  </si>
  <si>
    <t>cg03536711</t>
  </si>
  <si>
    <t>cg03538430</t>
  </si>
  <si>
    <t>cg03541057</t>
  </si>
  <si>
    <t>cg03541746</t>
  </si>
  <si>
    <t>cg03542031</t>
  </si>
  <si>
    <t>cg03542222</t>
  </si>
  <si>
    <t>cg03542686</t>
  </si>
  <si>
    <t>cg03544335</t>
  </si>
  <si>
    <t>cg03544525</t>
  </si>
  <si>
    <t>cg03545719</t>
  </si>
  <si>
    <t>cg03547181</t>
  </si>
  <si>
    <t>cg03548170</t>
  </si>
  <si>
    <t>cg03548463</t>
  </si>
  <si>
    <t>cg03548730</t>
  </si>
  <si>
    <t>cg03548963</t>
  </si>
  <si>
    <t>cg03549532</t>
  </si>
  <si>
    <t>cg03549695</t>
  </si>
  <si>
    <t>cg03554431</t>
  </si>
  <si>
    <t>cg03559467</t>
  </si>
  <si>
    <t>cg03568718</t>
  </si>
  <si>
    <t>cg03569277</t>
  </si>
  <si>
    <t>cg03571764</t>
  </si>
  <si>
    <t>cg03578662</t>
  </si>
  <si>
    <t>cg03580107</t>
  </si>
  <si>
    <t>cg03580279</t>
  </si>
  <si>
    <t>cg03580801</t>
  </si>
  <si>
    <t>cg03583311</t>
  </si>
  <si>
    <t>cg03583709</t>
  </si>
  <si>
    <t>cg03583857</t>
  </si>
  <si>
    <t>cg03583979</t>
  </si>
  <si>
    <t>cg03585734</t>
  </si>
  <si>
    <t>cg03586803</t>
  </si>
  <si>
    <t>cg03587511</t>
  </si>
  <si>
    <t>cg03593336</t>
  </si>
  <si>
    <t>cg03593358</t>
  </si>
  <si>
    <t>cg03597540</t>
  </si>
  <si>
    <t>cg03598021</t>
  </si>
  <si>
    <t>cg03598444</t>
  </si>
  <si>
    <t>cg03599257</t>
  </si>
  <si>
    <t>cg03602898</t>
  </si>
  <si>
    <t>cg03603018</t>
  </si>
  <si>
    <t>cg03603260</t>
  </si>
  <si>
    <t>cg03605773</t>
  </si>
  <si>
    <t>cg03606772</t>
  </si>
  <si>
    <t>cg03607993</t>
  </si>
  <si>
    <t>cg03609308</t>
  </si>
  <si>
    <t>cg03610604</t>
  </si>
  <si>
    <t>cg03611100</t>
  </si>
  <si>
    <t>cg03612060</t>
  </si>
  <si>
    <t>cg03612201</t>
  </si>
  <si>
    <t>cg03612577</t>
  </si>
  <si>
    <t>cg03614513</t>
  </si>
  <si>
    <t>cg03614734</t>
  </si>
  <si>
    <t>cg03617456</t>
  </si>
  <si>
    <t>cg03618918</t>
  </si>
  <si>
    <t>cg03622431</t>
  </si>
  <si>
    <t>cg03630344</t>
  </si>
  <si>
    <t>cg03640258</t>
  </si>
  <si>
    <t>cg03641225</t>
  </si>
  <si>
    <t>cg03646354</t>
  </si>
  <si>
    <t>cg03646674</t>
  </si>
  <si>
    <t>cg03646788</t>
  </si>
  <si>
    <t>cg03647334</t>
  </si>
  <si>
    <t>cg03648020</t>
  </si>
  <si>
    <t>cg03649574</t>
  </si>
  <si>
    <t>cg03649796</t>
  </si>
  <si>
    <t>cg03651478</t>
  </si>
  <si>
    <t>cg03651877</t>
  </si>
  <si>
    <t>cg03653317</t>
  </si>
  <si>
    <t>cg03653817</t>
  </si>
  <si>
    <t>cg03654273</t>
  </si>
  <si>
    <t>cg03654504</t>
  </si>
  <si>
    <t>cg03654783</t>
  </si>
  <si>
    <t>cg03655142</t>
  </si>
  <si>
    <t>cg03655701</t>
  </si>
  <si>
    <t>cg03655847</t>
  </si>
  <si>
    <t>cg03660500</t>
  </si>
  <si>
    <t>cg03660578</t>
  </si>
  <si>
    <t>cg03662422</t>
  </si>
  <si>
    <t>cg03664527</t>
  </si>
  <si>
    <t>cg03664992</t>
  </si>
  <si>
    <t>cg03669282</t>
  </si>
  <si>
    <t>cg03675886</t>
  </si>
  <si>
    <t>cg03677161</t>
  </si>
  <si>
    <t>cg03678139</t>
  </si>
  <si>
    <t>cg03681926</t>
  </si>
  <si>
    <t>cg03685774</t>
  </si>
  <si>
    <t>cg03687587</t>
  </si>
  <si>
    <t>cg03693486</t>
  </si>
  <si>
    <t>cg03696327</t>
  </si>
  <si>
    <t>cg03700143</t>
  </si>
  <si>
    <t>cg03700669</t>
  </si>
  <si>
    <t>cg03702975</t>
  </si>
  <si>
    <t>cg03704061</t>
  </si>
  <si>
    <t>cg03705947</t>
  </si>
  <si>
    <t>cg03712798</t>
  </si>
  <si>
    <t>cg03714573</t>
  </si>
  <si>
    <t>cg03717803</t>
  </si>
  <si>
    <t>cg03718677</t>
  </si>
  <si>
    <t>cg03719984</t>
  </si>
  <si>
    <t>cg03722802</t>
  </si>
  <si>
    <t>cg03724010</t>
  </si>
  <si>
    <t>cg03726147</t>
  </si>
  <si>
    <t>cg03727673</t>
  </si>
  <si>
    <t>cg03728780</t>
  </si>
  <si>
    <t>cg03730703</t>
  </si>
  <si>
    <t>cg03731202</t>
  </si>
  <si>
    <t>cg03731740</t>
  </si>
  <si>
    <t>cg03732007</t>
  </si>
  <si>
    <t>cg03732263</t>
  </si>
  <si>
    <t>cg03732545</t>
  </si>
  <si>
    <t>cg03732936</t>
  </si>
  <si>
    <t>cg03733578</t>
  </si>
  <si>
    <t>cg03734229</t>
  </si>
  <si>
    <t>cg03734660</t>
  </si>
  <si>
    <t>cg03735869</t>
  </si>
  <si>
    <t>cg03737080</t>
  </si>
  <si>
    <t>cg03738168</t>
  </si>
  <si>
    <t>cg03741348</t>
  </si>
  <si>
    <t>cg03741850</t>
  </si>
  <si>
    <t>cg03742273</t>
  </si>
  <si>
    <t>cg03742705</t>
  </si>
  <si>
    <t>cg03743008</t>
  </si>
  <si>
    <t>cg03743605</t>
  </si>
  <si>
    <t>cg03743675</t>
  </si>
  <si>
    <t>cg03747016</t>
  </si>
  <si>
    <t>cg03747028</t>
  </si>
  <si>
    <t>cg03747657</t>
  </si>
  <si>
    <t>cg03748986</t>
  </si>
  <si>
    <t>cg03750111</t>
  </si>
  <si>
    <t>cg03750606</t>
  </si>
  <si>
    <t>cg03752628</t>
  </si>
  <si>
    <t>cg03752689</t>
  </si>
  <si>
    <t>cg03752759</t>
  </si>
  <si>
    <t>cg03753785</t>
  </si>
  <si>
    <t>cg03753813</t>
  </si>
  <si>
    <t>cg03754076</t>
  </si>
  <si>
    <t>cg03757398</t>
  </si>
  <si>
    <t>cg03760490</t>
  </si>
  <si>
    <t>cg03760759</t>
  </si>
  <si>
    <t>cg03761216</t>
  </si>
  <si>
    <t>cg03761258</t>
  </si>
  <si>
    <t>cg03762404</t>
  </si>
  <si>
    <t>cg03762535</t>
  </si>
  <si>
    <t>cg03762572</t>
  </si>
  <si>
    <t>cg03763950</t>
  </si>
  <si>
    <t>cg03764585</t>
  </si>
  <si>
    <t>cg03765258</t>
  </si>
  <si>
    <t>cg03766306</t>
  </si>
  <si>
    <t>cg03768622</t>
  </si>
  <si>
    <t>cg03768777</t>
  </si>
  <si>
    <t>cg03769734</t>
  </si>
  <si>
    <t>cg03770108</t>
  </si>
  <si>
    <t>cg03773163</t>
  </si>
  <si>
    <t>cg03773196</t>
  </si>
  <si>
    <t>cg03773352</t>
  </si>
  <si>
    <t>cg03778981</t>
  </si>
  <si>
    <t>cg03789420</t>
  </si>
  <si>
    <t>cg03790440</t>
  </si>
  <si>
    <t>cg03793131</t>
  </si>
  <si>
    <t>cg03794445</t>
  </si>
  <si>
    <t>cg03801816</t>
  </si>
  <si>
    <t>cg03802191</t>
  </si>
  <si>
    <t>cg03806868</t>
  </si>
  <si>
    <t>cg03810376</t>
  </si>
  <si>
    <t>cg03811829</t>
  </si>
  <si>
    <t>cg03812309</t>
  </si>
  <si>
    <t>cg03814022</t>
  </si>
  <si>
    <t>cg03814321</t>
  </si>
  <si>
    <t>cg03819515</t>
  </si>
  <si>
    <t>cg03825921</t>
  </si>
  <si>
    <t>cg03830929</t>
  </si>
  <si>
    <t>cg03844060</t>
  </si>
  <si>
    <t>cg03846767</t>
  </si>
  <si>
    <t>cg03847293</t>
  </si>
  <si>
    <t>cg03847348</t>
  </si>
  <si>
    <t>cg03847642</t>
  </si>
  <si>
    <t>cg03848065</t>
  </si>
  <si>
    <t>cg03848145</t>
  </si>
  <si>
    <t>cg03850057</t>
  </si>
  <si>
    <t>cg03850234</t>
  </si>
  <si>
    <t>cg03850711</t>
  </si>
  <si>
    <t>cg03851496</t>
  </si>
  <si>
    <t>cg03853328</t>
  </si>
  <si>
    <t>cg03853586</t>
  </si>
  <si>
    <t>cg03856044</t>
  </si>
  <si>
    <t>cg03863149</t>
  </si>
  <si>
    <t>cg03864005</t>
  </si>
  <si>
    <t>cg03872376</t>
  </si>
  <si>
    <t>cg03874509</t>
  </si>
  <si>
    <t>cg03882929</t>
  </si>
  <si>
    <t>cg03883331</t>
  </si>
  <si>
    <t>cg03883491</t>
  </si>
  <si>
    <t>cg03884082</t>
  </si>
  <si>
    <t>cg03884543</t>
  </si>
  <si>
    <t>cg03884592</t>
  </si>
  <si>
    <t>cg03885055</t>
  </si>
  <si>
    <t>cg03886254</t>
  </si>
  <si>
    <t>cg03886315</t>
  </si>
  <si>
    <t>cg03886898</t>
  </si>
  <si>
    <t>cg03887502</t>
  </si>
  <si>
    <t>cg03887676</t>
  </si>
  <si>
    <t>cg03888033</t>
  </si>
  <si>
    <t>cg03888412</t>
  </si>
  <si>
    <t>cg03889876</t>
  </si>
  <si>
    <t>cg03890167</t>
  </si>
  <si>
    <t>cg03890814</t>
  </si>
  <si>
    <t>cg03890988</t>
  </si>
  <si>
    <t>cg03892457</t>
  </si>
  <si>
    <t>cg03892937</t>
  </si>
  <si>
    <t>cg03893150</t>
  </si>
  <si>
    <t>cg03893446</t>
  </si>
  <si>
    <t>cg03893872</t>
  </si>
  <si>
    <t>cg03895221</t>
  </si>
  <si>
    <t>cg03895593</t>
  </si>
  <si>
    <t>cg03896752</t>
  </si>
  <si>
    <t>cg03897136</t>
  </si>
  <si>
    <t>cg03898845</t>
  </si>
  <si>
    <t>cg03899372</t>
  </si>
  <si>
    <t>cg03899737</t>
  </si>
  <si>
    <t>cg03900353</t>
  </si>
  <si>
    <t>cg03903246</t>
  </si>
  <si>
    <t>cg03907454</t>
  </si>
  <si>
    <t>cg03910004</t>
  </si>
  <si>
    <t>cg03910767</t>
  </si>
  <si>
    <t>cg03912703</t>
  </si>
  <si>
    <t>cg03915541</t>
  </si>
  <si>
    <t>cg03917952</t>
  </si>
  <si>
    <t>cg03918255</t>
  </si>
  <si>
    <t>cg03920729</t>
  </si>
  <si>
    <t>cg03921300</t>
  </si>
  <si>
    <t>cg03921357</t>
  </si>
  <si>
    <t>cg03933646</t>
  </si>
  <si>
    <t>cg03934150</t>
  </si>
  <si>
    <t>cg03935359</t>
  </si>
  <si>
    <t>cg03936054</t>
  </si>
  <si>
    <t>cg03936955</t>
  </si>
  <si>
    <t>cg03937290</t>
  </si>
  <si>
    <t>cg03937361</t>
  </si>
  <si>
    <t>cg03937687</t>
  </si>
  <si>
    <t>cg03938015</t>
  </si>
  <si>
    <t>cg03938516</t>
  </si>
  <si>
    <t>cg03939105</t>
  </si>
  <si>
    <t>cg03939132</t>
  </si>
  <si>
    <t>cg03939897</t>
  </si>
  <si>
    <t>cg03940966</t>
  </si>
  <si>
    <t>cg03941625</t>
  </si>
  <si>
    <t>cg03942086</t>
  </si>
  <si>
    <t>cg03945538</t>
  </si>
  <si>
    <t>cg03945577</t>
  </si>
  <si>
    <t>cg03946707</t>
  </si>
  <si>
    <t>cg03946955</t>
  </si>
  <si>
    <t>cg03947026</t>
  </si>
  <si>
    <t>cg03948207</t>
  </si>
  <si>
    <t>cg03950354</t>
  </si>
  <si>
    <t>cg03950476</t>
  </si>
  <si>
    <t>cg03950655</t>
  </si>
  <si>
    <t>cg03951424</t>
  </si>
  <si>
    <t>cg03952484</t>
  </si>
  <si>
    <t>cg03953671</t>
  </si>
  <si>
    <t>cg03955296</t>
  </si>
  <si>
    <t>cg03956606</t>
  </si>
  <si>
    <t>cg03957235</t>
  </si>
  <si>
    <t>cg03958928</t>
  </si>
  <si>
    <t>cg03959945</t>
  </si>
  <si>
    <t>cg03960217</t>
  </si>
  <si>
    <t>cg03960804</t>
  </si>
  <si>
    <t>cg03961030</t>
  </si>
  <si>
    <t>cg03962019</t>
  </si>
  <si>
    <t>cg03962411</t>
  </si>
  <si>
    <t>cg03962691</t>
  </si>
  <si>
    <t>cg03963900</t>
  </si>
  <si>
    <t>cg03964733</t>
  </si>
  <si>
    <t>cg03969326</t>
  </si>
  <si>
    <t>cg03970032</t>
  </si>
  <si>
    <t>cg03971484</t>
  </si>
  <si>
    <t>cg03972745</t>
  </si>
  <si>
    <t>cg03974889</t>
  </si>
  <si>
    <t>cg03975844</t>
  </si>
  <si>
    <t>cg03976336</t>
  </si>
  <si>
    <t>cg03976712</t>
  </si>
  <si>
    <t>cg03976856</t>
  </si>
  <si>
    <t>cg03978041</t>
  </si>
  <si>
    <t>cg03978675</t>
  </si>
  <si>
    <t>cg03980366</t>
  </si>
  <si>
    <t>cg03981535</t>
  </si>
  <si>
    <t>cg03983398</t>
  </si>
  <si>
    <t>cg03984502</t>
  </si>
  <si>
    <t>cg03984537</t>
  </si>
  <si>
    <t>cg03985415</t>
  </si>
  <si>
    <t>cg03985478</t>
  </si>
  <si>
    <t>cg03986311</t>
  </si>
  <si>
    <t>cg03986322</t>
  </si>
  <si>
    <t>cg03987192</t>
  </si>
  <si>
    <t>cg03987221</t>
  </si>
  <si>
    <t>cg03987605</t>
  </si>
  <si>
    <t>cg03987847</t>
  </si>
  <si>
    <t>cg03988595</t>
  </si>
  <si>
    <t>cg03988675</t>
  </si>
  <si>
    <t>cg03988952</t>
  </si>
  <si>
    <t>cg03989270</t>
  </si>
  <si>
    <t>cg03989480</t>
  </si>
  <si>
    <t>cg03989569</t>
  </si>
  <si>
    <t>cg03990033</t>
  </si>
  <si>
    <t>cg03990847</t>
  </si>
  <si>
    <t>cg03991120</t>
  </si>
  <si>
    <t>cg03991411</t>
  </si>
  <si>
    <t>cg03994069</t>
  </si>
  <si>
    <t>cg03994465</t>
  </si>
  <si>
    <t>cg04000047</t>
  </si>
  <si>
    <t>cg04010586</t>
  </si>
  <si>
    <t>cg04012896</t>
  </si>
  <si>
    <t>cg04014002</t>
  </si>
  <si>
    <t>cg04017672</t>
  </si>
  <si>
    <t>cg04018879</t>
  </si>
  <si>
    <t>cg04020309</t>
  </si>
  <si>
    <t>cg04022560</t>
  </si>
  <si>
    <t>cg04023434</t>
  </si>
  <si>
    <t>cg04023573</t>
  </si>
  <si>
    <t>cg04023996</t>
  </si>
  <si>
    <t>cg04025590</t>
  </si>
  <si>
    <t>cg04027328</t>
  </si>
  <si>
    <t>cg04027805</t>
  </si>
  <si>
    <t>cg04028643</t>
  </si>
  <si>
    <t>cg04028648</t>
  </si>
  <si>
    <t>cg04029421</t>
  </si>
  <si>
    <t>cg04031504</t>
  </si>
  <si>
    <t>cg04036898</t>
  </si>
  <si>
    <t>cg04038241</t>
  </si>
  <si>
    <t>cg04043150</t>
  </si>
  <si>
    <t>cg04048218</t>
  </si>
  <si>
    <t>cg04055049</t>
  </si>
  <si>
    <t>cg04056678</t>
  </si>
  <si>
    <t>cg04057053</t>
  </si>
  <si>
    <t>cg04062187</t>
  </si>
  <si>
    <t>cg04065086</t>
  </si>
  <si>
    <t>cg04065347</t>
  </si>
  <si>
    <t>cg04071948</t>
  </si>
  <si>
    <t>cg04074557</t>
  </si>
  <si>
    <t>cg04074923</t>
  </si>
  <si>
    <t>cg04075428</t>
  </si>
  <si>
    <t>cg04077668</t>
  </si>
  <si>
    <t>cg04077677</t>
  </si>
  <si>
    <t>cg04077695</t>
  </si>
  <si>
    <t>cg04078221</t>
  </si>
  <si>
    <t>cg04078418</t>
  </si>
  <si>
    <t>cg04079139</t>
  </si>
  <si>
    <t>cg04079215</t>
  </si>
  <si>
    <t>cg04079251</t>
  </si>
  <si>
    <t>cg04079538</t>
  </si>
  <si>
    <t>cg04080270</t>
  </si>
  <si>
    <t>cg04080517</t>
  </si>
  <si>
    <t>cg04082985</t>
  </si>
  <si>
    <t>cg04083076</t>
  </si>
  <si>
    <t>cg04083190</t>
  </si>
  <si>
    <t>cg04083953</t>
  </si>
  <si>
    <t>cg04086394</t>
  </si>
  <si>
    <t>cg04086443</t>
  </si>
  <si>
    <t>cg04087271</t>
  </si>
  <si>
    <t>cg04087608</t>
  </si>
  <si>
    <t>cg04088152</t>
  </si>
  <si>
    <t>cg04089332</t>
  </si>
  <si>
    <t>cg04089800</t>
  </si>
  <si>
    <t>cg04092883</t>
  </si>
  <si>
    <t>cg04093047</t>
  </si>
  <si>
    <t>cg04093149</t>
  </si>
  <si>
    <t>cg04093972</t>
  </si>
  <si>
    <t>cg04094791</t>
  </si>
  <si>
    <t>cg04095045</t>
  </si>
  <si>
    <t>cg04095498</t>
  </si>
  <si>
    <t>cg04095556</t>
  </si>
  <si>
    <t>cg04095732</t>
  </si>
  <si>
    <t>cg04095833</t>
  </si>
  <si>
    <t>cg04096305</t>
  </si>
  <si>
    <t>cg04096525</t>
  </si>
  <si>
    <t>cg04099056</t>
  </si>
  <si>
    <t>cg04099264</t>
  </si>
  <si>
    <t>cg04099660</t>
  </si>
  <si>
    <t>cg04099793</t>
  </si>
  <si>
    <t>cg04100048</t>
  </si>
  <si>
    <t>cg04100386</t>
  </si>
  <si>
    <t>cg04102126</t>
  </si>
  <si>
    <t>cg04102510</t>
  </si>
  <si>
    <t>cg04103761</t>
  </si>
  <si>
    <t>cg04105350</t>
  </si>
  <si>
    <t>cg04105479</t>
  </si>
  <si>
    <t>cg04106903</t>
  </si>
  <si>
    <t>cg04106964</t>
  </si>
  <si>
    <t>cg04107003</t>
  </si>
  <si>
    <t>cg04108706</t>
  </si>
  <si>
    <t>cg04109349</t>
  </si>
  <si>
    <t>cg04112567</t>
  </si>
  <si>
    <t>cg04113348</t>
  </si>
  <si>
    <t>cg04114368</t>
  </si>
  <si>
    <t>cg04115136</t>
  </si>
  <si>
    <t>cg04116858</t>
  </si>
  <si>
    <t>cg04117480</t>
  </si>
  <si>
    <t>cg04117530</t>
  </si>
  <si>
    <t>cg04118154</t>
  </si>
  <si>
    <t>cg04118311</t>
  </si>
  <si>
    <t>cg04118472</t>
  </si>
  <si>
    <t>cg04119843</t>
  </si>
  <si>
    <t>cg04120680</t>
  </si>
  <si>
    <t>cg04121631</t>
  </si>
  <si>
    <t>cg04121938</t>
  </si>
  <si>
    <t>cg04122329</t>
  </si>
  <si>
    <t>cg04122467</t>
  </si>
  <si>
    <t>cg04122790</t>
  </si>
  <si>
    <t>cg04124586</t>
  </si>
  <si>
    <t>cg04124888</t>
  </si>
  <si>
    <t>cg04124909</t>
  </si>
  <si>
    <t>cg04126266</t>
  </si>
  <si>
    <t>cg04126810</t>
  </si>
  <si>
    <t>cg04126852</t>
  </si>
  <si>
    <t>cg04127303</t>
  </si>
  <si>
    <t>cg04127455</t>
  </si>
  <si>
    <t>cg04127539</t>
  </si>
  <si>
    <t>cg04127825</t>
  </si>
  <si>
    <t>cg04128045</t>
  </si>
  <si>
    <t>cg04129132</t>
  </si>
  <si>
    <t>cg04129905</t>
  </si>
  <si>
    <t>cg04130507</t>
  </si>
  <si>
    <t>cg04130657</t>
  </si>
  <si>
    <t>cg04131194</t>
  </si>
  <si>
    <t>cg04131943</t>
  </si>
  <si>
    <t>cg04132000</t>
  </si>
  <si>
    <t>cg04132510</t>
  </si>
  <si>
    <t>cg04133572</t>
  </si>
  <si>
    <t>cg04134845</t>
  </si>
  <si>
    <t>cg04135144</t>
  </si>
  <si>
    <t>cg04136456</t>
  </si>
  <si>
    <t>cg04138976</t>
  </si>
  <si>
    <t>cg04139043</t>
  </si>
  <si>
    <t>cg04139359</t>
  </si>
  <si>
    <t>cg04139429</t>
  </si>
  <si>
    <t>cg04140525</t>
  </si>
  <si>
    <t>cg04140553</t>
  </si>
  <si>
    <t>cg04140834</t>
  </si>
  <si>
    <t>cg04142080</t>
  </si>
  <si>
    <t>cg04144222</t>
  </si>
  <si>
    <t>cg04144533</t>
  </si>
  <si>
    <t>cg04144606</t>
  </si>
  <si>
    <t>cg04146995</t>
  </si>
  <si>
    <t>cg04147049</t>
  </si>
  <si>
    <t>cg04148762</t>
  </si>
  <si>
    <t>cg04149978</t>
  </si>
  <si>
    <t>cg04154465</t>
  </si>
  <si>
    <t>cg04155348</t>
  </si>
  <si>
    <t>cg04156483</t>
  </si>
  <si>
    <t>cg04157201</t>
  </si>
  <si>
    <t>cg04158093</t>
  </si>
  <si>
    <t>cg04158698</t>
  </si>
  <si>
    <t>cg04158878</t>
  </si>
  <si>
    <t>cg04159878</t>
  </si>
  <si>
    <t>cg04161902</t>
  </si>
  <si>
    <t>cg04162032</t>
  </si>
  <si>
    <t>cg04162034</t>
  </si>
  <si>
    <t>cg04162383</t>
  </si>
  <si>
    <t>cg04162725</t>
  </si>
  <si>
    <t>cg04163847</t>
  </si>
  <si>
    <t>cg04164924</t>
  </si>
  <si>
    <t>cg04167280</t>
  </si>
  <si>
    <t>cg04172501</t>
  </si>
  <si>
    <t>cg04179952</t>
  </si>
  <si>
    <t>cg04186622</t>
  </si>
  <si>
    <t>cg04193160</t>
  </si>
  <si>
    <t>cg04194405</t>
  </si>
  <si>
    <t>cg04195702</t>
  </si>
  <si>
    <t>cg04195831</t>
  </si>
  <si>
    <t>cg04197051</t>
  </si>
  <si>
    <t>cg04197452</t>
  </si>
  <si>
    <t>cg04198912</t>
  </si>
  <si>
    <t>cg04203077</t>
  </si>
  <si>
    <t>cg04206296</t>
  </si>
  <si>
    <t>cg04206337</t>
  </si>
  <si>
    <t>cg04208151</t>
  </si>
  <si>
    <t>cg04208466</t>
  </si>
  <si>
    <t>cg04209825</t>
  </si>
  <si>
    <t>cg04210471</t>
  </si>
  <si>
    <t>cg04210991</t>
  </si>
  <si>
    <t>cg04211018</t>
  </si>
  <si>
    <t>cg04211179</t>
  </si>
  <si>
    <t>cg04212081</t>
  </si>
  <si>
    <t>cg04212092</t>
  </si>
  <si>
    <t>cg04213101</t>
  </si>
  <si>
    <t>cg04213163</t>
  </si>
  <si>
    <t>cg04215950</t>
  </si>
  <si>
    <t>cg04218548</t>
  </si>
  <si>
    <t>cg04218899</t>
  </si>
  <si>
    <t>cg04219726</t>
  </si>
  <si>
    <t>cg04220635</t>
  </si>
  <si>
    <t>cg04221650</t>
  </si>
  <si>
    <t>cg04222933</t>
  </si>
  <si>
    <t>cg04226804</t>
  </si>
  <si>
    <t>cg04226892</t>
  </si>
  <si>
    <t>cg04228428</t>
  </si>
  <si>
    <t>cg04232360</t>
  </si>
  <si>
    <t>cg04232674</t>
  </si>
  <si>
    <t>cg04232903</t>
  </si>
  <si>
    <t>cg04233054</t>
  </si>
  <si>
    <t>cg04233230</t>
  </si>
  <si>
    <t>cg04233686</t>
  </si>
  <si>
    <t>cg04234170</t>
  </si>
  <si>
    <t>cg04234465</t>
  </si>
  <si>
    <t>cg04236178</t>
  </si>
  <si>
    <t>cg04236334</t>
  </si>
  <si>
    <t>cg04237618</t>
  </si>
  <si>
    <t>cg04239548</t>
  </si>
  <si>
    <t>cg04240109</t>
  </si>
  <si>
    <t>cg04240373</t>
  </si>
  <si>
    <t>cg04241075</t>
  </si>
  <si>
    <t>cg04241342</t>
  </si>
  <si>
    <t>cg04244849</t>
  </si>
  <si>
    <t>cg04245131</t>
  </si>
  <si>
    <t>cg04247829</t>
  </si>
  <si>
    <t>cg04249754</t>
  </si>
  <si>
    <t>cg04252616</t>
  </si>
  <si>
    <t>cg04252762</t>
  </si>
  <si>
    <t>cg04258124</t>
  </si>
  <si>
    <t>cg04258973</t>
  </si>
  <si>
    <t>cg04259720</t>
  </si>
  <si>
    <t>cg04260676</t>
  </si>
  <si>
    <t>cg04260955</t>
  </si>
  <si>
    <t>cg04263215</t>
  </si>
  <si>
    <t>cg04265090</t>
  </si>
  <si>
    <t>cg04265492</t>
  </si>
  <si>
    <t>cg04267214</t>
  </si>
  <si>
    <t>cg04270788</t>
  </si>
  <si>
    <t>cg04274259</t>
  </si>
  <si>
    <t>cg04275362</t>
  </si>
  <si>
    <t>cg04275806</t>
  </si>
  <si>
    <t>cg04275881</t>
  </si>
  <si>
    <t>cg04275985</t>
  </si>
  <si>
    <t>cg04276316</t>
  </si>
  <si>
    <t>cg04276953</t>
  </si>
  <si>
    <t>cg04277574</t>
  </si>
  <si>
    <t>cg04279411</t>
  </si>
  <si>
    <t>cg04280493</t>
  </si>
  <si>
    <t>cg04281159</t>
  </si>
  <si>
    <t>cg04282788</t>
  </si>
  <si>
    <t>cg04283307</t>
  </si>
  <si>
    <t>cg04285956</t>
  </si>
  <si>
    <t>cg04286030</t>
  </si>
  <si>
    <t>cg04287168</t>
  </si>
  <si>
    <t>cg04287259</t>
  </si>
  <si>
    <t>cg04289045</t>
  </si>
  <si>
    <t>cg04289131</t>
  </si>
  <si>
    <t>cg04289208</t>
  </si>
  <si>
    <t>cg04290396</t>
  </si>
  <si>
    <t>cg04290579</t>
  </si>
  <si>
    <t>cg04290747</t>
  </si>
  <si>
    <t>cg04291082</t>
  </si>
  <si>
    <t>cg04291383</t>
  </si>
  <si>
    <t>cg04292104</t>
  </si>
  <si>
    <t>cg04292187</t>
  </si>
  <si>
    <t>cg04292301</t>
  </si>
  <si>
    <t>cg04292672</t>
  </si>
  <si>
    <t>cg04293328</t>
  </si>
  <si>
    <t>cg04293353</t>
  </si>
  <si>
    <t>cg04295258</t>
  </si>
  <si>
    <t>cg04295543</t>
  </si>
  <si>
    <t>cg04296289</t>
  </si>
  <si>
    <t>cg04296837</t>
  </si>
  <si>
    <t>cg04298847</t>
  </si>
  <si>
    <t>cg04299400</t>
  </si>
  <si>
    <t>cg04304494</t>
  </si>
  <si>
    <t>cg04304509</t>
  </si>
  <si>
    <t>cg04305672</t>
  </si>
  <si>
    <t>cg04305764</t>
  </si>
  <si>
    <t>cg04305943</t>
  </si>
  <si>
    <t>cg04306220</t>
  </si>
  <si>
    <t>cg04306992</t>
  </si>
  <si>
    <t>cg04308769</t>
  </si>
  <si>
    <t>cg04309227</t>
  </si>
  <si>
    <t>cg04309384</t>
  </si>
  <si>
    <t>cg04309480</t>
  </si>
  <si>
    <t>cg04310489</t>
  </si>
  <si>
    <t>cg04311227</t>
  </si>
  <si>
    <t>cg04311403</t>
  </si>
  <si>
    <t>cg04311961</t>
  </si>
  <si>
    <t>cg04313552</t>
  </si>
  <si>
    <t>cg04315255</t>
  </si>
  <si>
    <t>cg04316231</t>
  </si>
  <si>
    <t>cg04316941</t>
  </si>
  <si>
    <t>cg04323187</t>
  </si>
  <si>
    <t>cg04323427</t>
  </si>
  <si>
    <t>cg04336684</t>
  </si>
  <si>
    <t>cg04337796</t>
  </si>
  <si>
    <t>cg04339837</t>
  </si>
  <si>
    <t>cg04340324</t>
  </si>
  <si>
    <t>cg04343292</t>
  </si>
  <si>
    <t>cg04343883</t>
  </si>
  <si>
    <t>cg04344205</t>
  </si>
  <si>
    <t>cg04344730</t>
  </si>
  <si>
    <t>cg04345751</t>
  </si>
  <si>
    <t>cg04348183</t>
  </si>
  <si>
    <t>cg04348222</t>
  </si>
  <si>
    <t>cg04348561</t>
  </si>
  <si>
    <t>cg04349178</t>
  </si>
  <si>
    <t>cg04349311</t>
  </si>
  <si>
    <t>cg04350922</t>
  </si>
  <si>
    <t>cg04353586</t>
  </si>
  <si>
    <t>cg04354126</t>
  </si>
  <si>
    <t>cg04354805</t>
  </si>
  <si>
    <t>cg04355435</t>
  </si>
  <si>
    <t>cg04356968</t>
  </si>
  <si>
    <t>cg04360049</t>
  </si>
  <si>
    <t>cg04360147</t>
  </si>
  <si>
    <t>cg04360557</t>
  </si>
  <si>
    <t>cg04361056</t>
  </si>
  <si>
    <t>cg04361527</t>
  </si>
  <si>
    <t>cg04364517</t>
  </si>
  <si>
    <t>cg04364728</t>
  </si>
  <si>
    <t>cg04365202</t>
  </si>
  <si>
    <t>cg04368242</t>
  </si>
  <si>
    <t>cg04370730</t>
  </si>
  <si>
    <t>cg04375083</t>
  </si>
  <si>
    <t>cg04384208</t>
  </si>
  <si>
    <t>cg04384245</t>
  </si>
  <si>
    <t>cg04386839</t>
  </si>
  <si>
    <t>cg04391111</t>
  </si>
  <si>
    <t>cg04391463</t>
  </si>
  <si>
    <t>cg04393837</t>
  </si>
  <si>
    <t>cg04393855</t>
  </si>
  <si>
    <t>cg04395153</t>
  </si>
  <si>
    <t>cg04395167</t>
  </si>
  <si>
    <t>cg04396915</t>
  </si>
  <si>
    <t>cg04401067</t>
  </si>
  <si>
    <t>cg04401603</t>
  </si>
  <si>
    <t>cg04402078</t>
  </si>
  <si>
    <t>cg04402184</t>
  </si>
  <si>
    <t>cg04402828</t>
  </si>
  <si>
    <t>cg04405266</t>
  </si>
  <si>
    <t>cg04407431</t>
  </si>
  <si>
    <t>cg04407474</t>
  </si>
  <si>
    <t>cg04408858</t>
  </si>
  <si>
    <t>cg04409319</t>
  </si>
  <si>
    <t>cg04410181</t>
  </si>
  <si>
    <t>cg04410756</t>
  </si>
  <si>
    <t>cg04411044</t>
  </si>
  <si>
    <t>cg04411969</t>
  </si>
  <si>
    <t>cg04413397</t>
  </si>
  <si>
    <t>cg04415114</t>
  </si>
  <si>
    <t>cg04420275</t>
  </si>
  <si>
    <t>cg04423188</t>
  </si>
  <si>
    <t>cg04424119</t>
  </si>
  <si>
    <t>cg04427651</t>
  </si>
  <si>
    <t>cg04430911</t>
  </si>
  <si>
    <t>cg04431629</t>
  </si>
  <si>
    <t>cg04432617</t>
  </si>
  <si>
    <t>cg04436701</t>
  </si>
  <si>
    <t>cg04436714</t>
  </si>
  <si>
    <t>cg04436964</t>
  </si>
  <si>
    <t>cg04437482</t>
  </si>
  <si>
    <t>cg04437922</t>
  </si>
  <si>
    <t>cg04439557</t>
  </si>
  <si>
    <t>cg04439600</t>
  </si>
  <si>
    <t>cg04446579</t>
  </si>
  <si>
    <t>cg04447890</t>
  </si>
  <si>
    <t>cg04455430</t>
  </si>
  <si>
    <t>cg04456036</t>
  </si>
  <si>
    <t>cg04457794</t>
  </si>
  <si>
    <t>cg04458094</t>
  </si>
  <si>
    <t>cg04460567</t>
  </si>
  <si>
    <t>cg04461388</t>
  </si>
  <si>
    <t>cg04461949</t>
  </si>
  <si>
    <t>cg04462209</t>
  </si>
  <si>
    <t>cg04463636</t>
  </si>
  <si>
    <t>cg04469686</t>
  </si>
  <si>
    <t>cg04471507</t>
  </si>
  <si>
    <t>cg04484579</t>
  </si>
  <si>
    <t>cg04485075</t>
  </si>
  <si>
    <t>cg04486013</t>
  </si>
  <si>
    <t>cg04486648</t>
  </si>
  <si>
    <t>cg04486940</t>
  </si>
  <si>
    <t>cg04487600</t>
  </si>
  <si>
    <t>cg04488111</t>
  </si>
  <si>
    <t>cg04488215</t>
  </si>
  <si>
    <t>cg04488647</t>
  </si>
  <si>
    <t>cg04489548</t>
  </si>
  <si>
    <t>cg04489573</t>
  </si>
  <si>
    <t>cg04489786</t>
  </si>
  <si>
    <t>cg04490934</t>
  </si>
  <si>
    <t>cg04491808</t>
  </si>
  <si>
    <t>cg04493316</t>
  </si>
  <si>
    <t>cg04493946</t>
  </si>
  <si>
    <t>cg04494270</t>
  </si>
  <si>
    <t>cg04494789</t>
  </si>
  <si>
    <t>cg04498032</t>
  </si>
  <si>
    <t>cg04498190</t>
  </si>
  <si>
    <t>cg04498902</t>
  </si>
  <si>
    <t>cg04500986</t>
  </si>
  <si>
    <t>cg04501323</t>
  </si>
  <si>
    <t>cg04502407</t>
  </si>
  <si>
    <t>cg04503570</t>
  </si>
  <si>
    <t>cg04505023</t>
  </si>
  <si>
    <t>cg04506109</t>
  </si>
  <si>
    <t>cg04506553</t>
  </si>
  <si>
    <t>cg04506601</t>
  </si>
  <si>
    <t>cg04507775</t>
  </si>
  <si>
    <t>cg04509024</t>
  </si>
  <si>
    <t>cg04509221</t>
  </si>
  <si>
    <t>cg04513669</t>
  </si>
  <si>
    <t>cg04520340</t>
  </si>
  <si>
    <t>cg04523603</t>
  </si>
  <si>
    <t>cg04526480</t>
  </si>
  <si>
    <t>cg04539515</t>
  </si>
  <si>
    <t>cg04539573</t>
  </si>
  <si>
    <t>cg04541474</t>
  </si>
  <si>
    <t>cg04543026</t>
  </si>
  <si>
    <t>cg04546165</t>
  </si>
  <si>
    <t>cg04548841</t>
  </si>
  <si>
    <t>cg04550823</t>
  </si>
  <si>
    <t>cg04550950</t>
  </si>
  <si>
    <t>cg04553903</t>
  </si>
  <si>
    <t>cg04554131</t>
  </si>
  <si>
    <t>cg04554690</t>
  </si>
  <si>
    <t>cg04556220</t>
  </si>
  <si>
    <t>cg04557181</t>
  </si>
  <si>
    <t>cg04558298</t>
  </si>
  <si>
    <t>cg04559485</t>
  </si>
  <si>
    <t>cg04559824</t>
  </si>
  <si>
    <t>cg04560832</t>
  </si>
  <si>
    <t>cg04561731</t>
  </si>
  <si>
    <t>cg04562757</t>
  </si>
  <si>
    <t>cg04563215</t>
  </si>
  <si>
    <t>cg04563718</t>
  </si>
  <si>
    <t>cg04564461</t>
  </si>
  <si>
    <t>cg04565067</t>
  </si>
  <si>
    <t>cg04566694</t>
  </si>
  <si>
    <t>cg04567445</t>
  </si>
  <si>
    <t>cg04568339</t>
  </si>
  <si>
    <t>cg04568981</t>
  </si>
  <si>
    <t>cg04571584</t>
  </si>
  <si>
    <t>cg04571984</t>
  </si>
  <si>
    <t>cg04573706</t>
  </si>
  <si>
    <t>cg04573771</t>
  </si>
  <si>
    <t>cg04573872</t>
  </si>
  <si>
    <t>cg04576048</t>
  </si>
  <si>
    <t>cg04576607</t>
  </si>
  <si>
    <t>cg04576991</t>
  </si>
  <si>
    <t>cg04577979</t>
  </si>
  <si>
    <t>cg04582424</t>
  </si>
  <si>
    <t>cg04592706</t>
  </si>
  <si>
    <t>cg04598611</t>
  </si>
  <si>
    <t>cg04599612</t>
  </si>
  <si>
    <t>cg04601090</t>
  </si>
  <si>
    <t>cg04603146</t>
  </si>
  <si>
    <t>cg04605504</t>
  </si>
  <si>
    <t>cg04606722</t>
  </si>
  <si>
    <t>cg04607131</t>
  </si>
  <si>
    <t>cg04607246</t>
  </si>
  <si>
    <t>cg04607379</t>
  </si>
  <si>
    <t>cg04607844</t>
  </si>
  <si>
    <t>cg04608326</t>
  </si>
  <si>
    <t>cg04608356</t>
  </si>
  <si>
    <t>cg04609090</t>
  </si>
  <si>
    <t>cg04609307</t>
  </si>
  <si>
    <t>cg04609640</t>
  </si>
  <si>
    <t>cg04611670</t>
  </si>
  <si>
    <t>cg04619852</t>
  </si>
  <si>
    <t>cg04619882</t>
  </si>
  <si>
    <t>cg04621654</t>
  </si>
  <si>
    <t>cg04622024</t>
  </si>
  <si>
    <t>cg04624458</t>
  </si>
  <si>
    <t>cg04631202</t>
  </si>
  <si>
    <t>cg04632980</t>
  </si>
  <si>
    <t>cg04633021</t>
  </si>
  <si>
    <t>cg04633513</t>
  </si>
  <si>
    <t>cg04636557</t>
  </si>
  <si>
    <t>cg04639351</t>
  </si>
  <si>
    <t>cg04643444</t>
  </si>
  <si>
    <t>cg04655804</t>
  </si>
  <si>
    <t>cg04661629</t>
  </si>
  <si>
    <t>cg04662939</t>
  </si>
  <si>
    <t>cg04672450</t>
  </si>
  <si>
    <t>cg04673462</t>
  </si>
  <si>
    <t>cg04673737</t>
  </si>
  <si>
    <t>cg04674248</t>
  </si>
  <si>
    <t>cg04676771</t>
  </si>
  <si>
    <t>cg04677938</t>
  </si>
  <si>
    <t>cg04680037</t>
  </si>
  <si>
    <t>cg04682133</t>
  </si>
  <si>
    <t>cg04682775</t>
  </si>
  <si>
    <t>cg04683240</t>
  </si>
  <si>
    <t>cg04691277</t>
  </si>
  <si>
    <t>cg04691540</t>
  </si>
  <si>
    <t>cg04692924</t>
  </si>
  <si>
    <t>cg04697119</t>
  </si>
  <si>
    <t>cg04698187</t>
  </si>
  <si>
    <t>cg04700938</t>
  </si>
  <si>
    <t>cg04702490</t>
  </si>
  <si>
    <t>cg04703535</t>
  </si>
  <si>
    <t>cg04704219</t>
  </si>
  <si>
    <t>cg04704856</t>
  </si>
  <si>
    <t>cg04705952</t>
  </si>
  <si>
    <t>cg04706087</t>
  </si>
  <si>
    <t>cg04714195</t>
  </si>
  <si>
    <t>cg04715245</t>
  </si>
  <si>
    <t>cg04716261</t>
  </si>
  <si>
    <t>cg04717320</t>
  </si>
  <si>
    <t>cg04717485</t>
  </si>
  <si>
    <t>cg04718055</t>
  </si>
  <si>
    <t>cg04718145</t>
  </si>
  <si>
    <t>cg04718306</t>
  </si>
  <si>
    <t>cg04718492</t>
  </si>
  <si>
    <t>cg04719166</t>
  </si>
  <si>
    <t>cg04719420</t>
  </si>
  <si>
    <t>cg04720588</t>
  </si>
  <si>
    <t>cg04720592</t>
  </si>
  <si>
    <t>cg04720665</t>
  </si>
  <si>
    <t>cg04721884</t>
  </si>
  <si>
    <t>cg04722168</t>
  </si>
  <si>
    <t>cg04722511</t>
  </si>
  <si>
    <t>cg04722605</t>
  </si>
  <si>
    <t>cg04722756</t>
  </si>
  <si>
    <t>cg04723723</t>
  </si>
  <si>
    <t>cg04724540</t>
  </si>
  <si>
    <t>cg04724866</t>
  </si>
  <si>
    <t>cg04725637</t>
  </si>
  <si>
    <t>cg04736140</t>
  </si>
  <si>
    <t>cg04743063</t>
  </si>
  <si>
    <t>cg04746587</t>
  </si>
  <si>
    <t>cg04746890</t>
  </si>
  <si>
    <t>cg04757093</t>
  </si>
  <si>
    <t>cg04758387</t>
  </si>
  <si>
    <t>cg04760426</t>
  </si>
  <si>
    <t>cg04763192</t>
  </si>
  <si>
    <t>cg04763554</t>
  </si>
  <si>
    <t>cg04765848</t>
  </si>
  <si>
    <t>cg04772086</t>
  </si>
  <si>
    <t>cg04772818</t>
  </si>
  <si>
    <t>cg04776304</t>
  </si>
  <si>
    <t>cg04776597</t>
  </si>
  <si>
    <t>cg04777348</t>
  </si>
  <si>
    <t>cg04779013</t>
  </si>
  <si>
    <t>cg04783161</t>
  </si>
  <si>
    <t>cg04785083</t>
  </si>
  <si>
    <t>cg04785675</t>
  </si>
  <si>
    <t>cg04786201</t>
  </si>
  <si>
    <t>cg04786667</t>
  </si>
  <si>
    <t>cg04788390</t>
  </si>
  <si>
    <t>cg04788444</t>
  </si>
  <si>
    <t>cg04788743</t>
  </si>
  <si>
    <t>cg04789365</t>
  </si>
  <si>
    <t>cg04789644</t>
  </si>
  <si>
    <t>cg04790574</t>
  </si>
  <si>
    <t>cg04790761</t>
  </si>
  <si>
    <t>cg04791601</t>
  </si>
  <si>
    <t>cg04792270</t>
  </si>
  <si>
    <t>cg04792863</t>
  </si>
  <si>
    <t>cg04793989</t>
  </si>
  <si>
    <t>cg04794690</t>
  </si>
  <si>
    <t>cg04795350</t>
  </si>
  <si>
    <t>cg04801974</t>
  </si>
  <si>
    <t>cg04810755</t>
  </si>
  <si>
    <t>cg04811114</t>
  </si>
  <si>
    <t>cg04816302</t>
  </si>
  <si>
    <t>cg04818845</t>
  </si>
  <si>
    <t>cg04826576</t>
  </si>
  <si>
    <t>cg04828892</t>
  </si>
  <si>
    <t>cg04830049</t>
  </si>
  <si>
    <t>cg04830147</t>
  </si>
  <si>
    <t>cg04830191</t>
  </si>
  <si>
    <t>cg04830316</t>
  </si>
  <si>
    <t>cg04831174</t>
  </si>
  <si>
    <t>cg04832545</t>
  </si>
  <si>
    <t>cg04833017</t>
  </si>
  <si>
    <t>cg04833514</t>
  </si>
  <si>
    <t>cg04835489</t>
  </si>
  <si>
    <t>cg04835615</t>
  </si>
  <si>
    <t>cg04835685</t>
  </si>
  <si>
    <t>cg04837231</t>
  </si>
  <si>
    <t>cg04837847</t>
  </si>
  <si>
    <t>cg04837959</t>
  </si>
  <si>
    <t>cg04839207</t>
  </si>
  <si>
    <t>cg04839835</t>
  </si>
  <si>
    <t>cg04841371</t>
  </si>
  <si>
    <t>cg04842953</t>
  </si>
  <si>
    <t>cg04843111</t>
  </si>
  <si>
    <t>cg04843461</t>
  </si>
  <si>
    <t>cg04843660</t>
  </si>
  <si>
    <t>cg04843968</t>
  </si>
  <si>
    <t>cg04844423</t>
  </si>
  <si>
    <t>cg04844693</t>
  </si>
  <si>
    <t>cg04845871</t>
  </si>
  <si>
    <t>cg04846203</t>
  </si>
  <si>
    <t>cg04846232</t>
  </si>
  <si>
    <t>cg04846710</t>
  </si>
  <si>
    <t>cg04846842</t>
  </si>
  <si>
    <t>cg04847273</t>
  </si>
  <si>
    <t>cg04850211</t>
  </si>
  <si>
    <t>cg04850284</t>
  </si>
  <si>
    <t>cg04850370</t>
  </si>
  <si>
    <t>cg04850423</t>
  </si>
  <si>
    <t>cg04851505</t>
  </si>
  <si>
    <t>cg04852275</t>
  </si>
  <si>
    <t>cg04852443</t>
  </si>
  <si>
    <t>cg04852949</t>
  </si>
  <si>
    <t>cg04853151</t>
  </si>
  <si>
    <t>cg04853978</t>
  </si>
  <si>
    <t>cg04854189</t>
  </si>
  <si>
    <t>cg04856896</t>
  </si>
  <si>
    <t>cg04857033</t>
  </si>
  <si>
    <t>cg04858960</t>
  </si>
  <si>
    <t>cg04859241</t>
  </si>
  <si>
    <t>cg04859477</t>
  </si>
  <si>
    <t>cg04859826</t>
  </si>
  <si>
    <t>cg04860656</t>
  </si>
  <si>
    <t>cg04860852</t>
  </si>
  <si>
    <t>cg04861230</t>
  </si>
  <si>
    <t>cg04861645</t>
  </si>
  <si>
    <t>cg04861793</t>
  </si>
  <si>
    <t>cg04862500</t>
  </si>
  <si>
    <t>cg04863005</t>
  </si>
  <si>
    <t>cg04863508</t>
  </si>
  <si>
    <t>cg04863713</t>
  </si>
  <si>
    <t>cg04864149</t>
  </si>
  <si>
    <t>cg04865672</t>
  </si>
  <si>
    <t>cg04867075</t>
  </si>
  <si>
    <t>cg04868262</t>
  </si>
  <si>
    <t>cg04869770</t>
  </si>
  <si>
    <t>cg04870460</t>
  </si>
  <si>
    <t>cg04870918</t>
  </si>
  <si>
    <t>cg04872475</t>
  </si>
  <si>
    <t>cg04872603</t>
  </si>
  <si>
    <t>cg04872610</t>
  </si>
  <si>
    <t>cg04872869</t>
  </si>
  <si>
    <t>cg04872947</t>
  </si>
  <si>
    <t>cg04873053</t>
  </si>
  <si>
    <t>cg04873927</t>
  </si>
  <si>
    <t>cg04875062</t>
  </si>
  <si>
    <t>cg04876245</t>
  </si>
  <si>
    <t>cg04876693</t>
  </si>
  <si>
    <t>cg04877901</t>
  </si>
  <si>
    <t>cg04878000</t>
  </si>
  <si>
    <t>cg04878826</t>
  </si>
  <si>
    <t>cg04880195</t>
  </si>
  <si>
    <t>cg04880253</t>
  </si>
  <si>
    <t>cg04880657</t>
  </si>
  <si>
    <t>cg04880874</t>
  </si>
  <si>
    <t>cg04881125</t>
  </si>
  <si>
    <t>cg04882847</t>
  </si>
  <si>
    <t>cg04885470</t>
  </si>
  <si>
    <t>cg04885642</t>
  </si>
  <si>
    <t>cg04885881</t>
  </si>
  <si>
    <t>cg04886407</t>
  </si>
  <si>
    <t>cg04886783</t>
  </si>
  <si>
    <t>cg04887124</t>
  </si>
  <si>
    <t>cg04889749</t>
  </si>
  <si>
    <t>cg04889790</t>
  </si>
  <si>
    <t>cg04889884</t>
  </si>
  <si>
    <t>cg04890237</t>
  </si>
  <si>
    <t>cg04891053</t>
  </si>
  <si>
    <t>cg04891165</t>
  </si>
  <si>
    <t>cg04891455</t>
  </si>
  <si>
    <t>cg04891761</t>
  </si>
  <si>
    <t>cg04893145</t>
  </si>
  <si>
    <t>cg04894027</t>
  </si>
  <si>
    <t>cg04894671</t>
  </si>
  <si>
    <t>cg04894705</t>
  </si>
  <si>
    <t>cg04895202</t>
  </si>
  <si>
    <t>cg04896437</t>
  </si>
  <si>
    <t>cg04896949</t>
  </si>
  <si>
    <t>cg04897230</t>
  </si>
  <si>
    <t>cg04897644</t>
  </si>
  <si>
    <t>cg04898695</t>
  </si>
  <si>
    <t>cg04898719</t>
  </si>
  <si>
    <t>cg04899446</t>
  </si>
  <si>
    <t>cg04900486</t>
  </si>
  <si>
    <t>cg04902049</t>
  </si>
  <si>
    <t>cg04902327</t>
  </si>
  <si>
    <t>cg04902405</t>
  </si>
  <si>
    <t>cg04902474</t>
  </si>
  <si>
    <t>cg04902529</t>
  </si>
  <si>
    <t>cg04902968</t>
  </si>
  <si>
    <t>cg04903146</t>
  </si>
  <si>
    <t>cg04903884</t>
  </si>
  <si>
    <t>cg04904834</t>
  </si>
  <si>
    <t>cg04906546</t>
  </si>
  <si>
    <t>cg04909257</t>
  </si>
  <si>
    <t>cg04909854</t>
  </si>
  <si>
    <t>cg04910752</t>
  </si>
  <si>
    <t>cg04912273</t>
  </si>
  <si>
    <t>cg04914013</t>
  </si>
  <si>
    <t>cg04914198</t>
  </si>
  <si>
    <t>cg04914283</t>
  </si>
  <si>
    <t>cg04915463</t>
  </si>
  <si>
    <t>cg04917615</t>
  </si>
  <si>
    <t>cg04918175</t>
  </si>
  <si>
    <t>cg04919581</t>
  </si>
  <si>
    <t>cg04919596</t>
  </si>
  <si>
    <t>cg04920632</t>
  </si>
  <si>
    <t>cg04920869</t>
  </si>
  <si>
    <t>cg04921646</t>
  </si>
  <si>
    <t>cg04921669</t>
  </si>
  <si>
    <t>cg04921771</t>
  </si>
  <si>
    <t>cg04921814</t>
  </si>
  <si>
    <t>cg04922072</t>
  </si>
  <si>
    <t>cg04922501</t>
  </si>
  <si>
    <t>cg04922908</t>
  </si>
  <si>
    <t>cg04923366</t>
  </si>
  <si>
    <t>cg04923746</t>
  </si>
  <si>
    <t>cg04924099</t>
  </si>
  <si>
    <t>cg04926200</t>
  </si>
  <si>
    <t>cg04929932</t>
  </si>
  <si>
    <t>cg04931216</t>
  </si>
  <si>
    <t>cg04932329</t>
  </si>
  <si>
    <t>cg04932878</t>
  </si>
  <si>
    <t>cg04933954</t>
  </si>
  <si>
    <t>cg04934402</t>
  </si>
  <si>
    <t>cg04934776</t>
  </si>
  <si>
    <t>cg04934870</t>
  </si>
  <si>
    <t>cg04936062</t>
  </si>
  <si>
    <t>cg04936114</t>
  </si>
  <si>
    <t>cg04940515</t>
  </si>
  <si>
    <t>cg04944980</t>
  </si>
  <si>
    <t>cg04945350</t>
  </si>
  <si>
    <t>cg04955573</t>
  </si>
  <si>
    <t>cg04960271</t>
  </si>
  <si>
    <t>cg04967775</t>
  </si>
  <si>
    <t>cg04969937</t>
  </si>
  <si>
    <t>cg04971263</t>
  </si>
  <si>
    <t>cg04972433</t>
  </si>
  <si>
    <t>cg04972459</t>
  </si>
  <si>
    <t>cg04972930</t>
  </si>
  <si>
    <t>cg04974499</t>
  </si>
  <si>
    <t>cg04974913</t>
  </si>
  <si>
    <t>cg04975617</t>
  </si>
  <si>
    <t>cg04975920</t>
  </si>
  <si>
    <t>cg04975966</t>
  </si>
  <si>
    <t>cg04976319</t>
  </si>
  <si>
    <t>cg04978583</t>
  </si>
  <si>
    <t>cg04980002</t>
  </si>
  <si>
    <t>cg04980281</t>
  </si>
  <si>
    <t>cg04980428</t>
  </si>
  <si>
    <t>cg04981152</t>
  </si>
  <si>
    <t>cg04981315</t>
  </si>
  <si>
    <t>cg04981940</t>
  </si>
  <si>
    <t>cg04983128</t>
  </si>
  <si>
    <t>cg04983977</t>
  </si>
  <si>
    <t>cg04984052</t>
  </si>
  <si>
    <t>cg04984556</t>
  </si>
  <si>
    <t>cg04985396</t>
  </si>
  <si>
    <t>cg04986015</t>
  </si>
  <si>
    <t>cg04986304</t>
  </si>
  <si>
    <t>cg04986781</t>
  </si>
  <si>
    <t>cg04986989</t>
  </si>
  <si>
    <t>cg04988794</t>
  </si>
  <si>
    <t>cg04989070</t>
  </si>
  <si>
    <t>cg04989128</t>
  </si>
  <si>
    <t>cg04991214</t>
  </si>
  <si>
    <t>cg04992704</t>
  </si>
  <si>
    <t>cg04992757</t>
  </si>
  <si>
    <t>cg04993276</t>
  </si>
  <si>
    <t>cg04994405</t>
  </si>
  <si>
    <t>cg04994456</t>
  </si>
  <si>
    <t>cg04995846</t>
  </si>
  <si>
    <t>cg04996873</t>
  </si>
  <si>
    <t>cg04997235</t>
  </si>
  <si>
    <t>cg04999270</t>
  </si>
  <si>
    <t>cg05000987</t>
  </si>
  <si>
    <t>cg05001111</t>
  </si>
  <si>
    <t>cg05003322</t>
  </si>
  <si>
    <t>cg05004108</t>
  </si>
  <si>
    <t>cg05004665</t>
  </si>
  <si>
    <t>cg05005073</t>
  </si>
  <si>
    <t>cg05005077</t>
  </si>
  <si>
    <t>cg05006349</t>
  </si>
  <si>
    <t>cg05007495</t>
  </si>
  <si>
    <t>cg05011113</t>
  </si>
  <si>
    <t>cg05016425</t>
  </si>
  <si>
    <t>cg05018441</t>
  </si>
  <si>
    <t>cg05029193</t>
  </si>
  <si>
    <t>cg05031204</t>
  </si>
  <si>
    <t>cg05032943</t>
  </si>
  <si>
    <t>cg05033369</t>
  </si>
  <si>
    <t>cg05034124</t>
  </si>
  <si>
    <t>cg05034446</t>
  </si>
  <si>
    <t>cg05034656</t>
  </si>
  <si>
    <t>cg05036103</t>
  </si>
  <si>
    <t>cg05036120</t>
  </si>
  <si>
    <t>cg05036846</t>
  </si>
  <si>
    <t>cg05037270</t>
  </si>
  <si>
    <t>cg05037389</t>
  </si>
  <si>
    <t>cg05039548</t>
  </si>
  <si>
    <t>cg05040210</t>
  </si>
  <si>
    <t>cg05040441</t>
  </si>
  <si>
    <t>cg05041517</t>
  </si>
  <si>
    <t>cg05042706</t>
  </si>
  <si>
    <t>cg05043311</t>
  </si>
  <si>
    <t>cg05044291</t>
  </si>
  <si>
    <t>cg05045781</t>
  </si>
  <si>
    <t>cg05045817</t>
  </si>
  <si>
    <t>cg05046722</t>
  </si>
  <si>
    <t>cg05047325</t>
  </si>
  <si>
    <t>cg05047493</t>
  </si>
  <si>
    <t>cg05048624</t>
  </si>
  <si>
    <t>cg05049094</t>
  </si>
  <si>
    <t>cg05049329</t>
  </si>
  <si>
    <t>cg05051117</t>
  </si>
  <si>
    <t>cg05051369</t>
  </si>
  <si>
    <t>cg05051464</t>
  </si>
  <si>
    <t>cg05052384</t>
  </si>
  <si>
    <t>cg05052969</t>
  </si>
  <si>
    <t>cg05053688</t>
  </si>
  <si>
    <t>cg05058263</t>
  </si>
  <si>
    <t>cg05062491</t>
  </si>
  <si>
    <t>cg05063514</t>
  </si>
  <si>
    <t>cg05063806</t>
  </si>
  <si>
    <t>cg05064673</t>
  </si>
  <si>
    <t>cg05064739</t>
  </si>
  <si>
    <t>cg05068146</t>
  </si>
  <si>
    <t>cg05082095</t>
  </si>
  <si>
    <t>cg05087577</t>
  </si>
  <si>
    <t>cg05087982</t>
  </si>
  <si>
    <t>cg05091570</t>
  </si>
  <si>
    <t>cg05098011</t>
  </si>
  <si>
    <t>cg05099491</t>
  </si>
  <si>
    <t>cg05101920</t>
  </si>
  <si>
    <t>cg05104351</t>
  </si>
  <si>
    <t>cg05116342</t>
  </si>
  <si>
    <t>cg05116756</t>
  </si>
  <si>
    <t>cg05117823</t>
  </si>
  <si>
    <t>cg05118587</t>
  </si>
  <si>
    <t>cg05118916</t>
  </si>
  <si>
    <t>cg05119432</t>
  </si>
  <si>
    <t>cg05120085</t>
  </si>
  <si>
    <t>cg05122861</t>
  </si>
  <si>
    <t>cg05123974</t>
  </si>
  <si>
    <t>cg05124308</t>
  </si>
  <si>
    <t>cg05126036</t>
  </si>
  <si>
    <t>cg05127450</t>
  </si>
  <si>
    <t>cg05127548</t>
  </si>
  <si>
    <t>cg05128414</t>
  </si>
  <si>
    <t>cg05129050</t>
  </si>
  <si>
    <t>cg05129477</t>
  </si>
  <si>
    <t>cg05129817</t>
  </si>
  <si>
    <t>cg05130830</t>
  </si>
  <si>
    <t>cg05132568</t>
  </si>
  <si>
    <t>cg05132925</t>
  </si>
  <si>
    <t>cg05132999</t>
  </si>
  <si>
    <t>cg05135156</t>
  </si>
  <si>
    <t>cg05138148</t>
  </si>
  <si>
    <t>cg05139111</t>
  </si>
  <si>
    <t>cg05144089</t>
  </si>
  <si>
    <t>cg05151228</t>
  </si>
  <si>
    <t>cg05151709</t>
  </si>
  <si>
    <t>cg05151739</t>
  </si>
  <si>
    <t>cg05152717</t>
  </si>
  <si>
    <t>cg05153550</t>
  </si>
  <si>
    <t>cg05154390</t>
  </si>
  <si>
    <t>cg05154856</t>
  </si>
  <si>
    <t>cg05156532</t>
  </si>
  <si>
    <t>cg05156800</t>
  </si>
  <si>
    <t>cg05157541</t>
  </si>
  <si>
    <t>cg05158395</t>
  </si>
  <si>
    <t>cg05158566</t>
  </si>
  <si>
    <t>cg05160197</t>
  </si>
  <si>
    <t>cg05160678</t>
  </si>
  <si>
    <t>cg05160751</t>
  </si>
  <si>
    <t>cg05160879</t>
  </si>
  <si>
    <t>cg05161938</t>
  </si>
  <si>
    <t>cg05163509</t>
  </si>
  <si>
    <t>cg05165422</t>
  </si>
  <si>
    <t>cg05165700</t>
  </si>
  <si>
    <t>cg05172122</t>
  </si>
  <si>
    <t>cg05177851</t>
  </si>
  <si>
    <t>cg05183226</t>
  </si>
  <si>
    <t>cg05183966</t>
  </si>
  <si>
    <t>cg05184311</t>
  </si>
  <si>
    <t>cg05188549</t>
  </si>
  <si>
    <t>cg05190718</t>
  </si>
  <si>
    <t>cg05193538</t>
  </si>
  <si>
    <t>cg05198938</t>
  </si>
  <si>
    <t>cg05202204</t>
  </si>
  <si>
    <t>cg05208572</t>
  </si>
  <si>
    <t>cg05210526</t>
  </si>
  <si>
    <t>cg05210886</t>
  </si>
  <si>
    <t>cg05221875</t>
  </si>
  <si>
    <t>cg05226019</t>
  </si>
  <si>
    <t>cg05226740</t>
  </si>
  <si>
    <t>cg05227721</t>
  </si>
  <si>
    <t>cg05228361</t>
  </si>
  <si>
    <t>cg05229416</t>
  </si>
  <si>
    <t>cg05248781</t>
  </si>
  <si>
    <t>cg05255803</t>
  </si>
  <si>
    <t>cg05257479</t>
  </si>
  <si>
    <t>cg05258079</t>
  </si>
  <si>
    <t>cg05262191</t>
  </si>
  <si>
    <t>cg05262877</t>
  </si>
  <si>
    <t>cg05263382</t>
  </si>
  <si>
    <t>cg05263666</t>
  </si>
  <si>
    <t>cg05266226</t>
  </si>
  <si>
    <t>cg05266437</t>
  </si>
  <si>
    <t>cg05266714</t>
  </si>
  <si>
    <t>cg05267543</t>
  </si>
  <si>
    <t>cg05267756</t>
  </si>
  <si>
    <t>cg05267893</t>
  </si>
  <si>
    <t>cg05269258</t>
  </si>
  <si>
    <t>cg05269784</t>
  </si>
  <si>
    <t>cg05270688</t>
  </si>
  <si>
    <t>cg05300156</t>
  </si>
  <si>
    <t>cg05300440</t>
  </si>
  <si>
    <t>cg05300697</t>
  </si>
  <si>
    <t>cg05301811</t>
  </si>
  <si>
    <t>cg05303208</t>
  </si>
  <si>
    <t>cg05303289</t>
  </si>
  <si>
    <t>cg05304729</t>
  </si>
  <si>
    <t>cg05304761</t>
  </si>
  <si>
    <t>cg05304785</t>
  </si>
  <si>
    <t>cg05306109</t>
  </si>
  <si>
    <t>cg05307957</t>
  </si>
  <si>
    <t>cg05308819</t>
  </si>
  <si>
    <t>cg05308979</t>
  </si>
  <si>
    <t>cg05313393</t>
  </si>
  <si>
    <t>cg05314024</t>
  </si>
  <si>
    <t>cg05321339</t>
  </si>
  <si>
    <t>cg05322273</t>
  </si>
  <si>
    <t>cg05332152</t>
  </si>
  <si>
    <t>cg05333568</t>
  </si>
  <si>
    <t>cg05334554</t>
  </si>
  <si>
    <t>cg05336561</t>
  </si>
  <si>
    <t>cg05337019</t>
  </si>
  <si>
    <t>cg05338680</t>
  </si>
  <si>
    <t>cg05340048</t>
  </si>
  <si>
    <t>cg05341549</t>
  </si>
  <si>
    <t>cg05341670</t>
  </si>
  <si>
    <t>cg05342835</t>
  </si>
  <si>
    <t>cg05343289</t>
  </si>
  <si>
    <t>cg05343739</t>
  </si>
  <si>
    <t>cg05345152</t>
  </si>
  <si>
    <t>cg05345888</t>
  </si>
  <si>
    <t>cg05346855</t>
  </si>
  <si>
    <t>cg05347158</t>
  </si>
  <si>
    <t>cg05349042</t>
  </si>
  <si>
    <t>cg05350315</t>
  </si>
  <si>
    <t>cg05350607</t>
  </si>
  <si>
    <t>cg05350850</t>
  </si>
  <si>
    <t>cg05354921</t>
  </si>
  <si>
    <t>cg05355679</t>
  </si>
  <si>
    <t>cg05356564</t>
  </si>
  <si>
    <t>cg05362521</t>
  </si>
  <si>
    <t>cg05363350</t>
  </si>
  <si>
    <t>cg05363616</t>
  </si>
  <si>
    <t>cg05364141</t>
  </si>
  <si>
    <t>cg05365320</t>
  </si>
  <si>
    <t>cg05366923</t>
  </si>
  <si>
    <t>cg05367134</t>
  </si>
  <si>
    <t>cg05367960</t>
  </si>
  <si>
    <t>cg05368119</t>
  </si>
  <si>
    <t>cg05368341</t>
  </si>
  <si>
    <t>cg05368942</t>
  </si>
  <si>
    <t>cg05368971</t>
  </si>
  <si>
    <t>cg05369428</t>
  </si>
  <si>
    <t>cg05371506</t>
  </si>
  <si>
    <t>cg05371909</t>
  </si>
  <si>
    <t>cg05372828</t>
  </si>
  <si>
    <t>cg05374718</t>
  </si>
  <si>
    <t>cg05374982</t>
  </si>
  <si>
    <t>cg05375405</t>
  </si>
  <si>
    <t>cg05375699</t>
  </si>
  <si>
    <t>cg05375878</t>
  </si>
  <si>
    <t>cg05376937</t>
  </si>
  <si>
    <t>cg05377162</t>
  </si>
  <si>
    <t>cg05377512</t>
  </si>
  <si>
    <t>cg05379302</t>
  </si>
  <si>
    <t>cg05380570</t>
  </si>
  <si>
    <t>cg05380808</t>
  </si>
  <si>
    <t>cg05380846</t>
  </si>
  <si>
    <t>cg05381183</t>
  </si>
  <si>
    <t>cg05382123</t>
  </si>
  <si>
    <t>cg05382282</t>
  </si>
  <si>
    <t>cg05383442</t>
  </si>
  <si>
    <t>cg05385282</t>
  </si>
  <si>
    <t>cg05385377</t>
  </si>
  <si>
    <t>cg05385434</t>
  </si>
  <si>
    <t>cg05386320</t>
  </si>
  <si>
    <t>cg05386594</t>
  </si>
  <si>
    <t>cg05389935</t>
  </si>
  <si>
    <t>cg05390279</t>
  </si>
  <si>
    <t>cg05391423</t>
  </si>
  <si>
    <t>cg05391643</t>
  </si>
  <si>
    <t>cg05392737</t>
  </si>
  <si>
    <t>cg05392792</t>
  </si>
  <si>
    <t>cg05393023</t>
  </si>
  <si>
    <t>cg05393578</t>
  </si>
  <si>
    <t>cg05395321</t>
  </si>
  <si>
    <t>cg05395648</t>
  </si>
  <si>
    <t>cg05395998</t>
  </si>
  <si>
    <t>cg05396044</t>
  </si>
  <si>
    <t>cg05396298</t>
  </si>
  <si>
    <t>cg05397039</t>
  </si>
  <si>
    <t>cg05397202</t>
  </si>
  <si>
    <t>cg05397609</t>
  </si>
  <si>
    <t>cg05398095</t>
  </si>
  <si>
    <t>cg05399872</t>
  </si>
  <si>
    <t>cg05400869</t>
  </si>
  <si>
    <t>cg05402131</t>
  </si>
  <si>
    <t>cg05410790</t>
  </si>
  <si>
    <t>cg05412139</t>
  </si>
  <si>
    <t>cg05413451</t>
  </si>
  <si>
    <t>cg05414613</t>
  </si>
  <si>
    <t>cg05415378</t>
  </si>
  <si>
    <t>cg05423529</t>
  </si>
  <si>
    <t>cg05440289</t>
  </si>
  <si>
    <t>cg05442408</t>
  </si>
  <si>
    <t>cg05446994</t>
  </si>
  <si>
    <t>cg05455036</t>
  </si>
  <si>
    <t>cg05460716</t>
  </si>
  <si>
    <t>cg05460949</t>
  </si>
  <si>
    <t>cg05462761</t>
  </si>
  <si>
    <t>cg05463119</t>
  </si>
  <si>
    <t>cg05463325</t>
  </si>
  <si>
    <t>cg05464302</t>
  </si>
  <si>
    <t>cg05470502</t>
  </si>
  <si>
    <t>cg05473804</t>
  </si>
  <si>
    <t>cg05475156</t>
  </si>
  <si>
    <t>cg05475904</t>
  </si>
  <si>
    <t>cg05477024</t>
  </si>
  <si>
    <t>cg05488833</t>
  </si>
  <si>
    <t>cg05488984</t>
  </si>
  <si>
    <t>cg05491852</t>
  </si>
  <si>
    <t>cg05492605</t>
  </si>
  <si>
    <t>cg05494069</t>
  </si>
  <si>
    <t>cg05505459</t>
  </si>
  <si>
    <t>cg05508558</t>
  </si>
  <si>
    <t>cg05511392</t>
  </si>
  <si>
    <t>cg05520109</t>
  </si>
  <si>
    <t>cg05521659</t>
  </si>
  <si>
    <t>cg05523254</t>
  </si>
  <si>
    <t>cg05523897</t>
  </si>
  <si>
    <t>cg05523906</t>
  </si>
  <si>
    <t>cg05524246</t>
  </si>
  <si>
    <t>cg05525368</t>
  </si>
  <si>
    <t>cg05526099</t>
  </si>
  <si>
    <t>cg05527459</t>
  </si>
  <si>
    <t>cg05527507</t>
  </si>
  <si>
    <t>cg05527530</t>
  </si>
  <si>
    <t>cg05528516</t>
  </si>
  <si>
    <t>cg05530459</t>
  </si>
  <si>
    <t>cg05532239</t>
  </si>
  <si>
    <t>cg05536984</t>
  </si>
  <si>
    <t>cg05538983</t>
  </si>
  <si>
    <t>cg05539515</t>
  </si>
  <si>
    <t>cg05549769</t>
  </si>
  <si>
    <t>cg05560333</t>
  </si>
  <si>
    <t>cg05560725</t>
  </si>
  <si>
    <t>cg05563388</t>
  </si>
  <si>
    <t>cg05565282</t>
  </si>
  <si>
    <t>cg05565562</t>
  </si>
  <si>
    <t>cg05573412</t>
  </si>
  <si>
    <t>cg05589454</t>
  </si>
  <si>
    <t>cg05590196</t>
  </si>
  <si>
    <t>cg05590442</t>
  </si>
  <si>
    <t>cg05590755</t>
  </si>
  <si>
    <t>cg05591605</t>
  </si>
  <si>
    <t>cg05591769</t>
  </si>
  <si>
    <t>cg05596294</t>
  </si>
  <si>
    <t>cg05596383</t>
  </si>
  <si>
    <t>cg05597748</t>
  </si>
  <si>
    <t>cg05598969</t>
  </si>
  <si>
    <t>cg05599320</t>
  </si>
  <si>
    <t>cg05599337</t>
  </si>
  <si>
    <t>cg05599723</t>
  </si>
  <si>
    <t>cg05600023</t>
  </si>
  <si>
    <t>cg05600044</t>
  </si>
  <si>
    <t>cg05602648</t>
  </si>
  <si>
    <t>cg05603985</t>
  </si>
  <si>
    <t>cg05605921</t>
  </si>
  <si>
    <t>cg05606799</t>
  </si>
  <si>
    <t>cg05609059</t>
  </si>
  <si>
    <t>cg05610148</t>
  </si>
  <si>
    <t>cg05612904</t>
  </si>
  <si>
    <t>cg05617886</t>
  </si>
  <si>
    <t>cg05622465</t>
  </si>
  <si>
    <t>cg05626128</t>
  </si>
  <si>
    <t>cg05626664</t>
  </si>
  <si>
    <t>cg05628390</t>
  </si>
  <si>
    <t>cg05628400</t>
  </si>
  <si>
    <t>cg05628625</t>
  </si>
  <si>
    <t>cg05629350</t>
  </si>
  <si>
    <t>cg05638165</t>
  </si>
  <si>
    <t>cg05638287</t>
  </si>
  <si>
    <t>cg05641278</t>
  </si>
  <si>
    <t>cg05641351</t>
  </si>
  <si>
    <t>cg05641439</t>
  </si>
  <si>
    <t>cg05641535</t>
  </si>
  <si>
    <t>cg05643453</t>
  </si>
  <si>
    <t>cg05643503</t>
  </si>
  <si>
    <t>cg05643592</t>
  </si>
  <si>
    <t>cg05644049</t>
  </si>
  <si>
    <t>cg05646865</t>
  </si>
  <si>
    <t>cg05649922</t>
  </si>
  <si>
    <t>cg05650171</t>
  </si>
  <si>
    <t>cg05652480</t>
  </si>
  <si>
    <t>cg05652547</t>
  </si>
  <si>
    <t>cg05652840</t>
  </si>
  <si>
    <t>cg05653018</t>
  </si>
  <si>
    <t>cg05654304</t>
  </si>
  <si>
    <t>cg05654925</t>
  </si>
  <si>
    <t>cg05655022</t>
  </si>
  <si>
    <t>cg05656486</t>
  </si>
  <si>
    <t>cg05656812</t>
  </si>
  <si>
    <t>cg05657581</t>
  </si>
  <si>
    <t>cg05658236</t>
  </si>
  <si>
    <t>cg05658491</t>
  </si>
  <si>
    <t>cg05658549</t>
  </si>
  <si>
    <t>cg05658807</t>
  </si>
  <si>
    <t>cg05659314</t>
  </si>
  <si>
    <t>cg05659526</t>
  </si>
  <si>
    <t>cg05659741</t>
  </si>
  <si>
    <t>cg05659947</t>
  </si>
  <si>
    <t>cg05660611</t>
  </si>
  <si>
    <t>cg05661060</t>
  </si>
  <si>
    <t>cg05661441</t>
  </si>
  <si>
    <t>cg05663262</t>
  </si>
  <si>
    <t>cg05663480</t>
  </si>
  <si>
    <t>cg05670408</t>
  </si>
  <si>
    <t>cg05671762</t>
  </si>
  <si>
    <t>cg05673731</t>
  </si>
  <si>
    <t>cg05674944</t>
  </si>
  <si>
    <t>cg05677478</t>
  </si>
  <si>
    <t>cg05679397</t>
  </si>
  <si>
    <t>cg05687930</t>
  </si>
  <si>
    <t>cg05690088</t>
  </si>
  <si>
    <t>cg05695384</t>
  </si>
  <si>
    <t>cg05695876</t>
  </si>
  <si>
    <t>cg05696931</t>
  </si>
  <si>
    <t>cg05697274</t>
  </si>
  <si>
    <t>cg05697587</t>
  </si>
  <si>
    <t>cg05697909</t>
  </si>
  <si>
    <t>cg05699304</t>
  </si>
  <si>
    <t>cg05700129</t>
  </si>
  <si>
    <t>cg05700447</t>
  </si>
  <si>
    <t>cg05701431</t>
  </si>
  <si>
    <t>cg05701590</t>
  </si>
  <si>
    <t>cg05702207</t>
  </si>
  <si>
    <t>cg05704196</t>
  </si>
  <si>
    <t>cg05704832</t>
  </si>
  <si>
    <t>cg05705605</t>
  </si>
  <si>
    <t>cg05706649</t>
  </si>
  <si>
    <t>cg05707463</t>
  </si>
  <si>
    <t>cg05708073</t>
  </si>
  <si>
    <t>cg05711688</t>
  </si>
  <si>
    <t>cg05712010</t>
  </si>
  <si>
    <t>cg05712125</t>
  </si>
  <si>
    <t>cg05715649</t>
  </si>
  <si>
    <t>cg05718015</t>
  </si>
  <si>
    <t>cg05719392</t>
  </si>
  <si>
    <t>cg05722456</t>
  </si>
  <si>
    <t>cg05722993</t>
  </si>
  <si>
    <t>cg05724097</t>
  </si>
  <si>
    <t>cg05725004</t>
  </si>
  <si>
    <t>cg05726701</t>
  </si>
  <si>
    <t>cg05729000</t>
  </si>
  <si>
    <t>cg05740418</t>
  </si>
  <si>
    <t>cg05742354</t>
  </si>
  <si>
    <t>cg05746024</t>
  </si>
  <si>
    <t>cg05749969</t>
  </si>
  <si>
    <t>cg05750047</t>
  </si>
  <si>
    <t>cg05750598</t>
  </si>
  <si>
    <t>cg05750884</t>
  </si>
  <si>
    <t>cg05753486</t>
  </si>
  <si>
    <t>cg05755889</t>
  </si>
  <si>
    <t>cg05756492</t>
  </si>
  <si>
    <t>cg05756780</t>
  </si>
  <si>
    <t>cg05757654</t>
  </si>
  <si>
    <t>cg05759316</t>
  </si>
  <si>
    <t>cg05761076</t>
  </si>
  <si>
    <t>cg05761882</t>
  </si>
  <si>
    <t>cg05762852</t>
  </si>
  <si>
    <t>cg05763032</t>
  </si>
  <si>
    <t>cg05764238</t>
  </si>
  <si>
    <t>cg05765466</t>
  </si>
  <si>
    <t>cg05766761</t>
  </si>
  <si>
    <t>cg05767015</t>
  </si>
  <si>
    <t>cg05767254</t>
  </si>
  <si>
    <t>cg05767561</t>
  </si>
  <si>
    <t>cg05768362</t>
  </si>
  <si>
    <t>cg05769206</t>
  </si>
  <si>
    <t>cg05771261</t>
  </si>
  <si>
    <t>cg05771459</t>
  </si>
  <si>
    <t>cg05772532</t>
  </si>
  <si>
    <t>cg05773155</t>
  </si>
  <si>
    <t>cg05775746</t>
  </si>
  <si>
    <t>cg05776075</t>
  </si>
  <si>
    <t>cg05776488</t>
  </si>
  <si>
    <t>cg05776630</t>
  </si>
  <si>
    <t>cg05777583</t>
  </si>
  <si>
    <t>cg05778820</t>
  </si>
  <si>
    <t>cg05780006</t>
  </si>
  <si>
    <t>cg05780177</t>
  </si>
  <si>
    <t>cg05782377</t>
  </si>
  <si>
    <t>cg05782471</t>
  </si>
  <si>
    <t>cg05783223</t>
  </si>
  <si>
    <t>cg05783585</t>
  </si>
  <si>
    <t>cg05784532</t>
  </si>
  <si>
    <t>cg05785811</t>
  </si>
  <si>
    <t>cg05785988</t>
  </si>
  <si>
    <t>cg05786314</t>
  </si>
  <si>
    <t>cg05787035</t>
  </si>
  <si>
    <t>cg05787043</t>
  </si>
  <si>
    <t>cg05788548</t>
  </si>
  <si>
    <t>cg05789637</t>
  </si>
  <si>
    <t>cg05790380</t>
  </si>
  <si>
    <t>cg05791411</t>
  </si>
  <si>
    <t>cg05791506</t>
  </si>
  <si>
    <t>cg05793409</t>
  </si>
  <si>
    <t>cg05793930</t>
  </si>
  <si>
    <t>cg05794044</t>
  </si>
  <si>
    <t>cg05795390</t>
  </si>
  <si>
    <t>cg05797178</t>
  </si>
  <si>
    <t>cg05797463</t>
  </si>
  <si>
    <t>cg05797615</t>
  </si>
  <si>
    <t>cg05799343</t>
  </si>
  <si>
    <t>cg05799411</t>
  </si>
  <si>
    <t>cg05800014</t>
  </si>
  <si>
    <t>cg05802169</t>
  </si>
  <si>
    <t>cg05803596</t>
  </si>
  <si>
    <t>cg05807768</t>
  </si>
  <si>
    <t>cg05807885</t>
  </si>
  <si>
    <t>cg05808004</t>
  </si>
  <si>
    <t>cg05808124</t>
  </si>
  <si>
    <t>cg05808226</t>
  </si>
  <si>
    <t>cg05808356</t>
  </si>
  <si>
    <t>cg05808709</t>
  </si>
  <si>
    <t>cg05809481</t>
  </si>
  <si>
    <t>cg05813084</t>
  </si>
  <si>
    <t>cg05813650</t>
  </si>
  <si>
    <t>cg05813995</t>
  </si>
  <si>
    <t>cg05814027</t>
  </si>
  <si>
    <t>cg05814106</t>
  </si>
  <si>
    <t>cg05814135</t>
  </si>
  <si>
    <t>cg05816157</t>
  </si>
  <si>
    <t>cg05817552</t>
  </si>
  <si>
    <t>cg05819296</t>
  </si>
  <si>
    <t>cg05820241</t>
  </si>
  <si>
    <t>cg05820435</t>
  </si>
  <si>
    <t>cg05821866</t>
  </si>
  <si>
    <t>cg05822179</t>
  </si>
  <si>
    <t>cg05824755</t>
  </si>
  <si>
    <t>cg05825950</t>
  </si>
  <si>
    <t>cg05827631</t>
  </si>
  <si>
    <t>cg05836788</t>
  </si>
  <si>
    <t>cg05838104</t>
  </si>
  <si>
    <t>cg05844789</t>
  </si>
  <si>
    <t>cg05848175</t>
  </si>
  <si>
    <t>cg05860313</t>
  </si>
  <si>
    <t>cg05866021</t>
  </si>
  <si>
    <t>cg05869122</t>
  </si>
  <si>
    <t>cg05871607</t>
  </si>
  <si>
    <t>cg05874270</t>
  </si>
  <si>
    <t>cg05879527</t>
  </si>
  <si>
    <t>cg05885647</t>
  </si>
  <si>
    <t>cg05888252</t>
  </si>
  <si>
    <t>cg05888583</t>
  </si>
  <si>
    <t>cg05888707</t>
  </si>
  <si>
    <t>cg05892773</t>
  </si>
  <si>
    <t>cg05893300</t>
  </si>
  <si>
    <t>cg05898524</t>
  </si>
  <si>
    <t>cg05899118</t>
  </si>
  <si>
    <t>cg05903985</t>
  </si>
  <si>
    <t>cg05907029</t>
  </si>
  <si>
    <t>cg05909475</t>
  </si>
  <si>
    <t>cg05920420</t>
  </si>
  <si>
    <t>cg05920908</t>
  </si>
  <si>
    <t>cg05920909</t>
  </si>
  <si>
    <t>cg05922993</t>
  </si>
  <si>
    <t>cg05923103</t>
  </si>
  <si>
    <t>cg05924583</t>
  </si>
  <si>
    <t>cg05925577</t>
  </si>
  <si>
    <t>cg05925894</t>
  </si>
  <si>
    <t>cg05926640</t>
  </si>
  <si>
    <t>cg05927068</t>
  </si>
  <si>
    <t>cg05927274</t>
  </si>
  <si>
    <t>cg05927645</t>
  </si>
  <si>
    <t>cg05928218</t>
  </si>
  <si>
    <t>cg05928611</t>
  </si>
  <si>
    <t>cg05929117</t>
  </si>
  <si>
    <t>cg05930162</t>
  </si>
  <si>
    <t>cg05930166</t>
  </si>
  <si>
    <t>cg05930173</t>
  </si>
  <si>
    <t>cg05933510</t>
  </si>
  <si>
    <t>cg05934012</t>
  </si>
  <si>
    <t>cg05934660</t>
  </si>
  <si>
    <t>cg05935052</t>
  </si>
  <si>
    <t>cg05936300</t>
  </si>
  <si>
    <t>cg05936875</t>
  </si>
  <si>
    <t>cg05937445</t>
  </si>
  <si>
    <t>cg05938177</t>
  </si>
  <si>
    <t>cg05938623</t>
  </si>
  <si>
    <t>cg05938725</t>
  </si>
  <si>
    <t>cg05938958</t>
  </si>
  <si>
    <t>cg05941819</t>
  </si>
  <si>
    <t>cg05941840</t>
  </si>
  <si>
    <t>cg05941864</t>
  </si>
  <si>
    <t>cg05944661</t>
  </si>
  <si>
    <t>cg05945425</t>
  </si>
  <si>
    <t>cg05946081</t>
  </si>
  <si>
    <t>cg05946640</t>
  </si>
  <si>
    <t>cg05946692</t>
  </si>
  <si>
    <t>cg05947649</t>
  </si>
  <si>
    <t>cg05949020</t>
  </si>
  <si>
    <t>cg05950212</t>
  </si>
  <si>
    <t>cg05950833</t>
  </si>
  <si>
    <t>cg05951219</t>
  </si>
  <si>
    <t>cg05951776</t>
  </si>
  <si>
    <t>cg05951828</t>
  </si>
  <si>
    <t>cg05952379</t>
  </si>
  <si>
    <t>cg05954120</t>
  </si>
  <si>
    <t>cg05954884</t>
  </si>
  <si>
    <t>cg05954918</t>
  </si>
  <si>
    <t>cg05955036</t>
  </si>
  <si>
    <t>cg05956521</t>
  </si>
  <si>
    <t>cg05956608</t>
  </si>
  <si>
    <t>cg05957703</t>
  </si>
  <si>
    <t>cg05957749</t>
  </si>
  <si>
    <t>cg05959381</t>
  </si>
  <si>
    <t>cg05959980</t>
  </si>
  <si>
    <t>cg05961348</t>
  </si>
  <si>
    <t>cg05961374</t>
  </si>
  <si>
    <t>cg05965334</t>
  </si>
  <si>
    <t>cg05966837</t>
  </si>
  <si>
    <t>cg05967123</t>
  </si>
  <si>
    <t>cg05968052</t>
  </si>
  <si>
    <t>cg05968822</t>
  </si>
  <si>
    <t>cg05969378</t>
  </si>
  <si>
    <t>cg05971061</t>
  </si>
  <si>
    <t>cg05983502</t>
  </si>
  <si>
    <t>cg05996213</t>
  </si>
  <si>
    <t>cg06032919</t>
  </si>
  <si>
    <t>cg06034822</t>
  </si>
  <si>
    <t>cg06034933</t>
  </si>
  <si>
    <t>cg06035250</t>
  </si>
  <si>
    <t>cg06036236</t>
  </si>
  <si>
    <t>cg06036239</t>
  </si>
  <si>
    <t>cg06036677</t>
  </si>
  <si>
    <t>cg06046369</t>
  </si>
  <si>
    <t>cg06051154</t>
  </si>
  <si>
    <t>cg06059663</t>
  </si>
  <si>
    <t>cg06059680</t>
  </si>
  <si>
    <t>cg06060874</t>
  </si>
  <si>
    <t>cg06063714</t>
  </si>
  <si>
    <t>cg06064990</t>
  </si>
  <si>
    <t>cg06066711</t>
  </si>
  <si>
    <t>cg06070002</t>
  </si>
  <si>
    <t>cg06080026</t>
  </si>
  <si>
    <t>cg06080300</t>
  </si>
  <si>
    <t>cg06081361</t>
  </si>
  <si>
    <t>cg06082050</t>
  </si>
  <si>
    <t>cg06082897</t>
  </si>
  <si>
    <t>cg06083525</t>
  </si>
  <si>
    <t>cg06085683</t>
  </si>
  <si>
    <t>cg06085726</t>
  </si>
  <si>
    <t>cg06086611</t>
  </si>
  <si>
    <t>cg06086731</t>
  </si>
  <si>
    <t>cg06087610</t>
  </si>
  <si>
    <t>cg06088759</t>
  </si>
  <si>
    <t>cg06088858</t>
  </si>
  <si>
    <t>cg06089684</t>
  </si>
  <si>
    <t>cg06089960</t>
  </si>
  <si>
    <t>cg06089988</t>
  </si>
  <si>
    <t>cg06090275</t>
  </si>
  <si>
    <t>cg06090867</t>
  </si>
  <si>
    <t>cg06092084</t>
  </si>
  <si>
    <t>cg06092310</t>
  </si>
  <si>
    <t>cg06092869</t>
  </si>
  <si>
    <t>cg06093152</t>
  </si>
  <si>
    <t>cg06094126</t>
  </si>
  <si>
    <t>cg06094482</t>
  </si>
  <si>
    <t>cg06094815</t>
  </si>
  <si>
    <t>cg06095093</t>
  </si>
  <si>
    <t>cg06095202</t>
  </si>
  <si>
    <t>cg06095777</t>
  </si>
  <si>
    <t>cg06098976</t>
  </si>
  <si>
    <t>cg06099303</t>
  </si>
  <si>
    <t>cg06099439</t>
  </si>
  <si>
    <t>cg06100291</t>
  </si>
  <si>
    <t>cg06100368</t>
  </si>
  <si>
    <t>cg06100560</t>
  </si>
  <si>
    <t>cg06100762</t>
  </si>
  <si>
    <t>cg06101225</t>
  </si>
  <si>
    <t>cg06101324</t>
  </si>
  <si>
    <t>cg06106793</t>
  </si>
  <si>
    <t>cg06114363</t>
  </si>
  <si>
    <t>cg06116757</t>
  </si>
  <si>
    <t>cg06118122</t>
  </si>
  <si>
    <t>cg06120404</t>
  </si>
  <si>
    <t>cg06121192</t>
  </si>
  <si>
    <t>cg06123252</t>
  </si>
  <si>
    <t>cg06124285</t>
  </si>
  <si>
    <t>cg06125456</t>
  </si>
  <si>
    <t>cg06143087</t>
  </si>
  <si>
    <t>cg06150468</t>
  </si>
  <si>
    <t>cg06151567</t>
  </si>
  <si>
    <t>cg06154570</t>
  </si>
  <si>
    <t>cg06155620</t>
  </si>
  <si>
    <t>cg06156157</t>
  </si>
  <si>
    <t>cg06156448</t>
  </si>
  <si>
    <t>cg06157219</t>
  </si>
  <si>
    <t>cg06157285</t>
  </si>
  <si>
    <t>cg06158650</t>
  </si>
  <si>
    <t>cg06159394</t>
  </si>
  <si>
    <t>cg06160530</t>
  </si>
  <si>
    <t>cg06160669</t>
  </si>
  <si>
    <t>cg06161375</t>
  </si>
  <si>
    <t>cg06161657</t>
  </si>
  <si>
    <t>cg06163270</t>
  </si>
  <si>
    <t>cg06165395</t>
  </si>
  <si>
    <t>cg06173682</t>
  </si>
  <si>
    <t>cg06173758</t>
  </si>
  <si>
    <t>cg06174563</t>
  </si>
  <si>
    <t>cg06174704</t>
  </si>
  <si>
    <t>cg06174882</t>
  </si>
  <si>
    <t>cg06175512</t>
  </si>
  <si>
    <t>cg06175773</t>
  </si>
  <si>
    <t>cg06176471</t>
  </si>
  <si>
    <t>cg06176608</t>
  </si>
  <si>
    <t>cg06178123</t>
  </si>
  <si>
    <t>cg06178299</t>
  </si>
  <si>
    <t>cg06178308</t>
  </si>
  <si>
    <t>cg06178315</t>
  </si>
  <si>
    <t>cg06179485</t>
  </si>
  <si>
    <t>cg06179645</t>
  </si>
  <si>
    <t>cg06180099</t>
  </si>
  <si>
    <t>cg06181069</t>
  </si>
  <si>
    <t>cg06182121</t>
  </si>
  <si>
    <t>cg06182359</t>
  </si>
  <si>
    <t>cg06183287</t>
  </si>
  <si>
    <t>cg06183849</t>
  </si>
  <si>
    <t>cg06186150</t>
  </si>
  <si>
    <t>cg06186450</t>
  </si>
  <si>
    <t>cg06187528</t>
  </si>
  <si>
    <t>cg06188268</t>
  </si>
  <si>
    <t>cg06190406</t>
  </si>
  <si>
    <t>cg06190616</t>
  </si>
  <si>
    <t>cg06190807</t>
  </si>
  <si>
    <t>cg06193043</t>
  </si>
  <si>
    <t>cg06193359</t>
  </si>
  <si>
    <t>cg06197074</t>
  </si>
  <si>
    <t>cg06198312</t>
  </si>
  <si>
    <t>cg06198758</t>
  </si>
  <si>
    <t>cg06200670</t>
  </si>
  <si>
    <t>cg06201642</t>
  </si>
  <si>
    <t>cg06202149</t>
  </si>
  <si>
    <t>cg06203102</t>
  </si>
  <si>
    <t>cg06203720</t>
  </si>
  <si>
    <t>cg06203976</t>
  </si>
  <si>
    <t>cg06204101</t>
  </si>
  <si>
    <t>cg06204711</t>
  </si>
  <si>
    <t>cg06204838</t>
  </si>
  <si>
    <t>cg06207650</t>
  </si>
  <si>
    <t>cg06207804</t>
  </si>
  <si>
    <t>cg06207961</t>
  </si>
  <si>
    <t>cg06208270</t>
  </si>
  <si>
    <t>cg06208834</t>
  </si>
  <si>
    <t>cg06208989</t>
  </si>
  <si>
    <t>cg06209197</t>
  </si>
  <si>
    <t>cg06209491</t>
  </si>
  <si>
    <t>cg06209689</t>
  </si>
  <si>
    <t>cg06210630</t>
  </si>
  <si>
    <t>cg06211272</t>
  </si>
  <si>
    <t>cg06211871</t>
  </si>
  <si>
    <t>cg06212361</t>
  </si>
  <si>
    <t>cg06212607</t>
  </si>
  <si>
    <t>cg06213484</t>
  </si>
  <si>
    <t>cg06213763</t>
  </si>
  <si>
    <t>cg06214853</t>
  </si>
  <si>
    <t>cg06215416</t>
  </si>
  <si>
    <t>cg06215984</t>
  </si>
  <si>
    <t>cg06216065</t>
  </si>
  <si>
    <t>cg06216293</t>
  </si>
  <si>
    <t>cg06216408</t>
  </si>
  <si>
    <t>cg06219995</t>
  </si>
  <si>
    <t>cg06221394</t>
  </si>
  <si>
    <t>cg06221609</t>
  </si>
  <si>
    <t>cg06223162</t>
  </si>
  <si>
    <t>cg06231244</t>
  </si>
  <si>
    <t>cg06237414</t>
  </si>
  <si>
    <t>cg06239131</t>
  </si>
  <si>
    <t>cg06244002</t>
  </si>
  <si>
    <t>cg06258549</t>
  </si>
  <si>
    <t>cg06261630</t>
  </si>
  <si>
    <t>cg06267617</t>
  </si>
  <si>
    <t>cg06268921</t>
  </si>
  <si>
    <t>cg06269928</t>
  </si>
  <si>
    <t>cg06275808</t>
  </si>
  <si>
    <t>cg06277277</t>
  </si>
  <si>
    <t>cg06281016</t>
  </si>
  <si>
    <t>cg06287288</t>
  </si>
  <si>
    <t>cg06298740</t>
  </si>
  <si>
    <t>cg06299537</t>
  </si>
  <si>
    <t>cg06308188</t>
  </si>
  <si>
    <t>cg06312477</t>
  </si>
  <si>
    <t>cg06313507</t>
  </si>
  <si>
    <t>cg06315149</t>
  </si>
  <si>
    <t>cg06315177</t>
  </si>
  <si>
    <t>cg06315347</t>
  </si>
  <si>
    <t>cg06317351</t>
  </si>
  <si>
    <t>cg06318402</t>
  </si>
  <si>
    <t>cg06318676</t>
  </si>
  <si>
    <t>cg06319713</t>
  </si>
  <si>
    <t>cg06321300</t>
  </si>
  <si>
    <t>cg06322310</t>
  </si>
  <si>
    <t>cg06323521</t>
  </si>
  <si>
    <t>cg06324192</t>
  </si>
  <si>
    <t>cg06327150</t>
  </si>
  <si>
    <t>cg06334284</t>
  </si>
  <si>
    <t>cg06335143</t>
  </si>
  <si>
    <t>cg06338710</t>
  </si>
  <si>
    <t>cg06342283</t>
  </si>
  <si>
    <t>cg06346362</t>
  </si>
  <si>
    <t>cg06348038</t>
  </si>
  <si>
    <t>cg06348826</t>
  </si>
  <si>
    <t>cg06348851</t>
  </si>
  <si>
    <t>cg06350161</t>
  </si>
  <si>
    <t>cg06350257</t>
  </si>
  <si>
    <t>cg06352370</t>
  </si>
  <si>
    <t>cg06352855</t>
  </si>
  <si>
    <t>cg06353330</t>
  </si>
  <si>
    <t>cg06353614</t>
  </si>
  <si>
    <t>cg06354193</t>
  </si>
  <si>
    <t>cg06354519</t>
  </si>
  <si>
    <t>cg06355720</t>
  </si>
  <si>
    <t>cg06356032</t>
  </si>
  <si>
    <t>cg06356333</t>
  </si>
  <si>
    <t>cg06356708</t>
  </si>
  <si>
    <t>cg06358171</t>
  </si>
  <si>
    <t>cg06358218</t>
  </si>
  <si>
    <t>cg06359931</t>
  </si>
  <si>
    <t>cg06360543</t>
  </si>
  <si>
    <t>cg06360604</t>
  </si>
  <si>
    <t>cg06361006</t>
  </si>
  <si>
    <t>cg06361606</t>
  </si>
  <si>
    <t>cg06361835</t>
  </si>
  <si>
    <t>cg06363214</t>
  </si>
  <si>
    <t>cg06363275</t>
  </si>
  <si>
    <t>cg06365898</t>
  </si>
  <si>
    <t>cg06366009</t>
  </si>
  <si>
    <t>cg06366107</t>
  </si>
  <si>
    <t>cg06366189</t>
  </si>
  <si>
    <t>cg06366791</t>
  </si>
  <si>
    <t>cg06367135</t>
  </si>
  <si>
    <t>cg06368118</t>
  </si>
  <si>
    <t>cg06369076</t>
  </si>
  <si>
    <t>cg06369407</t>
  </si>
  <si>
    <t>cg06369443</t>
  </si>
  <si>
    <t>cg06370650</t>
  </si>
  <si>
    <t>cg06370771</t>
  </si>
  <si>
    <t>cg06373167</t>
  </si>
  <si>
    <t>cg06374204</t>
  </si>
  <si>
    <t>cg06374307</t>
  </si>
  <si>
    <t>cg06375148</t>
  </si>
  <si>
    <t>cg06375539</t>
  </si>
  <si>
    <t>cg06376214</t>
  </si>
  <si>
    <t>cg06376426</t>
  </si>
  <si>
    <t>cg06376715</t>
  </si>
  <si>
    <t>cg06377684</t>
  </si>
  <si>
    <t>cg06378244</t>
  </si>
  <si>
    <t>cg06380039</t>
  </si>
  <si>
    <t>cg06380157</t>
  </si>
  <si>
    <t>cg06380199</t>
  </si>
  <si>
    <t>cg06381964</t>
  </si>
  <si>
    <t>cg06384463</t>
  </si>
  <si>
    <t>cg06393286</t>
  </si>
  <si>
    <t>cg06393354</t>
  </si>
  <si>
    <t>cg06395634</t>
  </si>
  <si>
    <t>cg06398244</t>
  </si>
  <si>
    <t>cg06400301</t>
  </si>
  <si>
    <t>cg06400699</t>
  </si>
  <si>
    <t>cg06402325</t>
  </si>
  <si>
    <t>cg06408034</t>
  </si>
  <si>
    <t>cg06408550</t>
  </si>
  <si>
    <t>cg06409308</t>
  </si>
  <si>
    <t>cg06415891</t>
  </si>
  <si>
    <t>cg06418412</t>
  </si>
  <si>
    <t>cg06419270</t>
  </si>
  <si>
    <t>cg06420088</t>
  </si>
  <si>
    <t>cg06426831</t>
  </si>
  <si>
    <t>cg06432479</t>
  </si>
  <si>
    <t>cg06433658</t>
  </si>
  <si>
    <t>cg06436673</t>
  </si>
  <si>
    <t>cg06437052</t>
  </si>
  <si>
    <t>cg06437747</t>
  </si>
  <si>
    <t>cg06438056</t>
  </si>
  <si>
    <t>cg06440946</t>
  </si>
  <si>
    <t>cg06441106</t>
  </si>
  <si>
    <t>cg06441116</t>
  </si>
  <si>
    <t>cg06442097</t>
  </si>
  <si>
    <t>cg06446824</t>
  </si>
  <si>
    <t>cg06447341</t>
  </si>
  <si>
    <t>cg06452576</t>
  </si>
  <si>
    <t>cg06453691</t>
  </si>
  <si>
    <t>cg06455470</t>
  </si>
  <si>
    <t>cg06470943</t>
  </si>
  <si>
    <t>cg06473539</t>
  </si>
  <si>
    <t>cg06475894</t>
  </si>
  <si>
    <t>cg06487986</t>
  </si>
  <si>
    <t>cg06488081</t>
  </si>
  <si>
    <t>cg06492206</t>
  </si>
  <si>
    <t>cg06497051</t>
  </si>
  <si>
    <t>cg06501835</t>
  </si>
  <si>
    <t>cg06507987</t>
  </si>
  <si>
    <t>cg06509993</t>
  </si>
  <si>
    <t>cg06511330</t>
  </si>
  <si>
    <t>cg06511482</t>
  </si>
  <si>
    <t>cg06512128</t>
  </si>
  <si>
    <t>cg06512918</t>
  </si>
  <si>
    <t>cg06513673</t>
  </si>
  <si>
    <t>cg06513818</t>
  </si>
  <si>
    <t>cg06514727</t>
  </si>
  <si>
    <t>cg06517798</t>
  </si>
  <si>
    <t>cg06517940</t>
  </si>
  <si>
    <t>cg06518708</t>
  </si>
  <si>
    <t>cg06520508</t>
  </si>
  <si>
    <t>cg06521299</t>
  </si>
  <si>
    <t>cg06521359</t>
  </si>
  <si>
    <t>cg06521970</t>
  </si>
  <si>
    <t>cg06526522</t>
  </si>
  <si>
    <t>cg06526872</t>
  </si>
  <si>
    <t>cg06526960</t>
  </si>
  <si>
    <t>cg06527153</t>
  </si>
  <si>
    <t>cg06527919</t>
  </si>
  <si>
    <t>cg06528645</t>
  </si>
  <si>
    <t>cg06528936</t>
  </si>
  <si>
    <t>cg06529149</t>
  </si>
  <si>
    <t>cg06529818</t>
  </si>
  <si>
    <t>cg06530443</t>
  </si>
  <si>
    <t>cg06530725</t>
  </si>
  <si>
    <t>cg06531379</t>
  </si>
  <si>
    <t>cg06533233</t>
  </si>
  <si>
    <t>cg06533314</t>
  </si>
  <si>
    <t>cg06535102</t>
  </si>
  <si>
    <t>cg06535441</t>
  </si>
  <si>
    <t>cg06536967</t>
  </si>
  <si>
    <t>cg06537131</t>
  </si>
  <si>
    <t>cg06537372</t>
  </si>
  <si>
    <t>cg06538888</t>
  </si>
  <si>
    <t>cg06541188</t>
  </si>
  <si>
    <t>cg06541795</t>
  </si>
  <si>
    <t>cg06542806</t>
  </si>
  <si>
    <t>cg06543055</t>
  </si>
  <si>
    <t>cg06544652</t>
  </si>
  <si>
    <t>cg06544731</t>
  </si>
  <si>
    <t>cg06545762</t>
  </si>
  <si>
    <t>cg06545845</t>
  </si>
  <si>
    <t>cg06547175</t>
  </si>
  <si>
    <t>cg06547732</t>
  </si>
  <si>
    <t>cg06548416</t>
  </si>
  <si>
    <t>cg06548512</t>
  </si>
  <si>
    <t>cg06550214</t>
  </si>
  <si>
    <t>cg06556795</t>
  </si>
  <si>
    <t>cg06563695</t>
  </si>
  <si>
    <t>cg06565220</t>
  </si>
  <si>
    <t>cg06577005</t>
  </si>
  <si>
    <t>cg06582752</t>
  </si>
  <si>
    <t>cg06584407</t>
  </si>
  <si>
    <t>cg06585027</t>
  </si>
  <si>
    <t>cg06589885</t>
  </si>
  <si>
    <t>cg06593568</t>
  </si>
  <si>
    <t>cg06595852</t>
  </si>
  <si>
    <t>cg06599927</t>
  </si>
  <si>
    <t>cg06605933</t>
  </si>
  <si>
    <t>cg06606518</t>
  </si>
  <si>
    <t>cg06609427</t>
  </si>
  <si>
    <t>cg06612452</t>
  </si>
  <si>
    <t>cg06614697</t>
  </si>
  <si>
    <t>cg06615154</t>
  </si>
  <si>
    <t>cg06615464</t>
  </si>
  <si>
    <t>cg06617136</t>
  </si>
  <si>
    <t>cg06617975</t>
  </si>
  <si>
    <t>cg06618740</t>
  </si>
  <si>
    <t>cg06620723</t>
  </si>
  <si>
    <t>cg06621080</t>
  </si>
  <si>
    <t>cg06621784</t>
  </si>
  <si>
    <t>cg06622528</t>
  </si>
  <si>
    <t>cg06623268</t>
  </si>
  <si>
    <t>cg06623778</t>
  </si>
  <si>
    <t>cg06624244</t>
  </si>
  <si>
    <t>cg06625004</t>
  </si>
  <si>
    <t>cg06626232</t>
  </si>
  <si>
    <t>cg06626314</t>
  </si>
  <si>
    <t>cg06626655</t>
  </si>
  <si>
    <t>cg06628693</t>
  </si>
  <si>
    <t>cg06629702</t>
  </si>
  <si>
    <t>cg06631184</t>
  </si>
  <si>
    <t>cg06631999</t>
  </si>
  <si>
    <t>cg06632603</t>
  </si>
  <si>
    <t>cg06634732</t>
  </si>
  <si>
    <t>cg06635431</t>
  </si>
  <si>
    <t>cg06637618</t>
  </si>
  <si>
    <t>cg06638529</t>
  </si>
  <si>
    <t>cg06639488</t>
  </si>
  <si>
    <t>cg06640279</t>
  </si>
  <si>
    <t>cg06640630</t>
  </si>
  <si>
    <t>cg06640695</t>
  </si>
  <si>
    <t>cg06641366</t>
  </si>
  <si>
    <t>cg06642219</t>
  </si>
  <si>
    <t>cg06644515</t>
  </si>
  <si>
    <t>cg06645987</t>
  </si>
  <si>
    <t>cg06646021</t>
  </si>
  <si>
    <t>cg06646112</t>
  </si>
  <si>
    <t>cg06646728</t>
  </si>
  <si>
    <t>cg06647600</t>
  </si>
  <si>
    <t>cg06649390</t>
  </si>
  <si>
    <t>cg06649639</t>
  </si>
  <si>
    <t>cg06649737</t>
  </si>
  <si>
    <t>cg06650260</t>
  </si>
  <si>
    <t>cg06650419</t>
  </si>
  <si>
    <t>cg06654076</t>
  </si>
  <si>
    <t>cg06656994</t>
  </si>
  <si>
    <t>cg06658544</t>
  </si>
  <si>
    <t>cg06658816</t>
  </si>
  <si>
    <t>cg06659338</t>
  </si>
  <si>
    <t>cg06659980</t>
  </si>
  <si>
    <t>cg06661242</t>
  </si>
  <si>
    <t>cg06661450</t>
  </si>
  <si>
    <t>cg06668155</t>
  </si>
  <si>
    <t>cg06672652</t>
  </si>
  <si>
    <t>cg06673651</t>
  </si>
  <si>
    <t>cg06676233</t>
  </si>
  <si>
    <t>cg06676847</t>
  </si>
  <si>
    <t>cg06687305</t>
  </si>
  <si>
    <t>cg06692785</t>
  </si>
  <si>
    <t>cg06703375</t>
  </si>
  <si>
    <t>cg06704773</t>
  </si>
  <si>
    <t>cg06706170</t>
  </si>
  <si>
    <t>cg06707168</t>
  </si>
  <si>
    <t>cg06707718</t>
  </si>
  <si>
    <t>cg06709072</t>
  </si>
  <si>
    <t>cg06710101</t>
  </si>
  <si>
    <t>cg06710648</t>
  </si>
  <si>
    <t>cg06711333</t>
  </si>
  <si>
    <t>cg06713297</t>
  </si>
  <si>
    <t>cg06714761</t>
  </si>
  <si>
    <t>cg06717814</t>
  </si>
  <si>
    <t>cg06717841</t>
  </si>
  <si>
    <t>cg06718763</t>
  </si>
  <si>
    <t>cg06720014</t>
  </si>
  <si>
    <t>cg06720467</t>
  </si>
  <si>
    <t>cg06721712</t>
  </si>
  <si>
    <t>cg06722633</t>
  </si>
  <si>
    <t>cg06723829</t>
  </si>
  <si>
    <t>cg06724305</t>
  </si>
  <si>
    <t>cg06724462</t>
  </si>
  <si>
    <t>cg06724693</t>
  </si>
  <si>
    <t>cg06738239</t>
  </si>
  <si>
    <t>cg06738889</t>
  </si>
  <si>
    <t>cg06740440</t>
  </si>
  <si>
    <t>cg06740893</t>
  </si>
  <si>
    <t>cg06740995</t>
  </si>
  <si>
    <t>cg06741726</t>
  </si>
  <si>
    <t>cg06741803</t>
  </si>
  <si>
    <t>cg06742440</t>
  </si>
  <si>
    <t>cg06744003</t>
  </si>
  <si>
    <t>cg06745235</t>
  </si>
  <si>
    <t>cg06745704</t>
  </si>
  <si>
    <t>cg06747288</t>
  </si>
  <si>
    <t>cg06750152</t>
  </si>
  <si>
    <t>cg06750292</t>
  </si>
  <si>
    <t>cg06751920</t>
  </si>
  <si>
    <t>cg06753273</t>
  </si>
  <si>
    <t>cg06754224</t>
  </si>
  <si>
    <t>cg06754987</t>
  </si>
  <si>
    <t>cg06755263</t>
  </si>
  <si>
    <t>cg06755297</t>
  </si>
  <si>
    <t>cg06755365</t>
  </si>
  <si>
    <t>cg06757436</t>
  </si>
  <si>
    <t>cg06757925</t>
  </si>
  <si>
    <t>cg06759632</t>
  </si>
  <si>
    <t>cg06759845</t>
  </si>
  <si>
    <t>cg06760830</t>
  </si>
  <si>
    <t>cg06761377</t>
  </si>
  <si>
    <t>cg06763161</t>
  </si>
  <si>
    <t>cg06763568</t>
  </si>
  <si>
    <t>cg06764239</t>
  </si>
  <si>
    <t>cg06764670</t>
  </si>
  <si>
    <t>cg06766450</t>
  </si>
  <si>
    <t>cg06766579</t>
  </si>
  <si>
    <t>cg06767025</t>
  </si>
  <si>
    <t>cg06767191</t>
  </si>
  <si>
    <t>cg06767701</t>
  </si>
  <si>
    <t>cg06768213</t>
  </si>
  <si>
    <t>cg06769377</t>
  </si>
  <si>
    <t>cg06770735</t>
  </si>
  <si>
    <t>cg06772753</t>
  </si>
  <si>
    <t>cg06772874</t>
  </si>
  <si>
    <t>cg06773033</t>
  </si>
  <si>
    <t>cg06773813</t>
  </si>
  <si>
    <t>cg06775523</t>
  </si>
  <si>
    <t>cg06775570</t>
  </si>
  <si>
    <t>cg06776422</t>
  </si>
  <si>
    <t>cg06776548</t>
  </si>
  <si>
    <t>cg06776741</t>
  </si>
  <si>
    <t>cg06776953</t>
  </si>
  <si>
    <t>cg06776976</t>
  </si>
  <si>
    <t>cg06779113</t>
  </si>
  <si>
    <t>cg06779253</t>
  </si>
  <si>
    <t>cg06780032</t>
  </si>
  <si>
    <t>cg06783003</t>
  </si>
  <si>
    <t>cg06784198</t>
  </si>
  <si>
    <t>cg06784218</t>
  </si>
  <si>
    <t>cg06784691</t>
  </si>
  <si>
    <t>cg06786773</t>
  </si>
  <si>
    <t>cg06786804</t>
  </si>
  <si>
    <t>cg06786860</t>
  </si>
  <si>
    <t>cg06788362</t>
  </si>
  <si>
    <t>cg06789545</t>
  </si>
  <si>
    <t>cg06791328</t>
  </si>
  <si>
    <t>cg06792347</t>
  </si>
  <si>
    <t>cg06792598</t>
  </si>
  <si>
    <t>cg06792911</t>
  </si>
  <si>
    <t>cg06793277</t>
  </si>
  <si>
    <t>cg06793307</t>
  </si>
  <si>
    <t>cg06793402</t>
  </si>
  <si>
    <t>cg06793600</t>
  </si>
  <si>
    <t>cg06794398</t>
  </si>
  <si>
    <t>cg06796096</t>
  </si>
  <si>
    <t>cg06796381</t>
  </si>
  <si>
    <t>cg06798288</t>
  </si>
  <si>
    <t>cg06798878</t>
  </si>
  <si>
    <t>cg06799250</t>
  </si>
  <si>
    <t>cg06799423</t>
  </si>
  <si>
    <t>cg06800301</t>
  </si>
  <si>
    <t>cg06800565</t>
  </si>
  <si>
    <t>cg06801943</t>
  </si>
  <si>
    <t>cg06803184</t>
  </si>
  <si>
    <t>cg06803573</t>
  </si>
  <si>
    <t>cg06803614</t>
  </si>
  <si>
    <t>cg06804411</t>
  </si>
  <si>
    <t>cg06804431</t>
  </si>
  <si>
    <t>cg06804625</t>
  </si>
  <si>
    <t>cg06806477</t>
  </si>
  <si>
    <t>cg06807117</t>
  </si>
  <si>
    <t>cg06807126</t>
  </si>
  <si>
    <t>cg06807641</t>
  </si>
  <si>
    <t>cg06807905</t>
  </si>
  <si>
    <t>cg06808585</t>
  </si>
  <si>
    <t>cg06811467</t>
  </si>
  <si>
    <t>cg06811732</t>
  </si>
  <si>
    <t>cg06812278</t>
  </si>
  <si>
    <t>cg06814194</t>
  </si>
  <si>
    <t>cg06814469</t>
  </si>
  <si>
    <t>cg06814637</t>
  </si>
  <si>
    <t>cg06814792</t>
  </si>
  <si>
    <t>cg06815887</t>
  </si>
  <si>
    <t>cg06817454</t>
  </si>
  <si>
    <t>cg06817455</t>
  </si>
  <si>
    <t>cg06818435</t>
  </si>
  <si>
    <t>cg06819200</t>
  </si>
  <si>
    <t>cg06821274</t>
  </si>
  <si>
    <t>cg06823263</t>
  </si>
  <si>
    <t>cg06824318</t>
  </si>
  <si>
    <t>cg06824467</t>
  </si>
  <si>
    <t>cg06824523</t>
  </si>
  <si>
    <t>cg06825309</t>
  </si>
  <si>
    <t>cg06825317</t>
  </si>
  <si>
    <t>cg06826039</t>
  </si>
  <si>
    <t>cg06826449</t>
  </si>
  <si>
    <t>cg06827256</t>
  </si>
  <si>
    <t>cg06827850</t>
  </si>
  <si>
    <t>cg06827976</t>
  </si>
  <si>
    <t>cg06828127</t>
  </si>
  <si>
    <t>cg06829788</t>
  </si>
  <si>
    <t>cg06829791</t>
  </si>
  <si>
    <t>cg06829969</t>
  </si>
  <si>
    <t>cg06830167</t>
  </si>
  <si>
    <t>cg06830981</t>
  </si>
  <si>
    <t>cg06832042</t>
  </si>
  <si>
    <t>cg06832183</t>
  </si>
  <si>
    <t>cg06832359</t>
  </si>
  <si>
    <t>cg06832985</t>
  </si>
  <si>
    <t>cg06833078</t>
  </si>
  <si>
    <t>cg06833562</t>
  </si>
  <si>
    <t>cg06835744</t>
  </si>
  <si>
    <t>cg06835814</t>
  </si>
  <si>
    <t>cg06835822</t>
  </si>
  <si>
    <t>cg06837040</t>
  </si>
  <si>
    <t>cg06838175</t>
  </si>
  <si>
    <t>cg06838422</t>
  </si>
  <si>
    <t>cg06838427</t>
  </si>
  <si>
    <t>cg06838978</t>
  </si>
  <si>
    <t>cg06839953</t>
  </si>
  <si>
    <t>cg06840154</t>
  </si>
  <si>
    <t>cg06843240</t>
  </si>
  <si>
    <t>cg06846006</t>
  </si>
  <si>
    <t>cg06846752</t>
  </si>
  <si>
    <t>cg06848073</t>
  </si>
  <si>
    <t>cg06848468</t>
  </si>
  <si>
    <t>cg06849504</t>
  </si>
  <si>
    <t>cg06849778</t>
  </si>
  <si>
    <t>cg06849795</t>
  </si>
  <si>
    <t>cg06850597</t>
  </si>
  <si>
    <t>cg06851827</t>
  </si>
  <si>
    <t>cg06852461</t>
  </si>
  <si>
    <t>cg06853416</t>
  </si>
  <si>
    <t>cg06853505</t>
  </si>
  <si>
    <t>cg06853697</t>
  </si>
  <si>
    <t>cg06853894</t>
  </si>
  <si>
    <t>cg06861375</t>
  </si>
  <si>
    <t>cg06865451</t>
  </si>
  <si>
    <t>cg06865749</t>
  </si>
  <si>
    <t>cg06867215</t>
  </si>
  <si>
    <t>cg06867612</t>
  </si>
  <si>
    <t>cg06869171</t>
  </si>
  <si>
    <t>cg06870740</t>
  </si>
  <si>
    <t>cg06871525</t>
  </si>
  <si>
    <t>cg06872036</t>
  </si>
  <si>
    <t>cg06872172</t>
  </si>
  <si>
    <t>cg06872176</t>
  </si>
  <si>
    <t>cg06872770</t>
  </si>
  <si>
    <t>cg06873024</t>
  </si>
  <si>
    <t>cg06874758</t>
  </si>
  <si>
    <t>cg06875162</t>
  </si>
  <si>
    <t>cg06876872</t>
  </si>
  <si>
    <t>cg06876972</t>
  </si>
  <si>
    <t>cg06877462</t>
  </si>
  <si>
    <t>cg06878749</t>
  </si>
  <si>
    <t>cg06880895</t>
  </si>
  <si>
    <t>cg06882058</t>
  </si>
  <si>
    <t>cg06882199</t>
  </si>
  <si>
    <t>cg06882877</t>
  </si>
  <si>
    <t>cg06883089</t>
  </si>
  <si>
    <t>cg06883373</t>
  </si>
  <si>
    <t>cg06883956</t>
  </si>
  <si>
    <t>cg06884882</t>
  </si>
  <si>
    <t>cg06885757</t>
  </si>
  <si>
    <t>cg06885782</t>
  </si>
  <si>
    <t>cg06887407</t>
  </si>
  <si>
    <t>cg06888270</t>
  </si>
  <si>
    <t>cg06888626</t>
  </si>
  <si>
    <t>cg06889348</t>
  </si>
  <si>
    <t>cg06890502</t>
  </si>
  <si>
    <t>cg06890909</t>
  </si>
  <si>
    <t>cg06894381</t>
  </si>
  <si>
    <t>cg06894469</t>
  </si>
  <si>
    <t>cg06894687</t>
  </si>
  <si>
    <t>cg06895313</t>
  </si>
  <si>
    <t>cg06897334</t>
  </si>
  <si>
    <t>cg06897478</t>
  </si>
  <si>
    <t>cg06897860</t>
  </si>
  <si>
    <t>cg06898830</t>
  </si>
  <si>
    <t>cg06899522</t>
  </si>
  <si>
    <t>cg06899530</t>
  </si>
  <si>
    <t>cg06900257</t>
  </si>
  <si>
    <t>cg06902898</t>
  </si>
  <si>
    <t>cg06903031</t>
  </si>
  <si>
    <t>cg06903451</t>
  </si>
  <si>
    <t>cg06905679</t>
  </si>
  <si>
    <t>cg06906555</t>
  </si>
  <si>
    <t>cg06907479</t>
  </si>
  <si>
    <t>cg06908550</t>
  </si>
  <si>
    <t>cg06909630</t>
  </si>
  <si>
    <t>cg06909646</t>
  </si>
  <si>
    <t>cg06910896</t>
  </si>
  <si>
    <t>cg06911113</t>
  </si>
  <si>
    <t>cg06912182</t>
  </si>
  <si>
    <t>cg06912814</t>
  </si>
  <si>
    <t>cg06913744</t>
  </si>
  <si>
    <t>cg06913958</t>
  </si>
  <si>
    <t>cg06914015</t>
  </si>
  <si>
    <t>cg06914949</t>
  </si>
  <si>
    <t>cg06916426</t>
  </si>
  <si>
    <t>cg06917450</t>
  </si>
  <si>
    <t>cg06921573</t>
  </si>
  <si>
    <t>cg06922130</t>
  </si>
  <si>
    <t>cg06926146</t>
  </si>
  <si>
    <t>cg06927217</t>
  </si>
  <si>
    <t>cg06927327</t>
  </si>
  <si>
    <t>cg06928246</t>
  </si>
  <si>
    <t>cg06929152</t>
  </si>
  <si>
    <t>cg06929846</t>
  </si>
  <si>
    <t>cg06932256</t>
  </si>
  <si>
    <t>cg06932756</t>
  </si>
  <si>
    <t>cg06934867</t>
  </si>
  <si>
    <t>cg06935979</t>
  </si>
  <si>
    <t>cg06937495</t>
  </si>
  <si>
    <t>cg06937595</t>
  </si>
  <si>
    <t>cg06938063</t>
  </si>
  <si>
    <t>cg06940574</t>
  </si>
  <si>
    <t>cg06941335</t>
  </si>
  <si>
    <t>cg06941836</t>
  </si>
  <si>
    <t>cg06942064</t>
  </si>
  <si>
    <t>cg06942946</t>
  </si>
  <si>
    <t>cg06943197</t>
  </si>
  <si>
    <t>cg06944249</t>
  </si>
  <si>
    <t>cg06945807</t>
  </si>
  <si>
    <t>cg06947191</t>
  </si>
  <si>
    <t>cg06948089</t>
  </si>
  <si>
    <t>cg06948408</t>
  </si>
  <si>
    <t>cg06948763</t>
  </si>
  <si>
    <t>cg06948937</t>
  </si>
  <si>
    <t>cg06949439</t>
  </si>
  <si>
    <t>cg06949778</t>
  </si>
  <si>
    <t>cg06950946</t>
  </si>
  <si>
    <t>cg06951112</t>
  </si>
  <si>
    <t>cg06951677</t>
  </si>
  <si>
    <t>cg06952577</t>
  </si>
  <si>
    <t>cg06952660</t>
  </si>
  <si>
    <t>cg06953703</t>
  </si>
  <si>
    <t>cg06956052</t>
  </si>
  <si>
    <t>cg06956444</t>
  </si>
  <si>
    <t>cg06956652</t>
  </si>
  <si>
    <t>cg06956784</t>
  </si>
  <si>
    <t>cg06957169</t>
  </si>
  <si>
    <t>cg06958034</t>
  </si>
  <si>
    <t>cg06958535</t>
  </si>
  <si>
    <t>cg06958636</t>
  </si>
  <si>
    <t>cg06959142</t>
  </si>
  <si>
    <t>cg06961071</t>
  </si>
  <si>
    <t>cg06961313</t>
  </si>
  <si>
    <t>cg06964608</t>
  </si>
  <si>
    <t>cg06964912</t>
  </si>
  <si>
    <t>cg06965803</t>
  </si>
  <si>
    <t>cg06966245</t>
  </si>
  <si>
    <t>cg06966277</t>
  </si>
  <si>
    <t>cg06967016</t>
  </si>
  <si>
    <t>cg06967105</t>
  </si>
  <si>
    <t>cg06967436</t>
  </si>
  <si>
    <t>cg06968741</t>
  </si>
  <si>
    <t>cg06969521</t>
  </si>
  <si>
    <t>cg06970451</t>
  </si>
  <si>
    <t>cg06970571</t>
  </si>
  <si>
    <t>cg06970744</t>
  </si>
  <si>
    <t>cg06970772</t>
  </si>
  <si>
    <t>cg06971005</t>
  </si>
  <si>
    <t>cg06972019</t>
  </si>
  <si>
    <t>cg06973225</t>
  </si>
  <si>
    <t>cg06974143</t>
  </si>
  <si>
    <t>cg06974662</t>
  </si>
  <si>
    <t>cg06975592</t>
  </si>
  <si>
    <t>cg06978270</t>
  </si>
  <si>
    <t>cg06979924</t>
  </si>
  <si>
    <t>cg06980173</t>
  </si>
  <si>
    <t>cg06980341</t>
  </si>
  <si>
    <t>cg06980565</t>
  </si>
  <si>
    <t>cg06983715</t>
  </si>
  <si>
    <t>cg06984156</t>
  </si>
  <si>
    <t>cg06985779</t>
  </si>
  <si>
    <t>cg06986989</t>
  </si>
  <si>
    <t>cg06987881</t>
  </si>
  <si>
    <t>cg06989102</t>
  </si>
  <si>
    <t>cg06989253</t>
  </si>
  <si>
    <t>cg06989739</t>
  </si>
  <si>
    <t>cg06990379</t>
  </si>
  <si>
    <t>cg06991148</t>
  </si>
  <si>
    <t>cg06991569</t>
  </si>
  <si>
    <t>cg06991974</t>
  </si>
  <si>
    <t>cg06994589</t>
  </si>
  <si>
    <t>cg06995548</t>
  </si>
  <si>
    <t>cg06997008</t>
  </si>
  <si>
    <t>cg07000785</t>
  </si>
  <si>
    <t>cg07003115</t>
  </si>
  <si>
    <t>cg07005353</t>
  </si>
  <si>
    <t>cg07007550</t>
  </si>
  <si>
    <t>cg07009563</t>
  </si>
  <si>
    <t>cg07010486</t>
  </si>
  <si>
    <t>cg07011373</t>
  </si>
  <si>
    <t>cg07012484</t>
  </si>
  <si>
    <t>cg07012832</t>
  </si>
  <si>
    <t>cg07012962</t>
  </si>
  <si>
    <t>cg07013552</t>
  </si>
  <si>
    <t>cg07014349</t>
  </si>
  <si>
    <t>cg07014742</t>
  </si>
  <si>
    <t>cg07015079</t>
  </si>
  <si>
    <t>cg07015494</t>
  </si>
  <si>
    <t>cg07015554</t>
  </si>
  <si>
    <t>cg07017284</t>
  </si>
  <si>
    <t>cg07017737</t>
  </si>
  <si>
    <t>cg07018026</t>
  </si>
  <si>
    <t>cg07018435</t>
  </si>
  <si>
    <t>cg07019187</t>
  </si>
  <si>
    <t>cg07019697</t>
  </si>
  <si>
    <t>cg07021523</t>
  </si>
  <si>
    <t>cg07022307</t>
  </si>
  <si>
    <t>cg07022343</t>
  </si>
  <si>
    <t>cg07022634</t>
  </si>
  <si>
    <t>cg07023459</t>
  </si>
  <si>
    <t>cg07025274</t>
  </si>
  <si>
    <t>cg07026666</t>
  </si>
  <si>
    <t>cg07029002</t>
  </si>
  <si>
    <t>cg07033395</t>
  </si>
  <si>
    <t>cg07033903</t>
  </si>
  <si>
    <t>cg07035489</t>
  </si>
  <si>
    <t>cg07036775</t>
  </si>
  <si>
    <t>cg07037019</t>
  </si>
  <si>
    <t>cg07037032</t>
  </si>
  <si>
    <t>cg07037509</t>
  </si>
  <si>
    <t>cg07044276</t>
  </si>
  <si>
    <t>cg07044282</t>
  </si>
  <si>
    <t>cg07046852</t>
  </si>
  <si>
    <t>cg07047963</t>
  </si>
  <si>
    <t>cg07048210</t>
  </si>
  <si>
    <t>cg07048504</t>
  </si>
  <si>
    <t>cg07049680</t>
  </si>
  <si>
    <t>cg07050011</t>
  </si>
  <si>
    <t>cg07054788</t>
  </si>
  <si>
    <t>cg07056812</t>
  </si>
  <si>
    <t>cg07063183</t>
  </si>
  <si>
    <t>cg07066868</t>
  </si>
  <si>
    <t>cg07066932</t>
  </si>
  <si>
    <t>cg07068998</t>
  </si>
  <si>
    <t>cg07070893</t>
  </si>
  <si>
    <t>cg07070934</t>
  </si>
  <si>
    <t>cg07075118</t>
  </si>
  <si>
    <t>cg07077978</t>
  </si>
  <si>
    <t>cg07087557</t>
  </si>
  <si>
    <t>cg07087686</t>
  </si>
  <si>
    <t>cg07090025</t>
  </si>
  <si>
    <t>cg07090424</t>
  </si>
  <si>
    <t>cg07090653</t>
  </si>
  <si>
    <t>cg07090678</t>
  </si>
  <si>
    <t>cg07090813</t>
  </si>
  <si>
    <t>cg07091781</t>
  </si>
  <si>
    <t>cg07093046</t>
  </si>
  <si>
    <t>cg07093570</t>
  </si>
  <si>
    <t>cg07093748</t>
  </si>
  <si>
    <t>cg07093915</t>
  </si>
  <si>
    <t>cg07095205</t>
  </si>
  <si>
    <t>cg07097417</t>
  </si>
  <si>
    <t>cg07097863</t>
  </si>
  <si>
    <t>cg07098528</t>
  </si>
  <si>
    <t>cg07099107</t>
  </si>
  <si>
    <t>cg07101354</t>
  </si>
  <si>
    <t>cg07104652</t>
  </si>
  <si>
    <t>cg07104666</t>
  </si>
  <si>
    <t>cg07104732</t>
  </si>
  <si>
    <t>cg07104818</t>
  </si>
  <si>
    <t>cg07104860</t>
  </si>
  <si>
    <t>cg07106927</t>
  </si>
  <si>
    <t>cg07106989</t>
  </si>
  <si>
    <t>cg07107113</t>
  </si>
  <si>
    <t>cg07107427</t>
  </si>
  <si>
    <t>cg07107580</t>
  </si>
  <si>
    <t>cg07107916</t>
  </si>
  <si>
    <t>cg07109430</t>
  </si>
  <si>
    <t>cg07111008</t>
  </si>
  <si>
    <t>cg07111554</t>
  </si>
  <si>
    <t>cg07111595</t>
  </si>
  <si>
    <t>cg07112087</t>
  </si>
  <si>
    <t>cg07112867</t>
  </si>
  <si>
    <t>cg07113006</t>
  </si>
  <si>
    <t>cg07114510</t>
  </si>
  <si>
    <t>cg07114627</t>
  </si>
  <si>
    <t>cg07117219</t>
  </si>
  <si>
    <t>cg07117663</t>
  </si>
  <si>
    <t>cg07118078</t>
  </si>
  <si>
    <t>cg07119434</t>
  </si>
  <si>
    <t>cg07120889</t>
  </si>
  <si>
    <t>cg07121050</t>
  </si>
  <si>
    <t>cg07121517</t>
  </si>
  <si>
    <t>cg07122319</t>
  </si>
  <si>
    <t>cg07122893</t>
  </si>
  <si>
    <t>cg07123038</t>
  </si>
  <si>
    <t>cg07123132</t>
  </si>
  <si>
    <t>cg07123481</t>
  </si>
  <si>
    <t>cg07123796</t>
  </si>
  <si>
    <t>cg07124903</t>
  </si>
  <si>
    <t>cg07124956</t>
  </si>
  <si>
    <t>cg07133269</t>
  </si>
  <si>
    <t>cg07134486</t>
  </si>
  <si>
    <t>cg07134804</t>
  </si>
  <si>
    <t>cg07135732</t>
  </si>
  <si>
    <t>cg07136905</t>
  </si>
  <si>
    <t>cg07137606</t>
  </si>
  <si>
    <t>cg07138491</t>
  </si>
  <si>
    <t>cg07138512</t>
  </si>
  <si>
    <t>cg07139329</t>
  </si>
  <si>
    <t>cg07139440</t>
  </si>
  <si>
    <t>cg07140482</t>
  </si>
  <si>
    <t>cg07142131</t>
  </si>
  <si>
    <t>cg07143559</t>
  </si>
  <si>
    <t>cg07145709</t>
  </si>
  <si>
    <t>cg07146103</t>
  </si>
  <si>
    <t>cg07147358</t>
  </si>
  <si>
    <t>cg07147364</t>
  </si>
  <si>
    <t>cg07147720</t>
  </si>
  <si>
    <t>cg07148024</t>
  </si>
  <si>
    <t>cg07149641</t>
  </si>
  <si>
    <t>cg07150145</t>
  </si>
  <si>
    <t>cg07154254</t>
  </si>
  <si>
    <t>cg07154958</t>
  </si>
  <si>
    <t>cg07155223</t>
  </si>
  <si>
    <t>cg07155422</t>
  </si>
  <si>
    <t>cg07157834</t>
  </si>
  <si>
    <t>cg07158246</t>
  </si>
  <si>
    <t>cg07158939</t>
  </si>
  <si>
    <t>cg07158961</t>
  </si>
  <si>
    <t>cg07159230</t>
  </si>
  <si>
    <t>cg07159951</t>
  </si>
  <si>
    <t>cg07160540</t>
  </si>
  <si>
    <t>cg07161239</t>
  </si>
  <si>
    <t>cg07161397</t>
  </si>
  <si>
    <t>cg07162608</t>
  </si>
  <si>
    <t>cg07163547</t>
  </si>
  <si>
    <t>cg07164556</t>
  </si>
  <si>
    <t>cg07164722</t>
  </si>
  <si>
    <t>cg07165167</t>
  </si>
  <si>
    <t>cg07167185</t>
  </si>
  <si>
    <t>cg07168232</t>
  </si>
  <si>
    <t>cg07168328</t>
  </si>
  <si>
    <t>cg07168392</t>
  </si>
  <si>
    <t>cg07169439</t>
  </si>
  <si>
    <t>cg07173218</t>
  </si>
  <si>
    <t>cg07173823</t>
  </si>
  <si>
    <t>cg07174627</t>
  </si>
  <si>
    <t>cg07175197</t>
  </si>
  <si>
    <t>cg07175301</t>
  </si>
  <si>
    <t>cg07175580</t>
  </si>
  <si>
    <t>cg07176168</t>
  </si>
  <si>
    <t>cg07177011</t>
  </si>
  <si>
    <t>cg07177379</t>
  </si>
  <si>
    <t>cg07177437</t>
  </si>
  <si>
    <t>cg07177917</t>
  </si>
  <si>
    <t>cg07178064</t>
  </si>
  <si>
    <t>cg07178825</t>
  </si>
  <si>
    <t>cg07178864</t>
  </si>
  <si>
    <t>cg07179669</t>
  </si>
  <si>
    <t>cg07180188</t>
  </si>
  <si>
    <t>cg07180355</t>
  </si>
  <si>
    <t>cg07180508</t>
  </si>
  <si>
    <t>cg07180646</t>
  </si>
  <si>
    <t>cg07180649</t>
  </si>
  <si>
    <t>cg07181374</t>
  </si>
  <si>
    <t>cg07181406</t>
  </si>
  <si>
    <t>cg07185468</t>
  </si>
  <si>
    <t>cg07185695</t>
  </si>
  <si>
    <t>cg07186730</t>
  </si>
  <si>
    <t>cg07187233</t>
  </si>
  <si>
    <t>cg07189204</t>
  </si>
  <si>
    <t>cg07189550</t>
  </si>
  <si>
    <t>cg07191012</t>
  </si>
  <si>
    <t>cg07191791</t>
  </si>
  <si>
    <t>cg07193504</t>
  </si>
  <si>
    <t>cg07195057</t>
  </si>
  <si>
    <t>cg07195660</t>
  </si>
  <si>
    <t>cg07196577</t>
  </si>
  <si>
    <t>cg07199812</t>
  </si>
  <si>
    <t>cg07201717</t>
  </si>
  <si>
    <t>cg07202054</t>
  </si>
  <si>
    <t>cg07202320</t>
  </si>
  <si>
    <t>cg07203024</t>
  </si>
  <si>
    <t>cg07204163</t>
  </si>
  <si>
    <t>cg07204874</t>
  </si>
  <si>
    <t>cg07206293</t>
  </si>
  <si>
    <t>cg07206827</t>
  </si>
  <si>
    <t>cg07207669</t>
  </si>
  <si>
    <t>cg07208172</t>
  </si>
  <si>
    <t>cg07209071</t>
  </si>
  <si>
    <t>cg07211239</t>
  </si>
  <si>
    <t>cg07212035</t>
  </si>
  <si>
    <t>cg07214572</t>
  </si>
  <si>
    <t>cg07216884</t>
  </si>
  <si>
    <t>cg07219103</t>
  </si>
  <si>
    <t>cg07220007</t>
  </si>
  <si>
    <t>cg07220157</t>
  </si>
  <si>
    <t>cg07220554</t>
  </si>
  <si>
    <t>cg07220650</t>
  </si>
  <si>
    <t>cg07220862</t>
  </si>
  <si>
    <t>cg07221695</t>
  </si>
  <si>
    <t>cg07221832</t>
  </si>
  <si>
    <t>cg07222421</t>
  </si>
  <si>
    <t>cg07222721</t>
  </si>
  <si>
    <t>cg07223106</t>
  </si>
  <si>
    <t>cg07223534</t>
  </si>
  <si>
    <t>cg07224455</t>
  </si>
  <si>
    <t>cg07224918</t>
  </si>
  <si>
    <t>cg07225598</t>
  </si>
  <si>
    <t>cg07226484</t>
  </si>
  <si>
    <t>cg07227679</t>
  </si>
  <si>
    <t>cg07228905</t>
  </si>
  <si>
    <t>cg07229301</t>
  </si>
  <si>
    <t>cg07230639</t>
  </si>
  <si>
    <t>cg07232095</t>
  </si>
  <si>
    <t>cg07232945</t>
  </si>
  <si>
    <t>cg07233343</t>
  </si>
  <si>
    <t>cg07233428</t>
  </si>
  <si>
    <t>cg07233700</t>
  </si>
  <si>
    <t>cg07233952</t>
  </si>
  <si>
    <t>cg07234097</t>
  </si>
  <si>
    <t>cg07234388</t>
  </si>
  <si>
    <t>cg07234865</t>
  </si>
  <si>
    <t>cg07236207</t>
  </si>
  <si>
    <t>cg07237946</t>
  </si>
  <si>
    <t>cg07238657</t>
  </si>
  <si>
    <t>cg07240000</t>
  </si>
  <si>
    <t>cg07240877</t>
  </si>
  <si>
    <t>cg07241917</t>
  </si>
  <si>
    <t>cg07242931</t>
  </si>
  <si>
    <t>cg07243700</t>
  </si>
  <si>
    <t>cg07244188</t>
  </si>
  <si>
    <t>cg07244253</t>
  </si>
  <si>
    <t>cg07245558</t>
  </si>
  <si>
    <t>cg07245641</t>
  </si>
  <si>
    <t>cg07246449</t>
  </si>
  <si>
    <t>cg07246798</t>
  </si>
  <si>
    <t>cg07247610</t>
  </si>
  <si>
    <t>cg07248951</t>
  </si>
  <si>
    <t>cg07249409</t>
  </si>
  <si>
    <t>cg07250355</t>
  </si>
  <si>
    <t>cg07251197</t>
  </si>
  <si>
    <t>cg07256006</t>
  </si>
  <si>
    <t>cg07264491</t>
  </si>
  <si>
    <t>cg07274590</t>
  </si>
  <si>
    <t>cg07280242</t>
  </si>
  <si>
    <t>cg07283108</t>
  </si>
  <si>
    <t>cg07283659</t>
  </si>
  <si>
    <t>cg07284273</t>
  </si>
  <si>
    <t>cg07288476</t>
  </si>
  <si>
    <t>cg07309082</t>
  </si>
  <si>
    <t>cg07311615</t>
  </si>
  <si>
    <t>cg07311881</t>
  </si>
  <si>
    <t>cg07312051</t>
  </si>
  <si>
    <t>cg07313373</t>
  </si>
  <si>
    <t>cg07313589</t>
  </si>
  <si>
    <t>cg07313701</t>
  </si>
  <si>
    <t>cg07313814</t>
  </si>
  <si>
    <t>cg07314983</t>
  </si>
  <si>
    <t>cg07318050</t>
  </si>
  <si>
    <t>cg07318155</t>
  </si>
  <si>
    <t>cg07318287</t>
  </si>
  <si>
    <t>cg07318372</t>
  </si>
  <si>
    <t>cg07319459</t>
  </si>
  <si>
    <t>cg07319613</t>
  </si>
  <si>
    <t>cg07332769</t>
  </si>
  <si>
    <t>cg07333862</t>
  </si>
  <si>
    <t>cg07335755</t>
  </si>
  <si>
    <t>cg07343511</t>
  </si>
  <si>
    <t>cg07344025</t>
  </si>
  <si>
    <t>cg07344172</t>
  </si>
  <si>
    <t>cg07345710</t>
  </si>
  <si>
    <t>cg07347511</t>
  </si>
  <si>
    <t>cg07348300</t>
  </si>
  <si>
    <t>cg07348845</t>
  </si>
  <si>
    <t>cg07349663</t>
  </si>
  <si>
    <t>cg07350718</t>
  </si>
  <si>
    <t>cg07352544</t>
  </si>
  <si>
    <t>cg07353489</t>
  </si>
  <si>
    <t>cg07353685</t>
  </si>
  <si>
    <t>cg07354371</t>
  </si>
  <si>
    <t>cg07354440</t>
  </si>
  <si>
    <t>cg07355757</t>
  </si>
  <si>
    <t>cg07356011</t>
  </si>
  <si>
    <t>cg07356342</t>
  </si>
  <si>
    <t>cg07357033</t>
  </si>
  <si>
    <t>cg07357324</t>
  </si>
  <si>
    <t>cg07359183</t>
  </si>
  <si>
    <t>cg07362328</t>
  </si>
  <si>
    <t>cg07363855</t>
  </si>
  <si>
    <t>cg07364162</t>
  </si>
  <si>
    <t>cg07367302</t>
  </si>
  <si>
    <t>cg07367601</t>
  </si>
  <si>
    <t>cg07368443</t>
  </si>
  <si>
    <t>cg07368877</t>
  </si>
  <si>
    <t>cg07369190</t>
  </si>
  <si>
    <t>cg07369523</t>
  </si>
  <si>
    <t>cg07370828</t>
  </si>
  <si>
    <t>cg07371323</t>
  </si>
  <si>
    <t>cg07372520</t>
  </si>
  <si>
    <t>cg07373589</t>
  </si>
  <si>
    <t>cg07375700</t>
  </si>
  <si>
    <t>cg07376219</t>
  </si>
  <si>
    <t>cg07376846</t>
  </si>
  <si>
    <t>cg07379581</t>
  </si>
  <si>
    <t>cg07379893</t>
  </si>
  <si>
    <t>cg07380021</t>
  </si>
  <si>
    <t>cg07380540</t>
  </si>
  <si>
    <t>cg07381141</t>
  </si>
  <si>
    <t>cg07381283</t>
  </si>
  <si>
    <t>cg07381470</t>
  </si>
  <si>
    <t>cg07381668</t>
  </si>
  <si>
    <t>cg07382039</t>
  </si>
  <si>
    <t>cg07382156</t>
  </si>
  <si>
    <t>cg07383130</t>
  </si>
  <si>
    <t>cg07383250</t>
  </si>
  <si>
    <t>cg07383941</t>
  </si>
  <si>
    <t>cg07390924</t>
  </si>
  <si>
    <t>cg07391498</t>
  </si>
  <si>
    <t>cg07394827</t>
  </si>
  <si>
    <t>cg07395004</t>
  </si>
  <si>
    <t>cg07395930</t>
  </si>
  <si>
    <t>cg07395969</t>
  </si>
  <si>
    <t>cg07396407</t>
  </si>
  <si>
    <t>cg07396581</t>
  </si>
  <si>
    <t>cg07397093</t>
  </si>
  <si>
    <t>cg07397891</t>
  </si>
  <si>
    <t>cg07398352</t>
  </si>
  <si>
    <t>cg07399224</t>
  </si>
  <si>
    <t>cg07399312</t>
  </si>
  <si>
    <t>cg07399355</t>
  </si>
  <si>
    <t>cg07399977</t>
  </si>
  <si>
    <t>cg07404921</t>
  </si>
  <si>
    <t>cg07407159</t>
  </si>
  <si>
    <t>cg07417683</t>
  </si>
  <si>
    <t>cg07419968</t>
  </si>
  <si>
    <t>cg07420232</t>
  </si>
  <si>
    <t>cg07420416</t>
  </si>
  <si>
    <t>cg07420484</t>
  </si>
  <si>
    <t>cg07420961</t>
  </si>
  <si>
    <t>cg07421287</t>
  </si>
  <si>
    <t>cg07422195</t>
  </si>
  <si>
    <t>cg07422880</t>
  </si>
  <si>
    <t>cg07423363</t>
  </si>
  <si>
    <t>cg07426077</t>
  </si>
  <si>
    <t>cg07426634</t>
  </si>
  <si>
    <t>cg07426848</t>
  </si>
  <si>
    <t>cg07427436</t>
  </si>
  <si>
    <t>cg07429394</t>
  </si>
  <si>
    <t>cg07429591</t>
  </si>
  <si>
    <t>cg07430760</t>
  </si>
  <si>
    <t>cg07437033</t>
  </si>
  <si>
    <t>cg07447773</t>
  </si>
  <si>
    <t>cg07449038</t>
  </si>
  <si>
    <t>cg07450641</t>
  </si>
  <si>
    <t>cg07458516</t>
  </si>
  <si>
    <t>cg07470367</t>
  </si>
  <si>
    <t>cg07475390</t>
  </si>
  <si>
    <t>cg07476201</t>
  </si>
  <si>
    <t>cg07476798</t>
  </si>
  <si>
    <t>cg07478773</t>
  </si>
  <si>
    <t>cg07479014</t>
  </si>
  <si>
    <t>cg07479843</t>
  </si>
  <si>
    <t>cg07483420</t>
  </si>
  <si>
    <t>cg07495664</t>
  </si>
  <si>
    <t>cg07501748</t>
  </si>
  <si>
    <t>cg07502417</t>
  </si>
  <si>
    <t>cg07503392</t>
  </si>
  <si>
    <t>cg07503931</t>
  </si>
  <si>
    <t>cg07504545</t>
  </si>
  <si>
    <t>cg07507129</t>
  </si>
  <si>
    <t>cg07507951</t>
  </si>
  <si>
    <t>cg07509155</t>
  </si>
  <si>
    <t>cg07509199</t>
  </si>
  <si>
    <t>cg07517005</t>
  </si>
  <si>
    <t>cg07518362</t>
  </si>
  <si>
    <t>cg07523753</t>
  </si>
  <si>
    <t>cg07534194</t>
  </si>
  <si>
    <t>cg07538248</t>
  </si>
  <si>
    <t>cg07549208</t>
  </si>
  <si>
    <t>cg07550267</t>
  </si>
  <si>
    <t>cg07550394</t>
  </si>
  <si>
    <t>cg07551022</t>
  </si>
  <si>
    <t>cg07551364</t>
  </si>
  <si>
    <t>cg07552868</t>
  </si>
  <si>
    <t>cg07554154</t>
  </si>
  <si>
    <t>cg07555102</t>
  </si>
  <si>
    <t>cg07556059</t>
  </si>
  <si>
    <t>cg07556888</t>
  </si>
  <si>
    <t>cg07557355</t>
  </si>
  <si>
    <t>cg07558455</t>
  </si>
  <si>
    <t>cg07559319</t>
  </si>
  <si>
    <t>cg07560948</t>
  </si>
  <si>
    <t>cg07561547</t>
  </si>
  <si>
    <t>cg07561554</t>
  </si>
  <si>
    <t>cg07561747</t>
  </si>
  <si>
    <t>cg07563063</t>
  </si>
  <si>
    <t>cg07563069</t>
  </si>
  <si>
    <t>cg07563793</t>
  </si>
  <si>
    <t>cg07564869</t>
  </si>
  <si>
    <t>cg07566050</t>
  </si>
  <si>
    <t>cg07568430</t>
  </si>
  <si>
    <t>cg07569994</t>
  </si>
  <si>
    <t>cg07570677</t>
  </si>
  <si>
    <t>cg07570835</t>
  </si>
  <si>
    <t>cg07571041</t>
  </si>
  <si>
    <t>cg07571745</t>
  </si>
  <si>
    <t>cg07572028</t>
  </si>
  <si>
    <t>cg07572233</t>
  </si>
  <si>
    <t>cg07573715</t>
  </si>
  <si>
    <t>cg07574385</t>
  </si>
  <si>
    <t>cg07574854</t>
  </si>
  <si>
    <t>cg07575624</t>
  </si>
  <si>
    <t>cg07576541</t>
  </si>
  <si>
    <t>cg07576714</t>
  </si>
  <si>
    <t>cg07577934</t>
  </si>
  <si>
    <t>cg07578215</t>
  </si>
  <si>
    <t>cg07580762</t>
  </si>
  <si>
    <t>cg07581146</t>
  </si>
  <si>
    <t>cg07581823</t>
  </si>
  <si>
    <t>cg07581849</t>
  </si>
  <si>
    <t>cg07582661</t>
  </si>
  <si>
    <t>cg07582955</t>
  </si>
  <si>
    <t>cg07584563</t>
  </si>
  <si>
    <t>cg07586285</t>
  </si>
  <si>
    <t>cg07586435</t>
  </si>
  <si>
    <t>cg07587512</t>
  </si>
  <si>
    <t>cg07587610</t>
  </si>
  <si>
    <t>cg07589381</t>
  </si>
  <si>
    <t>cg07589691</t>
  </si>
  <si>
    <t>cg07590721</t>
  </si>
  <si>
    <t>cg07591283</t>
  </si>
  <si>
    <t>cg07591362</t>
  </si>
  <si>
    <t>cg07591885</t>
  </si>
  <si>
    <t>cg07592358</t>
  </si>
  <si>
    <t>cg07594531</t>
  </si>
  <si>
    <t>cg07596645</t>
  </si>
  <si>
    <t>cg07596668</t>
  </si>
  <si>
    <t>cg07596883</t>
  </si>
  <si>
    <t>cg07596920</t>
  </si>
  <si>
    <t>cg07597714</t>
  </si>
  <si>
    <t>cg07597871</t>
  </si>
  <si>
    <t>cg07598331</t>
  </si>
  <si>
    <t>cg07598367</t>
  </si>
  <si>
    <t>cg07598580</t>
  </si>
  <si>
    <t>cg07599225</t>
  </si>
  <si>
    <t>cg07600884</t>
  </si>
  <si>
    <t>cg07601985</t>
  </si>
  <si>
    <t>cg07602008</t>
  </si>
  <si>
    <t>cg07603449</t>
  </si>
  <si>
    <t>cg07604512</t>
  </si>
  <si>
    <t>cg07605241</t>
  </si>
  <si>
    <t>cg07624915</t>
  </si>
  <si>
    <t>cg07626501</t>
  </si>
  <si>
    <t>cg07629844</t>
  </si>
  <si>
    <t>cg07634204</t>
  </si>
  <si>
    <t>cg07639650</t>
  </si>
  <si>
    <t>cg07639959</t>
  </si>
  <si>
    <t>cg07647164</t>
  </si>
  <si>
    <t>cg07656362</t>
  </si>
  <si>
    <t>cg07668036</t>
  </si>
  <si>
    <t>cg07671976</t>
  </si>
  <si>
    <t>cg07678576</t>
  </si>
  <si>
    <t>cg07678643</t>
  </si>
  <si>
    <t>cg07684150</t>
  </si>
  <si>
    <t>cg07688613</t>
  </si>
  <si>
    <t>cg07693617</t>
  </si>
  <si>
    <t>cg07696918</t>
  </si>
  <si>
    <t>cg07701567</t>
  </si>
  <si>
    <t>cg07701579</t>
  </si>
  <si>
    <t>cg07704242</t>
  </si>
  <si>
    <t>cg07706038</t>
  </si>
  <si>
    <t>cg07706053</t>
  </si>
  <si>
    <t>cg07706463</t>
  </si>
  <si>
    <t>cg07706695</t>
  </si>
  <si>
    <t>cg07707505</t>
  </si>
  <si>
    <t>cg07708653</t>
  </si>
  <si>
    <t>cg07713493</t>
  </si>
  <si>
    <t>cg07717763</t>
  </si>
  <si>
    <t>cg07718813</t>
  </si>
  <si>
    <t>cg07719258</t>
  </si>
  <si>
    <t>cg07719786</t>
  </si>
  <si>
    <t>cg07720540</t>
  </si>
  <si>
    <t>cg07721365</t>
  </si>
  <si>
    <t>cg07724623</t>
  </si>
  <si>
    <t>cg07724643</t>
  </si>
  <si>
    <t>cg07725198</t>
  </si>
  <si>
    <t>cg07725206</t>
  </si>
  <si>
    <t>cg07726139</t>
  </si>
  <si>
    <t>cg07726288</t>
  </si>
  <si>
    <t>cg07726465</t>
  </si>
  <si>
    <t>cg07728920</t>
  </si>
  <si>
    <t>cg07731304</t>
  </si>
  <si>
    <t>cg07732755</t>
  </si>
  <si>
    <t>cg07736389</t>
  </si>
  <si>
    <t>cg07737182</t>
  </si>
  <si>
    <t>cg07739803</t>
  </si>
  <si>
    <t>cg07742396</t>
  </si>
  <si>
    <t>cg07744618</t>
  </si>
  <si>
    <t>cg07751287</t>
  </si>
  <si>
    <t>cg07774299</t>
  </si>
  <si>
    <t>cg07777790</t>
  </si>
  <si>
    <t>cg07781491</t>
  </si>
  <si>
    <t>cg07782886</t>
  </si>
  <si>
    <t>cg07783800</t>
  </si>
  <si>
    <t>cg07785552</t>
  </si>
  <si>
    <t>cg07787248</t>
  </si>
  <si>
    <t>cg07787977</t>
  </si>
  <si>
    <t>cg07789552</t>
  </si>
  <si>
    <t>cg07789750</t>
  </si>
  <si>
    <t>cg07790300</t>
  </si>
  <si>
    <t>cg07790831</t>
  </si>
  <si>
    <t>cg07792006</t>
  </si>
  <si>
    <t>cg07793148</t>
  </si>
  <si>
    <t>cg07793952</t>
  </si>
  <si>
    <t>cg07794409</t>
  </si>
  <si>
    <t>cg07797660</t>
  </si>
  <si>
    <t>cg07799877</t>
  </si>
  <si>
    <t>cg07800079</t>
  </si>
  <si>
    <t>cg07800959</t>
  </si>
  <si>
    <t>cg07803781</t>
  </si>
  <si>
    <t>cg07804289</t>
  </si>
  <si>
    <t>cg07804749</t>
  </si>
  <si>
    <t>cg07807165</t>
  </si>
  <si>
    <t>cg07807395</t>
  </si>
  <si>
    <t>cg07807470</t>
  </si>
  <si>
    <t>cg07807709</t>
  </si>
  <si>
    <t>cg07808701</t>
  </si>
  <si>
    <t>cg07811940</t>
  </si>
  <si>
    <t>cg07812240</t>
  </si>
  <si>
    <t>cg07813254</t>
  </si>
  <si>
    <t>cg07813265</t>
  </si>
  <si>
    <t>cg07813643</t>
  </si>
  <si>
    <t>cg07813851</t>
  </si>
  <si>
    <t>cg07813855</t>
  </si>
  <si>
    <t>cg07817856</t>
  </si>
  <si>
    <t>cg07818949</t>
  </si>
  <si>
    <t>cg07819756</t>
  </si>
  <si>
    <t>cg07820742</t>
  </si>
  <si>
    <t>cg07820868</t>
  </si>
  <si>
    <t>cg07821297</t>
  </si>
  <si>
    <t>cg07821739</t>
  </si>
  <si>
    <t>cg07823920</t>
  </si>
  <si>
    <t>cg07824364</t>
  </si>
  <si>
    <t>cg07824636</t>
  </si>
  <si>
    <t>cg07825483</t>
  </si>
  <si>
    <t>cg07826326</t>
  </si>
  <si>
    <t>cg07826387</t>
  </si>
  <si>
    <t>cg07826946</t>
  </si>
  <si>
    <t>cg07828612</t>
  </si>
  <si>
    <t>cg07831032</t>
  </si>
  <si>
    <t>cg07832203</t>
  </si>
  <si>
    <t>cg07832245</t>
  </si>
  <si>
    <t>cg07832950</t>
  </si>
  <si>
    <t>cg07833104</t>
  </si>
  <si>
    <t>cg07833865</t>
  </si>
  <si>
    <t>cg07833951</t>
  </si>
  <si>
    <t>cg07834423</t>
  </si>
  <si>
    <t>cg07835094</t>
  </si>
  <si>
    <t>cg07837534</t>
  </si>
  <si>
    <t>cg07838098</t>
  </si>
  <si>
    <t>cg07838943</t>
  </si>
  <si>
    <t>cg07839513</t>
  </si>
  <si>
    <t>cg07840482</t>
  </si>
  <si>
    <t>cg07841059</t>
  </si>
  <si>
    <t>cg07841367</t>
  </si>
  <si>
    <t>cg07841877</t>
  </si>
  <si>
    <t>cg07842023</t>
  </si>
  <si>
    <t>cg07842409</t>
  </si>
  <si>
    <t>cg07846167</t>
  </si>
  <si>
    <t>cg07850592</t>
  </si>
  <si>
    <t>cg07870914</t>
  </si>
  <si>
    <t>cg07878955</t>
  </si>
  <si>
    <t>cg07883333</t>
  </si>
  <si>
    <t>cg07892126</t>
  </si>
  <si>
    <t>cg07892339</t>
  </si>
  <si>
    <t>cg07892597</t>
  </si>
  <si>
    <t>cg07894717</t>
  </si>
  <si>
    <t>cg07896009</t>
  </si>
  <si>
    <t>cg07896855</t>
  </si>
  <si>
    <t>cg07897871</t>
  </si>
  <si>
    <t>cg07898057</t>
  </si>
  <si>
    <t>cg07898857</t>
  </si>
  <si>
    <t>cg07899081</t>
  </si>
  <si>
    <t>cg07899389</t>
  </si>
  <si>
    <t>cg07901188</t>
  </si>
  <si>
    <t>cg07901253</t>
  </si>
  <si>
    <t>cg07903237</t>
  </si>
  <si>
    <t>cg07903677</t>
  </si>
  <si>
    <t>cg07906331</t>
  </si>
  <si>
    <t>cg07908868</t>
  </si>
  <si>
    <t>cg07908999</t>
  </si>
  <si>
    <t>cg07909128</t>
  </si>
  <si>
    <t>cg07910075</t>
  </si>
  <si>
    <t>cg07911225</t>
  </si>
  <si>
    <t>cg07913096</t>
  </si>
  <si>
    <t>cg07913294</t>
  </si>
  <si>
    <t>cg07914107</t>
  </si>
  <si>
    <t>cg07914457</t>
  </si>
  <si>
    <t>cg07914919</t>
  </si>
  <si>
    <t>cg07915884</t>
  </si>
  <si>
    <t>cg07916011</t>
  </si>
  <si>
    <t>cg07917614</t>
  </si>
  <si>
    <t>cg07919197</t>
  </si>
  <si>
    <t>cg07919901</t>
  </si>
  <si>
    <t>cg07921765</t>
  </si>
  <si>
    <t>cg07922513</t>
  </si>
  <si>
    <t>cg07922619</t>
  </si>
  <si>
    <t>cg07922843</t>
  </si>
  <si>
    <t>cg07922924</t>
  </si>
  <si>
    <t>cg07922933</t>
  </si>
  <si>
    <t>cg07924154</t>
  </si>
  <si>
    <t>cg07924819</t>
  </si>
  <si>
    <t>cg07926618</t>
  </si>
  <si>
    <t>cg07926895</t>
  </si>
  <si>
    <t>cg07927219</t>
  </si>
  <si>
    <t>cg07928086</t>
  </si>
  <si>
    <t>cg07928641</t>
  </si>
  <si>
    <t>cg07929112</t>
  </si>
  <si>
    <t>cg07931069</t>
  </si>
  <si>
    <t>cg07937270</t>
  </si>
  <si>
    <t>cg07946633</t>
  </si>
  <si>
    <t>cg07947531</t>
  </si>
  <si>
    <t>cg07948496</t>
  </si>
  <si>
    <t>cg07949011</t>
  </si>
  <si>
    <t>cg07950244</t>
  </si>
  <si>
    <t>cg07950803</t>
  </si>
  <si>
    <t>cg07951355</t>
  </si>
  <si>
    <t>cg07954706</t>
  </si>
  <si>
    <t>cg07955741</t>
  </si>
  <si>
    <t>cg07956012</t>
  </si>
  <si>
    <t>cg07957795</t>
  </si>
  <si>
    <t>cg07957995</t>
  </si>
  <si>
    <t>cg07958619</t>
  </si>
  <si>
    <t>cg07958926</t>
  </si>
  <si>
    <t>cg07959046</t>
  </si>
  <si>
    <t>cg07959609</t>
  </si>
  <si>
    <t>cg07960762</t>
  </si>
  <si>
    <t>cg07961479</t>
  </si>
  <si>
    <t>cg07965774</t>
  </si>
  <si>
    <t>cg07968520</t>
  </si>
  <si>
    <t>cg07968590</t>
  </si>
  <si>
    <t>cg07968720</t>
  </si>
  <si>
    <t>cg07969497</t>
  </si>
  <si>
    <t>cg07971584</t>
  </si>
  <si>
    <t>cg07971831</t>
  </si>
  <si>
    <t>cg07972385</t>
  </si>
  <si>
    <t>cg07974622</t>
  </si>
  <si>
    <t>cg07974958</t>
  </si>
  <si>
    <t>cg07975634</t>
  </si>
  <si>
    <t>cg07975793</t>
  </si>
  <si>
    <t>cg07975828</t>
  </si>
  <si>
    <t>cg07976669</t>
  </si>
  <si>
    <t>cg07978029</t>
  </si>
  <si>
    <t>cg07978996</t>
  </si>
  <si>
    <t>cg07979236</t>
  </si>
  <si>
    <t>cg07981980</t>
  </si>
  <si>
    <t>cg07985864</t>
  </si>
  <si>
    <t>cg07995570</t>
  </si>
  <si>
    <t>cg07996532</t>
  </si>
  <si>
    <t>cg07996580</t>
  </si>
  <si>
    <t>cg07996785</t>
  </si>
  <si>
    <t>cg07997596</t>
  </si>
  <si>
    <t>cg07998954</t>
  </si>
  <si>
    <t>cg07999953</t>
  </si>
  <si>
    <t>cg08000336</t>
  </si>
  <si>
    <t>cg08000601</t>
  </si>
  <si>
    <t>cg08005943</t>
  </si>
  <si>
    <t>cg08008299</t>
  </si>
  <si>
    <t>cg08008403</t>
  </si>
  <si>
    <t>cg08008562</t>
  </si>
  <si>
    <t>cg08024029</t>
  </si>
  <si>
    <t>cg08026416</t>
  </si>
  <si>
    <t>cg08026631</t>
  </si>
  <si>
    <t>cg08029299</t>
  </si>
  <si>
    <t>cg08029392</t>
  </si>
  <si>
    <t>cg08029603</t>
  </si>
  <si>
    <t>cg08029920</t>
  </si>
  <si>
    <t>cg08030282</t>
  </si>
  <si>
    <t>cg08031955</t>
  </si>
  <si>
    <t>cg08032228</t>
  </si>
  <si>
    <t>cg08032665</t>
  </si>
  <si>
    <t>cg08032971</t>
  </si>
  <si>
    <t>cg08033127</t>
  </si>
  <si>
    <t>cg08034916</t>
  </si>
  <si>
    <t>cg08034986</t>
  </si>
  <si>
    <t>cg08035105</t>
  </si>
  <si>
    <t>cg08035234</t>
  </si>
  <si>
    <t>cg08037774</t>
  </si>
  <si>
    <t>cg08038291</t>
  </si>
  <si>
    <t>cg08038629</t>
  </si>
  <si>
    <t>cg08038776</t>
  </si>
  <si>
    <t>cg08039751</t>
  </si>
  <si>
    <t>cg08040035</t>
  </si>
  <si>
    <t>cg08042273</t>
  </si>
  <si>
    <t>cg08047907</t>
  </si>
  <si>
    <t>cg08056069</t>
  </si>
  <si>
    <t>cg08057159</t>
  </si>
  <si>
    <t>cg08057992</t>
  </si>
  <si>
    <t>cg08062812</t>
  </si>
  <si>
    <t>cg08063724</t>
  </si>
  <si>
    <t>cg08090385</t>
  </si>
  <si>
    <t>cg08091596</t>
  </si>
  <si>
    <t>cg08091706</t>
  </si>
  <si>
    <t>cg08094291</t>
  </si>
  <si>
    <t>cg08095278</t>
  </si>
  <si>
    <t>cg08101739</t>
  </si>
  <si>
    <t>cg08104310</t>
  </si>
  <si>
    <t>cg08104594</t>
  </si>
  <si>
    <t>cg08104733</t>
  </si>
  <si>
    <t>cg08105529</t>
  </si>
  <si>
    <t>cg08106066</t>
  </si>
  <si>
    <t>cg08106205</t>
  </si>
  <si>
    <t>cg08106279</t>
  </si>
  <si>
    <t>cg08106377</t>
  </si>
  <si>
    <t>cg08106973</t>
  </si>
  <si>
    <t>cg08107208</t>
  </si>
  <si>
    <t>cg08107735</t>
  </si>
  <si>
    <t>cg08108188</t>
  </si>
  <si>
    <t>cg08108679</t>
  </si>
  <si>
    <t>cg08108911</t>
  </si>
  <si>
    <t>cg08109345</t>
  </si>
  <si>
    <t>cg08109646</t>
  </si>
  <si>
    <t>cg08110058</t>
  </si>
  <si>
    <t>cg08111021</t>
  </si>
  <si>
    <t>cg08111158</t>
  </si>
  <si>
    <t>cg08114812</t>
  </si>
  <si>
    <t>cg08116724</t>
  </si>
  <si>
    <t>cg08117436</t>
  </si>
  <si>
    <t>cg08120023</t>
  </si>
  <si>
    <t>cg08122070</t>
  </si>
  <si>
    <t>cg08122338</t>
  </si>
  <si>
    <t>cg08123045</t>
  </si>
  <si>
    <t>cg08123652</t>
  </si>
  <si>
    <t>cg08124156</t>
  </si>
  <si>
    <t>cg08128228</t>
  </si>
  <si>
    <t>cg08129048</t>
  </si>
  <si>
    <t>cg08129092</t>
  </si>
  <si>
    <t>cg08129759</t>
  </si>
  <si>
    <t>cg08129914</t>
  </si>
  <si>
    <t>cg08130175</t>
  </si>
  <si>
    <t>cg08132573</t>
  </si>
  <si>
    <t>cg08133525</t>
  </si>
  <si>
    <t>cg08133669</t>
  </si>
  <si>
    <t>cg08133848</t>
  </si>
  <si>
    <t>cg08134680</t>
  </si>
  <si>
    <t>cg08135460</t>
  </si>
  <si>
    <t>cg08137608</t>
  </si>
  <si>
    <t>cg08138571</t>
  </si>
  <si>
    <t>cg08139098</t>
  </si>
  <si>
    <t>cg08139499</t>
  </si>
  <si>
    <t>cg08139729</t>
  </si>
  <si>
    <t>cg08139855</t>
  </si>
  <si>
    <t>cg08140609</t>
  </si>
  <si>
    <t>cg08141165</t>
  </si>
  <si>
    <t>cg08142344</t>
  </si>
  <si>
    <t>cg08142775</t>
  </si>
  <si>
    <t>cg08142848</t>
  </si>
  <si>
    <t>cg08142858</t>
  </si>
  <si>
    <t>cg08144172</t>
  </si>
  <si>
    <t>cg08149333</t>
  </si>
  <si>
    <t>cg08151281</t>
  </si>
  <si>
    <t>cg08153752</t>
  </si>
  <si>
    <t>cg08157684</t>
  </si>
  <si>
    <t>cg08158076</t>
  </si>
  <si>
    <t>cg08159148</t>
  </si>
  <si>
    <t>cg08160066</t>
  </si>
  <si>
    <t>cg08160462</t>
  </si>
  <si>
    <t>cg08160980</t>
  </si>
  <si>
    <t>cg08161205</t>
  </si>
  <si>
    <t>cg08161802</t>
  </si>
  <si>
    <t>cg08162224</t>
  </si>
  <si>
    <t>cg08162389</t>
  </si>
  <si>
    <t>cg08164484</t>
  </si>
  <si>
    <t>cg08164720</t>
  </si>
  <si>
    <t>cg08166631</t>
  </si>
  <si>
    <t>cg08166961</t>
  </si>
  <si>
    <t>cg08168306</t>
  </si>
  <si>
    <t>cg08168580</t>
  </si>
  <si>
    <t>cg08169409</t>
  </si>
  <si>
    <t>cg08169950</t>
  </si>
  <si>
    <t>cg08170787</t>
  </si>
  <si>
    <t>cg08171195</t>
  </si>
  <si>
    <t>cg08171933</t>
  </si>
  <si>
    <t>cg08183490</t>
  </si>
  <si>
    <t>cg08185345</t>
  </si>
  <si>
    <t>cg08186924</t>
  </si>
  <si>
    <t>cg08187246</t>
  </si>
  <si>
    <t>cg08190044</t>
  </si>
  <si>
    <t>cg08198370</t>
  </si>
  <si>
    <t>cg08200543</t>
  </si>
  <si>
    <t>cg08202226</t>
  </si>
  <si>
    <t>cg08213098</t>
  </si>
  <si>
    <t>cg08223393</t>
  </si>
  <si>
    <t>cg08228672</t>
  </si>
  <si>
    <t>cg08231648</t>
  </si>
  <si>
    <t>cg08233250</t>
  </si>
  <si>
    <t>cg08233467</t>
  </si>
  <si>
    <t>cg08233833</t>
  </si>
  <si>
    <t>cg08235413</t>
  </si>
  <si>
    <t>cg08235557</t>
  </si>
  <si>
    <t>cg08235970</t>
  </si>
  <si>
    <t>cg08237401</t>
  </si>
  <si>
    <t>cg08237695</t>
  </si>
  <si>
    <t>cg08239426</t>
  </si>
  <si>
    <t>cg08239841</t>
  </si>
  <si>
    <t>cg08242010</t>
  </si>
  <si>
    <t>cg08242576</t>
  </si>
  <si>
    <t>cg08243619</t>
  </si>
  <si>
    <t>cg08243849</t>
  </si>
  <si>
    <t>cg08244866</t>
  </si>
  <si>
    <t>cg08246428</t>
  </si>
  <si>
    <t>cg08247612</t>
  </si>
  <si>
    <t>cg08247674</t>
  </si>
  <si>
    <t>cg08247866</t>
  </si>
  <si>
    <t>cg08248330</t>
  </si>
  <si>
    <t>cg08250099</t>
  </si>
  <si>
    <t>cg08250444</t>
  </si>
  <si>
    <t>cg08251427</t>
  </si>
  <si>
    <t>cg08256939</t>
  </si>
  <si>
    <t>cg08258719</t>
  </si>
  <si>
    <t>cg08259083</t>
  </si>
  <si>
    <t>cg08259313</t>
  </si>
  <si>
    <t>cg08259526</t>
  </si>
  <si>
    <t>cg08260299</t>
  </si>
  <si>
    <t>cg08260398</t>
  </si>
  <si>
    <t>cg08262378</t>
  </si>
  <si>
    <t>cg08263040</t>
  </si>
  <si>
    <t>cg08263140</t>
  </si>
  <si>
    <t>cg08263205</t>
  </si>
  <si>
    <t>cg08264297</t>
  </si>
  <si>
    <t>cg08264704</t>
  </si>
  <si>
    <t>cg08264906</t>
  </si>
  <si>
    <t>cg08267805</t>
  </si>
  <si>
    <t>cg08268679</t>
  </si>
  <si>
    <t>cg08269037</t>
  </si>
  <si>
    <t>cg08269275</t>
  </si>
  <si>
    <t>cg08269653</t>
  </si>
  <si>
    <t>cg08270053</t>
  </si>
  <si>
    <t>cg08270205</t>
  </si>
  <si>
    <t>cg08270613</t>
  </si>
  <si>
    <t>cg08270913</t>
  </si>
  <si>
    <t>cg08271229</t>
  </si>
  <si>
    <t>cg08271362</t>
  </si>
  <si>
    <t>cg08273200</t>
  </si>
  <si>
    <t>cg08274504</t>
  </si>
  <si>
    <t>cg08276497</t>
  </si>
  <si>
    <t>cg08276739</t>
  </si>
  <si>
    <t>cg08277548</t>
  </si>
  <si>
    <t>cg08279665</t>
  </si>
  <si>
    <t>cg08284180</t>
  </si>
  <si>
    <t>cg08291024</t>
  </si>
  <si>
    <t>cg08293086</t>
  </si>
  <si>
    <t>cg08293760</t>
  </si>
  <si>
    <t>cg08299045</t>
  </si>
  <si>
    <t>cg08311092</t>
  </si>
  <si>
    <t>cg08312035</t>
  </si>
  <si>
    <t>cg08339208</t>
  </si>
  <si>
    <t>cg08350288</t>
  </si>
  <si>
    <t>cg08353146</t>
  </si>
  <si>
    <t>cg08355099</t>
  </si>
  <si>
    <t>cg08358671</t>
  </si>
  <si>
    <t>cg08360229</t>
  </si>
  <si>
    <t>cg08360728</t>
  </si>
  <si>
    <t>cg08366126</t>
  </si>
  <si>
    <t>cg08366132</t>
  </si>
  <si>
    <t>cg08371190</t>
  </si>
  <si>
    <t>cg08378356</t>
  </si>
  <si>
    <t>cg08380539</t>
  </si>
  <si>
    <t>cg08387293</t>
  </si>
  <si>
    <t>cg08388746</t>
  </si>
  <si>
    <t>cg08394377</t>
  </si>
  <si>
    <t>cg08398452</t>
  </si>
  <si>
    <t>cg08403419</t>
  </si>
  <si>
    <t>cg08418375</t>
  </si>
  <si>
    <t>cg08423562</t>
  </si>
  <si>
    <t>cg08423575</t>
  </si>
  <si>
    <t>cg08425229</t>
  </si>
  <si>
    <t>cg08425449</t>
  </si>
  <si>
    <t>cg08425760</t>
  </si>
  <si>
    <t>cg08426354</t>
  </si>
  <si>
    <t>cg08426733</t>
  </si>
  <si>
    <t>cg08429159</t>
  </si>
  <si>
    <t>cg08431563</t>
  </si>
  <si>
    <t>cg08439122</t>
  </si>
  <si>
    <t>cg08444830</t>
  </si>
  <si>
    <t>cg08450168</t>
  </si>
  <si>
    <t>cg08452766</t>
  </si>
  <si>
    <t>cg08453036</t>
  </si>
  <si>
    <t>cg08456352</t>
  </si>
  <si>
    <t>cg08456420</t>
  </si>
  <si>
    <t>cg08458637</t>
  </si>
  <si>
    <t>cg08458711</t>
  </si>
  <si>
    <t>cg08459564</t>
  </si>
  <si>
    <t>cg08459627</t>
  </si>
  <si>
    <t>cg08460865</t>
  </si>
  <si>
    <t>cg08461781</t>
  </si>
  <si>
    <t>cg08461899</t>
  </si>
  <si>
    <t>cg08462292</t>
  </si>
  <si>
    <t>cg08462360</t>
  </si>
  <si>
    <t>cg08465120</t>
  </si>
  <si>
    <t>cg08466179</t>
  </si>
  <si>
    <t>cg08466883</t>
  </si>
  <si>
    <t>cg08468283</t>
  </si>
  <si>
    <t>cg08468904</t>
  </si>
  <si>
    <t>cg08470135</t>
  </si>
  <si>
    <t>cg08472719</t>
  </si>
  <si>
    <t>cg08474334</t>
  </si>
  <si>
    <t>cg08474603</t>
  </si>
  <si>
    <t>cg08474826</t>
  </si>
  <si>
    <t>cg08475117</t>
  </si>
  <si>
    <t>cg08477332</t>
  </si>
  <si>
    <t>cg08477744</t>
  </si>
  <si>
    <t>cg08478016</t>
  </si>
  <si>
    <t>cg08478283</t>
  </si>
  <si>
    <t>cg08480098</t>
  </si>
  <si>
    <t>cg08480609</t>
  </si>
  <si>
    <t>cg08480939</t>
  </si>
  <si>
    <t>cg08482108</t>
  </si>
  <si>
    <t>cg08482465</t>
  </si>
  <si>
    <t>cg08483281</t>
  </si>
  <si>
    <t>cg08483560</t>
  </si>
  <si>
    <t>cg08484188</t>
  </si>
  <si>
    <t>cg08491025</t>
  </si>
  <si>
    <t>cg08504468</t>
  </si>
  <si>
    <t>cg08516035</t>
  </si>
  <si>
    <t>cg08521967</t>
  </si>
  <si>
    <t>cg08525145</t>
  </si>
  <si>
    <t>cg08526412</t>
  </si>
  <si>
    <t>cg08527127</t>
  </si>
  <si>
    <t>cg08527313</t>
  </si>
  <si>
    <t>cg08528984</t>
  </si>
  <si>
    <t>cg08529269</t>
  </si>
  <si>
    <t>cg08529481</t>
  </si>
  <si>
    <t>cg08531528</t>
  </si>
  <si>
    <t>cg08533674</t>
  </si>
  <si>
    <t>cg08534181</t>
  </si>
  <si>
    <t>cg08535374</t>
  </si>
  <si>
    <t>cg08535515</t>
  </si>
  <si>
    <t>cg08535779</t>
  </si>
  <si>
    <t>cg08535938</t>
  </si>
  <si>
    <t>cg08537652</t>
  </si>
  <si>
    <t>cg08538778</t>
  </si>
  <si>
    <t>cg08538869</t>
  </si>
  <si>
    <t>cg08538882</t>
  </si>
  <si>
    <t>cg08538976</t>
  </si>
  <si>
    <t>cg08539090</t>
  </si>
  <si>
    <t>cg08539179</t>
  </si>
  <si>
    <t>cg08539251</t>
  </si>
  <si>
    <t>cg08540100</t>
  </si>
  <si>
    <t>cg08540745</t>
  </si>
  <si>
    <t>cg08541521</t>
  </si>
  <si>
    <t>cg08541612</t>
  </si>
  <si>
    <t>cg08541772</t>
  </si>
  <si>
    <t>cg08541862</t>
  </si>
  <si>
    <t>cg08541953</t>
  </si>
  <si>
    <t>cg08542090</t>
  </si>
  <si>
    <t>cg08543849</t>
  </si>
  <si>
    <t>cg08544453</t>
  </si>
  <si>
    <t>cg08545416</t>
  </si>
  <si>
    <t>cg08545574</t>
  </si>
  <si>
    <t>cg08545746</t>
  </si>
  <si>
    <t>cg08546707</t>
  </si>
  <si>
    <t>cg08547694</t>
  </si>
  <si>
    <t>cg08548315</t>
  </si>
  <si>
    <t>cg08548748</t>
  </si>
  <si>
    <t>cg08549026</t>
  </si>
  <si>
    <t>cg08549396</t>
  </si>
  <si>
    <t>cg08550260</t>
  </si>
  <si>
    <t>cg08550490</t>
  </si>
  <si>
    <t>cg08551248</t>
  </si>
  <si>
    <t>cg08552254</t>
  </si>
  <si>
    <t>cg08552999</t>
  </si>
  <si>
    <t>cg08579819</t>
  </si>
  <si>
    <t>cg08587480</t>
  </si>
  <si>
    <t>cg08589721</t>
  </si>
  <si>
    <t>cg08595490</t>
  </si>
  <si>
    <t>cg08597802</t>
  </si>
  <si>
    <t>cg08598698</t>
  </si>
  <si>
    <t>cg08609517</t>
  </si>
  <si>
    <t>cg08610461</t>
  </si>
  <si>
    <t>cg08610862</t>
  </si>
  <si>
    <t>cg08610987</t>
  </si>
  <si>
    <t>cg08611163</t>
  </si>
  <si>
    <t>cg08612871</t>
  </si>
  <si>
    <t>cg08613513</t>
  </si>
  <si>
    <t>cg08614201</t>
  </si>
  <si>
    <t>cg08615111</t>
  </si>
  <si>
    <t>cg08617916</t>
  </si>
  <si>
    <t>cg08621441</t>
  </si>
  <si>
    <t>cg08621574</t>
  </si>
  <si>
    <t>cg08622198</t>
  </si>
  <si>
    <t>cg08623556</t>
  </si>
  <si>
    <t>cg08623787</t>
  </si>
  <si>
    <t>cg08623888</t>
  </si>
  <si>
    <t>cg08624588</t>
  </si>
  <si>
    <t>cg08625289</t>
  </si>
  <si>
    <t>cg08626125</t>
  </si>
  <si>
    <t>cg08629942</t>
  </si>
  <si>
    <t>cg08630962</t>
  </si>
  <si>
    <t>cg08635489</t>
  </si>
  <si>
    <t>cg08635689</t>
  </si>
  <si>
    <t>cg08636040</t>
  </si>
  <si>
    <t>cg08636083</t>
  </si>
  <si>
    <t>cg08636115</t>
  </si>
  <si>
    <t>cg08638097</t>
  </si>
  <si>
    <t>cg08638395</t>
  </si>
  <si>
    <t>cg08639339</t>
  </si>
  <si>
    <t>cg08639523</t>
  </si>
  <si>
    <t>cg08639762</t>
  </si>
  <si>
    <t>cg08639799</t>
  </si>
  <si>
    <t>cg08640619</t>
  </si>
  <si>
    <t>cg08641170</t>
  </si>
  <si>
    <t>cg08641561</t>
  </si>
  <si>
    <t>cg08641750</t>
  </si>
  <si>
    <t>cg08641990</t>
  </si>
  <si>
    <t>cg08642716</t>
  </si>
  <si>
    <t>cg08642814</t>
  </si>
  <si>
    <t>cg08643997</t>
  </si>
  <si>
    <t>cg08644356</t>
  </si>
  <si>
    <t>cg08644360</t>
  </si>
  <si>
    <t>cg08644365</t>
  </si>
  <si>
    <t>cg08644482</t>
  </si>
  <si>
    <t>cg08644498</t>
  </si>
  <si>
    <t>cg08647349</t>
  </si>
  <si>
    <t>cg08647912</t>
  </si>
  <si>
    <t>cg08648882</t>
  </si>
  <si>
    <t>cg08650647</t>
  </si>
  <si>
    <t>cg08651178</t>
  </si>
  <si>
    <t>cg08651730</t>
  </si>
  <si>
    <t>cg08651894</t>
  </si>
  <si>
    <t>cg08654655</t>
  </si>
  <si>
    <t>cg08655071</t>
  </si>
  <si>
    <t>cg08655206</t>
  </si>
  <si>
    <t>cg08655330</t>
  </si>
  <si>
    <t>cg08655893</t>
  </si>
  <si>
    <t>cg08656267</t>
  </si>
  <si>
    <t>cg08657020</t>
  </si>
  <si>
    <t>cg08657361</t>
  </si>
  <si>
    <t>cg08659667</t>
  </si>
  <si>
    <t>cg08661227</t>
  </si>
  <si>
    <t>cg08663890</t>
  </si>
  <si>
    <t>cg08664568</t>
  </si>
  <si>
    <t>cg08664665</t>
  </si>
  <si>
    <t>cg08665251</t>
  </si>
  <si>
    <t>cg08665772</t>
  </si>
  <si>
    <t>cg08670691</t>
  </si>
  <si>
    <t>cg08673615</t>
  </si>
  <si>
    <t>cg08679807</t>
  </si>
  <si>
    <t>cg08680384</t>
  </si>
  <si>
    <t>cg08685714</t>
  </si>
  <si>
    <t>cg08695707</t>
  </si>
  <si>
    <t>cg08697242</t>
  </si>
  <si>
    <t>cg08700651</t>
  </si>
  <si>
    <t>cg08703808</t>
  </si>
  <si>
    <t>cg08705483</t>
  </si>
  <si>
    <t>cg08706492</t>
  </si>
  <si>
    <t>cg08706545</t>
  </si>
  <si>
    <t>cg08706567</t>
  </si>
  <si>
    <t>cg08707063</t>
  </si>
  <si>
    <t>cg08708402</t>
  </si>
  <si>
    <t>cg08708629</t>
  </si>
  <si>
    <t>cg08708935</t>
  </si>
  <si>
    <t>cg08709116</t>
  </si>
  <si>
    <t>cg08710469</t>
  </si>
  <si>
    <t>cg08710757</t>
  </si>
  <si>
    <t>cg08711320</t>
  </si>
  <si>
    <t>cg08711867</t>
  </si>
  <si>
    <t>cg08712572</t>
  </si>
  <si>
    <t>cg08712669</t>
  </si>
  <si>
    <t>cg08713568</t>
  </si>
  <si>
    <t>cg08716396</t>
  </si>
  <si>
    <t>cg08719081</t>
  </si>
  <si>
    <t>cg08719289</t>
  </si>
  <si>
    <t>cg08722591</t>
  </si>
  <si>
    <t>cg08723571</t>
  </si>
  <si>
    <t>cg08725538</t>
  </si>
  <si>
    <t>cg08727311</t>
  </si>
  <si>
    <t>cg08727379</t>
  </si>
  <si>
    <t>cg08728702</t>
  </si>
  <si>
    <t>cg08728856</t>
  </si>
  <si>
    <t>cg08729059</t>
  </si>
  <si>
    <t>cg08729985</t>
  </si>
  <si>
    <t>cg08730434</t>
  </si>
  <si>
    <t>cg08730743</t>
  </si>
  <si>
    <t>cg08732428</t>
  </si>
  <si>
    <t>cg08733086</t>
  </si>
  <si>
    <t>cg08733496</t>
  </si>
  <si>
    <t>cg08733933</t>
  </si>
  <si>
    <t>cg08733957</t>
  </si>
  <si>
    <t>cg08734093</t>
  </si>
  <si>
    <t>cg08734527</t>
  </si>
  <si>
    <t>cg08734711</t>
  </si>
  <si>
    <t>cg08735298</t>
  </si>
  <si>
    <t>cg08735549</t>
  </si>
  <si>
    <t>cg08736216</t>
  </si>
  <si>
    <t>cg08736522</t>
  </si>
  <si>
    <t>cg08736918</t>
  </si>
  <si>
    <t>cg08737136</t>
  </si>
  <si>
    <t>cg08737815</t>
  </si>
  <si>
    <t>cg08738280</t>
  </si>
  <si>
    <t>cg08738562</t>
  </si>
  <si>
    <t>cg08738890</t>
  </si>
  <si>
    <t>cg08739115</t>
  </si>
  <si>
    <t>cg08739244</t>
  </si>
  <si>
    <t>cg08739385</t>
  </si>
  <si>
    <t>cg08739433</t>
  </si>
  <si>
    <t>cg08739648</t>
  </si>
  <si>
    <t>cg08741842</t>
  </si>
  <si>
    <t>cg08746138</t>
  </si>
  <si>
    <t>cg08749122</t>
  </si>
  <si>
    <t>cg08749736</t>
  </si>
  <si>
    <t>cg08750554</t>
  </si>
  <si>
    <t>cg08763351</t>
  </si>
  <si>
    <t>cg08763433</t>
  </si>
  <si>
    <t>cg08764927</t>
  </si>
  <si>
    <t>cg08784911</t>
  </si>
  <si>
    <t>cg08785274</t>
  </si>
  <si>
    <t>cg08794135</t>
  </si>
  <si>
    <t>cg08808367</t>
  </si>
  <si>
    <t>cg08815479</t>
  </si>
  <si>
    <t>cg08830553</t>
  </si>
  <si>
    <t>cg08832782</t>
  </si>
  <si>
    <t>cg08841167</t>
  </si>
  <si>
    <t>cg08844390</t>
  </si>
  <si>
    <t>cg08846079</t>
  </si>
  <si>
    <t>cg08847140</t>
  </si>
  <si>
    <t>cg08847614</t>
  </si>
  <si>
    <t>cg08848269</t>
  </si>
  <si>
    <t>cg08848343</t>
  </si>
  <si>
    <t>cg08848462</t>
  </si>
  <si>
    <t>cg08850169</t>
  </si>
  <si>
    <t>cg08850274</t>
  </si>
  <si>
    <t>cg08852911</t>
  </si>
  <si>
    <t>cg08855249</t>
  </si>
  <si>
    <t>cg08855938</t>
  </si>
  <si>
    <t>cg08857221</t>
  </si>
  <si>
    <t>cg08858051</t>
  </si>
  <si>
    <t>cg08858441</t>
  </si>
  <si>
    <t>cg08858998</t>
  </si>
  <si>
    <t>cg08859206</t>
  </si>
  <si>
    <t>cg08859698</t>
  </si>
  <si>
    <t>cg08860953</t>
  </si>
  <si>
    <t>cg08861449</t>
  </si>
  <si>
    <t>cg08861456</t>
  </si>
  <si>
    <t>cg08861844</t>
  </si>
  <si>
    <t>cg08862778</t>
  </si>
  <si>
    <t>cg08864035</t>
  </si>
  <si>
    <t>cg08864318</t>
  </si>
  <si>
    <t>cg08864344</t>
  </si>
  <si>
    <t>cg08865423</t>
  </si>
  <si>
    <t>cg08865695</t>
  </si>
  <si>
    <t>cg08866753</t>
  </si>
  <si>
    <t>cg08867767</t>
  </si>
  <si>
    <t>cg08868601</t>
  </si>
  <si>
    <t>cg08869700</t>
  </si>
  <si>
    <t>cg08869831</t>
  </si>
  <si>
    <t>cg08870281</t>
  </si>
  <si>
    <t>cg08871545</t>
  </si>
  <si>
    <t>cg08872579</t>
  </si>
  <si>
    <t>cg08872703</t>
  </si>
  <si>
    <t>cg08872722</t>
  </si>
  <si>
    <t>cg08872933</t>
  </si>
  <si>
    <t>cg08873628</t>
  </si>
  <si>
    <t>cg08877374</t>
  </si>
  <si>
    <t>cg08877960</t>
  </si>
  <si>
    <t>cg08878713</t>
  </si>
  <si>
    <t>cg08881019</t>
  </si>
  <si>
    <t>cg08882612</t>
  </si>
  <si>
    <t>cg08883066</t>
  </si>
  <si>
    <t>cg08883485</t>
  </si>
  <si>
    <t>cg08883487</t>
  </si>
  <si>
    <t>cg08884752</t>
  </si>
  <si>
    <t>cg08884932</t>
  </si>
  <si>
    <t>cg08885800</t>
  </si>
  <si>
    <t>cg08886301</t>
  </si>
  <si>
    <t>cg08887028</t>
  </si>
  <si>
    <t>cg08889551</t>
  </si>
  <si>
    <t>cg08892208</t>
  </si>
  <si>
    <t>cg08892236</t>
  </si>
  <si>
    <t>cg08893853</t>
  </si>
  <si>
    <t>cg08894960</t>
  </si>
  <si>
    <t>cg08895590</t>
  </si>
  <si>
    <t>cg08895981</t>
  </si>
  <si>
    <t>cg08897054</t>
  </si>
  <si>
    <t>cg08899504</t>
  </si>
  <si>
    <t>cg08899531</t>
  </si>
  <si>
    <t>cg08899938</t>
  </si>
  <si>
    <t>cg08900137</t>
  </si>
  <si>
    <t>cg08900394</t>
  </si>
  <si>
    <t>cg08900511</t>
  </si>
  <si>
    <t>cg08901888</t>
  </si>
  <si>
    <t>cg08901901</t>
  </si>
  <si>
    <t>cg08903261</t>
  </si>
  <si>
    <t>cg08903465</t>
  </si>
  <si>
    <t>cg08903855</t>
  </si>
  <si>
    <t>cg08905496</t>
  </si>
  <si>
    <t>cg08905629</t>
  </si>
  <si>
    <t>cg08906307</t>
  </si>
  <si>
    <t>cg08908355</t>
  </si>
  <si>
    <t>cg08912155</t>
  </si>
  <si>
    <t>cg08912841</t>
  </si>
  <si>
    <t>cg08913261</t>
  </si>
  <si>
    <t>cg08915038</t>
  </si>
  <si>
    <t>cg08915615</t>
  </si>
  <si>
    <t>cg08915922</t>
  </si>
  <si>
    <t>cg08916050</t>
  </si>
  <si>
    <t>cg08916374</t>
  </si>
  <si>
    <t>cg08918923</t>
  </si>
  <si>
    <t>cg08922075</t>
  </si>
  <si>
    <t>cg08922317</t>
  </si>
  <si>
    <t>cg08922729</t>
  </si>
  <si>
    <t>cg08923100</t>
  </si>
  <si>
    <t>cg08924566</t>
  </si>
  <si>
    <t>cg08924911</t>
  </si>
  <si>
    <t>cg08925398</t>
  </si>
  <si>
    <t>cg08927489</t>
  </si>
  <si>
    <t>cg08928189</t>
  </si>
  <si>
    <t>cg08928696</t>
  </si>
  <si>
    <t>cg08929791</t>
  </si>
  <si>
    <t>cg08933284</t>
  </si>
  <si>
    <t>cg08933467</t>
  </si>
  <si>
    <t>cg08936682</t>
  </si>
  <si>
    <t>cg08936794</t>
  </si>
  <si>
    <t>cg08937102</t>
  </si>
  <si>
    <t>cg08937674</t>
  </si>
  <si>
    <t>cg08937734</t>
  </si>
  <si>
    <t>cg08938061</t>
  </si>
  <si>
    <t>cg08938976</t>
  </si>
  <si>
    <t>cg08939496</t>
  </si>
  <si>
    <t>cg08940075</t>
  </si>
  <si>
    <t>cg08940354</t>
  </si>
  <si>
    <t>cg08942016</t>
  </si>
  <si>
    <t>cg08943116</t>
  </si>
  <si>
    <t>cg08943180</t>
  </si>
  <si>
    <t>cg08943293</t>
  </si>
  <si>
    <t>cg08943375</t>
  </si>
  <si>
    <t>cg08945450</t>
  </si>
  <si>
    <t>cg08945920</t>
  </si>
  <si>
    <t>cg08946157</t>
  </si>
  <si>
    <t>cg08947153</t>
  </si>
  <si>
    <t>cg08947445</t>
  </si>
  <si>
    <t>cg08947894</t>
  </si>
  <si>
    <t>cg08949192</t>
  </si>
  <si>
    <t>cg08978953</t>
  </si>
  <si>
    <t>cg08980837</t>
  </si>
  <si>
    <t>cg08990198</t>
  </si>
  <si>
    <t>cg09000830</t>
  </si>
  <si>
    <t>cg09007354</t>
  </si>
  <si>
    <t>cg09009042</t>
  </si>
  <si>
    <t>cg09009380</t>
  </si>
  <si>
    <t>cg09010802</t>
  </si>
  <si>
    <t>cg09011316</t>
  </si>
  <si>
    <t>cg09011883</t>
  </si>
  <si>
    <t>cg09012001</t>
  </si>
  <si>
    <t>cg09015569</t>
  </si>
  <si>
    <t>cg09015774</t>
  </si>
  <si>
    <t>cg09015905</t>
  </si>
  <si>
    <t>cg09016639</t>
  </si>
  <si>
    <t>cg09019477</t>
  </si>
  <si>
    <t>cg09019648</t>
  </si>
  <si>
    <t>cg09021952</t>
  </si>
  <si>
    <t>cg09022720</t>
  </si>
  <si>
    <t>cg09023604</t>
  </si>
  <si>
    <t>cg09023627</t>
  </si>
  <si>
    <t>cg09024228</t>
  </si>
  <si>
    <t>cg09024606</t>
  </si>
  <si>
    <t>cg09024791</t>
  </si>
  <si>
    <t>cg09025040</t>
  </si>
  <si>
    <t>cg09025327</t>
  </si>
  <si>
    <t>cg09025625</t>
  </si>
  <si>
    <t>cg09027133</t>
  </si>
  <si>
    <t>cg09027255</t>
  </si>
  <si>
    <t>cg09027266</t>
  </si>
  <si>
    <t>cg09028383</t>
  </si>
  <si>
    <t>cg09028711</t>
  </si>
  <si>
    <t>cg09029571</t>
  </si>
  <si>
    <t>cg09032391</t>
  </si>
  <si>
    <t>cg09032732</t>
  </si>
  <si>
    <t>cg09032840</t>
  </si>
  <si>
    <t>cg09032863</t>
  </si>
  <si>
    <t>cg09033006</t>
  </si>
  <si>
    <t>cg09033227</t>
  </si>
  <si>
    <t>cg09035101</t>
  </si>
  <si>
    <t>cg09036263</t>
  </si>
  <si>
    <t>cg09036505</t>
  </si>
  <si>
    <t>cg09036837</t>
  </si>
  <si>
    <t>cg09037777</t>
  </si>
  <si>
    <t>cg09044743</t>
  </si>
  <si>
    <t>cg09045105</t>
  </si>
  <si>
    <t>cg09045262</t>
  </si>
  <si>
    <t>cg09047233</t>
  </si>
  <si>
    <t>cg09058860</t>
  </si>
  <si>
    <t>cg09059178</t>
  </si>
  <si>
    <t>cg09063149</t>
  </si>
  <si>
    <t>cg09063663</t>
  </si>
  <si>
    <t>cg09063944</t>
  </si>
  <si>
    <t>cg09065135</t>
  </si>
  <si>
    <t>cg09065413</t>
  </si>
  <si>
    <t>cg09067976</t>
  </si>
  <si>
    <t>cg09069138</t>
  </si>
  <si>
    <t>cg09070316</t>
  </si>
  <si>
    <t>cg09070378</t>
  </si>
  <si>
    <t>cg09070415</t>
  </si>
  <si>
    <t>cg09072560</t>
  </si>
  <si>
    <t>cg09072634</t>
  </si>
  <si>
    <t>cg09074223</t>
  </si>
  <si>
    <t>cg09075163</t>
  </si>
  <si>
    <t>cg09076010</t>
  </si>
  <si>
    <t>cg09076123</t>
  </si>
  <si>
    <t>cg09076339</t>
  </si>
  <si>
    <t>cg09076431</t>
  </si>
  <si>
    <t>cg09077530</t>
  </si>
  <si>
    <t>cg09081517</t>
  </si>
  <si>
    <t>cg09081913</t>
  </si>
  <si>
    <t>cg09082287</t>
  </si>
  <si>
    <t>cg09084829</t>
  </si>
  <si>
    <t>cg09085216</t>
  </si>
  <si>
    <t>cg09094328</t>
  </si>
  <si>
    <t>cg09099500</t>
  </si>
  <si>
    <t>cg09100654</t>
  </si>
  <si>
    <t>cg09105687</t>
  </si>
  <si>
    <t>cg09107053</t>
  </si>
  <si>
    <t>cg09107315</t>
  </si>
  <si>
    <t>cg09109122</t>
  </si>
  <si>
    <t>cg09110148</t>
  </si>
  <si>
    <t>cg09113483</t>
  </si>
  <si>
    <t>cg09113505</t>
  </si>
  <si>
    <t>cg09117778</t>
  </si>
  <si>
    <t>cg09118625</t>
  </si>
  <si>
    <t>cg09119494</t>
  </si>
  <si>
    <t>cg09120877</t>
  </si>
  <si>
    <t>cg09121047</t>
  </si>
  <si>
    <t>cg09121478</t>
  </si>
  <si>
    <t>cg09122197</t>
  </si>
  <si>
    <t>cg09122593</t>
  </si>
  <si>
    <t>cg09123961</t>
  </si>
  <si>
    <t>cg09124230</t>
  </si>
  <si>
    <t>cg09125532</t>
  </si>
  <si>
    <t>cg09126636</t>
  </si>
  <si>
    <t>cg09126995</t>
  </si>
  <si>
    <t>cg09127005</t>
  </si>
  <si>
    <t>cg09127170</t>
  </si>
  <si>
    <t>cg09129839</t>
  </si>
  <si>
    <t>cg09130963</t>
  </si>
  <si>
    <t>cg09131339</t>
  </si>
  <si>
    <t>cg09131901</t>
  </si>
  <si>
    <t>cg09132058</t>
  </si>
  <si>
    <t>cg09134640</t>
  </si>
  <si>
    <t>cg09134840</t>
  </si>
  <si>
    <t>cg09134969</t>
  </si>
  <si>
    <t>cg09135206</t>
  </si>
  <si>
    <t>cg09136597</t>
  </si>
  <si>
    <t>cg09137204</t>
  </si>
  <si>
    <t>cg09138028</t>
  </si>
  <si>
    <t>cg09139451</t>
  </si>
  <si>
    <t>cg09139790</t>
  </si>
  <si>
    <t>cg09140232</t>
  </si>
  <si>
    <t>cg09140274</t>
  </si>
  <si>
    <t>cg09141557</t>
  </si>
  <si>
    <t>cg09142399</t>
  </si>
  <si>
    <t>cg09143515</t>
  </si>
  <si>
    <t>cg09146263</t>
  </si>
  <si>
    <t>cg09148344</t>
  </si>
  <si>
    <t>cg09149784</t>
  </si>
  <si>
    <t>cg09150239</t>
  </si>
  <si>
    <t>cg09151801</t>
  </si>
  <si>
    <t>cg09152089</t>
  </si>
  <si>
    <t>cg09152105</t>
  </si>
  <si>
    <t>cg09152490</t>
  </si>
  <si>
    <t>cg09154062</t>
  </si>
  <si>
    <t>cg09155765</t>
  </si>
  <si>
    <t>cg09157008</t>
  </si>
  <si>
    <t>cg09159144</t>
  </si>
  <si>
    <t>cg09159389</t>
  </si>
  <si>
    <t>cg09160123</t>
  </si>
  <si>
    <t>cg09160450</t>
  </si>
  <si>
    <t>cg09161043</t>
  </si>
  <si>
    <t>cg09162146</t>
  </si>
  <si>
    <t>cg09162518</t>
  </si>
  <si>
    <t>cg09162909</t>
  </si>
  <si>
    <t>cg09164898</t>
  </si>
  <si>
    <t>cg09165041</t>
  </si>
  <si>
    <t>cg09165170</t>
  </si>
  <si>
    <t>cg09166345</t>
  </si>
  <si>
    <t>cg09167705</t>
  </si>
  <si>
    <t>cg09168495</t>
  </si>
  <si>
    <t>cg09168692</t>
  </si>
  <si>
    <t>cg09168805</t>
  </si>
  <si>
    <t>cg09168997</t>
  </si>
  <si>
    <t>cg09169269</t>
  </si>
  <si>
    <t>cg09169516</t>
  </si>
  <si>
    <t>cg09170397</t>
  </si>
  <si>
    <t>cg09172260</t>
  </si>
  <si>
    <t>cg09173636</t>
  </si>
  <si>
    <t>cg09173681</t>
  </si>
  <si>
    <t>cg09174555</t>
  </si>
  <si>
    <t>cg09174829</t>
  </si>
  <si>
    <t>cg09175749</t>
  </si>
  <si>
    <t>cg09175915</t>
  </si>
  <si>
    <t>cg09176275</t>
  </si>
  <si>
    <t>cg09177518</t>
  </si>
  <si>
    <t>cg09178261</t>
  </si>
  <si>
    <t>cg09178385</t>
  </si>
  <si>
    <t>cg09179903</t>
  </si>
  <si>
    <t>cg09180171</t>
  </si>
  <si>
    <t>cg09180262</t>
  </si>
  <si>
    <t>cg09180520</t>
  </si>
  <si>
    <t>cg09180977</t>
  </si>
  <si>
    <t>cg09181104</t>
  </si>
  <si>
    <t>cg09181500</t>
  </si>
  <si>
    <t>cg09182189</t>
  </si>
  <si>
    <t>cg09182986</t>
  </si>
  <si>
    <t>cg09184981</t>
  </si>
  <si>
    <t>cg09185179</t>
  </si>
  <si>
    <t>cg09185998</t>
  </si>
  <si>
    <t>cg09188322</t>
  </si>
  <si>
    <t>cg09196942</t>
  </si>
  <si>
    <t>cg09199031</t>
  </si>
  <si>
    <t>cg09212118</t>
  </si>
  <si>
    <t>cg09214920</t>
  </si>
  <si>
    <t>cg09216381</t>
  </si>
  <si>
    <t>cg09219721</t>
  </si>
  <si>
    <t>cg09221932</t>
  </si>
  <si>
    <t>cg09222749</t>
  </si>
  <si>
    <t>cg09224523</t>
  </si>
  <si>
    <t>cg09225840</t>
  </si>
  <si>
    <t>cg09226792</t>
  </si>
  <si>
    <t>cg09228402</t>
  </si>
  <si>
    <t>cg09229231</t>
  </si>
  <si>
    <t>cg09230667</t>
  </si>
  <si>
    <t>cg09231412</t>
  </si>
  <si>
    <t>cg09231518</t>
  </si>
  <si>
    <t>cg09232478</t>
  </si>
  <si>
    <t>cg09233658</t>
  </si>
  <si>
    <t>cg09233730</t>
  </si>
  <si>
    <t>cg09243533</t>
  </si>
  <si>
    <t>cg09243900</t>
  </si>
  <si>
    <t>cg09247175</t>
  </si>
  <si>
    <t>cg09247486</t>
  </si>
  <si>
    <t>cg09247619</t>
  </si>
  <si>
    <t>cg09248896</t>
  </si>
  <si>
    <t>cg09249084</t>
  </si>
  <si>
    <t>cg09250146</t>
  </si>
  <si>
    <t>cg09251959</t>
  </si>
  <si>
    <t>cg09252196</t>
  </si>
  <si>
    <t>cg09254855</t>
  </si>
  <si>
    <t>cg09255732</t>
  </si>
  <si>
    <t>cg09255910</t>
  </si>
  <si>
    <t>cg09257349</t>
  </si>
  <si>
    <t>cg09257526</t>
  </si>
  <si>
    <t>cg09259179</t>
  </si>
  <si>
    <t>cg09259409</t>
  </si>
  <si>
    <t>cg09260158</t>
  </si>
  <si>
    <t>cg09260773</t>
  </si>
  <si>
    <t>cg09260853</t>
  </si>
  <si>
    <t>cg09261561</t>
  </si>
  <si>
    <t>cg09261992</t>
  </si>
  <si>
    <t>cg09262197</t>
  </si>
  <si>
    <t>cg09262245</t>
  </si>
  <si>
    <t>cg09263146</t>
  </si>
  <si>
    <t>cg09264282</t>
  </si>
  <si>
    <t>cg09264742</t>
  </si>
  <si>
    <t>cg09265940</t>
  </si>
  <si>
    <t>cg09265955</t>
  </si>
  <si>
    <t>cg09266206</t>
  </si>
  <si>
    <t>cg09266310</t>
  </si>
  <si>
    <t>cg09266979</t>
  </si>
  <si>
    <t>cg09267046</t>
  </si>
  <si>
    <t>cg09269118</t>
  </si>
  <si>
    <t>cg09269866</t>
  </si>
  <si>
    <t>cg09270879</t>
  </si>
  <si>
    <t>cg09272642</t>
  </si>
  <si>
    <t>cg09272702</t>
  </si>
  <si>
    <t>cg09273516</t>
  </si>
  <si>
    <t>cg09274167</t>
  </si>
  <si>
    <t>cg09274810</t>
  </si>
  <si>
    <t>cg09274826</t>
  </si>
  <si>
    <t>cg09275655</t>
  </si>
  <si>
    <t>cg09276363</t>
  </si>
  <si>
    <t>cg09276486</t>
  </si>
  <si>
    <t>cg09276883</t>
  </si>
  <si>
    <t>cg09277376</t>
  </si>
  <si>
    <t>cg09278610</t>
  </si>
  <si>
    <t>cg09278885</t>
  </si>
  <si>
    <t>cg09282201</t>
  </si>
  <si>
    <t>cg09299086</t>
  </si>
  <si>
    <t>cg09302577</t>
  </si>
  <si>
    <t>cg09303881</t>
  </si>
  <si>
    <t>cg09306340</t>
  </si>
  <si>
    <t>cg09306577</t>
  </si>
  <si>
    <t>cg09308842</t>
  </si>
  <si>
    <t>cg09311052</t>
  </si>
  <si>
    <t>cg09314590</t>
  </si>
  <si>
    <t>cg09315264</t>
  </si>
  <si>
    <t>cg09315814</t>
  </si>
  <si>
    <t>cg09316122</t>
  </si>
  <si>
    <t>cg09316592</t>
  </si>
  <si>
    <t>cg09317398</t>
  </si>
  <si>
    <t>cg09317508</t>
  </si>
  <si>
    <t>cg09317884</t>
  </si>
  <si>
    <t>cg09318521</t>
  </si>
  <si>
    <t>cg09321238</t>
  </si>
  <si>
    <t>cg09321566</t>
  </si>
  <si>
    <t>cg09322349</t>
  </si>
  <si>
    <t>cg09325164</t>
  </si>
  <si>
    <t>cg09326087</t>
  </si>
  <si>
    <t>cg09326324</t>
  </si>
  <si>
    <t>cg09326404</t>
  </si>
  <si>
    <t>cg09327628</t>
  </si>
  <si>
    <t>cg09327855</t>
  </si>
  <si>
    <t>cg09328024</t>
  </si>
  <si>
    <t>cg09330116</t>
  </si>
  <si>
    <t>cg09330427</t>
  </si>
  <si>
    <t>cg09331144</t>
  </si>
  <si>
    <t>cg09332175</t>
  </si>
  <si>
    <t>cg09332784</t>
  </si>
  <si>
    <t>cg09332974</t>
  </si>
  <si>
    <t>cg09332996</t>
  </si>
  <si>
    <t>cg09348084</t>
  </si>
  <si>
    <t>cg09353985</t>
  </si>
  <si>
    <t>cg09354294</t>
  </si>
  <si>
    <t>cg09354589</t>
  </si>
  <si>
    <t>cg09356672</t>
  </si>
  <si>
    <t>cg09357795</t>
  </si>
  <si>
    <t>cg09358973</t>
  </si>
  <si>
    <t>cg09359103</t>
  </si>
  <si>
    <t>cg09359106</t>
  </si>
  <si>
    <t>cg09361491</t>
  </si>
  <si>
    <t>cg09363892</t>
  </si>
  <si>
    <t>cg09364089</t>
  </si>
  <si>
    <t>cg09364688</t>
  </si>
  <si>
    <t>cg09365624</t>
  </si>
  <si>
    <t>cg09366342</t>
  </si>
  <si>
    <t>cg09366519</t>
  </si>
  <si>
    <t>cg09366861</t>
  </si>
  <si>
    <t>cg09369927</t>
  </si>
  <si>
    <t>cg09369954</t>
  </si>
  <si>
    <t>cg09372525</t>
  </si>
  <si>
    <t>cg09372808</t>
  </si>
  <si>
    <t>cg09381484</t>
  </si>
  <si>
    <t>cg09396704</t>
  </si>
  <si>
    <t>cg09397375</t>
  </si>
  <si>
    <t>cg09404633</t>
  </si>
  <si>
    <t>cg09409484</t>
  </si>
  <si>
    <t>cg09409930</t>
  </si>
  <si>
    <t>cg09410234</t>
  </si>
  <si>
    <t>cg09412490</t>
  </si>
  <si>
    <t>cg09413723</t>
  </si>
  <si>
    <t>cg09414137</t>
  </si>
  <si>
    <t>cg09414863</t>
  </si>
  <si>
    <t>cg09415386</t>
  </si>
  <si>
    <t>cg09415955</t>
  </si>
  <si>
    <t>cg09416175</t>
  </si>
  <si>
    <t>cg09416366</t>
  </si>
  <si>
    <t>cg09416903</t>
  </si>
  <si>
    <t>cg09417889</t>
  </si>
  <si>
    <t>cg09424759</t>
  </si>
  <si>
    <t>cg09432166</t>
  </si>
  <si>
    <t>cg09440340</t>
  </si>
  <si>
    <t>cg09442556</t>
  </si>
  <si>
    <t>cg09448880</t>
  </si>
  <si>
    <t>cg09451092</t>
  </si>
  <si>
    <t>cg09458394</t>
  </si>
  <si>
    <t>cg09460082</t>
  </si>
  <si>
    <t>cg09461185</t>
  </si>
  <si>
    <t>cg09462576</t>
  </si>
  <si>
    <t>cg09463984</t>
  </si>
  <si>
    <t>cg09468328</t>
  </si>
  <si>
    <t>cg09469984</t>
  </si>
  <si>
    <t>cg09470905</t>
  </si>
  <si>
    <t>cg09471611</t>
  </si>
  <si>
    <t>cg09472004</t>
  </si>
  <si>
    <t>cg09472600</t>
  </si>
  <si>
    <t>cg09472802</t>
  </si>
  <si>
    <t>cg09473383</t>
  </si>
  <si>
    <t>cg09473455</t>
  </si>
  <si>
    <t>cg09473576</t>
  </si>
  <si>
    <t>cg09473613</t>
  </si>
  <si>
    <t>cg09474092</t>
  </si>
  <si>
    <t>cg09474476</t>
  </si>
  <si>
    <t>cg09475276</t>
  </si>
  <si>
    <t>cg09475635</t>
  </si>
  <si>
    <t>cg09476154</t>
  </si>
  <si>
    <t>cg09477492</t>
  </si>
  <si>
    <t>cg09478857</t>
  </si>
  <si>
    <t>cg09481970</t>
  </si>
  <si>
    <t>cg09497789</t>
  </si>
  <si>
    <t>cg09501333</t>
  </si>
  <si>
    <t>cg09501516</t>
  </si>
  <si>
    <t>cg09501892</t>
  </si>
  <si>
    <t>cg09501963</t>
  </si>
  <si>
    <t>cg09502111</t>
  </si>
  <si>
    <t>cg09502149</t>
  </si>
  <si>
    <t>cg09502809</t>
  </si>
  <si>
    <t>cg09503311</t>
  </si>
  <si>
    <t>cg09503397</t>
  </si>
  <si>
    <t>cg09505809</t>
  </si>
  <si>
    <t>cg09505836</t>
  </si>
  <si>
    <t>cg09505918</t>
  </si>
  <si>
    <t>cg09506001</t>
  </si>
  <si>
    <t>cg09506319</t>
  </si>
  <si>
    <t>cg09507184</t>
  </si>
  <si>
    <t>cg09509365</t>
  </si>
  <si>
    <t>cg09510416</t>
  </si>
  <si>
    <t>cg09513469</t>
  </si>
  <si>
    <t>cg09513609</t>
  </si>
  <si>
    <t>cg09513758</t>
  </si>
  <si>
    <t>cg09516523</t>
  </si>
  <si>
    <t>cg09517190</t>
  </si>
  <si>
    <t>cg09518518</t>
  </si>
  <si>
    <t>cg09527021</t>
  </si>
  <si>
    <t>cg09539943</t>
  </si>
  <si>
    <t>cg09542291</t>
  </si>
  <si>
    <t>cg09547219</t>
  </si>
  <si>
    <t>cg09547777</t>
  </si>
  <si>
    <t>cg09549015</t>
  </si>
  <si>
    <t>cg09549827</t>
  </si>
  <si>
    <t>cg09550041</t>
  </si>
  <si>
    <t>cg09550293</t>
  </si>
  <si>
    <t>cg09550558</t>
  </si>
  <si>
    <t>cg09550810</t>
  </si>
  <si>
    <t>cg09551019</t>
  </si>
  <si>
    <t>cg09551072</t>
  </si>
  <si>
    <t>cg09551262</t>
  </si>
  <si>
    <t>cg09552123</t>
  </si>
  <si>
    <t>cg09554443</t>
  </si>
  <si>
    <t>cg09554876</t>
  </si>
  <si>
    <t>cg09555360</t>
  </si>
  <si>
    <t>cg09556527</t>
  </si>
  <si>
    <t>cg09557643</t>
  </si>
  <si>
    <t>cg09557747</t>
  </si>
  <si>
    <t>cg09557991</t>
  </si>
  <si>
    <t>cg09558069</t>
  </si>
  <si>
    <t>cg09558502</t>
  </si>
  <si>
    <t>cg09560161</t>
  </si>
  <si>
    <t>cg09563216</t>
  </si>
  <si>
    <t>cg09573658</t>
  </si>
  <si>
    <t>cg09575442</t>
  </si>
  <si>
    <t>cg09579061</t>
  </si>
  <si>
    <t>cg09579413</t>
  </si>
  <si>
    <t>cg09579468</t>
  </si>
  <si>
    <t>cg09580336</t>
  </si>
  <si>
    <t>cg09580567</t>
  </si>
  <si>
    <t>cg09580882</t>
  </si>
  <si>
    <t>cg09580965</t>
  </si>
  <si>
    <t>cg09582482</t>
  </si>
  <si>
    <t>cg09585255</t>
  </si>
  <si>
    <t>cg09586034</t>
  </si>
  <si>
    <t>cg09586191</t>
  </si>
  <si>
    <t>cg09586198</t>
  </si>
  <si>
    <t>cg09586583</t>
  </si>
  <si>
    <t>cg09587172</t>
  </si>
  <si>
    <t>cg09587487</t>
  </si>
  <si>
    <t>cg09588555</t>
  </si>
  <si>
    <t>cg09612202</t>
  </si>
  <si>
    <t>cg09622957</t>
  </si>
  <si>
    <t>cg09628195</t>
  </si>
  <si>
    <t>cg09633588</t>
  </si>
  <si>
    <t>cg09635067</t>
  </si>
  <si>
    <t>cg09635738</t>
  </si>
  <si>
    <t>cg09636459</t>
  </si>
  <si>
    <t>cg09636671</t>
  </si>
  <si>
    <t>cg09638704</t>
  </si>
  <si>
    <t>cg09649610</t>
  </si>
  <si>
    <t>cg09649799</t>
  </si>
  <si>
    <t>cg09662411</t>
  </si>
  <si>
    <t>cg09662887</t>
  </si>
  <si>
    <t>cg09664054</t>
  </si>
  <si>
    <t>cg09664215</t>
  </si>
  <si>
    <t>cg09664554</t>
  </si>
  <si>
    <t>cg09664975</t>
  </si>
  <si>
    <t>cg09665311</t>
  </si>
  <si>
    <t>cg09666006</t>
  </si>
  <si>
    <t>cg09666230</t>
  </si>
  <si>
    <t>cg09670535</t>
  </si>
  <si>
    <t>cg09671119</t>
  </si>
  <si>
    <t>cg09671955</t>
  </si>
  <si>
    <t>cg09675653</t>
  </si>
  <si>
    <t>cg09684066</t>
  </si>
  <si>
    <t>cg09684245</t>
  </si>
  <si>
    <t>cg09684336</t>
  </si>
  <si>
    <t>cg09684338</t>
  </si>
  <si>
    <t>cg09685630</t>
  </si>
  <si>
    <t>cg09686635</t>
  </si>
  <si>
    <t>cg09686639</t>
  </si>
  <si>
    <t>cg09704415</t>
  </si>
  <si>
    <t>cg09722556</t>
  </si>
  <si>
    <t>cg09725874</t>
  </si>
  <si>
    <t>cg09726469</t>
  </si>
  <si>
    <t>cg09728486</t>
  </si>
  <si>
    <t>cg09735905</t>
  </si>
  <si>
    <t>cg09740319</t>
  </si>
  <si>
    <t>cg09747578</t>
  </si>
  <si>
    <t>cg09750171</t>
  </si>
  <si>
    <t>cg09752779</t>
  </si>
  <si>
    <t>cg09753126</t>
  </si>
  <si>
    <t>cg09753749</t>
  </si>
  <si>
    <t>cg09754932</t>
  </si>
  <si>
    <t>cg09756115</t>
  </si>
  <si>
    <t>cg09757127</t>
  </si>
  <si>
    <t>cg09761367</t>
  </si>
  <si>
    <t>cg09761478</t>
  </si>
  <si>
    <t>cg09761915</t>
  </si>
  <si>
    <t>cg09764697</t>
  </si>
  <si>
    <t>cg09765302</t>
  </si>
  <si>
    <t>cg09766323</t>
  </si>
  <si>
    <t>cg09766820</t>
  </si>
  <si>
    <t>cg09767550</t>
  </si>
  <si>
    <t>cg09767588</t>
  </si>
  <si>
    <t>cg09767675</t>
  </si>
  <si>
    <t>cg09768093</t>
  </si>
  <si>
    <t>cg09768821</t>
  </si>
  <si>
    <t>cg09769084</t>
  </si>
  <si>
    <t>cg09769218</t>
  </si>
  <si>
    <t>cg09771429</t>
  </si>
  <si>
    <t>cg09787123</t>
  </si>
  <si>
    <t>cg09788693</t>
  </si>
  <si>
    <t>cg09788762</t>
  </si>
  <si>
    <t>cg09790270</t>
  </si>
  <si>
    <t>cg09790470</t>
  </si>
  <si>
    <t>cg09791504</t>
  </si>
  <si>
    <t>cg09792696</t>
  </si>
  <si>
    <t>cg09792712</t>
  </si>
  <si>
    <t>cg09793883</t>
  </si>
  <si>
    <t>cg09796293</t>
  </si>
  <si>
    <t>cg09797390</t>
  </si>
  <si>
    <t>cg09799789</t>
  </si>
  <si>
    <t>cg09800430</t>
  </si>
  <si>
    <t>cg09801607</t>
  </si>
  <si>
    <t>cg09802610</t>
  </si>
  <si>
    <t>cg09802688</t>
  </si>
  <si>
    <t>cg09805709</t>
  </si>
  <si>
    <t>cg09806485</t>
  </si>
  <si>
    <t>cg09807979</t>
  </si>
  <si>
    <t>cg09809672</t>
  </si>
  <si>
    <t>cg09809806</t>
  </si>
  <si>
    <t>cg09811123</t>
  </si>
  <si>
    <t>cg09811183</t>
  </si>
  <si>
    <t>cg09811860</t>
  </si>
  <si>
    <t>cg09814029</t>
  </si>
  <si>
    <t>cg09814448</t>
  </si>
  <si>
    <t>cg09815769</t>
  </si>
  <si>
    <t>cg09818691</t>
  </si>
  <si>
    <t>cg09819083</t>
  </si>
  <si>
    <t>cg09819495</t>
  </si>
  <si>
    <t>cg09820244</t>
  </si>
  <si>
    <t>cg09820519</t>
  </si>
  <si>
    <t>cg09820729</t>
  </si>
  <si>
    <t>cg09821112</t>
  </si>
  <si>
    <t>cg09821328</t>
  </si>
  <si>
    <t>cg09822001</t>
  </si>
  <si>
    <t>cg09823395</t>
  </si>
  <si>
    <t>cg09824402</t>
  </si>
  <si>
    <t>cg09825327</t>
  </si>
  <si>
    <t>cg09825670</t>
  </si>
  <si>
    <t>cg09826050</t>
  </si>
  <si>
    <t>cg09826056</t>
  </si>
  <si>
    <t>cg09826923</t>
  </si>
  <si>
    <t>cg09826973</t>
  </si>
  <si>
    <t>cg09827048</t>
  </si>
  <si>
    <t>cg09828226</t>
  </si>
  <si>
    <t>cg09828420</t>
  </si>
  <si>
    <t>cg09828632</t>
  </si>
  <si>
    <t>cg09829573</t>
  </si>
  <si>
    <t>cg09834465</t>
  </si>
  <si>
    <t>cg09837361</t>
  </si>
  <si>
    <t>cg09838042</t>
  </si>
  <si>
    <t>cg09844185</t>
  </si>
  <si>
    <t>cg09844805</t>
  </si>
  <si>
    <t>cg09844983</t>
  </si>
  <si>
    <t>cg09845941</t>
  </si>
  <si>
    <t>cg09846180</t>
  </si>
  <si>
    <t>cg09847153</t>
  </si>
  <si>
    <t>cg09847368</t>
  </si>
  <si>
    <t>cg09847789</t>
  </si>
  <si>
    <t>cg09850012</t>
  </si>
  <si>
    <t>cg09850418</t>
  </si>
  <si>
    <t>cg09850632</t>
  </si>
  <si>
    <t>cg09851245</t>
  </si>
  <si>
    <t>cg09851460</t>
  </si>
  <si>
    <t>cg09851465</t>
  </si>
  <si>
    <t>cg09852008</t>
  </si>
  <si>
    <t>cg09853570</t>
  </si>
  <si>
    <t>cg09854011</t>
  </si>
  <si>
    <t>cg09855706</t>
  </si>
  <si>
    <t>cg09856274</t>
  </si>
  <si>
    <t>cg09856436</t>
  </si>
  <si>
    <t>cg09856869</t>
  </si>
  <si>
    <t>cg09857070</t>
  </si>
  <si>
    <t>cg09858176</t>
  </si>
  <si>
    <t>cg09858604</t>
  </si>
  <si>
    <t>cg09859491</t>
  </si>
  <si>
    <t>cg09859596</t>
  </si>
  <si>
    <t>cg09860601</t>
  </si>
  <si>
    <t>cg09860717</t>
  </si>
  <si>
    <t>cg09860921</t>
  </si>
  <si>
    <t>cg09861604</t>
  </si>
  <si>
    <t>cg09861838</t>
  </si>
  <si>
    <t>cg09862072</t>
  </si>
  <si>
    <t>cg09862509</t>
  </si>
  <si>
    <t>cg09862914</t>
  </si>
  <si>
    <t>cg09862941</t>
  </si>
  <si>
    <t>cg09862948</t>
  </si>
  <si>
    <t>cg09863950</t>
  </si>
  <si>
    <t>cg09864076</t>
  </si>
  <si>
    <t>cg09864858</t>
  </si>
  <si>
    <t>cg09864992</t>
  </si>
  <si>
    <t>cg09866757</t>
  </si>
  <si>
    <t>cg09867208</t>
  </si>
  <si>
    <t>cg09867883</t>
  </si>
  <si>
    <t>cg09869291</t>
  </si>
  <si>
    <t>cg09869357</t>
  </si>
  <si>
    <t>cg09869595</t>
  </si>
  <si>
    <t>cg09869791</t>
  </si>
  <si>
    <t>cg09869882</t>
  </si>
  <si>
    <t>cg09871079</t>
  </si>
  <si>
    <t>cg09871424</t>
  </si>
  <si>
    <t>cg09872491</t>
  </si>
  <si>
    <t>cg09872841</t>
  </si>
  <si>
    <t>cg09873284</t>
  </si>
  <si>
    <t>cg09874052</t>
  </si>
  <si>
    <t>cg09874213</t>
  </si>
  <si>
    <t>cg09874992</t>
  </si>
  <si>
    <t>cg09875087</t>
  </si>
  <si>
    <t>cg09879526</t>
  </si>
  <si>
    <t>cg09883381</t>
  </si>
  <si>
    <t>cg09885951</t>
  </si>
  <si>
    <t>cg09887323</t>
  </si>
  <si>
    <t>cg09888012</t>
  </si>
  <si>
    <t>cg09888145</t>
  </si>
  <si>
    <t>cg09888231</t>
  </si>
  <si>
    <t>cg09888330</t>
  </si>
  <si>
    <t>cg09889997</t>
  </si>
  <si>
    <t>cg09890400</t>
  </si>
  <si>
    <t>cg09890536</t>
  </si>
  <si>
    <t>cg09890699</t>
  </si>
  <si>
    <t>cg09891761</t>
  </si>
  <si>
    <t>cg09893068</t>
  </si>
  <si>
    <t>cg09894814</t>
  </si>
  <si>
    <t>cg09895514</t>
  </si>
  <si>
    <t>cg09895909</t>
  </si>
  <si>
    <t>cg09898729</t>
  </si>
  <si>
    <t>cg09899564</t>
  </si>
  <si>
    <t>cg09900893</t>
  </si>
  <si>
    <t>cg09902062</t>
  </si>
  <si>
    <t>cg09903430</t>
  </si>
  <si>
    <t>cg09905199</t>
  </si>
  <si>
    <t>cg09910984</t>
  </si>
  <si>
    <t>cg09914444</t>
  </si>
  <si>
    <t>cg09917506</t>
  </si>
  <si>
    <t>cg09926178</t>
  </si>
  <si>
    <t>cg09932135</t>
  </si>
  <si>
    <t>cg09932312</t>
  </si>
  <si>
    <t>cg09932345</t>
  </si>
  <si>
    <t>cg09932694</t>
  </si>
  <si>
    <t>cg09935388</t>
  </si>
  <si>
    <t>cg09936248</t>
  </si>
  <si>
    <t>cg09937642</t>
  </si>
  <si>
    <t>cg09938227</t>
  </si>
  <si>
    <t>cg09938406</t>
  </si>
  <si>
    <t>cg09940311</t>
  </si>
  <si>
    <t>cg09940675</t>
  </si>
  <si>
    <t>cg09940915</t>
  </si>
  <si>
    <t>cg09942999</t>
  </si>
  <si>
    <t>cg09955859</t>
  </si>
  <si>
    <t>cg09958801</t>
  </si>
  <si>
    <t>cg09971184</t>
  </si>
  <si>
    <t>cg09974205</t>
  </si>
  <si>
    <t>cg09975867</t>
  </si>
  <si>
    <t>cg09976670</t>
  </si>
  <si>
    <t>cg09977376</t>
  </si>
  <si>
    <t>cg09980622</t>
  </si>
  <si>
    <t>cg09988116</t>
  </si>
  <si>
    <t>cg09988837</t>
  </si>
  <si>
    <t>cg09989644</t>
  </si>
  <si>
    <t>cg09989886</t>
  </si>
  <si>
    <t>cg09990584</t>
  </si>
  <si>
    <t>cg09991710</t>
  </si>
  <si>
    <t>cg09992376</t>
  </si>
  <si>
    <t>cg09992387</t>
  </si>
  <si>
    <t>cg09994773</t>
  </si>
  <si>
    <t>cg09995507</t>
  </si>
  <si>
    <t>cg09998519</t>
  </si>
  <si>
    <t>cg10009875</t>
  </si>
  <si>
    <t>cg10010183</t>
  </si>
  <si>
    <t>cg10011855</t>
  </si>
  <si>
    <t>cg10016350</t>
  </si>
  <si>
    <t>cg10016835</t>
  </si>
  <si>
    <t>cg10017653</t>
  </si>
  <si>
    <t>cg10019844</t>
  </si>
  <si>
    <t>cg10020897</t>
  </si>
  <si>
    <t>cg10021614</t>
  </si>
  <si>
    <t>cg10022139</t>
  </si>
  <si>
    <t>cg10022295</t>
  </si>
  <si>
    <t>cg10023454</t>
  </si>
  <si>
    <t>cg10024100</t>
  </si>
  <si>
    <t>cg10024281</t>
  </si>
  <si>
    <t>cg10025838</t>
  </si>
  <si>
    <t>cg10026613</t>
  </si>
  <si>
    <t>cg10027159</t>
  </si>
  <si>
    <t>cg10027314</t>
  </si>
  <si>
    <t>cg10029842</t>
  </si>
  <si>
    <t>cg10030008</t>
  </si>
  <si>
    <t>cg10035922</t>
  </si>
  <si>
    <t>cg10037654</t>
  </si>
  <si>
    <t>cg10038085</t>
  </si>
  <si>
    <t>cg10038618</t>
  </si>
  <si>
    <t>cg10038867</t>
  </si>
  <si>
    <t>cg10039041</t>
  </si>
  <si>
    <t>cg10040059</t>
  </si>
  <si>
    <t>cg10040748</t>
  </si>
  <si>
    <t>cg10042178</t>
  </si>
  <si>
    <t>cg10045881</t>
  </si>
  <si>
    <t>cg10046892</t>
  </si>
  <si>
    <t>cg10050900</t>
  </si>
  <si>
    <t>cg10051214</t>
  </si>
  <si>
    <t>cg10055161</t>
  </si>
  <si>
    <t>cg10055231</t>
  </si>
  <si>
    <t>cg10055471</t>
  </si>
  <si>
    <t>cg10057065</t>
  </si>
  <si>
    <t>cg10058538</t>
  </si>
  <si>
    <t>cg10059756</t>
  </si>
  <si>
    <t>cg10061532</t>
  </si>
  <si>
    <t>cg10062530</t>
  </si>
  <si>
    <t>cg10064484</t>
  </si>
  <si>
    <t>cg10064525</t>
  </si>
  <si>
    <t>cg10065162</t>
  </si>
  <si>
    <t>cg10073091</t>
  </si>
  <si>
    <t>cg10074409</t>
  </si>
  <si>
    <t>cg10087399</t>
  </si>
  <si>
    <t>cg10088610</t>
  </si>
  <si>
    <t>cg10088685</t>
  </si>
  <si>
    <t>cg10089324</t>
  </si>
  <si>
    <t>cg10089647</t>
  </si>
  <si>
    <t>cg10090568</t>
  </si>
  <si>
    <t>cg10090792</t>
  </si>
  <si>
    <t>cg10091705</t>
  </si>
  <si>
    <t>cg10092779</t>
  </si>
  <si>
    <t>cg10093594</t>
  </si>
  <si>
    <t>cg10094191</t>
  </si>
  <si>
    <t>cg10094886</t>
  </si>
  <si>
    <t>cg10095577</t>
  </si>
  <si>
    <t>cg10097045</t>
  </si>
  <si>
    <t>cg10097755</t>
  </si>
  <si>
    <t>cg10098464</t>
  </si>
  <si>
    <t>cg10098523</t>
  </si>
  <si>
    <t>cg10098670</t>
  </si>
  <si>
    <t>cg10100287</t>
  </si>
  <si>
    <t>cg10100437</t>
  </si>
  <si>
    <t>cg10103187</t>
  </si>
  <si>
    <t>cg10103528</t>
  </si>
  <si>
    <t>cg10106388</t>
  </si>
  <si>
    <t>cg10107956</t>
  </si>
  <si>
    <t>cg10108237</t>
  </si>
  <si>
    <t>cg10110506</t>
  </si>
  <si>
    <t>cg10110857</t>
  </si>
  <si>
    <t>cg10111629</t>
  </si>
  <si>
    <t>cg10111759</t>
  </si>
  <si>
    <t>cg10112249</t>
  </si>
  <si>
    <t>cg10113864</t>
  </si>
  <si>
    <t>cg10114625</t>
  </si>
  <si>
    <t>cg10115203</t>
  </si>
  <si>
    <t>cg10115320</t>
  </si>
  <si>
    <t>cg10115348</t>
  </si>
  <si>
    <t>cg10115827</t>
  </si>
  <si>
    <t>cg10116209</t>
  </si>
  <si>
    <t>cg10116490</t>
  </si>
  <si>
    <t>cg10117562</t>
  </si>
  <si>
    <t>cg10117719</t>
  </si>
  <si>
    <t>cg10118093</t>
  </si>
  <si>
    <t>cg10119342</t>
  </si>
  <si>
    <t>cg10120703</t>
  </si>
  <si>
    <t>cg10121601</t>
  </si>
  <si>
    <t>cg10122267</t>
  </si>
  <si>
    <t>cg10122878</t>
  </si>
  <si>
    <t>cg10123642</t>
  </si>
  <si>
    <t>cg10123662</t>
  </si>
  <si>
    <t>cg10124445</t>
  </si>
  <si>
    <t>cg10124807</t>
  </si>
  <si>
    <t>cg10126459</t>
  </si>
  <si>
    <t>cg10127483</t>
  </si>
  <si>
    <t>cg10128416</t>
  </si>
  <si>
    <t>cg10128479</t>
  </si>
  <si>
    <t>cg10129768</t>
  </si>
  <si>
    <t>cg10132010</t>
  </si>
  <si>
    <t>cg10132838</t>
  </si>
  <si>
    <t>cg10139846</t>
  </si>
  <si>
    <t>cg10143349</t>
  </si>
  <si>
    <t>cg10143807</t>
  </si>
  <si>
    <t>cg10146008</t>
  </si>
  <si>
    <t>cg10146186</t>
  </si>
  <si>
    <t>cg10146267</t>
  </si>
  <si>
    <t>cg10153848</t>
  </si>
  <si>
    <t>cg10158674</t>
  </si>
  <si>
    <t>cg10164137</t>
  </si>
  <si>
    <t>cg10164640</t>
  </si>
  <si>
    <t>cg10165585</t>
  </si>
  <si>
    <t>cg10165689</t>
  </si>
  <si>
    <t>cg10174333</t>
  </si>
  <si>
    <t>cg10176514</t>
  </si>
  <si>
    <t>cg10177197</t>
  </si>
  <si>
    <t>cg10179693</t>
  </si>
  <si>
    <t>cg10179949</t>
  </si>
  <si>
    <t>cg10180415</t>
  </si>
  <si>
    <t>cg10181192</t>
  </si>
  <si>
    <t>cg10184881</t>
  </si>
  <si>
    <t>cg10194573</t>
  </si>
  <si>
    <t>cg10197870</t>
  </si>
  <si>
    <t>cg10198749</t>
  </si>
  <si>
    <t>cg10199040</t>
  </si>
  <si>
    <t>cg10201297</t>
  </si>
  <si>
    <t>cg10202693</t>
  </si>
  <si>
    <t>cg10203842</t>
  </si>
  <si>
    <t>cg10204807</t>
  </si>
  <si>
    <t>cg10205266</t>
  </si>
  <si>
    <t>cg10205548</t>
  </si>
  <si>
    <t>cg10206440</t>
  </si>
  <si>
    <t>cg10206594</t>
  </si>
  <si>
    <t>cg10207218</t>
  </si>
  <si>
    <t>cg10207631</t>
  </si>
  <si>
    <t>cg10207928</t>
  </si>
  <si>
    <t>cg10208610</t>
  </si>
  <si>
    <t>cg10209391</t>
  </si>
  <si>
    <t>cg10210094</t>
  </si>
  <si>
    <t>cg10210690</t>
  </si>
  <si>
    <t>cg10212621</t>
  </si>
  <si>
    <t>cg10212685</t>
  </si>
  <si>
    <t>cg10219223</t>
  </si>
  <si>
    <t>cg10219789</t>
  </si>
  <si>
    <t>cg10219957</t>
  </si>
  <si>
    <t>cg10221856</t>
  </si>
  <si>
    <t>cg10222608</t>
  </si>
  <si>
    <t>cg10222674</t>
  </si>
  <si>
    <t>cg10222850</t>
  </si>
  <si>
    <t>cg10224088</t>
  </si>
  <si>
    <t>cg10224795</t>
  </si>
  <si>
    <t>cg10225523</t>
  </si>
  <si>
    <t>cg10226013</t>
  </si>
  <si>
    <t>cg10227880</t>
  </si>
  <si>
    <t>cg10228857</t>
  </si>
  <si>
    <t>cg10230257</t>
  </si>
  <si>
    <t>cg10231067</t>
  </si>
  <si>
    <t>cg10232749</t>
  </si>
  <si>
    <t>cg10233133</t>
  </si>
  <si>
    <t>cg10233336</t>
  </si>
  <si>
    <t>cg10233913</t>
  </si>
  <si>
    <t>cg10234506</t>
  </si>
  <si>
    <t>cg10234511</t>
  </si>
  <si>
    <t>cg10236987</t>
  </si>
  <si>
    <t>cg10237044</t>
  </si>
  <si>
    <t>cg10237817</t>
  </si>
  <si>
    <t>cg10238587</t>
  </si>
  <si>
    <t>cg10239410</t>
  </si>
  <si>
    <t>cg10241097</t>
  </si>
  <si>
    <t>cg10244503</t>
  </si>
  <si>
    <t>cg10245967</t>
  </si>
  <si>
    <t>cg10246273</t>
  </si>
  <si>
    <t>cg10246448</t>
  </si>
  <si>
    <t>cg10248231</t>
  </si>
  <si>
    <t>cg10249703</t>
  </si>
  <si>
    <t>cg10249828</t>
  </si>
  <si>
    <t>cg10250177</t>
  </si>
  <si>
    <t>cg10251347</t>
  </si>
  <si>
    <t>cg10257545</t>
  </si>
  <si>
    <t>cg10266188</t>
  </si>
  <si>
    <t>cg10266490</t>
  </si>
  <si>
    <t>cg10274502</t>
  </si>
  <si>
    <t>cg10283737</t>
  </si>
  <si>
    <t>cg10288510</t>
  </si>
  <si>
    <t>cg10298815</t>
  </si>
  <si>
    <t>cg10310168</t>
  </si>
  <si>
    <t>cg10311602</t>
  </si>
  <si>
    <t>cg10312679</t>
  </si>
  <si>
    <t>cg10313098</t>
  </si>
  <si>
    <t>cg10313675</t>
  </si>
  <si>
    <t>cg10314133</t>
  </si>
  <si>
    <t>cg10314411</t>
  </si>
  <si>
    <t>cg10315533</t>
  </si>
  <si>
    <t>cg10316834</t>
  </si>
  <si>
    <t>cg10316989</t>
  </si>
  <si>
    <t>cg10317026</t>
  </si>
  <si>
    <t>cg10317628</t>
  </si>
  <si>
    <t>cg10318458</t>
  </si>
  <si>
    <t>cg10319709</t>
  </si>
  <si>
    <t>cg10321208</t>
  </si>
  <si>
    <t>cg10321263</t>
  </si>
  <si>
    <t>cg10321393</t>
  </si>
  <si>
    <t>cg10321723</t>
  </si>
  <si>
    <t>cg10321876</t>
  </si>
  <si>
    <t>cg10322308</t>
  </si>
  <si>
    <t>cg10322419</t>
  </si>
  <si>
    <t>cg10324224</t>
  </si>
  <si>
    <t>cg10324316</t>
  </si>
  <si>
    <t>cg10324825</t>
  </si>
  <si>
    <t>cg10324998</t>
  </si>
  <si>
    <t>cg10325497</t>
  </si>
  <si>
    <t>cg10327424</t>
  </si>
  <si>
    <t>cg10330057</t>
  </si>
  <si>
    <t>cg10331119</t>
  </si>
  <si>
    <t>cg10331922</t>
  </si>
  <si>
    <t>cg10332296</t>
  </si>
  <si>
    <t>cg10332321</t>
  </si>
  <si>
    <t>cg10332704</t>
  </si>
  <si>
    <t>cg10333471</t>
  </si>
  <si>
    <t>cg10334053</t>
  </si>
  <si>
    <t>cg10335333</t>
  </si>
  <si>
    <t>cg10335452</t>
  </si>
  <si>
    <t>cg10335826</t>
  </si>
  <si>
    <t>cg10336193</t>
  </si>
  <si>
    <t>cg10336722</t>
  </si>
  <si>
    <t>cg10347418</t>
  </si>
  <si>
    <t>cg10348643</t>
  </si>
  <si>
    <t>cg10362426</t>
  </si>
  <si>
    <t>cg10364249</t>
  </si>
  <si>
    <t>cg10375192</t>
  </si>
  <si>
    <t>cg10375381</t>
  </si>
  <si>
    <t>cg10375409</t>
  </si>
  <si>
    <t>cg10375802</t>
  </si>
  <si>
    <t>cg10375954</t>
  </si>
  <si>
    <t>cg10377191</t>
  </si>
  <si>
    <t>cg10380289</t>
  </si>
  <si>
    <t>cg10380348</t>
  </si>
  <si>
    <t>cg10380643</t>
  </si>
  <si>
    <t>cg10380652</t>
  </si>
  <si>
    <t>cg10385089</t>
  </si>
  <si>
    <t>cg10387543</t>
  </si>
  <si>
    <t>cg10387890</t>
  </si>
  <si>
    <t>cg10389771</t>
  </si>
  <si>
    <t>cg10390926</t>
  </si>
  <si>
    <t>cg10391102</t>
  </si>
  <si>
    <t>cg10392840</t>
  </si>
  <si>
    <t>cg10394832</t>
  </si>
  <si>
    <t>cg10397932</t>
  </si>
  <si>
    <t>cg10398288</t>
  </si>
  <si>
    <t>cg10399484</t>
  </si>
  <si>
    <t>cg10399789</t>
  </si>
  <si>
    <t>cg10400390</t>
  </si>
  <si>
    <t>cg10402018</t>
  </si>
  <si>
    <t>cg10402471</t>
  </si>
  <si>
    <t>cg10425291</t>
  </si>
  <si>
    <t>cg10426951</t>
  </si>
  <si>
    <t>cg10431842</t>
  </si>
  <si>
    <t>cg10433918</t>
  </si>
  <si>
    <t>cg10435609</t>
  </si>
  <si>
    <t>cg10436414</t>
  </si>
  <si>
    <t>cg10436833</t>
  </si>
  <si>
    <t>cg10438527</t>
  </si>
  <si>
    <t>cg10438560</t>
  </si>
  <si>
    <t>cg10438879</t>
  </si>
  <si>
    <t>cg10441898</t>
  </si>
  <si>
    <t>cg10442735</t>
  </si>
  <si>
    <t>cg10442913</t>
  </si>
  <si>
    <t>cg10443148</t>
  </si>
  <si>
    <t>cg10443237</t>
  </si>
  <si>
    <t>cg10444683</t>
  </si>
  <si>
    <t>cg10446869</t>
  </si>
  <si>
    <t>cg10450322</t>
  </si>
  <si>
    <t>cg10454529</t>
  </si>
  <si>
    <t>cg10460873</t>
  </si>
  <si>
    <t>cg10463708</t>
  </si>
  <si>
    <t>cg10467711</t>
  </si>
  <si>
    <t>cg10482024</t>
  </si>
  <si>
    <t>cg10482632</t>
  </si>
  <si>
    <t>cg10483828</t>
  </si>
  <si>
    <t>cg10483909</t>
  </si>
  <si>
    <t>cg10484617</t>
  </si>
  <si>
    <t>cg10485447</t>
  </si>
  <si>
    <t>cg10485768</t>
  </si>
  <si>
    <t>cg10486098</t>
  </si>
  <si>
    <t>cg10487067</t>
  </si>
  <si>
    <t>cg10489353</t>
  </si>
  <si>
    <t>cg10490668</t>
  </si>
  <si>
    <t>cg10490717</t>
  </si>
  <si>
    <t>cg10493436</t>
  </si>
  <si>
    <t>cg10494257</t>
  </si>
  <si>
    <t>cg10498717</t>
  </si>
  <si>
    <t>cg10498813</t>
  </si>
  <si>
    <t>cg10500219</t>
  </si>
  <si>
    <t>cg10500716</t>
  </si>
  <si>
    <t>cg10501085</t>
  </si>
  <si>
    <t>cg10503037</t>
  </si>
  <si>
    <t>cg10503610</t>
  </si>
  <si>
    <t>cg10503992</t>
  </si>
  <si>
    <t>cg10504365</t>
  </si>
  <si>
    <t>cg10504805</t>
  </si>
  <si>
    <t>cg10504885</t>
  </si>
  <si>
    <t>cg10505580</t>
  </si>
  <si>
    <t>cg10505921</t>
  </si>
  <si>
    <t>cg10507231</t>
  </si>
  <si>
    <t>cg10508217</t>
  </si>
  <si>
    <t>cg10508760</t>
  </si>
  <si>
    <t>cg10511850</t>
  </si>
  <si>
    <t>cg10512748</t>
  </si>
  <si>
    <t>cg10512769</t>
  </si>
  <si>
    <t>cg10513359</t>
  </si>
  <si>
    <t>cg10514638</t>
  </si>
  <si>
    <t>cg10514714</t>
  </si>
  <si>
    <t>cg10515753</t>
  </si>
  <si>
    <t>cg10516701</t>
  </si>
  <si>
    <t>cg10516823</t>
  </si>
  <si>
    <t>cg10516886</t>
  </si>
  <si>
    <t>cg10519271</t>
  </si>
  <si>
    <t>cg10519903</t>
  </si>
  <si>
    <t>cg10520319</t>
  </si>
  <si>
    <t>cg10521034</t>
  </si>
  <si>
    <t>cg10521267</t>
  </si>
  <si>
    <t>cg10521480</t>
  </si>
  <si>
    <t>cg10521808</t>
  </si>
  <si>
    <t>cg10522037</t>
  </si>
  <si>
    <t>cg10522845</t>
  </si>
  <si>
    <t>cg10523000</t>
  </si>
  <si>
    <t>cg10523319</t>
  </si>
  <si>
    <t>cg10524070</t>
  </si>
  <si>
    <t>cg10525720</t>
  </si>
  <si>
    <t>cg10526817</t>
  </si>
  <si>
    <t>cg10528457</t>
  </si>
  <si>
    <t>cg10529401</t>
  </si>
  <si>
    <t>cg10529555</t>
  </si>
  <si>
    <t>cg10530055</t>
  </si>
  <si>
    <t>cg10530939</t>
  </si>
  <si>
    <t>cg10531372</t>
  </si>
  <si>
    <t>cg10532540</t>
  </si>
  <si>
    <t>cg10533159</t>
  </si>
  <si>
    <t>cg10536101</t>
  </si>
  <si>
    <t>cg10536786</t>
  </si>
  <si>
    <t>cg10536962</t>
  </si>
  <si>
    <t>cg10537017</t>
  </si>
  <si>
    <t>cg10539122</t>
  </si>
  <si>
    <t>cg10540110</t>
  </si>
  <si>
    <t>cg10541466</t>
  </si>
  <si>
    <t>cg10542127</t>
  </si>
  <si>
    <t>cg10543503</t>
  </si>
  <si>
    <t>cg10544251</t>
  </si>
  <si>
    <t>cg10545682</t>
  </si>
  <si>
    <t>cg10546487</t>
  </si>
  <si>
    <t>cg10549188</t>
  </si>
  <si>
    <t>cg10554624</t>
  </si>
  <si>
    <t>cg10555106</t>
  </si>
  <si>
    <t>cg10555744</t>
  </si>
  <si>
    <t>cg10555800</t>
  </si>
  <si>
    <t>cg10556036</t>
  </si>
  <si>
    <t>cg10556142</t>
  </si>
  <si>
    <t>cg10556264</t>
  </si>
  <si>
    <t>cg10557584</t>
  </si>
  <si>
    <t>cg10559803</t>
  </si>
  <si>
    <t>cg10566592</t>
  </si>
  <si>
    <t>cg10567964</t>
  </si>
  <si>
    <t>cg10572355</t>
  </si>
  <si>
    <t>cg10572807</t>
  </si>
  <si>
    <t>cg10573505</t>
  </si>
  <si>
    <t>cg10574365</t>
  </si>
  <si>
    <t>cg10574566</t>
  </si>
  <si>
    <t>cg10576232</t>
  </si>
  <si>
    <t>cg10578779</t>
  </si>
  <si>
    <t>cg10579012</t>
  </si>
  <si>
    <t>cg10579718</t>
  </si>
  <si>
    <t>cg10581263</t>
  </si>
  <si>
    <t>cg10581876</t>
  </si>
  <si>
    <t>cg10582648</t>
  </si>
  <si>
    <t>cg10582749</t>
  </si>
  <si>
    <t>cg10583941</t>
  </si>
  <si>
    <t>cg10585371</t>
  </si>
  <si>
    <t>cg10585420</t>
  </si>
  <si>
    <t>cg10585733</t>
  </si>
  <si>
    <t>cg10586107</t>
  </si>
  <si>
    <t>cg10586423</t>
  </si>
  <si>
    <t>cg10587082</t>
  </si>
  <si>
    <t>cg10588679</t>
  </si>
  <si>
    <t>cg10589385</t>
  </si>
  <si>
    <t>cg10591064</t>
  </si>
  <si>
    <t>cg10594506</t>
  </si>
  <si>
    <t>cg10595031</t>
  </si>
  <si>
    <t>cg10595344</t>
  </si>
  <si>
    <t>cg10604646</t>
  </si>
  <si>
    <t>cg10606730</t>
  </si>
  <si>
    <t>cg10613684</t>
  </si>
  <si>
    <t>cg10621610</t>
  </si>
  <si>
    <t>cg10622644</t>
  </si>
  <si>
    <t>cg10622825</t>
  </si>
  <si>
    <t>cg10623389</t>
  </si>
  <si>
    <t>cg10624480</t>
  </si>
  <si>
    <t>cg10625266</t>
  </si>
  <si>
    <t>cg10627389</t>
  </si>
  <si>
    <t>cg10628205</t>
  </si>
  <si>
    <t>cg10628818</t>
  </si>
  <si>
    <t>cg10628909</t>
  </si>
  <si>
    <t>cg10629350</t>
  </si>
  <si>
    <t>cg10631373</t>
  </si>
  <si>
    <t>cg10632214</t>
  </si>
  <si>
    <t>cg10632229</t>
  </si>
  <si>
    <t>cg10632728</t>
  </si>
  <si>
    <t>cg10632917</t>
  </si>
  <si>
    <t>cg10633176</t>
  </si>
  <si>
    <t>cg10634712</t>
  </si>
  <si>
    <t>cg10635212</t>
  </si>
  <si>
    <t>cg10636246</t>
  </si>
  <si>
    <t>cg10636745</t>
  </si>
  <si>
    <t>cg10642094</t>
  </si>
  <si>
    <t>cg10649647</t>
  </si>
  <si>
    <t>cg10653240</t>
  </si>
  <si>
    <t>cg10667970</t>
  </si>
  <si>
    <t>cg10673431</t>
  </si>
  <si>
    <t>cg10685531</t>
  </si>
  <si>
    <t>cg10690390</t>
  </si>
  <si>
    <t>cg10691259</t>
  </si>
  <si>
    <t>cg10694959</t>
  </si>
  <si>
    <t>cg10695831</t>
  </si>
  <si>
    <t>cg10696969</t>
  </si>
  <si>
    <t>cg10698549</t>
  </si>
  <si>
    <t>cg10699884</t>
  </si>
  <si>
    <t>cg10700275</t>
  </si>
  <si>
    <t>cg10700847</t>
  </si>
  <si>
    <t>cg10705251</t>
  </si>
  <si>
    <t>cg10705391</t>
  </si>
  <si>
    <t>cg10705800</t>
  </si>
  <si>
    <t>cg10708189</t>
  </si>
  <si>
    <t>cg10709351</t>
  </si>
  <si>
    <t>cg10709432</t>
  </si>
  <si>
    <t>cg10710218</t>
  </si>
  <si>
    <t>cg10710306</t>
  </si>
  <si>
    <t>cg10711230</t>
  </si>
  <si>
    <t>cg10711303</t>
  </si>
  <si>
    <t>cg10712554</t>
  </si>
  <si>
    <t>cg10712902</t>
  </si>
  <si>
    <t>cg10713134</t>
  </si>
  <si>
    <t>cg10716120</t>
  </si>
  <si>
    <t>cg10716760</t>
  </si>
  <si>
    <t>cg10716862</t>
  </si>
  <si>
    <t>cg10717504</t>
  </si>
  <si>
    <t>cg10717869</t>
  </si>
  <si>
    <t>cg10718614</t>
  </si>
  <si>
    <t>cg10718618</t>
  </si>
  <si>
    <t>cg10719852</t>
  </si>
  <si>
    <t>cg10720154</t>
  </si>
  <si>
    <t>cg10721030</t>
  </si>
  <si>
    <t>cg10722410</t>
  </si>
  <si>
    <t>cg10740965</t>
  </si>
  <si>
    <t>cg10743104</t>
  </si>
  <si>
    <t>cg10749607</t>
  </si>
  <si>
    <t>cg10753582</t>
  </si>
  <si>
    <t>cg10761088</t>
  </si>
  <si>
    <t>cg10761097</t>
  </si>
  <si>
    <t>cg10768932</t>
  </si>
  <si>
    <t>cg10769146</t>
  </si>
  <si>
    <t>cg10769253</t>
  </si>
  <si>
    <t>cg10770046</t>
  </si>
  <si>
    <t>cg10770533</t>
  </si>
  <si>
    <t>cg10770726</t>
  </si>
  <si>
    <t>cg10771630</t>
  </si>
  <si>
    <t>cg10772169</t>
  </si>
  <si>
    <t>cg10773698</t>
  </si>
  <si>
    <t>cg10773780</t>
  </si>
  <si>
    <t>cg10774282</t>
  </si>
  <si>
    <t>cg10774440</t>
  </si>
  <si>
    <t>cg10775792</t>
  </si>
  <si>
    <t>cg10776230</t>
  </si>
  <si>
    <t>cg10778599</t>
  </si>
  <si>
    <t>cg10779037</t>
  </si>
  <si>
    <t>cg10781087</t>
  </si>
  <si>
    <t>cg10781632</t>
  </si>
  <si>
    <t>cg10782019</t>
  </si>
  <si>
    <t>cg10784030</t>
  </si>
  <si>
    <t>cg10784110</t>
  </si>
  <si>
    <t>cg10785263</t>
  </si>
  <si>
    <t>cg10785977</t>
  </si>
  <si>
    <t>cg10795646</t>
  </si>
  <si>
    <t>cg10795710</t>
  </si>
  <si>
    <t>cg10796931</t>
  </si>
  <si>
    <t>cg10797195</t>
  </si>
  <si>
    <t>cg10797798</t>
  </si>
  <si>
    <t>cg10798292</t>
  </si>
  <si>
    <t>cg10798395</t>
  </si>
  <si>
    <t>cg10798745</t>
  </si>
  <si>
    <t>cg10803903</t>
  </si>
  <si>
    <t>cg10805082</t>
  </si>
  <si>
    <t>cg10805956</t>
  </si>
  <si>
    <t>cg10806711</t>
  </si>
  <si>
    <t>cg10806749</t>
  </si>
  <si>
    <t>cg10807101</t>
  </si>
  <si>
    <t>cg10807750</t>
  </si>
  <si>
    <t>cg10808710</t>
  </si>
  <si>
    <t>cg10808936</t>
  </si>
  <si>
    <t>cg10811426</t>
  </si>
  <si>
    <t>cg10811945</t>
  </si>
  <si>
    <t>cg10812027</t>
  </si>
  <si>
    <t>cg10812684</t>
  </si>
  <si>
    <t>cg10813183</t>
  </si>
  <si>
    <t>cg10813720</t>
  </si>
  <si>
    <t>cg10815400</t>
  </si>
  <si>
    <t>cg10815486</t>
  </si>
  <si>
    <t>cg10816369</t>
  </si>
  <si>
    <t>cg10816626</t>
  </si>
  <si>
    <t>cg10816943</t>
  </si>
  <si>
    <t>cg10817250</t>
  </si>
  <si>
    <t>cg10818272</t>
  </si>
  <si>
    <t>cg10818339</t>
  </si>
  <si>
    <t>cg10819259</t>
  </si>
  <si>
    <t>cg10820203</t>
  </si>
  <si>
    <t>cg10822391</t>
  </si>
  <si>
    <t>cg10824677</t>
  </si>
  <si>
    <t>cg10825481</t>
  </si>
  <si>
    <t>cg10827045</t>
  </si>
  <si>
    <t>cg10829621</t>
  </si>
  <si>
    <t>cg10830310</t>
  </si>
  <si>
    <t>cg10832007</t>
  </si>
  <si>
    <t>cg10834677</t>
  </si>
  <si>
    <t>cg10835795</t>
  </si>
  <si>
    <t>cg10836509</t>
  </si>
  <si>
    <t>cg10838809</t>
  </si>
  <si>
    <t>cg10850580</t>
  </si>
  <si>
    <t>cg10851037</t>
  </si>
  <si>
    <t>cg10861146</t>
  </si>
  <si>
    <t>cg10867751</t>
  </si>
  <si>
    <t>cg10877049</t>
  </si>
  <si>
    <t>cg10878768</t>
  </si>
  <si>
    <t>cg10881110</t>
  </si>
  <si>
    <t>cg10881359</t>
  </si>
  <si>
    <t>cg10881451</t>
  </si>
  <si>
    <t>cg10881749</t>
  </si>
  <si>
    <t>cg10883038</t>
  </si>
  <si>
    <t>cg10883612</t>
  </si>
  <si>
    <t>cg10884975</t>
  </si>
  <si>
    <t>cg10887069</t>
  </si>
  <si>
    <t>cg10888390</t>
  </si>
  <si>
    <t>cg10888878</t>
  </si>
  <si>
    <t>cg10889825</t>
  </si>
  <si>
    <t>cg10890570</t>
  </si>
  <si>
    <t>cg10891879</t>
  </si>
  <si>
    <t>cg10892587</t>
  </si>
  <si>
    <t>cg10893043</t>
  </si>
  <si>
    <t>cg10893483</t>
  </si>
  <si>
    <t>cg10894072</t>
  </si>
  <si>
    <t>cg10894102</t>
  </si>
  <si>
    <t>cg10894991</t>
  </si>
  <si>
    <t>cg10895547</t>
  </si>
  <si>
    <t>cg10896862</t>
  </si>
  <si>
    <t>cg10905247</t>
  </si>
  <si>
    <t>cg10914544</t>
  </si>
  <si>
    <t>cg10916651</t>
  </si>
  <si>
    <t>cg10935550</t>
  </si>
  <si>
    <t>cg10936352</t>
  </si>
  <si>
    <t>cg10944802</t>
  </si>
  <si>
    <t>cg10945885</t>
  </si>
  <si>
    <t>cg10946435</t>
  </si>
  <si>
    <t>cg10947350</t>
  </si>
  <si>
    <t>cg10948827</t>
  </si>
  <si>
    <t>cg10949430</t>
  </si>
  <si>
    <t>cg10951873</t>
  </si>
  <si>
    <t>cg10952190</t>
  </si>
  <si>
    <t>cg10952234</t>
  </si>
  <si>
    <t>cg10952596</t>
  </si>
  <si>
    <t>cg10953003</t>
  </si>
  <si>
    <t>cg10953723</t>
  </si>
  <si>
    <t>cg10954654</t>
  </si>
  <si>
    <t>cg10956857</t>
  </si>
  <si>
    <t>cg10959408</t>
  </si>
  <si>
    <t>cg10959672</t>
  </si>
  <si>
    <t>cg10961249</t>
  </si>
  <si>
    <t>cg10962490</t>
  </si>
  <si>
    <t>cg10963255</t>
  </si>
  <si>
    <t>cg10965404</t>
  </si>
  <si>
    <t>cg10967178</t>
  </si>
  <si>
    <t>cg10967587</t>
  </si>
  <si>
    <t>cg10968649</t>
  </si>
  <si>
    <t>cg10970143</t>
  </si>
  <si>
    <t>cg10971346</t>
  </si>
  <si>
    <t>cg10972873</t>
  </si>
  <si>
    <t>cg10972897</t>
  </si>
  <si>
    <t>cg10975391</t>
  </si>
  <si>
    <t>cg10975873</t>
  </si>
  <si>
    <t>cg10975889</t>
  </si>
  <si>
    <t>cg10976772</t>
  </si>
  <si>
    <t>cg10977770</t>
  </si>
  <si>
    <t>cg10978799</t>
  </si>
  <si>
    <t>cg10981111</t>
  </si>
  <si>
    <t>cg10981464</t>
  </si>
  <si>
    <t>cg10981580</t>
  </si>
  <si>
    <t>cg10981770</t>
  </si>
  <si>
    <t>cg10982280</t>
  </si>
  <si>
    <t>cg10982508</t>
  </si>
  <si>
    <t>cg10983720</t>
  </si>
  <si>
    <t>cg10983938</t>
  </si>
  <si>
    <t>cg10984183</t>
  </si>
  <si>
    <t>cg10984490</t>
  </si>
  <si>
    <t>cg10985026</t>
  </si>
  <si>
    <t>cg10985158</t>
  </si>
  <si>
    <t>cg10987004</t>
  </si>
  <si>
    <t>cg10987625</t>
  </si>
  <si>
    <t>cg10987774</t>
  </si>
  <si>
    <t>cg10989326</t>
  </si>
  <si>
    <t>cg10989441</t>
  </si>
  <si>
    <t>cg10989634</t>
  </si>
  <si>
    <t>cg10989897</t>
  </si>
  <si>
    <t>cg10992465</t>
  </si>
  <si>
    <t>cg10993086</t>
  </si>
  <si>
    <t>cg10993336</t>
  </si>
  <si>
    <t>cg10993442</t>
  </si>
  <si>
    <t>cg10994126</t>
  </si>
  <si>
    <t>cg10994249</t>
  </si>
  <si>
    <t>cg10994397</t>
  </si>
  <si>
    <t>cg10994693</t>
  </si>
  <si>
    <t>cg11006812</t>
  </si>
  <si>
    <t>cg11016194</t>
  </si>
  <si>
    <t>cg11019172</t>
  </si>
  <si>
    <t>cg11037787</t>
  </si>
  <si>
    <t>cg11037818</t>
  </si>
  <si>
    <t>cg11046393</t>
  </si>
  <si>
    <t>cg11047111</t>
  </si>
  <si>
    <t>cg11053304</t>
  </si>
  <si>
    <t>cg11066496</t>
  </si>
  <si>
    <t>cg11066776</t>
  </si>
  <si>
    <t>cg11067453</t>
  </si>
  <si>
    <t>cg11069276</t>
  </si>
  <si>
    <t>cg11069824</t>
  </si>
  <si>
    <t>cg11070531</t>
  </si>
  <si>
    <t>cg11070863</t>
  </si>
  <si>
    <t>cg11071682</t>
  </si>
  <si>
    <t>cg11071687</t>
  </si>
  <si>
    <t>cg11071762</t>
  </si>
  <si>
    <t>cg11071912</t>
  </si>
  <si>
    <t>cg11071926</t>
  </si>
  <si>
    <t>cg11073602</t>
  </si>
  <si>
    <t>cg11075451</t>
  </si>
  <si>
    <t>cg11075745</t>
  </si>
  <si>
    <t>cg11075807</t>
  </si>
  <si>
    <t>cg11077026</t>
  </si>
  <si>
    <t>cg11078090</t>
  </si>
  <si>
    <t>cg11078326</t>
  </si>
  <si>
    <t>cg11078875</t>
  </si>
  <si>
    <t>cg11080552</t>
  </si>
  <si>
    <t>cg11080915</t>
  </si>
  <si>
    <t>cg11081694</t>
  </si>
  <si>
    <t>cg11084518</t>
  </si>
  <si>
    <t>cg11084571</t>
  </si>
  <si>
    <t>cg11089071</t>
  </si>
  <si>
    <t>cg11113363</t>
  </si>
  <si>
    <t>cg11118615</t>
  </si>
  <si>
    <t>cg11120551</t>
  </si>
  <si>
    <t>cg11131549</t>
  </si>
  <si>
    <t>cg11131599</t>
  </si>
  <si>
    <t>cg11134246</t>
  </si>
  <si>
    <t>cg11134425</t>
  </si>
  <si>
    <t>cg11135080</t>
  </si>
  <si>
    <t>cg11136041</t>
  </si>
  <si>
    <t>cg11136250</t>
  </si>
  <si>
    <t>cg11136886</t>
  </si>
  <si>
    <t>cg11137277</t>
  </si>
  <si>
    <t>cg11137517</t>
  </si>
  <si>
    <t>cg11138547</t>
  </si>
  <si>
    <t>cg11139020</t>
  </si>
  <si>
    <t>cg11139878</t>
  </si>
  <si>
    <t>cg11140044</t>
  </si>
  <si>
    <t>cg11142522</t>
  </si>
  <si>
    <t>cg11142617</t>
  </si>
  <si>
    <t>cg11143325</t>
  </si>
  <si>
    <t>cg11145162</t>
  </si>
  <si>
    <t>cg11145399</t>
  </si>
  <si>
    <t>cg11145461</t>
  </si>
  <si>
    <t>cg11146023</t>
  </si>
  <si>
    <t>cg11147155</t>
  </si>
  <si>
    <t>cg11148096</t>
  </si>
  <si>
    <t>cg11150074</t>
  </si>
  <si>
    <t>cg11150353</t>
  </si>
  <si>
    <t>cg11150520</t>
  </si>
  <si>
    <t>cg11150559</t>
  </si>
  <si>
    <t>cg11152463</t>
  </si>
  <si>
    <t>cg11152959</t>
  </si>
  <si>
    <t>cg11153057</t>
  </si>
  <si>
    <t>cg11155073</t>
  </si>
  <si>
    <t>cg11155265</t>
  </si>
  <si>
    <t>cg11155431</t>
  </si>
  <si>
    <t>cg11155625</t>
  </si>
  <si>
    <t>cg11155784</t>
  </si>
  <si>
    <t>cg11157034</t>
  </si>
  <si>
    <t>cg11157076</t>
  </si>
  <si>
    <t>cg11157584</t>
  </si>
  <si>
    <t>cg11157816</t>
  </si>
  <si>
    <t>cg11158179</t>
  </si>
  <si>
    <t>cg11159604</t>
  </si>
  <si>
    <t>cg11160820</t>
  </si>
  <si>
    <t>cg11161440</t>
  </si>
  <si>
    <t>cg11161837</t>
  </si>
  <si>
    <t>cg11161846</t>
  </si>
  <si>
    <t>cg11162104</t>
  </si>
  <si>
    <t>cg11163532</t>
  </si>
  <si>
    <t>cg11164980</t>
  </si>
  <si>
    <t>cg11165357</t>
  </si>
  <si>
    <t>cg11166167</t>
  </si>
  <si>
    <t>cg11168433</t>
  </si>
  <si>
    <t>cg11171004</t>
  </si>
  <si>
    <t>cg11172423</t>
  </si>
  <si>
    <t>cg11172511</t>
  </si>
  <si>
    <t>cg11175836</t>
  </si>
  <si>
    <t>cg11176853</t>
  </si>
  <si>
    <t>cg11177107</t>
  </si>
  <si>
    <t>cg11177235</t>
  </si>
  <si>
    <t>cg11177550</t>
  </si>
  <si>
    <t>cg11177955</t>
  </si>
  <si>
    <t>cg11178863</t>
  </si>
  <si>
    <t>cg11179816</t>
  </si>
  <si>
    <t>cg11187360</t>
  </si>
  <si>
    <t>cg11189357</t>
  </si>
  <si>
    <t>cg11189384</t>
  </si>
  <si>
    <t>cg11189434</t>
  </si>
  <si>
    <t>cg11191040</t>
  </si>
  <si>
    <t>cg11192022</t>
  </si>
  <si>
    <t>cg11192270</t>
  </si>
  <si>
    <t>cg11192416</t>
  </si>
  <si>
    <t>cg11193281</t>
  </si>
  <si>
    <t>cg11193462</t>
  </si>
  <si>
    <t>cg11194299</t>
  </si>
  <si>
    <t>cg11194994</t>
  </si>
  <si>
    <t>cg11195082</t>
  </si>
  <si>
    <t>cg11196333</t>
  </si>
  <si>
    <t>cg11198589</t>
  </si>
  <si>
    <t>cg11199506</t>
  </si>
  <si>
    <t>cg11200222</t>
  </si>
  <si>
    <t>cg11201256</t>
  </si>
  <si>
    <t>cg11202380</t>
  </si>
  <si>
    <t>cg11203905</t>
  </si>
  <si>
    <t>cg11203990</t>
  </si>
  <si>
    <t>cg11204000</t>
  </si>
  <si>
    <t>cg11204311</t>
  </si>
  <si>
    <t>cg11205296</t>
  </si>
  <si>
    <t>cg11205824</t>
  </si>
  <si>
    <t>cg11206840</t>
  </si>
  <si>
    <t>cg11208880</t>
  </si>
  <si>
    <t>cg11210092</t>
  </si>
  <si>
    <t>cg11210422</t>
  </si>
  <si>
    <t>cg11211040</t>
  </si>
  <si>
    <t>cg11211259</t>
  </si>
  <si>
    <t>cg11211795</t>
  </si>
  <si>
    <t>cg11213235</t>
  </si>
  <si>
    <t>cg11213707</t>
  </si>
  <si>
    <t>cg11214576</t>
  </si>
  <si>
    <t>cg11214739</t>
  </si>
  <si>
    <t>cg11214942</t>
  </si>
  <si>
    <t>cg11215296</t>
  </si>
  <si>
    <t>cg11216632</t>
  </si>
  <si>
    <t>cg11216917</t>
  </si>
  <si>
    <t>cg11218176</t>
  </si>
  <si>
    <t>cg11218974</t>
  </si>
  <si>
    <t>cg11219485</t>
  </si>
  <si>
    <t>cg11219637</t>
  </si>
  <si>
    <t>cg11221318</t>
  </si>
  <si>
    <t>cg11222503</t>
  </si>
  <si>
    <t>cg11222630</t>
  </si>
  <si>
    <t>cg11223365</t>
  </si>
  <si>
    <t>cg11224035</t>
  </si>
  <si>
    <t>cg11224062</t>
  </si>
  <si>
    <t>cg11224232</t>
  </si>
  <si>
    <t>cg11224575</t>
  </si>
  <si>
    <t>cg11224946</t>
  </si>
  <si>
    <t>cg11225330</t>
  </si>
  <si>
    <t>cg11225435</t>
  </si>
  <si>
    <t>cg11226042</t>
  </si>
  <si>
    <t>cg11226808</t>
  </si>
  <si>
    <t>cg11227141</t>
  </si>
  <si>
    <t>cg11227872</t>
  </si>
  <si>
    <t>cg11229271</t>
  </si>
  <si>
    <t>cg11229399</t>
  </si>
  <si>
    <t>cg11229415</t>
  </si>
  <si>
    <t>cg11231401</t>
  </si>
  <si>
    <t>cg11231715</t>
  </si>
  <si>
    <t>cg11231958</t>
  </si>
  <si>
    <t>cg11232944</t>
  </si>
  <si>
    <t>cg11233384</t>
  </si>
  <si>
    <t>cg11236401</t>
  </si>
  <si>
    <t>cg11236550</t>
  </si>
  <si>
    <t>cg11237573</t>
  </si>
  <si>
    <t>cg11238082</t>
  </si>
  <si>
    <t>cg11238820</t>
  </si>
  <si>
    <t>cg11239823</t>
  </si>
  <si>
    <t>cg11240043</t>
  </si>
  <si>
    <t>cg11240320</t>
  </si>
  <si>
    <t>cg11243029</t>
  </si>
  <si>
    <t>cg11244695</t>
  </si>
  <si>
    <t>cg11247103</t>
  </si>
  <si>
    <t>cg11247649</t>
  </si>
  <si>
    <t>cg11248189</t>
  </si>
  <si>
    <t>cg11249066</t>
  </si>
  <si>
    <t>cg11249215</t>
  </si>
  <si>
    <t>cg11249333</t>
  </si>
  <si>
    <t>cg11251012</t>
  </si>
  <si>
    <t>cg11251215</t>
  </si>
  <si>
    <t>cg11251293</t>
  </si>
  <si>
    <t>cg11253879</t>
  </si>
  <si>
    <t>cg11254522</t>
  </si>
  <si>
    <t>cg11254726</t>
  </si>
  <si>
    <t>cg11256132</t>
  </si>
  <si>
    <t>cg11256186</t>
  </si>
  <si>
    <t>cg11256607</t>
  </si>
  <si>
    <t>cg11257300</t>
  </si>
  <si>
    <t>cg11257888</t>
  </si>
  <si>
    <t>cg11258489</t>
  </si>
  <si>
    <t>cg11263042</t>
  </si>
  <si>
    <t>cg11276438</t>
  </si>
  <si>
    <t>cg11282564</t>
  </si>
  <si>
    <t>cg11283860</t>
  </si>
  <si>
    <t>cg11286035</t>
  </si>
  <si>
    <t>cg11286163</t>
  </si>
  <si>
    <t>cg11295466</t>
  </si>
  <si>
    <t>cg11296230</t>
  </si>
  <si>
    <t>cg11298680</t>
  </si>
  <si>
    <t>cg11298786</t>
  </si>
  <si>
    <t>cg11316386</t>
  </si>
  <si>
    <t>cg11320084</t>
  </si>
  <si>
    <t>cg11320143</t>
  </si>
  <si>
    <t>cg11323731</t>
  </si>
  <si>
    <t>cg11329235</t>
  </si>
  <si>
    <t>cg11332388</t>
  </si>
  <si>
    <t>cg11332505</t>
  </si>
  <si>
    <t>cg11332928</t>
  </si>
  <si>
    <t>cg11332951</t>
  </si>
  <si>
    <t>cg11334004</t>
  </si>
  <si>
    <t>cg11334694</t>
  </si>
  <si>
    <t>cg11335179</t>
  </si>
  <si>
    <t>cg11336061</t>
  </si>
  <si>
    <t>cg11336311</t>
  </si>
  <si>
    <t>cg11336535</t>
  </si>
  <si>
    <t>cg11336539</t>
  </si>
  <si>
    <t>cg11336590</t>
  </si>
  <si>
    <t>cg11336887</t>
  </si>
  <si>
    <t>cg11337388</t>
  </si>
  <si>
    <t>cg11337967</t>
  </si>
  <si>
    <t>cg11338033</t>
  </si>
  <si>
    <t>cg11338128</t>
  </si>
  <si>
    <t>cg11339840</t>
  </si>
  <si>
    <t>cg11340941</t>
  </si>
  <si>
    <t>cg11341440</t>
  </si>
  <si>
    <t>cg11341981</t>
  </si>
  <si>
    <t>cg11342789</t>
  </si>
  <si>
    <t>cg11343017</t>
  </si>
  <si>
    <t>cg11343086</t>
  </si>
  <si>
    <t>cg11343337</t>
  </si>
  <si>
    <t>cg11344950</t>
  </si>
  <si>
    <t>cg11347139</t>
  </si>
  <si>
    <t>cg11347165</t>
  </si>
  <si>
    <t>cg11348165</t>
  </si>
  <si>
    <t>cg11364364</t>
  </si>
  <si>
    <t>cg11377464</t>
  </si>
  <si>
    <t>cg11379439</t>
  </si>
  <si>
    <t>cg11379972</t>
  </si>
  <si>
    <t>cg11380092</t>
  </si>
  <si>
    <t>cg11383374</t>
  </si>
  <si>
    <t>cg11385094</t>
  </si>
  <si>
    <t>cg11385536</t>
  </si>
  <si>
    <t>cg11387591</t>
  </si>
  <si>
    <t>cg11387751</t>
  </si>
  <si>
    <t>cg11388802</t>
  </si>
  <si>
    <t>cg11390381</t>
  </si>
  <si>
    <t>cg11392689</t>
  </si>
  <si>
    <t>cg11393031</t>
  </si>
  <si>
    <t>cg11393040</t>
  </si>
  <si>
    <t>cg11394947</t>
  </si>
  <si>
    <t>cg11395698</t>
  </si>
  <si>
    <t>cg11395890</t>
  </si>
  <si>
    <t>cg11397149</t>
  </si>
  <si>
    <t>cg11397548</t>
  </si>
  <si>
    <t>cg11398511</t>
  </si>
  <si>
    <t>cg11399254</t>
  </si>
  <si>
    <t>cg11399546</t>
  </si>
  <si>
    <t>cg11399814</t>
  </si>
  <si>
    <t>cg11401218</t>
  </si>
  <si>
    <t>cg11401784</t>
  </si>
  <si>
    <t>cg11401908</t>
  </si>
  <si>
    <t>cg11401957</t>
  </si>
  <si>
    <t>cg11402503</t>
  </si>
  <si>
    <t>cg11402704</t>
  </si>
  <si>
    <t>cg11404402</t>
  </si>
  <si>
    <t>cg11404945</t>
  </si>
  <si>
    <t>cg11405695</t>
  </si>
  <si>
    <t>cg11407801</t>
  </si>
  <si>
    <t>cg11408632</t>
  </si>
  <si>
    <t>cg11409022</t>
  </si>
  <si>
    <t>cg11410649</t>
  </si>
  <si>
    <t>cg11411707</t>
  </si>
  <si>
    <t>cg11413570</t>
  </si>
  <si>
    <t>cg11413657</t>
  </si>
  <si>
    <t>cg11413763</t>
  </si>
  <si>
    <t>cg11414742</t>
  </si>
  <si>
    <t>cg11415705</t>
  </si>
  <si>
    <t>cg11415739</t>
  </si>
  <si>
    <t>cg11417178</t>
  </si>
  <si>
    <t>cg11418663</t>
  </si>
  <si>
    <t>cg11418783</t>
  </si>
  <si>
    <t>cg11419235</t>
  </si>
  <si>
    <t>cg11421160</t>
  </si>
  <si>
    <t>cg11421972</t>
  </si>
  <si>
    <t>cg11423443</t>
  </si>
  <si>
    <t>cg11423701</t>
  </si>
  <si>
    <t>cg11423991</t>
  </si>
  <si>
    <t>cg11424376</t>
  </si>
  <si>
    <t>cg11426590</t>
  </si>
  <si>
    <t>cg11430783</t>
  </si>
  <si>
    <t>cg11431720</t>
  </si>
  <si>
    <t>cg11432443</t>
  </si>
  <si>
    <t>cg11448896</t>
  </si>
  <si>
    <t>cg11462533</t>
  </si>
  <si>
    <t>cg11467639</t>
  </si>
  <si>
    <t>cg11469137</t>
  </si>
  <si>
    <t>cg11478051</t>
  </si>
  <si>
    <t>cg11480873</t>
  </si>
  <si>
    <t>cg11481793</t>
  </si>
  <si>
    <t>cg11490941</t>
  </si>
  <si>
    <t>cg11491247</t>
  </si>
  <si>
    <t>cg11496811</t>
  </si>
  <si>
    <t>cg11502921</t>
  </si>
  <si>
    <t>cg11503104</t>
  </si>
  <si>
    <t>cg11503744</t>
  </si>
  <si>
    <t>cg11504081</t>
  </si>
  <si>
    <t>cg11504355</t>
  </si>
  <si>
    <t>cg11504515</t>
  </si>
  <si>
    <t>cg11505048</t>
  </si>
  <si>
    <t>cg11505417</t>
  </si>
  <si>
    <t>cg11505533</t>
  </si>
  <si>
    <t>cg11512771</t>
  </si>
  <si>
    <t>cg11514184</t>
  </si>
  <si>
    <t>cg11517378</t>
  </si>
  <si>
    <t>cg11520194</t>
  </si>
  <si>
    <t>cg11520395</t>
  </si>
  <si>
    <t>cg11522905</t>
  </si>
  <si>
    <t>cg11523134</t>
  </si>
  <si>
    <t>cg11524422</t>
  </si>
  <si>
    <t>cg11524446</t>
  </si>
  <si>
    <t>cg11525252</t>
  </si>
  <si>
    <t>cg11525548</t>
  </si>
  <si>
    <t>cg11526073</t>
  </si>
  <si>
    <t>cg11527153</t>
  </si>
  <si>
    <t>cg11527988</t>
  </si>
  <si>
    <t>cg11528594</t>
  </si>
  <si>
    <t>cg11529819</t>
  </si>
  <si>
    <t>cg11531778</t>
  </si>
  <si>
    <t>cg11531932</t>
  </si>
  <si>
    <t>cg11532795</t>
  </si>
  <si>
    <t>cg11534293</t>
  </si>
  <si>
    <t>cg11534596</t>
  </si>
  <si>
    <t>cg11537367</t>
  </si>
  <si>
    <t>cg11537707</t>
  </si>
  <si>
    <t>cg11542231</t>
  </si>
  <si>
    <t>cg11549166</t>
  </si>
  <si>
    <t>cg11551257</t>
  </si>
  <si>
    <t>cg11554771</t>
  </si>
  <si>
    <t>cg11560403</t>
  </si>
  <si>
    <t>cg11566172</t>
  </si>
  <si>
    <t>cg11567310</t>
  </si>
  <si>
    <t>cg11570585</t>
  </si>
  <si>
    <t>cg11571588</t>
  </si>
  <si>
    <t>cg11573238</t>
  </si>
  <si>
    <t>cg11573859</t>
  </si>
  <si>
    <t>cg11577454</t>
  </si>
  <si>
    <t>cg11578532</t>
  </si>
  <si>
    <t>cg11580090</t>
  </si>
  <si>
    <t>cg11580897</t>
  </si>
  <si>
    <t>cg11582189</t>
  </si>
  <si>
    <t>cg11582369</t>
  </si>
  <si>
    <t>cg11582579</t>
  </si>
  <si>
    <t>cg11583211</t>
  </si>
  <si>
    <t>cg11584921</t>
  </si>
  <si>
    <t>cg11584936</t>
  </si>
  <si>
    <t>cg11585280</t>
  </si>
  <si>
    <t>cg11585358</t>
  </si>
  <si>
    <t>cg11585805</t>
  </si>
  <si>
    <t>cg11586519</t>
  </si>
  <si>
    <t>cg11587191</t>
  </si>
  <si>
    <t>cg11587466</t>
  </si>
  <si>
    <t>cg11587640</t>
  </si>
  <si>
    <t>cg11588584</t>
  </si>
  <si>
    <t>cg11588596</t>
  </si>
  <si>
    <t>cg11589567</t>
  </si>
  <si>
    <t>cg11592082</t>
  </si>
  <si>
    <t>cg11594892</t>
  </si>
  <si>
    <t>cg11594940</t>
  </si>
  <si>
    <t>cg11595082</t>
  </si>
  <si>
    <t>cg11596009</t>
  </si>
  <si>
    <t>cg11596239</t>
  </si>
  <si>
    <t>cg11602935</t>
  </si>
  <si>
    <t>cg11619390</t>
  </si>
  <si>
    <t>cg11630965</t>
  </si>
  <si>
    <t>cg11637191</t>
  </si>
  <si>
    <t>cg11643099</t>
  </si>
  <si>
    <t>cg11647690</t>
  </si>
  <si>
    <t>cg11648522</t>
  </si>
  <si>
    <t>cg11649641</t>
  </si>
  <si>
    <t>cg11650584</t>
  </si>
  <si>
    <t>cg11650704</t>
  </si>
  <si>
    <t>cg11650974</t>
  </si>
  <si>
    <t>cg11651446</t>
  </si>
  <si>
    <t>cg11651614</t>
  </si>
  <si>
    <t>cg11651904</t>
  </si>
  <si>
    <t>cg11653078</t>
  </si>
  <si>
    <t>cg11653410</t>
  </si>
  <si>
    <t>cg11655486</t>
  </si>
  <si>
    <t>cg11656076</t>
  </si>
  <si>
    <t>cg11656175</t>
  </si>
  <si>
    <t>cg11659361</t>
  </si>
  <si>
    <t>cg11659961</t>
  </si>
  <si>
    <t>cg11661204</t>
  </si>
  <si>
    <t>cg11661269</t>
  </si>
  <si>
    <t>cg11662066</t>
  </si>
  <si>
    <t>cg11664956</t>
  </si>
  <si>
    <t>cg11664987</t>
  </si>
  <si>
    <t>cg11665613</t>
  </si>
  <si>
    <t>cg11665713</t>
  </si>
  <si>
    <t>cg11666559</t>
  </si>
  <si>
    <t>cg11666690</t>
  </si>
  <si>
    <t>cg11668310</t>
  </si>
  <si>
    <t>cg11668419</t>
  </si>
  <si>
    <t>cg11669283</t>
  </si>
  <si>
    <t>cg11669671</t>
  </si>
  <si>
    <t>cg11672390</t>
  </si>
  <si>
    <t>cg11673291</t>
  </si>
  <si>
    <t>cg11673687</t>
  </si>
  <si>
    <t>cg11674773</t>
  </si>
  <si>
    <t>cg11674933</t>
  </si>
  <si>
    <t>cg11675172</t>
  </si>
  <si>
    <t>cg11676409</t>
  </si>
  <si>
    <t>cg11677597</t>
  </si>
  <si>
    <t>cg11677705</t>
  </si>
  <si>
    <t>cg11678610</t>
  </si>
  <si>
    <t>cg11681597</t>
  </si>
  <si>
    <t>cg11683364</t>
  </si>
  <si>
    <t>cg11683482</t>
  </si>
  <si>
    <t>cg11683764</t>
  </si>
  <si>
    <t>cg11684541</t>
  </si>
  <si>
    <t>cg11685510</t>
  </si>
  <si>
    <t>cg11687809</t>
  </si>
  <si>
    <t>cg11687863</t>
  </si>
  <si>
    <t>cg11687966</t>
  </si>
  <si>
    <t>cg11688469</t>
  </si>
  <si>
    <t>cg11689622</t>
  </si>
  <si>
    <t>cg11689744</t>
  </si>
  <si>
    <t>cg11690979</t>
  </si>
  <si>
    <t>cg11691825</t>
  </si>
  <si>
    <t>cg11691902</t>
  </si>
  <si>
    <t>cg11693007</t>
  </si>
  <si>
    <t>cg11697038</t>
  </si>
  <si>
    <t>cg11697983</t>
  </si>
  <si>
    <t>cg11698465</t>
  </si>
  <si>
    <t>cg11703745</t>
  </si>
  <si>
    <t>cg11705432</t>
  </si>
  <si>
    <t>cg11705954</t>
  </si>
  <si>
    <t>cg11707445</t>
  </si>
  <si>
    <t>cg11708784</t>
  </si>
  <si>
    <t>cg11709254</t>
  </si>
  <si>
    <t>cg11709405</t>
  </si>
  <si>
    <t>cg11709544</t>
  </si>
  <si>
    <t>cg11710086</t>
  </si>
  <si>
    <t>cg11711424</t>
  </si>
  <si>
    <t>cg11712835</t>
  </si>
  <si>
    <t>cg11716640</t>
  </si>
  <si>
    <t>cg11717194</t>
  </si>
  <si>
    <t>cg11717557</t>
  </si>
  <si>
    <t>cg11717705</t>
  </si>
  <si>
    <t>cg11718113</t>
  </si>
  <si>
    <t>cg11718780</t>
  </si>
  <si>
    <t>cg11719576</t>
  </si>
  <si>
    <t>cg11719784</t>
  </si>
  <si>
    <t>cg11721491</t>
  </si>
  <si>
    <t>cg11725101</t>
  </si>
  <si>
    <t>cg11725331</t>
  </si>
  <si>
    <t>cg11726288</t>
  </si>
  <si>
    <t>cg11726754</t>
  </si>
  <si>
    <t>cg11726911</t>
  </si>
  <si>
    <t>cg11727921</t>
  </si>
  <si>
    <t>cg11730719</t>
  </si>
  <si>
    <t>cg11730961</t>
  </si>
  <si>
    <t>cg11731606</t>
  </si>
  <si>
    <t>cg11731939</t>
  </si>
  <si>
    <t>cg11732301</t>
  </si>
  <si>
    <t>cg11734367</t>
  </si>
  <si>
    <t>cg11734988</t>
  </si>
  <si>
    <t>cg11735311</t>
  </si>
  <si>
    <t>cg11735371</t>
  </si>
  <si>
    <t>cg11735641</t>
  </si>
  <si>
    <t>cg11736940</t>
  </si>
  <si>
    <t>cg11737676</t>
  </si>
  <si>
    <t>cg11737757</t>
  </si>
  <si>
    <t>cg11737871</t>
  </si>
  <si>
    <t>cg11738286</t>
  </si>
  <si>
    <t>cg11738299</t>
  </si>
  <si>
    <t>cg11739399</t>
  </si>
  <si>
    <t>cg11741753</t>
  </si>
  <si>
    <t>cg11742472</t>
  </si>
  <si>
    <t>cg11742801</t>
  </si>
  <si>
    <t>cg11742922</t>
  </si>
  <si>
    <t>cg11743054</t>
  </si>
  <si>
    <t>cg11743829</t>
  </si>
  <si>
    <t>cg11744295</t>
  </si>
  <si>
    <t>cg11746037</t>
  </si>
  <si>
    <t>cg11747820</t>
  </si>
  <si>
    <t>cg11748666</t>
  </si>
  <si>
    <t>cg11749059</t>
  </si>
  <si>
    <t>cg11750580</t>
  </si>
  <si>
    <t>cg11750851</t>
  </si>
  <si>
    <t>cg11750962</t>
  </si>
  <si>
    <t>cg11751688</t>
  </si>
  <si>
    <t>cg11752769</t>
  </si>
  <si>
    <t>cg11752894</t>
  </si>
  <si>
    <t>cg11753765</t>
  </si>
  <si>
    <t>cg11754357</t>
  </si>
  <si>
    <t>cg11754670</t>
  </si>
  <si>
    <t>cg11756509</t>
  </si>
  <si>
    <t>cg11756870</t>
  </si>
  <si>
    <t>cg11764177</t>
  </si>
  <si>
    <t>cg11767181</t>
  </si>
  <si>
    <t>cg11782208</t>
  </si>
  <si>
    <t>cg11785154</t>
  </si>
  <si>
    <t>cg11786870</t>
  </si>
  <si>
    <t>cg11787186</t>
  </si>
  <si>
    <t>cg11787626</t>
  </si>
  <si>
    <t>cg11787791</t>
  </si>
  <si>
    <t>cg11788010</t>
  </si>
  <si>
    <t>cg11790580</t>
  </si>
  <si>
    <t>cg11790673</t>
  </si>
  <si>
    <t>cg11790699</t>
  </si>
  <si>
    <t>cg11791751</t>
  </si>
  <si>
    <t>cg11791914</t>
  </si>
  <si>
    <t>cg11793106</t>
  </si>
  <si>
    <t>cg11794440</t>
  </si>
  <si>
    <t>cg11794649</t>
  </si>
  <si>
    <t>cg11794959</t>
  </si>
  <si>
    <t>cg11795308</t>
  </si>
  <si>
    <t>cg11795488</t>
  </si>
  <si>
    <t>cg11796233</t>
  </si>
  <si>
    <t>cg11797145</t>
  </si>
  <si>
    <t>cg11797209</t>
  </si>
  <si>
    <t>cg11797228</t>
  </si>
  <si>
    <t>cg11798909</t>
  </si>
  <si>
    <t>cg11798976</t>
  </si>
  <si>
    <t>cg11799650</t>
  </si>
  <si>
    <t>cg11801107</t>
  </si>
  <si>
    <t>cg11802442</t>
  </si>
  <si>
    <t>cg11802797</t>
  </si>
  <si>
    <t>cg11803389</t>
  </si>
  <si>
    <t>cg11804335</t>
  </si>
  <si>
    <t>cg11804604</t>
  </si>
  <si>
    <t>cg11804721</t>
  </si>
  <si>
    <t>cg11806633</t>
  </si>
  <si>
    <t>cg11807689</t>
  </si>
  <si>
    <t>cg11808099</t>
  </si>
  <si>
    <t>cg11808871</t>
  </si>
  <si>
    <t>cg11809162</t>
  </si>
  <si>
    <t>cg11809614</t>
  </si>
  <si>
    <t>cg11810135</t>
  </si>
  <si>
    <t>cg11810998</t>
  </si>
  <si>
    <t>cg11811409</t>
  </si>
  <si>
    <t>cg11812069</t>
  </si>
  <si>
    <t>cg11812928</t>
  </si>
  <si>
    <t>cg11813544</t>
  </si>
  <si>
    <t>cg11815363</t>
  </si>
  <si>
    <t>cg11815448</t>
  </si>
  <si>
    <t>cg11816566</t>
  </si>
  <si>
    <t>cg11816923</t>
  </si>
  <si>
    <t>cg11817961</t>
  </si>
  <si>
    <t>cg11820522</t>
  </si>
  <si>
    <t>cg11820824</t>
  </si>
  <si>
    <t>cg11820840</t>
  </si>
  <si>
    <t>cg11821759</t>
  </si>
  <si>
    <t>cg11824121</t>
  </si>
  <si>
    <t>cg11824172</t>
  </si>
  <si>
    <t>cg11824639</t>
  </si>
  <si>
    <t>cg11824945</t>
  </si>
  <si>
    <t>cg11825002</t>
  </si>
  <si>
    <t>cg11825431</t>
  </si>
  <si>
    <t>cg11826460</t>
  </si>
  <si>
    <t>cg11827182</t>
  </si>
  <si>
    <t>cg11828251</t>
  </si>
  <si>
    <t>cg11828430</t>
  </si>
  <si>
    <t>cg11831182</t>
  </si>
  <si>
    <t>cg11832543</t>
  </si>
  <si>
    <t>cg11832727</t>
  </si>
  <si>
    <t>cg11833125</t>
  </si>
  <si>
    <t>cg11835080</t>
  </si>
  <si>
    <t>cg11835197</t>
  </si>
  <si>
    <t>cg11835347</t>
  </si>
  <si>
    <t>cg11836212</t>
  </si>
  <si>
    <t>cg11837102</t>
  </si>
  <si>
    <t>cg11837471</t>
  </si>
  <si>
    <t>cg11837690</t>
  </si>
  <si>
    <t>cg11837749</t>
  </si>
  <si>
    <t>cg11838007</t>
  </si>
  <si>
    <t>cg11839020</t>
  </si>
  <si>
    <t>cg11839579</t>
  </si>
  <si>
    <t>cg11839606</t>
  </si>
  <si>
    <t>cg11840035</t>
  </si>
  <si>
    <t>cg11841062</t>
  </si>
  <si>
    <t>cg11841127</t>
  </si>
  <si>
    <t>cg11841239</t>
  </si>
  <si>
    <t>cg11841288</t>
  </si>
  <si>
    <t>cg11841335</t>
  </si>
  <si>
    <t>cg11841758</t>
  </si>
  <si>
    <t>cg11843516</t>
  </si>
  <si>
    <t>cg11843760</t>
  </si>
  <si>
    <t>cg11844110</t>
  </si>
  <si>
    <t>cg11844927</t>
  </si>
  <si>
    <t>cg11845387</t>
  </si>
  <si>
    <t>cg11846112</t>
  </si>
  <si>
    <t>cg11847126</t>
  </si>
  <si>
    <t>cg11847808</t>
  </si>
  <si>
    <t>cg11847933</t>
  </si>
  <si>
    <t>cg11848563</t>
  </si>
  <si>
    <t>cg11849302</t>
  </si>
  <si>
    <t>cg11850861</t>
  </si>
  <si>
    <t>cg11851429</t>
  </si>
  <si>
    <t>cg11851804</t>
  </si>
  <si>
    <t>cg11851915</t>
  </si>
  <si>
    <t>cg11852149</t>
  </si>
  <si>
    <t>cg11852843</t>
  </si>
  <si>
    <t>cg11854115</t>
  </si>
  <si>
    <t>cg11854493</t>
  </si>
  <si>
    <t>cg11854944</t>
  </si>
  <si>
    <t>cg11855117</t>
  </si>
  <si>
    <t>cg11856093</t>
  </si>
  <si>
    <t>cg11856487</t>
  </si>
  <si>
    <t>cg11857093</t>
  </si>
  <si>
    <t>cg11857363</t>
  </si>
  <si>
    <t>cg11863397</t>
  </si>
  <si>
    <t>cg11882432</t>
  </si>
  <si>
    <t>cg11893448</t>
  </si>
  <si>
    <t>cg11895451</t>
  </si>
  <si>
    <t>cg11902458</t>
  </si>
  <si>
    <t>cg11905617</t>
  </si>
  <si>
    <t>cg11908852</t>
  </si>
  <si>
    <t>cg11916186</t>
  </si>
  <si>
    <t>cg11926510</t>
  </si>
  <si>
    <t>cg11933267</t>
  </si>
  <si>
    <t>cg11939496</t>
  </si>
  <si>
    <t>cg11947084</t>
  </si>
  <si>
    <t>cg11948339</t>
  </si>
  <si>
    <t>cg11948341</t>
  </si>
  <si>
    <t>cg11949115</t>
  </si>
  <si>
    <t>cg11949335</t>
  </si>
  <si>
    <t>cg11949874</t>
  </si>
  <si>
    <t>cg11950577</t>
  </si>
  <si>
    <t>cg11950754</t>
  </si>
  <si>
    <t>cg11952714</t>
  </si>
  <si>
    <t>cg11952735</t>
  </si>
  <si>
    <t>cg11953164</t>
  </si>
  <si>
    <t>cg11953254</t>
  </si>
  <si>
    <t>cg11953434</t>
  </si>
  <si>
    <t>cg11953541</t>
  </si>
  <si>
    <t>cg11953609</t>
  </si>
  <si>
    <t>cg11955768</t>
  </si>
  <si>
    <t>cg11956108</t>
  </si>
  <si>
    <t>cg11956761</t>
  </si>
  <si>
    <t>cg11958060</t>
  </si>
  <si>
    <t>cg11958080</t>
  </si>
  <si>
    <t>cg11958234</t>
  </si>
  <si>
    <t>cg11958827</t>
  </si>
  <si>
    <t>cg11959316</t>
  </si>
  <si>
    <t>cg11960592</t>
  </si>
  <si>
    <t>cg11961255</t>
  </si>
  <si>
    <t>cg11961999</t>
  </si>
  <si>
    <t>cg11962587</t>
  </si>
  <si>
    <t>cg11963006</t>
  </si>
  <si>
    <t>cg11963676</t>
  </si>
  <si>
    <t>cg11963755</t>
  </si>
  <si>
    <t>cg11964349</t>
  </si>
  <si>
    <t>cg11964773</t>
  </si>
  <si>
    <t>cg11965913</t>
  </si>
  <si>
    <t>cg11966378</t>
  </si>
  <si>
    <t>cg11967862</t>
  </si>
  <si>
    <t>cg11967952</t>
  </si>
  <si>
    <t>cg11968071</t>
  </si>
  <si>
    <t>cg11968318</t>
  </si>
  <si>
    <t>cg11968804</t>
  </si>
  <si>
    <t>cg11970163</t>
  </si>
  <si>
    <t>cg11970695</t>
  </si>
  <si>
    <t>cg11973602</t>
  </si>
  <si>
    <t>cg11973877</t>
  </si>
  <si>
    <t>cg11979846</t>
  </si>
  <si>
    <t>cg11980410</t>
  </si>
  <si>
    <t>cg11980897</t>
  </si>
  <si>
    <t>cg11983977</t>
  </si>
  <si>
    <t>cg11985680</t>
  </si>
  <si>
    <t>cg11986615</t>
  </si>
  <si>
    <t>cg11986810</t>
  </si>
  <si>
    <t>cg11987090</t>
  </si>
  <si>
    <t>cg11987154</t>
  </si>
  <si>
    <t>cg11987959</t>
  </si>
  <si>
    <t>cg11989330</t>
  </si>
  <si>
    <t>cg12017102</t>
  </si>
  <si>
    <t>cg12022621</t>
  </si>
  <si>
    <t>cg12023170</t>
  </si>
  <si>
    <t>cg12030860</t>
  </si>
  <si>
    <t>cg12032191</t>
  </si>
  <si>
    <t>cg12033178</t>
  </si>
  <si>
    <t>cg12033273</t>
  </si>
  <si>
    <t>cg12033297</t>
  </si>
  <si>
    <t>cg12034938</t>
  </si>
  <si>
    <t>cg12035532</t>
  </si>
  <si>
    <t>cg12036392</t>
  </si>
  <si>
    <t>cg12036621</t>
  </si>
  <si>
    <t>cg12037129</t>
  </si>
  <si>
    <t>cg12037538</t>
  </si>
  <si>
    <t>cg12037641</t>
  </si>
  <si>
    <t>cg12039595</t>
  </si>
  <si>
    <t>cg12039611</t>
  </si>
  <si>
    <t>cg12041401</t>
  </si>
  <si>
    <t>cg12041830</t>
  </si>
  <si>
    <t>cg12042787</t>
  </si>
  <si>
    <t>cg12042834</t>
  </si>
  <si>
    <t>cg12044338</t>
  </si>
  <si>
    <t>cg12044615</t>
  </si>
  <si>
    <t>cg12045833</t>
  </si>
  <si>
    <t>cg12046053</t>
  </si>
  <si>
    <t>cg12046375</t>
  </si>
  <si>
    <t>cg12046793</t>
  </si>
  <si>
    <t>cg12046837</t>
  </si>
  <si>
    <t>cg12048375</t>
  </si>
  <si>
    <t>cg12048674</t>
  </si>
  <si>
    <t>cg12049093</t>
  </si>
  <si>
    <t>cg12049688</t>
  </si>
  <si>
    <t>cg12051614</t>
  </si>
  <si>
    <t>cg12052258</t>
  </si>
  <si>
    <t>cg12052789</t>
  </si>
  <si>
    <t>cg12052812</t>
  </si>
  <si>
    <t>cg12053004</t>
  </si>
  <si>
    <t>cg12054080</t>
  </si>
  <si>
    <t>cg12056000</t>
  </si>
  <si>
    <t>cg12058478</t>
  </si>
  <si>
    <t>cg12058501</t>
  </si>
  <si>
    <t>cg12058781</t>
  </si>
  <si>
    <t>cg12059147</t>
  </si>
  <si>
    <t>cg12059793</t>
  </si>
  <si>
    <t>cg12060472</t>
  </si>
  <si>
    <t>cg12060838</t>
  </si>
  <si>
    <t>cg12060877</t>
  </si>
  <si>
    <t>cg12062067</t>
  </si>
  <si>
    <t>cg12062099</t>
  </si>
  <si>
    <t>cg12064008</t>
  </si>
  <si>
    <t>cg12065138</t>
  </si>
  <si>
    <t>cg12065272</t>
  </si>
  <si>
    <t>cg12065406</t>
  </si>
  <si>
    <t>cg12065442</t>
  </si>
  <si>
    <t>cg12065756</t>
  </si>
  <si>
    <t>cg12065799</t>
  </si>
  <si>
    <t>cg12066840</t>
  </si>
  <si>
    <t>cg12067024</t>
  </si>
  <si>
    <t>cg12067421</t>
  </si>
  <si>
    <t>cg12067687</t>
  </si>
  <si>
    <t>cg12067764</t>
  </si>
  <si>
    <t>cg12068257</t>
  </si>
  <si>
    <t>cg12070351</t>
  </si>
  <si>
    <t>cg12071084</t>
  </si>
  <si>
    <t>cg12072393</t>
  </si>
  <si>
    <t>cg12072789</t>
  </si>
  <si>
    <t>cg12072973</t>
  </si>
  <si>
    <t>cg12073907</t>
  </si>
  <si>
    <t>cg12074024</t>
  </si>
  <si>
    <t>cg12074391</t>
  </si>
  <si>
    <t>cg12076479</t>
  </si>
  <si>
    <t>cg12076664</t>
  </si>
  <si>
    <t>cg12076692</t>
  </si>
  <si>
    <t>cg12077168</t>
  </si>
  <si>
    <t>cg12077698</t>
  </si>
  <si>
    <t>cg12077889</t>
  </si>
  <si>
    <t>cg12078033</t>
  </si>
  <si>
    <t>cg12078320</t>
  </si>
  <si>
    <t>cg12079740</t>
  </si>
  <si>
    <t>cg12080717</t>
  </si>
  <si>
    <t>cg12080906</t>
  </si>
  <si>
    <t>cg12081303</t>
  </si>
  <si>
    <t>cg12081359</t>
  </si>
  <si>
    <t>cg12082516</t>
  </si>
  <si>
    <t>cg12082615</t>
  </si>
  <si>
    <t>cg12083852</t>
  </si>
  <si>
    <t>cg12084062</t>
  </si>
  <si>
    <t>cg12084952</t>
  </si>
  <si>
    <t>cg12085314</t>
  </si>
  <si>
    <t>cg12085812</t>
  </si>
  <si>
    <t>cg12085977</t>
  </si>
  <si>
    <t>cg12090388</t>
  </si>
  <si>
    <t>cg12092579</t>
  </si>
  <si>
    <t>cg12095594</t>
  </si>
  <si>
    <t>cg12095968</t>
  </si>
  <si>
    <t>cg12096707</t>
  </si>
  <si>
    <t>cg12098183</t>
  </si>
  <si>
    <t>cg12099357</t>
  </si>
  <si>
    <t>cg12099459</t>
  </si>
  <si>
    <t>cg12100018</t>
  </si>
  <si>
    <t>cg12100376</t>
  </si>
  <si>
    <t>cg12106731</t>
  </si>
  <si>
    <t>cg12108527</t>
  </si>
  <si>
    <t>cg12108798</t>
  </si>
  <si>
    <t>cg12112058</t>
  </si>
  <si>
    <t>cg12112929</t>
  </si>
  <si>
    <t>cg12114524</t>
  </si>
  <si>
    <t>cg12124386</t>
  </si>
  <si>
    <t>cg12124478</t>
  </si>
  <si>
    <t>cg12124589</t>
  </si>
  <si>
    <t>cg12125780</t>
  </si>
  <si>
    <t>cg12127048</t>
  </si>
  <si>
    <t>cg12128017</t>
  </si>
  <si>
    <t>cg12128340</t>
  </si>
  <si>
    <t>cg12129480</t>
  </si>
  <si>
    <t>cg12130328</t>
  </si>
  <si>
    <t>cg12131219</t>
  </si>
  <si>
    <t>cg12131862</t>
  </si>
  <si>
    <t>cg12132731</t>
  </si>
  <si>
    <t>cg12133498</t>
  </si>
  <si>
    <t>cg12133952</t>
  </si>
  <si>
    <t>cg12134798</t>
  </si>
  <si>
    <t>cg12137247</t>
  </si>
  <si>
    <t>cg12138124</t>
  </si>
  <si>
    <t>cg12139725</t>
  </si>
  <si>
    <t>cg12140668</t>
  </si>
  <si>
    <t>cg12140755</t>
  </si>
  <si>
    <t>cg12140975</t>
  </si>
  <si>
    <t>cg12141662</t>
  </si>
  <si>
    <t>cg12143651</t>
  </si>
  <si>
    <t>cg12150066</t>
  </si>
  <si>
    <t>cg12154153</t>
  </si>
  <si>
    <t>cg12158389</t>
  </si>
  <si>
    <t>cg12160637</t>
  </si>
  <si>
    <t>cg12160664</t>
  </si>
  <si>
    <t>cg12163730</t>
  </si>
  <si>
    <t>cg12167564</t>
  </si>
  <si>
    <t>cg12177942</t>
  </si>
  <si>
    <t>cg12178904</t>
  </si>
  <si>
    <t>cg12179353</t>
  </si>
  <si>
    <t>cg12180551</t>
  </si>
  <si>
    <t>cg12181101</t>
  </si>
  <si>
    <t>cg12181353</t>
  </si>
  <si>
    <t>cg12184864</t>
  </si>
  <si>
    <t>cg12205230</t>
  </si>
  <si>
    <t>cg12206290</t>
  </si>
  <si>
    <t>cg12206846</t>
  </si>
  <si>
    <t>cg12208770</t>
  </si>
  <si>
    <t>cg12209313</t>
  </si>
  <si>
    <t>cg12210036</t>
  </si>
  <si>
    <t>cg12210618</t>
  </si>
  <si>
    <t>cg12211100</t>
  </si>
  <si>
    <t>cg12211490</t>
  </si>
  <si>
    <t>cg12211856</t>
  </si>
  <si>
    <t>cg12217625</t>
  </si>
  <si>
    <t>cg12218389</t>
  </si>
  <si>
    <t>cg12218542</t>
  </si>
  <si>
    <t>cg12218697</t>
  </si>
  <si>
    <t>cg12218771</t>
  </si>
  <si>
    <t>cg12221212</t>
  </si>
  <si>
    <t>cg12221565</t>
  </si>
  <si>
    <t>cg12221621</t>
  </si>
  <si>
    <t>cg12222277</t>
  </si>
  <si>
    <t>cg12222574</t>
  </si>
  <si>
    <t>cg12225045</t>
  </si>
  <si>
    <t>cg12229666</t>
  </si>
  <si>
    <t>cg12233379</t>
  </si>
  <si>
    <t>cg12235622</t>
  </si>
  <si>
    <t>cg12236822</t>
  </si>
  <si>
    <t>cg12257830</t>
  </si>
  <si>
    <t>cg12258811</t>
  </si>
  <si>
    <t>cg12262564</t>
  </si>
  <si>
    <t>cg12266861</t>
  </si>
  <si>
    <t>cg12267069</t>
  </si>
  <si>
    <t>cg12267407</t>
  </si>
  <si>
    <t>cg12268562</t>
  </si>
  <si>
    <t>cg12268575</t>
  </si>
  <si>
    <t>cg12269116</t>
  </si>
  <si>
    <t>cg12269394</t>
  </si>
  <si>
    <t>cg12274898</t>
  </si>
  <si>
    <t>cg12275285</t>
  </si>
  <si>
    <t>cg12275981</t>
  </si>
  <si>
    <t>cg12276329</t>
  </si>
  <si>
    <t>cg12276487</t>
  </si>
  <si>
    <t>cg12276513</t>
  </si>
  <si>
    <t>cg12277532</t>
  </si>
  <si>
    <t>cg12277666</t>
  </si>
  <si>
    <t>cg12279518</t>
  </si>
  <si>
    <t>cg12280317</t>
  </si>
  <si>
    <t>cg12280471</t>
  </si>
  <si>
    <t>cg12283520</t>
  </si>
  <si>
    <t>cg12284465</t>
  </si>
  <si>
    <t>cg12285627</t>
  </si>
  <si>
    <t>cg12285988</t>
  </si>
  <si>
    <t>cg12286462</t>
  </si>
  <si>
    <t>cg12293275</t>
  </si>
  <si>
    <t>cg12296269</t>
  </si>
  <si>
    <t>cg12296644</t>
  </si>
  <si>
    <t>cg12297935</t>
  </si>
  <si>
    <t>cg12298872</t>
  </si>
  <si>
    <t>cg12299361</t>
  </si>
  <si>
    <t>cg12301619</t>
  </si>
  <si>
    <t>cg12301823</t>
  </si>
  <si>
    <t>cg12303685</t>
  </si>
  <si>
    <t>cg12303813</t>
  </si>
  <si>
    <t>cg12304133</t>
  </si>
  <si>
    <t>cg12304930</t>
  </si>
  <si>
    <t>cg12307840</t>
  </si>
  <si>
    <t>cg12319004</t>
  </si>
  <si>
    <t>cg12334079</t>
  </si>
  <si>
    <t>cg12336540</t>
  </si>
  <si>
    <t>cg12336574</t>
  </si>
  <si>
    <t>cg12338493</t>
  </si>
  <si>
    <t>cg12339802</t>
  </si>
  <si>
    <t>cg12341314</t>
  </si>
  <si>
    <t>cg12354861</t>
  </si>
  <si>
    <t>cg12355180</t>
  </si>
  <si>
    <t>cg12356261</t>
  </si>
  <si>
    <t>cg12359809</t>
  </si>
  <si>
    <t>cg12361356</t>
  </si>
  <si>
    <t>cg12369402</t>
  </si>
  <si>
    <t>cg12380764</t>
  </si>
  <si>
    <t>cg12384126</t>
  </si>
  <si>
    <t>cg12385729</t>
  </si>
  <si>
    <t>cg12386297</t>
  </si>
  <si>
    <t>cg12386336</t>
  </si>
  <si>
    <t>cg12386752</t>
  </si>
  <si>
    <t>cg12392557</t>
  </si>
  <si>
    <t>cg12394941</t>
  </si>
  <si>
    <t>cg12396368</t>
  </si>
  <si>
    <t>cg12397297</t>
  </si>
  <si>
    <t>cg12397564</t>
  </si>
  <si>
    <t>cg12399315</t>
  </si>
  <si>
    <t>cg12399453</t>
  </si>
  <si>
    <t>cg12400725</t>
  </si>
  <si>
    <t>cg12401152</t>
  </si>
  <si>
    <t>cg12402495</t>
  </si>
  <si>
    <t>cg12402555</t>
  </si>
  <si>
    <t>cg12405265</t>
  </si>
  <si>
    <t>cg12405421</t>
  </si>
  <si>
    <t>cg12406132</t>
  </si>
  <si>
    <t>cg12406726</t>
  </si>
  <si>
    <t>cg12406822</t>
  </si>
  <si>
    <t>cg12406875</t>
  </si>
  <si>
    <t>cg12408250</t>
  </si>
  <si>
    <t>cg12409211</t>
  </si>
  <si>
    <t>cg12409547</t>
  </si>
  <si>
    <t>cg12410570</t>
  </si>
  <si>
    <t>cg12410692</t>
  </si>
  <si>
    <t>cg12411808</t>
  </si>
  <si>
    <t>cg12412627</t>
  </si>
  <si>
    <t>cg12412775</t>
  </si>
  <si>
    <t>cg12413421</t>
  </si>
  <si>
    <t>cg12413579</t>
  </si>
  <si>
    <t>cg12415902</t>
  </si>
  <si>
    <t>cg12416856</t>
  </si>
  <si>
    <t>cg12417992</t>
  </si>
  <si>
    <t>cg12421458</t>
  </si>
  <si>
    <t>cg12421513</t>
  </si>
  <si>
    <t>cg12424475</t>
  </si>
  <si>
    <t>cg12424867</t>
  </si>
  <si>
    <t>cg12426313</t>
  </si>
  <si>
    <t>cg12426360</t>
  </si>
  <si>
    <t>cg12426496</t>
  </si>
  <si>
    <t>cg12426870</t>
  </si>
  <si>
    <t>cg12427039</t>
  </si>
  <si>
    <t>cg12427321</t>
  </si>
  <si>
    <t>cg12427688</t>
  </si>
  <si>
    <t>cg12428622</t>
  </si>
  <si>
    <t>cg12430302</t>
  </si>
  <si>
    <t>cg12432038</t>
  </si>
  <si>
    <t>cg12433423</t>
  </si>
  <si>
    <t>cg12434982</t>
  </si>
  <si>
    <t>cg12436626</t>
  </si>
  <si>
    <t>cg12437148</t>
  </si>
  <si>
    <t>cg12438598</t>
  </si>
  <si>
    <t>cg12439157</t>
  </si>
  <si>
    <t>cg12442015</t>
  </si>
  <si>
    <t>cg12443001</t>
  </si>
  <si>
    <t>cg12444450</t>
  </si>
  <si>
    <t>cg12445832</t>
  </si>
  <si>
    <t>cg12446045</t>
  </si>
  <si>
    <t>cg12446088</t>
  </si>
  <si>
    <t>cg12446763</t>
  </si>
  <si>
    <t>cg12447329</t>
  </si>
  <si>
    <t>cg12447346</t>
  </si>
  <si>
    <t>cg12447589</t>
  </si>
  <si>
    <t>cg12447687</t>
  </si>
  <si>
    <t>cg12447744</t>
  </si>
  <si>
    <t>cg12449515</t>
  </si>
  <si>
    <t>cg12450567</t>
  </si>
  <si>
    <t>cg12451271</t>
  </si>
  <si>
    <t>cg12454161</t>
  </si>
  <si>
    <t>cg12458003</t>
  </si>
  <si>
    <t>cg12459028</t>
  </si>
  <si>
    <t>cg12459491</t>
  </si>
  <si>
    <t>cg12460254</t>
  </si>
  <si>
    <t>cg12461125</t>
  </si>
  <si>
    <t>cg12464233</t>
  </si>
  <si>
    <t>cg12464869</t>
  </si>
  <si>
    <t>cg12465353</t>
  </si>
  <si>
    <t>cg12465490</t>
  </si>
  <si>
    <t>cg12465501</t>
  </si>
  <si>
    <t>cg12466599</t>
  </si>
  <si>
    <t>cg12467090</t>
  </si>
  <si>
    <t>cg12467223</t>
  </si>
  <si>
    <t>cg12468429</t>
  </si>
  <si>
    <t>cg12473000</t>
  </si>
  <si>
    <t>cg12473797</t>
  </si>
  <si>
    <t>cg12473916</t>
  </si>
  <si>
    <t>cg12475507</t>
  </si>
  <si>
    <t>cg12477297</t>
  </si>
  <si>
    <t>cg12480301</t>
  </si>
  <si>
    <t>cg12480903</t>
  </si>
  <si>
    <t>cg12481912</t>
  </si>
  <si>
    <t>cg12483927</t>
  </si>
  <si>
    <t>cg12484590</t>
  </si>
  <si>
    <t>cg12486296</t>
  </si>
  <si>
    <t>cg12486614</t>
  </si>
  <si>
    <t>cg12486913</t>
  </si>
  <si>
    <t>cg12489819</t>
  </si>
  <si>
    <t>cg12497298</t>
  </si>
  <si>
    <t>cg12499211</t>
  </si>
  <si>
    <t>cg12515325</t>
  </si>
  <si>
    <t>cg12517577</t>
  </si>
  <si>
    <t>cg12524640</t>
  </si>
  <si>
    <t>cg12527097</t>
  </si>
  <si>
    <t>cg12527995</t>
  </si>
  <si>
    <t>cg12529228</t>
  </si>
  <si>
    <t>cg12529944</t>
  </si>
  <si>
    <t>cg12530472</t>
  </si>
  <si>
    <t>cg12535596</t>
  </si>
  <si>
    <t>cg12536471</t>
  </si>
  <si>
    <t>cg12539171</t>
  </si>
  <si>
    <t>cg12543649</t>
  </si>
  <si>
    <t>cg12546745</t>
  </si>
  <si>
    <t>cg12547516</t>
  </si>
  <si>
    <t>cg12547807</t>
  </si>
  <si>
    <t>cg12547943</t>
  </si>
  <si>
    <t>cg12549180</t>
  </si>
  <si>
    <t>cg12550241</t>
  </si>
  <si>
    <t>cg12551029</t>
  </si>
  <si>
    <t>cg12552165</t>
  </si>
  <si>
    <t>cg12552820</t>
  </si>
  <si>
    <t>cg12578250</t>
  </si>
  <si>
    <t>cg12579230</t>
  </si>
  <si>
    <t>cg12579954</t>
  </si>
  <si>
    <t>cg12580275</t>
  </si>
  <si>
    <t>cg12580687</t>
  </si>
  <si>
    <t>cg12580943</t>
  </si>
  <si>
    <t>cg12581970</t>
  </si>
  <si>
    <t>cg12583369</t>
  </si>
  <si>
    <t>cg12583970</t>
  </si>
  <si>
    <t>cg12584510</t>
  </si>
  <si>
    <t>cg12585759</t>
  </si>
  <si>
    <t>cg12587087</t>
  </si>
  <si>
    <t>cg12587382</t>
  </si>
  <si>
    <t>cg12588301</t>
  </si>
  <si>
    <t>cg12589307</t>
  </si>
  <si>
    <t>cg12589749</t>
  </si>
  <si>
    <t>cg12590404</t>
  </si>
  <si>
    <t>cg12590411</t>
  </si>
  <si>
    <t>cg12590494</t>
  </si>
  <si>
    <t>cg12590668</t>
  </si>
  <si>
    <t>cg12590902</t>
  </si>
  <si>
    <t>cg12592463</t>
  </si>
  <si>
    <t>cg12593176</t>
  </si>
  <si>
    <t>cg12593541</t>
  </si>
  <si>
    <t>cg12593793</t>
  </si>
  <si>
    <t>cg12593873</t>
  </si>
  <si>
    <t>cg12595349</t>
  </si>
  <si>
    <t>cg12595401</t>
  </si>
  <si>
    <t>cg12596040</t>
  </si>
  <si>
    <t>cg12596505</t>
  </si>
  <si>
    <t>cg12596914</t>
  </si>
  <si>
    <t>cg12597558</t>
  </si>
  <si>
    <t>cg12597839</t>
  </si>
  <si>
    <t>cg12599275</t>
  </si>
  <si>
    <t>cg12600556</t>
  </si>
  <si>
    <t>cg12604162</t>
  </si>
  <si>
    <t>cg12604435</t>
  </si>
  <si>
    <t>cg12604950</t>
  </si>
  <si>
    <t>cg12606399</t>
  </si>
  <si>
    <t>cg12607967</t>
  </si>
  <si>
    <t>cg12608881</t>
  </si>
  <si>
    <t>cg12609142</t>
  </si>
  <si>
    <t>cg12609498</t>
  </si>
  <si>
    <t>cg12610079</t>
  </si>
  <si>
    <t>cg12610119</t>
  </si>
  <si>
    <t>cg12610169</t>
  </si>
  <si>
    <t>cg12610239</t>
  </si>
  <si>
    <t>cg12610430</t>
  </si>
  <si>
    <t>cg12610595</t>
  </si>
  <si>
    <t>cg12611449</t>
  </si>
  <si>
    <t>cg12612309</t>
  </si>
  <si>
    <t>cg12612393</t>
  </si>
  <si>
    <t>cg12613383</t>
  </si>
  <si>
    <t>cg12613632</t>
  </si>
  <si>
    <t>cg12615205</t>
  </si>
  <si>
    <t>cg12615916</t>
  </si>
  <si>
    <t>cg12616766</t>
  </si>
  <si>
    <t>cg12617080</t>
  </si>
  <si>
    <t>cg12619536</t>
  </si>
  <si>
    <t>cg12620005</t>
  </si>
  <si>
    <t>cg12622182</t>
  </si>
  <si>
    <t>cg12622721</t>
  </si>
  <si>
    <t>cg12623625</t>
  </si>
  <si>
    <t>cg12623695</t>
  </si>
  <si>
    <t>cg12627726</t>
  </si>
  <si>
    <t>cg12629244</t>
  </si>
  <si>
    <t>cg12630576</t>
  </si>
  <si>
    <t>cg12631000</t>
  </si>
  <si>
    <t>cg12631713</t>
  </si>
  <si>
    <t>cg12632832</t>
  </si>
  <si>
    <t>cg12633890</t>
  </si>
  <si>
    <t>cg12634957</t>
  </si>
  <si>
    <t>cg12635783</t>
  </si>
  <si>
    <t>cg12635919</t>
  </si>
  <si>
    <t>cg12636482</t>
  </si>
  <si>
    <t>cg12638695</t>
  </si>
  <si>
    <t>cg12638776</t>
  </si>
  <si>
    <t>cg12639293</t>
  </si>
  <si>
    <t>cg12639453</t>
  </si>
  <si>
    <t>cg12639523</t>
  </si>
  <si>
    <t>cg12640000</t>
  </si>
  <si>
    <t>cg12640049</t>
  </si>
  <si>
    <t>cg12640482</t>
  </si>
  <si>
    <t>cg12640930</t>
  </si>
  <si>
    <t>cg12640942</t>
  </si>
  <si>
    <t>cg12641165</t>
  </si>
  <si>
    <t>cg12641660</t>
  </si>
  <si>
    <t>cg12641739</t>
  </si>
  <si>
    <t>cg12643633</t>
  </si>
  <si>
    <t>cg12647497</t>
  </si>
  <si>
    <t>cg12649615</t>
  </si>
  <si>
    <t>cg12651712</t>
  </si>
  <si>
    <t>cg12653146</t>
  </si>
  <si>
    <t>cg12653788</t>
  </si>
  <si>
    <t>cg12653922</t>
  </si>
  <si>
    <t>cg12655137</t>
  </si>
  <si>
    <t>cg12656391</t>
  </si>
  <si>
    <t>cg12656487</t>
  </si>
  <si>
    <t>cg12656740</t>
  </si>
  <si>
    <t>cg12657297</t>
  </si>
  <si>
    <t>cg12657664</t>
  </si>
  <si>
    <t>cg12658012</t>
  </si>
  <si>
    <t>cg12658400</t>
  </si>
  <si>
    <t>cg12659291</t>
  </si>
  <si>
    <t>cg12659883</t>
  </si>
  <si>
    <t>cg12660800</t>
  </si>
  <si>
    <t>cg12660813</t>
  </si>
  <si>
    <t>cg12661316</t>
  </si>
  <si>
    <t>cg12662007</t>
  </si>
  <si>
    <t>cg12662929</t>
  </si>
  <si>
    <t>cg12663811</t>
  </si>
  <si>
    <t>cg12664038</t>
  </si>
  <si>
    <t>cg12664119</t>
  </si>
  <si>
    <t>cg12664291</t>
  </si>
  <si>
    <t>cg12665890</t>
  </si>
  <si>
    <t>cg12667125</t>
  </si>
  <si>
    <t>cg12677330</t>
  </si>
  <si>
    <t>cg12679760</t>
  </si>
  <si>
    <t>cg12688265</t>
  </si>
  <si>
    <t>cg12688609</t>
  </si>
  <si>
    <t>cg12688942</t>
  </si>
  <si>
    <t>cg12689055</t>
  </si>
  <si>
    <t>cg12689425</t>
  </si>
  <si>
    <t>cg12689689</t>
  </si>
  <si>
    <t>cg12689806</t>
  </si>
  <si>
    <t>cg12689996</t>
  </si>
  <si>
    <t>cg12690996</t>
  </si>
  <si>
    <t>cg12691488</t>
  </si>
  <si>
    <t>cg12691994</t>
  </si>
  <si>
    <t>cg12692722</t>
  </si>
  <si>
    <t>cg12699080</t>
  </si>
  <si>
    <t>cg12699274</t>
  </si>
  <si>
    <t>cg12700102</t>
  </si>
  <si>
    <t>cg12700148</t>
  </si>
  <si>
    <t>cg12700319</t>
  </si>
  <si>
    <t>cg12701576</t>
  </si>
  <si>
    <t>cg12701603</t>
  </si>
  <si>
    <t>cg12701697</t>
  </si>
  <si>
    <t>cg12705326</t>
  </si>
  <si>
    <t>cg12706474</t>
  </si>
  <si>
    <t>cg12710152</t>
  </si>
  <si>
    <t>cg12710176</t>
  </si>
  <si>
    <t>cg12710648</t>
  </si>
  <si>
    <t>cg12711627</t>
  </si>
  <si>
    <t>cg12711814</t>
  </si>
  <si>
    <t>cg12712846</t>
  </si>
  <si>
    <t>cg12714889</t>
  </si>
  <si>
    <t>cg12719233</t>
  </si>
  <si>
    <t>cg12719510</t>
  </si>
  <si>
    <t>cg12720643</t>
  </si>
  <si>
    <t>cg12720965</t>
  </si>
  <si>
    <t>cg12721068</t>
  </si>
  <si>
    <t>cg12721600</t>
  </si>
  <si>
    <t>cg12721952</t>
  </si>
  <si>
    <t>cg12723026</t>
  </si>
  <si>
    <t>cg12723994</t>
  </si>
  <si>
    <t>cg12726120</t>
  </si>
  <si>
    <t>cg12728020</t>
  </si>
  <si>
    <t>cg12728061</t>
  </si>
  <si>
    <t>cg12729160</t>
  </si>
  <si>
    <t>cg12729166</t>
  </si>
  <si>
    <t>cg12729305</t>
  </si>
  <si>
    <t>cg12729822</t>
  </si>
  <si>
    <t>cg12730323</t>
  </si>
  <si>
    <t>cg12730702</t>
  </si>
  <si>
    <t>cg12731430</t>
  </si>
  <si>
    <t>cg12732155</t>
  </si>
  <si>
    <t>cg12733254</t>
  </si>
  <si>
    <t>cg12733595</t>
  </si>
  <si>
    <t>cg12734710</t>
  </si>
  <si>
    <t>cg12738164</t>
  </si>
  <si>
    <t>cg12738609</t>
  </si>
  <si>
    <t>cg12738979</t>
  </si>
  <si>
    <t>cg12739034</t>
  </si>
  <si>
    <t>cg12739647</t>
  </si>
  <si>
    <t>cg12740910</t>
  </si>
  <si>
    <t>cg12741710</t>
  </si>
  <si>
    <t>cg12743115</t>
  </si>
  <si>
    <t>cg12744061</t>
  </si>
  <si>
    <t>cg12744321</t>
  </si>
  <si>
    <t>cg12744634</t>
  </si>
  <si>
    <t>cg12749636</t>
  </si>
  <si>
    <t>cg12750103</t>
  </si>
  <si>
    <t>cg12750884</t>
  </si>
  <si>
    <t>cg12751565</t>
  </si>
  <si>
    <t>cg12752449</t>
  </si>
  <si>
    <t>cg12753518</t>
  </si>
  <si>
    <t>cg12753787</t>
  </si>
  <si>
    <t>cg12755103</t>
  </si>
  <si>
    <t>cg12755814</t>
  </si>
  <si>
    <t>cg12758039</t>
  </si>
  <si>
    <t>cg12758231</t>
  </si>
  <si>
    <t>cg12759096</t>
  </si>
  <si>
    <t>cg12761421</t>
  </si>
  <si>
    <t>cg12761965</t>
  </si>
  <si>
    <t>cg12762228</t>
  </si>
  <si>
    <t>cg12763038</t>
  </si>
  <si>
    <t>cg12764620</t>
  </si>
  <si>
    <t>cg12764704</t>
  </si>
  <si>
    <t>cg12765549</t>
  </si>
  <si>
    <t>cg12766383</t>
  </si>
  <si>
    <t>cg12768969</t>
  </si>
  <si>
    <t>cg12769891</t>
  </si>
  <si>
    <t>cg12770149</t>
  </si>
  <si>
    <t>cg12775742</t>
  </si>
  <si>
    <t>cg12792157</t>
  </si>
  <si>
    <t>cg12793113</t>
  </si>
  <si>
    <t>cg12794758</t>
  </si>
  <si>
    <t>cg12796135</t>
  </si>
  <si>
    <t>cg12796481</t>
  </si>
  <si>
    <t>cg12798061</t>
  </si>
  <si>
    <t>cg12799170</t>
  </si>
  <si>
    <t>cg12799824</t>
  </si>
  <si>
    <t>cg12802086</t>
  </si>
  <si>
    <t>cg12803004</t>
  </si>
  <si>
    <t>cg12804647</t>
  </si>
  <si>
    <t>cg12804677</t>
  </si>
  <si>
    <t>cg12805491</t>
  </si>
  <si>
    <t>cg12806121</t>
  </si>
  <si>
    <t>cg12806381</t>
  </si>
  <si>
    <t>cg12807588</t>
  </si>
  <si>
    <t>cg12808447</t>
  </si>
  <si>
    <t>cg12809031</t>
  </si>
  <si>
    <t>cg12810233</t>
  </si>
  <si>
    <t>cg12810297</t>
  </si>
  <si>
    <t>cg12810734</t>
  </si>
  <si>
    <t>cg12812068</t>
  </si>
  <si>
    <t>cg12812167</t>
  </si>
  <si>
    <t>cg12814199</t>
  </si>
  <si>
    <t>cg12820395</t>
  </si>
  <si>
    <t>cg12832565</t>
  </si>
  <si>
    <t>cg12840261</t>
  </si>
  <si>
    <t>cg12856855</t>
  </si>
  <si>
    <t>cg12857717</t>
  </si>
  <si>
    <t>cg12858469</t>
  </si>
  <si>
    <t>cg12864185</t>
  </si>
  <si>
    <t>cg12864581</t>
  </si>
  <si>
    <t>cg12869058</t>
  </si>
  <si>
    <t>cg12871507</t>
  </si>
  <si>
    <t>cg12873454</t>
  </si>
  <si>
    <t>cg12875892</t>
  </si>
  <si>
    <t>cg12884406</t>
  </si>
  <si>
    <t>cg12891678</t>
  </si>
  <si>
    <t>cg12892805</t>
  </si>
  <si>
    <t>cg12898512</t>
  </si>
  <si>
    <t>cg12899421</t>
  </si>
  <si>
    <t>cg12900583</t>
  </si>
  <si>
    <t>cg12901910</t>
  </si>
  <si>
    <t>cg12905571</t>
  </si>
  <si>
    <t>cg12905654</t>
  </si>
  <si>
    <t>cg12906019</t>
  </si>
  <si>
    <t>cg12906188</t>
  </si>
  <si>
    <t>cg12906295</t>
  </si>
  <si>
    <t>cg12907702</t>
  </si>
  <si>
    <t>cg12908399</t>
  </si>
  <si>
    <t>cg12908763</t>
  </si>
  <si>
    <t>cg12908894</t>
  </si>
  <si>
    <t>cg12908952</t>
  </si>
  <si>
    <t>cg12909523</t>
  </si>
  <si>
    <t>cg12909536</t>
  </si>
  <si>
    <t>cg12918271</t>
  </si>
  <si>
    <t>cg12921481</t>
  </si>
  <si>
    <t>cg12924059</t>
  </si>
  <si>
    <t>cg12929805</t>
  </si>
  <si>
    <t>cg12936983</t>
  </si>
  <si>
    <t>cg12946080</t>
  </si>
  <si>
    <t>cg12954591</t>
  </si>
  <si>
    <t>cg12957986</t>
  </si>
  <si>
    <t>cg12970084</t>
  </si>
  <si>
    <t>cg12983196</t>
  </si>
  <si>
    <t>cg12995941</t>
  </si>
  <si>
    <t>cg12999103</t>
  </si>
  <si>
    <t>cg13001538</t>
  </si>
  <si>
    <t>cg13022911</t>
  </si>
  <si>
    <t>cg13030908</t>
  </si>
  <si>
    <t>cg13044223</t>
  </si>
  <si>
    <t>cg13047196</t>
  </si>
  <si>
    <t>cg13048466</t>
  </si>
  <si>
    <t>cg13048591</t>
  </si>
  <si>
    <t>cg13051013</t>
  </si>
  <si>
    <t>cg13052954</t>
  </si>
  <si>
    <t>cg13054119</t>
  </si>
  <si>
    <t>cg13054686</t>
  </si>
  <si>
    <t>cg13054975</t>
  </si>
  <si>
    <t>cg13056222</t>
  </si>
  <si>
    <t>cg13057857</t>
  </si>
  <si>
    <t>cg13058453</t>
  </si>
  <si>
    <t>cg13059495</t>
  </si>
  <si>
    <t>cg13060867</t>
  </si>
  <si>
    <t>cg13061570</t>
  </si>
  <si>
    <t>cg13062888</t>
  </si>
  <si>
    <t>cg13063101</t>
  </si>
  <si>
    <t>cg13064305</t>
  </si>
  <si>
    <t>cg13064789</t>
  </si>
  <si>
    <t>cg13065299</t>
  </si>
  <si>
    <t>cg13065735</t>
  </si>
  <si>
    <t>cg13066495</t>
  </si>
  <si>
    <t>cg13066963</t>
  </si>
  <si>
    <t>cg13067139</t>
  </si>
  <si>
    <t>cg13067635</t>
  </si>
  <si>
    <t>cg13069237</t>
  </si>
  <si>
    <t>cg13069892</t>
  </si>
  <si>
    <t>cg13071333</t>
  </si>
  <si>
    <t>cg13072098</t>
  </si>
  <si>
    <t>cg13072446</t>
  </si>
  <si>
    <t>cg13072890</t>
  </si>
  <si>
    <t>cg13074813</t>
  </si>
  <si>
    <t>cg13075278</t>
  </si>
  <si>
    <t>cg13075537</t>
  </si>
  <si>
    <t>cg13076757</t>
  </si>
  <si>
    <t>cg13077150</t>
  </si>
  <si>
    <t>cg13077784</t>
  </si>
  <si>
    <t>cg13079047</t>
  </si>
  <si>
    <t>cg13079840</t>
  </si>
  <si>
    <t>cg13080029</t>
  </si>
  <si>
    <t>cg13080379</t>
  </si>
  <si>
    <t>cg13080606</t>
  </si>
  <si>
    <t>cg13081014</t>
  </si>
  <si>
    <t>cg13081288</t>
  </si>
  <si>
    <t>cg13081644</t>
  </si>
  <si>
    <t>cg13082038</t>
  </si>
  <si>
    <t>cg13082642</t>
  </si>
  <si>
    <t>cg13082816</t>
  </si>
  <si>
    <t>cg13083637</t>
  </si>
  <si>
    <t>cg13083776</t>
  </si>
  <si>
    <t>cg13084345</t>
  </si>
  <si>
    <t>cg13084419</t>
  </si>
  <si>
    <t>cg13086983</t>
  </si>
  <si>
    <t>cg13087441</t>
  </si>
  <si>
    <t>cg13088902</t>
  </si>
  <si>
    <t>cg13089318</t>
  </si>
  <si>
    <t>cg13092108</t>
  </si>
  <si>
    <t>cg13093042</t>
  </si>
  <si>
    <t>cg13093110</t>
  </si>
  <si>
    <t>cg13094926</t>
  </si>
  <si>
    <t>cg13096330</t>
  </si>
  <si>
    <t>cg13099139</t>
  </si>
  <si>
    <t>cg13100137</t>
  </si>
  <si>
    <t>cg13100600</t>
  </si>
  <si>
    <t>cg13102658</t>
  </si>
  <si>
    <t>cg13103280</t>
  </si>
  <si>
    <t>cg13106389</t>
  </si>
  <si>
    <t>cg13107669</t>
  </si>
  <si>
    <t>cg13108255</t>
  </si>
  <si>
    <t>cg13109911</t>
  </si>
  <si>
    <t>cg13110461</t>
  </si>
  <si>
    <t>cg13110749</t>
  </si>
  <si>
    <t>cg13110779</t>
  </si>
  <si>
    <t>cg13112946</t>
  </si>
  <si>
    <t>cg13115240</t>
  </si>
  <si>
    <t>cg13129833</t>
  </si>
  <si>
    <t>cg13131501</t>
  </si>
  <si>
    <t>cg13132404</t>
  </si>
  <si>
    <t>cg13132816</t>
  </si>
  <si>
    <t>cg13133560</t>
  </si>
  <si>
    <t>cg13134448</t>
  </si>
  <si>
    <t>cg13138155</t>
  </si>
  <si>
    <t>cg13139730</t>
  </si>
  <si>
    <t>cg13148608</t>
  </si>
  <si>
    <t>cg13148669</t>
  </si>
  <si>
    <t>cg13149116</t>
  </si>
  <si>
    <t>cg13149127</t>
  </si>
  <si>
    <t>cg13149276</t>
  </si>
  <si>
    <t>cg13151135</t>
  </si>
  <si>
    <t>cg13151345</t>
  </si>
  <si>
    <t>cg13152158</t>
  </si>
  <si>
    <t>cg13167810</t>
  </si>
  <si>
    <t>cg13168314</t>
  </si>
  <si>
    <t>cg13168746</t>
  </si>
  <si>
    <t>cg13170600</t>
  </si>
  <si>
    <t>cg13171718</t>
  </si>
  <si>
    <t>cg13172153</t>
  </si>
  <si>
    <t>cg13172696</t>
  </si>
  <si>
    <t>cg13173305</t>
  </si>
  <si>
    <t>cg13174306</t>
  </si>
  <si>
    <t>cg13174898</t>
  </si>
  <si>
    <t>cg13176867</t>
  </si>
  <si>
    <t>cg13177275</t>
  </si>
  <si>
    <t>cg13178170</t>
  </si>
  <si>
    <t>cg13178361</t>
  </si>
  <si>
    <t>cg13178487</t>
  </si>
  <si>
    <t>cg13179074</t>
  </si>
  <si>
    <t>cg13181291</t>
  </si>
  <si>
    <t>cg13183298</t>
  </si>
  <si>
    <t>cg13183780</t>
  </si>
  <si>
    <t>cg13185137</t>
  </si>
  <si>
    <t>cg13187936</t>
  </si>
  <si>
    <t>cg13188263</t>
  </si>
  <si>
    <t>cg13189207</t>
  </si>
  <si>
    <t>cg13191195</t>
  </si>
  <si>
    <t>cg13191808</t>
  </si>
  <si>
    <t>cg13193228</t>
  </si>
  <si>
    <t>cg13193455</t>
  </si>
  <si>
    <t>cg13197285</t>
  </si>
  <si>
    <t>cg13198235</t>
  </si>
  <si>
    <t>cg13199178</t>
  </si>
  <si>
    <t>cg13199589</t>
  </si>
  <si>
    <t>cg13199963</t>
  </si>
  <si>
    <t>cg13201297</t>
  </si>
  <si>
    <t>cg13201461</t>
  </si>
  <si>
    <t>cg13202213</t>
  </si>
  <si>
    <t>cg13205050</t>
  </si>
  <si>
    <t>cg13205059</t>
  </si>
  <si>
    <t>cg13205528</t>
  </si>
  <si>
    <t>cg13206126</t>
  </si>
  <si>
    <t>cg13206932</t>
  </si>
  <si>
    <t>cg13209077</t>
  </si>
  <si>
    <t>cg13209980</t>
  </si>
  <si>
    <t>cg13210580</t>
  </si>
  <si>
    <t>cg13212362</t>
  </si>
  <si>
    <t>cg13212575</t>
  </si>
  <si>
    <t>cg13213987</t>
  </si>
  <si>
    <t>cg13216073</t>
  </si>
  <si>
    <t>cg13216303</t>
  </si>
  <si>
    <t>cg13219080</t>
  </si>
  <si>
    <t>cg13219446</t>
  </si>
  <si>
    <t>cg13221588</t>
  </si>
  <si>
    <t>cg13221681</t>
  </si>
  <si>
    <t>cg13222915</t>
  </si>
  <si>
    <t>cg13223043</t>
  </si>
  <si>
    <t>cg13223276</t>
  </si>
  <si>
    <t>cg13224197</t>
  </si>
  <si>
    <t>cg13224583</t>
  </si>
  <si>
    <t>cg13224937</t>
  </si>
  <si>
    <t>cg13226145</t>
  </si>
  <si>
    <t>cg13226669</t>
  </si>
  <si>
    <t>cg13228105</t>
  </si>
  <si>
    <t>cg13228596</t>
  </si>
  <si>
    <t>cg13228636</t>
  </si>
  <si>
    <t>cg13229857</t>
  </si>
  <si>
    <t>cg13229972</t>
  </si>
  <si>
    <t>cg13230348</t>
  </si>
  <si>
    <t>cg13231131</t>
  </si>
  <si>
    <t>cg13233788</t>
  </si>
  <si>
    <t>cg13233799</t>
  </si>
  <si>
    <t>cg13234187</t>
  </si>
  <si>
    <t>cg13235717</t>
  </si>
  <si>
    <t>cg13235761</t>
  </si>
  <si>
    <t>cg13235992</t>
  </si>
  <si>
    <t>cg13238881</t>
  </si>
  <si>
    <t>cg13239848</t>
  </si>
  <si>
    <t>cg13240017</t>
  </si>
  <si>
    <t>cg13240206</t>
  </si>
  <si>
    <t>cg13240598</t>
  </si>
  <si>
    <t>cg13242199</t>
  </si>
  <si>
    <t>cg13242658</t>
  </si>
  <si>
    <t>cg13244522</t>
  </si>
  <si>
    <t>cg13245472</t>
  </si>
  <si>
    <t>cg13245983</t>
  </si>
  <si>
    <t>cg13246856</t>
  </si>
  <si>
    <t>cg13247117</t>
  </si>
  <si>
    <t>cg13249591</t>
  </si>
  <si>
    <t>cg13252204</t>
  </si>
  <si>
    <t>cg13253785</t>
  </si>
  <si>
    <t>cg13263483</t>
  </si>
  <si>
    <t>cg13272644</t>
  </si>
  <si>
    <t>cg13284574</t>
  </si>
  <si>
    <t>cg13285637</t>
  </si>
  <si>
    <t>cg13298382</t>
  </si>
  <si>
    <t>cg13299148</t>
  </si>
  <si>
    <t>cg13299824</t>
  </si>
  <si>
    <t>cg13299927</t>
  </si>
  <si>
    <t>cg13299931</t>
  </si>
  <si>
    <t>cg13299984</t>
  </si>
  <si>
    <t>cg13300580</t>
  </si>
  <si>
    <t>cg13300670</t>
  </si>
  <si>
    <t>cg13303358</t>
  </si>
  <si>
    <t>cg13303520</t>
  </si>
  <si>
    <t>cg13305114</t>
  </si>
  <si>
    <t>cg13305476</t>
  </si>
  <si>
    <t>cg13306335</t>
  </si>
  <si>
    <t>cg13306921</t>
  </si>
  <si>
    <t>cg13311440</t>
  </si>
  <si>
    <t>cg13314614</t>
  </si>
  <si>
    <t>cg13318537</t>
  </si>
  <si>
    <t>cg13320146</t>
  </si>
  <si>
    <t>cg13321105</t>
  </si>
  <si>
    <t>cg13321900</t>
  </si>
  <si>
    <t>cg13322290</t>
  </si>
  <si>
    <t>cg13326801</t>
  </si>
  <si>
    <t>cg13331246</t>
  </si>
  <si>
    <t>cg13331550</t>
  </si>
  <si>
    <t>cg13331559</t>
  </si>
  <si>
    <t>cg13333265</t>
  </si>
  <si>
    <t>cg13335886</t>
  </si>
  <si>
    <t>cg13342625</t>
  </si>
  <si>
    <t>cg13352563</t>
  </si>
  <si>
    <t>cg13353942</t>
  </si>
  <si>
    <t>cg13354934</t>
  </si>
  <si>
    <t>cg13356324</t>
  </si>
  <si>
    <t>cg13357249</t>
  </si>
  <si>
    <t>cg13357341</t>
  </si>
  <si>
    <t>cg13359765</t>
  </si>
  <si>
    <t>cg13359998</t>
  </si>
  <si>
    <t>cg13360866</t>
  </si>
  <si>
    <t>cg13361185</t>
  </si>
  <si>
    <t>cg13361271</t>
  </si>
  <si>
    <t>cg13363823</t>
  </si>
  <si>
    <t>cg13364230</t>
  </si>
  <si>
    <t>cg13365620</t>
  </si>
  <si>
    <t>cg13366738</t>
  </si>
  <si>
    <t>cg13367234</t>
  </si>
  <si>
    <t>cg13368134</t>
  </si>
  <si>
    <t>cg13369284</t>
  </si>
  <si>
    <t>cg13370852</t>
  </si>
  <si>
    <t>cg13371740</t>
  </si>
  <si>
    <t>cg13371976</t>
  </si>
  <si>
    <t>cg13372811</t>
  </si>
  <si>
    <t>cg13372905</t>
  </si>
  <si>
    <t>cg13373315</t>
  </si>
  <si>
    <t>cg13374225</t>
  </si>
  <si>
    <t>cg13375718</t>
  </si>
  <si>
    <t>cg13376819</t>
  </si>
  <si>
    <t>cg13377237</t>
  </si>
  <si>
    <t>cg13378519</t>
  </si>
  <si>
    <t>cg13378649</t>
  </si>
  <si>
    <t>cg13378886</t>
  </si>
  <si>
    <t>cg13380502</t>
  </si>
  <si>
    <t>cg13380906</t>
  </si>
  <si>
    <t>cg13381753</t>
  </si>
  <si>
    <t>cg13381844</t>
  </si>
  <si>
    <t>cg13382703</t>
  </si>
  <si>
    <t>cg13383912</t>
  </si>
  <si>
    <t>cg13384453</t>
  </si>
  <si>
    <t>cg13385220</t>
  </si>
  <si>
    <t>cg13385995</t>
  </si>
  <si>
    <t>cg13386839</t>
  </si>
  <si>
    <t>cg13388944</t>
  </si>
  <si>
    <t>cg13389460</t>
  </si>
  <si>
    <t>cg13390007</t>
  </si>
  <si>
    <t>cg13390284</t>
  </si>
  <si>
    <t>cg13390385</t>
  </si>
  <si>
    <t>cg13391849</t>
  </si>
  <si>
    <t>cg13392957</t>
  </si>
  <si>
    <t>cg13393009</t>
  </si>
  <si>
    <t>cg13393721</t>
  </si>
  <si>
    <t>cg13393782</t>
  </si>
  <si>
    <t>cg13393917</t>
  </si>
  <si>
    <t>cg13394857</t>
  </si>
  <si>
    <t>cg13395333</t>
  </si>
  <si>
    <t>cg13396716</t>
  </si>
  <si>
    <t>cg13397275</t>
  </si>
  <si>
    <t>cg13397379</t>
  </si>
  <si>
    <t>cg13399816</t>
  </si>
  <si>
    <t>cg13400284</t>
  </si>
  <si>
    <t>cg13401823</t>
  </si>
  <si>
    <t>cg13401963</t>
  </si>
  <si>
    <t>cg13402298</t>
  </si>
  <si>
    <t>cg13402865</t>
  </si>
  <si>
    <t>cg13410390</t>
  </si>
  <si>
    <t>cg13420364</t>
  </si>
  <si>
    <t>cg13420662</t>
  </si>
  <si>
    <t>cg13420744</t>
  </si>
  <si>
    <t>cg13421041</t>
  </si>
  <si>
    <t>cg13421385</t>
  </si>
  <si>
    <t>cg13422555</t>
  </si>
  <si>
    <t>cg13423554</t>
  </si>
  <si>
    <t>cg13423770</t>
  </si>
  <si>
    <t>cg13424284</t>
  </si>
  <si>
    <t>cg13424673</t>
  </si>
  <si>
    <t>cg13426775</t>
  </si>
  <si>
    <t>cg13427149</t>
  </si>
  <si>
    <t>cg13427179</t>
  </si>
  <si>
    <t>cg13428567</t>
  </si>
  <si>
    <t>cg13429095</t>
  </si>
  <si>
    <t>cg13429414</t>
  </si>
  <si>
    <t>cg13430104</t>
  </si>
  <si>
    <t>cg13430819</t>
  </si>
  <si>
    <t>cg13432010</t>
  </si>
  <si>
    <t>cg13432253</t>
  </si>
  <si>
    <t>cg13432294</t>
  </si>
  <si>
    <t>cg13433951</t>
  </si>
  <si>
    <t>cg13434312</t>
  </si>
  <si>
    <t>cg13434570</t>
  </si>
  <si>
    <t>cg13435855</t>
  </si>
  <si>
    <t>cg13436343</t>
  </si>
  <si>
    <t>cg13436750</t>
  </si>
  <si>
    <t>cg13438300</t>
  </si>
  <si>
    <t>cg13440692</t>
  </si>
  <si>
    <t>cg13443661</t>
  </si>
  <si>
    <t>cg13445763</t>
  </si>
  <si>
    <t>cg13446210</t>
  </si>
  <si>
    <t>cg13446351</t>
  </si>
  <si>
    <t>cg13446852</t>
  </si>
  <si>
    <t>cg13447099</t>
  </si>
  <si>
    <t>cg13448816</t>
  </si>
  <si>
    <t>cg13449606</t>
  </si>
  <si>
    <t>cg13449727</t>
  </si>
  <si>
    <t>cg13451048</t>
  </si>
  <si>
    <t>cg13451431</t>
  </si>
  <si>
    <t>cg13452193</t>
  </si>
  <si>
    <t>cg13452215</t>
  </si>
  <si>
    <t>cg13452658</t>
  </si>
  <si>
    <t>cg13452718</t>
  </si>
  <si>
    <t>cg13453711</t>
  </si>
  <si>
    <t>cg13453750</t>
  </si>
  <si>
    <t>cg13454251</t>
  </si>
  <si>
    <t>cg13455717</t>
  </si>
  <si>
    <t>cg13456504</t>
  </si>
  <si>
    <t>cg13457651</t>
  </si>
  <si>
    <t>cg13458210</t>
  </si>
  <si>
    <t>cg13458211</t>
  </si>
  <si>
    <t>cg13458781</t>
  </si>
  <si>
    <t>cg13460118</t>
  </si>
  <si>
    <t>cg13460168</t>
  </si>
  <si>
    <t>cg13461509</t>
  </si>
  <si>
    <t>cg13461622</t>
  </si>
  <si>
    <t>cg13462544</t>
  </si>
  <si>
    <t>cg13462599</t>
  </si>
  <si>
    <t>cg13463492</t>
  </si>
  <si>
    <t>cg13463719</t>
  </si>
  <si>
    <t>cg13464496</t>
  </si>
  <si>
    <t>cg13465000</t>
  </si>
  <si>
    <t>cg13466117</t>
  </si>
  <si>
    <t>cg13466284</t>
  </si>
  <si>
    <t>cg13466456</t>
  </si>
  <si>
    <t>cg13466988</t>
  </si>
  <si>
    <t>cg13467459</t>
  </si>
  <si>
    <t>cg13468252</t>
  </si>
  <si>
    <t>cg13469034</t>
  </si>
  <si>
    <t>cg13469595</t>
  </si>
  <si>
    <t>cg13470063</t>
  </si>
  <si>
    <t>cg13470367</t>
  </si>
  <si>
    <t>cg13470735</t>
  </si>
  <si>
    <t>cg13471915</t>
  </si>
  <si>
    <t>cg13472406</t>
  </si>
  <si>
    <t>cg13473434</t>
  </si>
  <si>
    <t>cg13474719</t>
  </si>
  <si>
    <t>cg13476072</t>
  </si>
  <si>
    <t>cg13476664</t>
  </si>
  <si>
    <t>cg13476854</t>
  </si>
  <si>
    <t>cg13476932</t>
  </si>
  <si>
    <t>cg13477354</t>
  </si>
  <si>
    <t>cg13478928</t>
  </si>
  <si>
    <t>cg13478957</t>
  </si>
  <si>
    <t>cg13479756</t>
  </si>
  <si>
    <t>cg13482073</t>
  </si>
  <si>
    <t>cg13482356</t>
  </si>
  <si>
    <t>cg13482485</t>
  </si>
  <si>
    <t>cg13483985</t>
  </si>
  <si>
    <t>cg13486820</t>
  </si>
  <si>
    <t>cg13486959</t>
  </si>
  <si>
    <t>cg13488186</t>
  </si>
  <si>
    <t>cg13488851</t>
  </si>
  <si>
    <t>cg13489553</t>
  </si>
  <si>
    <t>cg13492133</t>
  </si>
  <si>
    <t>cg13492288</t>
  </si>
  <si>
    <t>cg13492364</t>
  </si>
  <si>
    <t>cg13493250</t>
  </si>
  <si>
    <t>cg13495918</t>
  </si>
  <si>
    <t>cg13497187</t>
  </si>
  <si>
    <t>cg13498778</t>
  </si>
  <si>
    <t>cg13498800</t>
  </si>
  <si>
    <t>cg13500576</t>
  </si>
  <si>
    <t>cg13501117</t>
  </si>
  <si>
    <t>cg13501185</t>
  </si>
  <si>
    <t>cg13501950</t>
  </si>
  <si>
    <t>cg13502252</t>
  </si>
  <si>
    <t>cg13502395</t>
  </si>
  <si>
    <t>cg13507224</t>
  </si>
  <si>
    <t>cg13535663</t>
  </si>
  <si>
    <t>cg13541961</t>
  </si>
  <si>
    <t>cg13543375</t>
  </si>
  <si>
    <t>cg13546173</t>
  </si>
  <si>
    <t>cg13546817</t>
  </si>
  <si>
    <t>cg13547559</t>
  </si>
  <si>
    <t>cg13548810</t>
  </si>
  <si>
    <t>cg13549904</t>
  </si>
  <si>
    <t>cg13550410</t>
  </si>
  <si>
    <t>cg13550729</t>
  </si>
  <si>
    <t>cg13551754</t>
  </si>
  <si>
    <t>cg13551783</t>
  </si>
  <si>
    <t>cg13552272</t>
  </si>
  <si>
    <t>cg13552712</t>
  </si>
  <si>
    <t>cg13553147</t>
  </si>
  <si>
    <t>cg13553204</t>
  </si>
  <si>
    <t>cg13554207</t>
  </si>
  <si>
    <t>cg13555278</t>
  </si>
  <si>
    <t>cg13556452</t>
  </si>
  <si>
    <t>cg13557373</t>
  </si>
  <si>
    <t>cg13558810</t>
  </si>
  <si>
    <t>cg13558971</t>
  </si>
  <si>
    <t>cg13560058</t>
  </si>
  <si>
    <t>cg13560904</t>
  </si>
  <si>
    <t>cg13562122</t>
  </si>
  <si>
    <t>cg13562386</t>
  </si>
  <si>
    <t>cg13563504</t>
  </si>
  <si>
    <t>cg13564456</t>
  </si>
  <si>
    <t>cg13565718</t>
  </si>
  <si>
    <t>cg13567025</t>
  </si>
  <si>
    <t>cg13567636</t>
  </si>
  <si>
    <t>cg13569017</t>
  </si>
  <si>
    <t>cg13569761</t>
  </si>
  <si>
    <t>cg13570957</t>
  </si>
  <si>
    <t>cg13571568</t>
  </si>
  <si>
    <t>cg13571985</t>
  </si>
  <si>
    <t>cg13572071</t>
  </si>
  <si>
    <t>cg13575682</t>
  </si>
  <si>
    <t>cg13577188</t>
  </si>
  <si>
    <t>cg13577297</t>
  </si>
  <si>
    <t>cg13577628</t>
  </si>
  <si>
    <t>cg13577655</t>
  </si>
  <si>
    <t>cg13579262</t>
  </si>
  <si>
    <t>cg13579607</t>
  </si>
  <si>
    <t>cg13580471</t>
  </si>
  <si>
    <t>cg13589108</t>
  </si>
  <si>
    <t>cg13591369</t>
  </si>
  <si>
    <t>cg13600007</t>
  </si>
  <si>
    <t>cg13614946</t>
  </si>
  <si>
    <t>cg13615187</t>
  </si>
  <si>
    <t>cg13619163</t>
  </si>
  <si>
    <t>cg13619408</t>
  </si>
  <si>
    <t>cg13626881</t>
  </si>
  <si>
    <t>cg13629162</t>
  </si>
  <si>
    <t>cg13629563</t>
  </si>
  <si>
    <t>cg13631913</t>
  </si>
  <si>
    <t>cg13640100</t>
  </si>
  <si>
    <t>cg13643287</t>
  </si>
  <si>
    <t>cg13645078</t>
  </si>
  <si>
    <t>cg13650137</t>
  </si>
  <si>
    <t>cg13655674</t>
  </si>
  <si>
    <t>cg13666729</t>
  </si>
  <si>
    <t>cg13672268</t>
  </si>
  <si>
    <t>cg13672525</t>
  </si>
  <si>
    <t>cg13672649</t>
  </si>
  <si>
    <t>cg13673319</t>
  </si>
  <si>
    <t>cg13674411</t>
  </si>
  <si>
    <t>cg13676296</t>
  </si>
  <si>
    <t>cg13676431</t>
  </si>
  <si>
    <t>cg13677536</t>
  </si>
  <si>
    <t>cg13678243</t>
  </si>
  <si>
    <t>cg13680200</t>
  </si>
  <si>
    <t>cg13683975</t>
  </si>
  <si>
    <t>cg13684305</t>
  </si>
  <si>
    <t>cg13689066</t>
  </si>
  <si>
    <t>cg13689309</t>
  </si>
  <si>
    <t>cg13690873</t>
  </si>
  <si>
    <t>cg13691003</t>
  </si>
  <si>
    <t>cg13692649</t>
  </si>
  <si>
    <t>cg13692869</t>
  </si>
  <si>
    <t>cg13693328</t>
  </si>
  <si>
    <t>cg13693652</t>
  </si>
  <si>
    <t>cg13697387</t>
  </si>
  <si>
    <t>cg13704271</t>
  </si>
  <si>
    <t>cg13709618</t>
  </si>
  <si>
    <t>cg13719188</t>
  </si>
  <si>
    <t>cg13727629</t>
  </si>
  <si>
    <t>cg13730534</t>
  </si>
  <si>
    <t>cg13746715</t>
  </si>
  <si>
    <t>cg13768174</t>
  </si>
  <si>
    <t>cg13769204</t>
  </si>
  <si>
    <t>cg13770446</t>
  </si>
  <si>
    <t>cg13777730</t>
  </si>
  <si>
    <t>cg13778336</t>
  </si>
  <si>
    <t>cg13779065</t>
  </si>
  <si>
    <t>cg13779133</t>
  </si>
  <si>
    <t>cg13779907</t>
  </si>
  <si>
    <t>cg13780428</t>
  </si>
  <si>
    <t>cg13780616</t>
  </si>
  <si>
    <t>cg13781805</t>
  </si>
  <si>
    <t>cg13782866</t>
  </si>
  <si>
    <t>cg13783323</t>
  </si>
  <si>
    <t>cg13784017</t>
  </si>
  <si>
    <t>cg13786023</t>
  </si>
  <si>
    <t>cg13786083</t>
  </si>
  <si>
    <t>cg13788313</t>
  </si>
  <si>
    <t>cg13788381</t>
  </si>
  <si>
    <t>cg13789457</t>
  </si>
  <si>
    <t>cg13789673</t>
  </si>
  <si>
    <t>cg13790796</t>
  </si>
  <si>
    <t>cg13791589</t>
  </si>
  <si>
    <t>cg13794529</t>
  </si>
  <si>
    <t>cg13794739</t>
  </si>
  <si>
    <t>cg13794863</t>
  </si>
  <si>
    <t>cg13795986</t>
  </si>
  <si>
    <t>cg13796218</t>
  </si>
  <si>
    <t>cg13798621</t>
  </si>
  <si>
    <t>cg13798679</t>
  </si>
  <si>
    <t>cg13799227</t>
  </si>
  <si>
    <t>cg13799302</t>
  </si>
  <si>
    <t>cg13799671</t>
  </si>
  <si>
    <t>cg13800721</t>
  </si>
  <si>
    <t>cg13801712</t>
  </si>
  <si>
    <t>cg13802490</t>
  </si>
  <si>
    <t>cg13802571</t>
  </si>
  <si>
    <t>cg13803632</t>
  </si>
  <si>
    <t>cg13804316</t>
  </si>
  <si>
    <t>cg13804377</t>
  </si>
  <si>
    <t>cg13804478</t>
  </si>
  <si>
    <t>cg13805052</t>
  </si>
  <si>
    <t>cg13805795</t>
  </si>
  <si>
    <t>cg13806162</t>
  </si>
  <si>
    <t>cg13807035</t>
  </si>
  <si>
    <t>cg13807351</t>
  </si>
  <si>
    <t>cg13808012</t>
  </si>
  <si>
    <t>cg13808058</t>
  </si>
  <si>
    <t>cg13808198</t>
  </si>
  <si>
    <t>cg13808663</t>
  </si>
  <si>
    <t>cg13808842</t>
  </si>
  <si>
    <t>cg13823136</t>
  </si>
  <si>
    <t>cg13827179</t>
  </si>
  <si>
    <t>cg13836770</t>
  </si>
  <si>
    <t>cg13839957</t>
  </si>
  <si>
    <t>cg13840174</t>
  </si>
  <si>
    <t>cg13841373</t>
  </si>
  <si>
    <t>cg13843613</t>
  </si>
  <si>
    <t>cg13844049</t>
  </si>
  <si>
    <t>cg13844287</t>
  </si>
  <si>
    <t>cg13844853</t>
  </si>
  <si>
    <t>cg13849999</t>
  </si>
  <si>
    <t>cg13850019</t>
  </si>
  <si>
    <t>cg13850380</t>
  </si>
  <si>
    <t>cg13851904</t>
  </si>
  <si>
    <t>cg13852486</t>
  </si>
  <si>
    <t>cg13853591</t>
  </si>
  <si>
    <t>cg13855345</t>
  </si>
  <si>
    <t>cg13856810</t>
  </si>
  <si>
    <t>cg13856872</t>
  </si>
  <si>
    <t>cg13857119</t>
  </si>
  <si>
    <t>cg13857472</t>
  </si>
  <si>
    <t>cg13857933</t>
  </si>
  <si>
    <t>cg13860928</t>
  </si>
  <si>
    <t>cg13861244</t>
  </si>
  <si>
    <t>cg13861536</t>
  </si>
  <si>
    <t>cg13863668</t>
  </si>
  <si>
    <t>cg13864473</t>
  </si>
  <si>
    <t>cg13864546</t>
  </si>
  <si>
    <t>cg13864586</t>
  </si>
  <si>
    <t>cg13864749</t>
  </si>
  <si>
    <t>cg13865360</t>
  </si>
  <si>
    <t>cg13865934</t>
  </si>
  <si>
    <t>cg13866134</t>
  </si>
  <si>
    <t>cg13867915</t>
  </si>
  <si>
    <t>cg13868361</t>
  </si>
  <si>
    <t>cg13868520</t>
  </si>
  <si>
    <t>cg13869942</t>
  </si>
  <si>
    <t>cg13870041</t>
  </si>
  <si>
    <t>cg13870102</t>
  </si>
  <si>
    <t>cg13870982</t>
  </si>
  <si>
    <t>cg13871826</t>
  </si>
  <si>
    <t>cg13871843</t>
  </si>
  <si>
    <t>cg13873655</t>
  </si>
  <si>
    <t>cg13875033</t>
  </si>
  <si>
    <t>cg13876163</t>
  </si>
  <si>
    <t>cg13877482</t>
  </si>
  <si>
    <t>cg13877715</t>
  </si>
  <si>
    <t>cg13877974</t>
  </si>
  <si>
    <t>cg13878641</t>
  </si>
  <si>
    <t>cg13880950</t>
  </si>
  <si>
    <t>cg13883696</t>
  </si>
  <si>
    <t>cg13885623</t>
  </si>
  <si>
    <t>cg13888026</t>
  </si>
  <si>
    <t>cg13892570</t>
  </si>
  <si>
    <t>cg13893543</t>
  </si>
  <si>
    <t>cg13893756</t>
  </si>
  <si>
    <t>cg13894747</t>
  </si>
  <si>
    <t>cg13896192</t>
  </si>
  <si>
    <t>cg13896328</t>
  </si>
  <si>
    <t>cg13899002</t>
  </si>
  <si>
    <t>cg13899017</t>
  </si>
  <si>
    <t>cg13900770</t>
  </si>
  <si>
    <t>cg13901501</t>
  </si>
  <si>
    <t>cg13902189</t>
  </si>
  <si>
    <t>cg13903070</t>
  </si>
  <si>
    <t>cg13904286</t>
  </si>
  <si>
    <t>cg13904704</t>
  </si>
  <si>
    <t>cg13905776</t>
  </si>
  <si>
    <t>cg13907655</t>
  </si>
  <si>
    <t>cg13908805</t>
  </si>
  <si>
    <t>cg13909381</t>
  </si>
  <si>
    <t>cg13909582</t>
  </si>
  <si>
    <t>cg13910040</t>
  </si>
  <si>
    <t>cg13911707</t>
  </si>
  <si>
    <t>cg13911862</t>
  </si>
  <si>
    <t>cg13912204</t>
  </si>
  <si>
    <t>cg13912599</t>
  </si>
  <si>
    <t>cg13912721</t>
  </si>
  <si>
    <t>cg13913306</t>
  </si>
  <si>
    <t>cg13916421</t>
  </si>
  <si>
    <t>cg13916989</t>
  </si>
  <si>
    <t>cg13917151</t>
  </si>
  <si>
    <t>cg13918150</t>
  </si>
  <si>
    <t>cg13918235</t>
  </si>
  <si>
    <t>cg13918804</t>
  </si>
  <si>
    <t>cg13919420</t>
  </si>
  <si>
    <t>cg13919466</t>
  </si>
  <si>
    <t>cg13919631</t>
  </si>
  <si>
    <t>cg13919724</t>
  </si>
  <si>
    <t>cg13920090</t>
  </si>
  <si>
    <t>cg13921387</t>
  </si>
  <si>
    <t>cg13921921</t>
  </si>
  <si>
    <t>cg13923646</t>
  </si>
  <si>
    <t>cg13923696</t>
  </si>
  <si>
    <t>cg13925011</t>
  </si>
  <si>
    <t>cg13925014</t>
  </si>
  <si>
    <t>cg13926338</t>
  </si>
  <si>
    <t>cg13927605</t>
  </si>
  <si>
    <t>cg13927938</t>
  </si>
  <si>
    <t>cg13928802</t>
  </si>
  <si>
    <t>cg13930047</t>
  </si>
  <si>
    <t>cg13930080</t>
  </si>
  <si>
    <t>cg13930203</t>
  </si>
  <si>
    <t>cg13931250</t>
  </si>
  <si>
    <t>cg13932217</t>
  </si>
  <si>
    <t>cg13932473</t>
  </si>
  <si>
    <t>cg13935127</t>
  </si>
  <si>
    <t>cg13935266</t>
  </si>
  <si>
    <t>cg13935689</t>
  </si>
  <si>
    <t>cg13936856</t>
  </si>
  <si>
    <t>cg13937012</t>
  </si>
  <si>
    <t>cg13938959</t>
  </si>
  <si>
    <t>cg13940218</t>
  </si>
  <si>
    <t>cg13940715</t>
  </si>
  <si>
    <t>cg13940908</t>
  </si>
  <si>
    <t>cg13941305</t>
  </si>
  <si>
    <t>cg13941555</t>
  </si>
  <si>
    <t>cg13941830</t>
  </si>
  <si>
    <t>cg13942103</t>
  </si>
  <si>
    <t>cg13942590</t>
  </si>
  <si>
    <t>cg13942627</t>
  </si>
  <si>
    <t>cg13944093</t>
  </si>
  <si>
    <t>cg13944870</t>
  </si>
  <si>
    <t>cg13944871</t>
  </si>
  <si>
    <t>cg13945485</t>
  </si>
  <si>
    <t>cg13946191</t>
  </si>
  <si>
    <t>cg13946806</t>
  </si>
  <si>
    <t>cg13946929</t>
  </si>
  <si>
    <t>cg13947272</t>
  </si>
  <si>
    <t>cg13947317</t>
  </si>
  <si>
    <t>cg13948413</t>
  </si>
  <si>
    <t>cg13948585</t>
  </si>
  <si>
    <t>cg13952899</t>
  </si>
  <si>
    <t>cg13953828</t>
  </si>
  <si>
    <t>cg13958304</t>
  </si>
  <si>
    <t>cg13961784</t>
  </si>
  <si>
    <t>cg13962321</t>
  </si>
  <si>
    <t>cg13963528</t>
  </si>
  <si>
    <t>cg13963693</t>
  </si>
  <si>
    <t>cg13963738</t>
  </si>
  <si>
    <t>cg13965924</t>
  </si>
  <si>
    <t>cg13966091</t>
  </si>
  <si>
    <t>cg13966710</t>
  </si>
  <si>
    <t>cg13967936</t>
  </si>
  <si>
    <t>cg13974761</t>
  </si>
  <si>
    <t>cg13974768</t>
  </si>
  <si>
    <t>cg13975503</t>
  </si>
  <si>
    <t>cg13976370</t>
  </si>
  <si>
    <t>cg13976375</t>
  </si>
  <si>
    <t>cg13976683</t>
  </si>
  <si>
    <t>cg13976753</t>
  </si>
  <si>
    <t>cg13977835</t>
  </si>
  <si>
    <t>cg13977963</t>
  </si>
  <si>
    <t>cg13979066</t>
  </si>
  <si>
    <t>cg13980007</t>
  </si>
  <si>
    <t>cg13981287</t>
  </si>
  <si>
    <t>cg13981325</t>
  </si>
  <si>
    <t>cg13983893</t>
  </si>
  <si>
    <t>cg13984181</t>
  </si>
  <si>
    <t>cg13984533</t>
  </si>
  <si>
    <t>cg13985436</t>
  </si>
  <si>
    <t>cg13986762</t>
  </si>
  <si>
    <t>cg13987606</t>
  </si>
  <si>
    <t>cg13987674</t>
  </si>
  <si>
    <t>cg13988448</t>
  </si>
  <si>
    <t>cg13990487</t>
  </si>
  <si>
    <t>cg13990746</t>
  </si>
  <si>
    <t>cg13991953</t>
  </si>
  <si>
    <t>cg13992678</t>
  </si>
  <si>
    <t>cg13993270</t>
  </si>
  <si>
    <t>cg13997435</t>
  </si>
  <si>
    <t>cg13999501</t>
  </si>
  <si>
    <t>cg14008030</t>
  </si>
  <si>
    <t>cg14008098</t>
  </si>
  <si>
    <t>cg14008399</t>
  </si>
  <si>
    <t>cg14008593</t>
  </si>
  <si>
    <t>cg14009440</t>
  </si>
  <si>
    <t>cg14010231</t>
  </si>
  <si>
    <t>cg14011070</t>
  </si>
  <si>
    <t>cg14013133</t>
  </si>
  <si>
    <t>cg14013390</t>
  </si>
  <si>
    <t>cg14013804</t>
  </si>
  <si>
    <t>cg14014687</t>
  </si>
  <si>
    <t>cg14014854</t>
  </si>
  <si>
    <t>cg14014879</t>
  </si>
  <si>
    <t>cg14015920</t>
  </si>
  <si>
    <t>cg14018420</t>
  </si>
  <si>
    <t>cg14019317</t>
  </si>
  <si>
    <t>cg14019947</t>
  </si>
  <si>
    <t>cg14023023</t>
  </si>
  <si>
    <t>cg14023881</t>
  </si>
  <si>
    <t>cg14024356</t>
  </si>
  <si>
    <t>cg14024728</t>
  </si>
  <si>
    <t>cg14026517</t>
  </si>
  <si>
    <t>cg14027204</t>
  </si>
  <si>
    <t>cg14027380</t>
  </si>
  <si>
    <t>cg14028272</t>
  </si>
  <si>
    <t>cg14028856</t>
  </si>
  <si>
    <t>cg14029283</t>
  </si>
  <si>
    <t>cg14030836</t>
  </si>
  <si>
    <t>cg14031054</t>
  </si>
  <si>
    <t>cg14031683</t>
  </si>
  <si>
    <t>cg14032195</t>
  </si>
  <si>
    <t>cg14032261</t>
  </si>
  <si>
    <t>cg14035231</t>
  </si>
  <si>
    <t>cg14035553</t>
  </si>
  <si>
    <t>cg14035828</t>
  </si>
  <si>
    <t>cg14035969</t>
  </si>
  <si>
    <t>cg14037036</t>
  </si>
  <si>
    <t>cg14037082</t>
  </si>
  <si>
    <t>cg14037182</t>
  </si>
  <si>
    <t>cg14037218</t>
  </si>
  <si>
    <t>cg14037393</t>
  </si>
  <si>
    <t>cg14037769</t>
  </si>
  <si>
    <t>cg14038425</t>
  </si>
  <si>
    <t>cg14041778</t>
  </si>
  <si>
    <t>cg14043816</t>
  </si>
  <si>
    <t>cg14044461</t>
  </si>
  <si>
    <t>cg14047008</t>
  </si>
  <si>
    <t>cg14072219</t>
  </si>
  <si>
    <t>cg14073746</t>
  </si>
  <si>
    <t>cg14074486</t>
  </si>
  <si>
    <t>cg14076729</t>
  </si>
  <si>
    <t>cg14082530</t>
  </si>
  <si>
    <t>cg14083525</t>
  </si>
  <si>
    <t>cg14084456</t>
  </si>
  <si>
    <t>cg14084826</t>
  </si>
  <si>
    <t>cg14085262</t>
  </si>
  <si>
    <t>cg14086822</t>
  </si>
  <si>
    <t>cg14087574</t>
  </si>
  <si>
    <t>cg14087856</t>
  </si>
  <si>
    <t>cg14088090</t>
  </si>
  <si>
    <t>cg14089067</t>
  </si>
  <si>
    <t>cg14089636</t>
  </si>
  <si>
    <t>cg14090374</t>
  </si>
  <si>
    <t>cg14090822</t>
  </si>
  <si>
    <t>cg14091631</t>
  </si>
  <si>
    <t>cg14091840</t>
  </si>
  <si>
    <t>cg14092259</t>
  </si>
  <si>
    <t>cg14093144</t>
  </si>
  <si>
    <t>cg14093474</t>
  </si>
  <si>
    <t>cg14094320</t>
  </si>
  <si>
    <t>cg14094793</t>
  </si>
  <si>
    <t>cg14095283</t>
  </si>
  <si>
    <t>cg14096207</t>
  </si>
  <si>
    <t>cg14097294</t>
  </si>
  <si>
    <t>cg14097568</t>
  </si>
  <si>
    <t>cg14098223</t>
  </si>
  <si>
    <t>cg14099468</t>
  </si>
  <si>
    <t>cg14106085</t>
  </si>
  <si>
    <t>cg14109335</t>
  </si>
  <si>
    <t>cg14121020</t>
  </si>
  <si>
    <t>cg14128890</t>
  </si>
  <si>
    <t>cg14146249</t>
  </si>
  <si>
    <t>cg14149172</t>
  </si>
  <si>
    <t>cg14149304</t>
  </si>
  <si>
    <t>cg14150071</t>
  </si>
  <si>
    <t>cg14150727</t>
  </si>
  <si>
    <t>cg14150803</t>
  </si>
  <si>
    <t>cg14152656</t>
  </si>
  <si>
    <t>cg14153654</t>
  </si>
  <si>
    <t>cg14153722</t>
  </si>
  <si>
    <t>cg14153737</t>
  </si>
  <si>
    <t>cg14154186</t>
  </si>
  <si>
    <t>cg14154859</t>
  </si>
  <si>
    <t>cg14155831</t>
  </si>
  <si>
    <t>cg14156792</t>
  </si>
  <si>
    <t>cg14156905</t>
  </si>
  <si>
    <t>cg14159336</t>
  </si>
  <si>
    <t>cg14159342</t>
  </si>
  <si>
    <t>cg14159672</t>
  </si>
  <si>
    <t>cg14160151</t>
  </si>
  <si>
    <t>cg14160480</t>
  </si>
  <si>
    <t>cg14161676</t>
  </si>
  <si>
    <t>cg14162417</t>
  </si>
  <si>
    <t>cg14162906</t>
  </si>
  <si>
    <t>cg14164492</t>
  </si>
  <si>
    <t>cg14164839</t>
  </si>
  <si>
    <t>cg14165168</t>
  </si>
  <si>
    <t>cg14165772</t>
  </si>
  <si>
    <t>cg14165900</t>
  </si>
  <si>
    <t>cg14166197</t>
  </si>
  <si>
    <t>cg14166846</t>
  </si>
  <si>
    <t>cg14167389</t>
  </si>
  <si>
    <t>cg14167629</t>
  </si>
  <si>
    <t>cg14168733</t>
  </si>
  <si>
    <t>cg14169886</t>
  </si>
  <si>
    <t>cg14170597</t>
  </si>
  <si>
    <t>cg14170793</t>
  </si>
  <si>
    <t>cg14171516</t>
  </si>
  <si>
    <t>cg14171523</t>
  </si>
  <si>
    <t>cg14172596</t>
  </si>
  <si>
    <t>cg14173199</t>
  </si>
  <si>
    <t>cg14174719</t>
  </si>
  <si>
    <t>cg14175580</t>
  </si>
  <si>
    <t>cg14177914</t>
  </si>
  <si>
    <t>cg14177943</t>
  </si>
  <si>
    <t>cg14178043</t>
  </si>
  <si>
    <t>cg14178083</t>
  </si>
  <si>
    <t>cg14178428</t>
  </si>
  <si>
    <t>cg14178541</t>
  </si>
  <si>
    <t>cg14181528</t>
  </si>
  <si>
    <t>cg14181947</t>
  </si>
  <si>
    <t>cg14182690</t>
  </si>
  <si>
    <t>cg14183455</t>
  </si>
  <si>
    <t>cg14186963</t>
  </si>
  <si>
    <t>cg14186992</t>
  </si>
  <si>
    <t>cg14188111</t>
  </si>
  <si>
    <t>cg14193172</t>
  </si>
  <si>
    <t>cg14193765</t>
  </si>
  <si>
    <t>cg14195915</t>
  </si>
  <si>
    <t>cg14198172</t>
  </si>
  <si>
    <t>cg14198472</t>
  </si>
  <si>
    <t>cg14198640</t>
  </si>
  <si>
    <t>cg14199090</t>
  </si>
  <si>
    <t>cg14199837</t>
  </si>
  <si>
    <t>cg14200364</t>
  </si>
  <si>
    <t>cg14200574</t>
  </si>
  <si>
    <t>cg14202757</t>
  </si>
  <si>
    <t>cg14202768</t>
  </si>
  <si>
    <t>cg14202937</t>
  </si>
  <si>
    <t>cg14204462</t>
  </si>
  <si>
    <t>cg14206516</t>
  </si>
  <si>
    <t>cg14206730</t>
  </si>
  <si>
    <t>cg14207589</t>
  </si>
  <si>
    <t>cg14208112</t>
  </si>
  <si>
    <t>cg14211646</t>
  </si>
  <si>
    <t>cg14212891</t>
  </si>
  <si>
    <t>cg14212966</t>
  </si>
  <si>
    <t>cg14213620</t>
  </si>
  <si>
    <t>cg14214685</t>
  </si>
  <si>
    <t>cg14217990</t>
  </si>
  <si>
    <t>cg14218435</t>
  </si>
  <si>
    <t>cg14218629</t>
  </si>
  <si>
    <t>cg14219449</t>
  </si>
  <si>
    <t>cg14219900</t>
  </si>
  <si>
    <t>cg14220262</t>
  </si>
  <si>
    <t>cg14220329</t>
  </si>
  <si>
    <t>cg14220777</t>
  </si>
  <si>
    <t>cg14221039</t>
  </si>
  <si>
    <t>cg14221700</t>
  </si>
  <si>
    <t>cg14222275</t>
  </si>
  <si>
    <t>cg14222679</t>
  </si>
  <si>
    <t>cg14231871</t>
  </si>
  <si>
    <t>cg14237550</t>
  </si>
  <si>
    <t>cg14239491</t>
  </si>
  <si>
    <t>cg14248553</t>
  </si>
  <si>
    <t>cg14249872</t>
  </si>
  <si>
    <t>cg14252395</t>
  </si>
  <si>
    <t>cg14253035</t>
  </si>
  <si>
    <t>cg14254380</t>
  </si>
  <si>
    <t>cg14254720</t>
  </si>
  <si>
    <t>cg14254745</t>
  </si>
  <si>
    <t>cg14254852</t>
  </si>
  <si>
    <t>cg14254853</t>
  </si>
  <si>
    <t>cg14255644</t>
  </si>
  <si>
    <t>cg14256234</t>
  </si>
  <si>
    <t>cg14256814</t>
  </si>
  <si>
    <t>cg14257107</t>
  </si>
  <si>
    <t>cg14258285</t>
  </si>
  <si>
    <t>cg14258341</t>
  </si>
  <si>
    <t>cg14259179</t>
  </si>
  <si>
    <t>cg14260004</t>
  </si>
  <si>
    <t>cg14260630</t>
  </si>
  <si>
    <t>cg14260998</t>
  </si>
  <si>
    <t>cg14261309</t>
  </si>
  <si>
    <t>cg14262374</t>
  </si>
  <si>
    <t>cg14262716</t>
  </si>
  <si>
    <t>cg14264496</t>
  </si>
  <si>
    <t>cg14264773</t>
  </si>
  <si>
    <t>cg14264793</t>
  </si>
  <si>
    <t>cg14269514</t>
  </si>
  <si>
    <t>cg14271400</t>
  </si>
  <si>
    <t>cg14271665</t>
  </si>
  <si>
    <t>cg14272177</t>
  </si>
  <si>
    <t>cg14278300</t>
  </si>
  <si>
    <t>cg14279307</t>
  </si>
  <si>
    <t>cg14279825</t>
  </si>
  <si>
    <t>cg14280658</t>
  </si>
  <si>
    <t>cg14282182</t>
  </si>
  <si>
    <t>cg14282634</t>
  </si>
  <si>
    <t>cg14283381</t>
  </si>
  <si>
    <t>cg14284394</t>
  </si>
  <si>
    <t>cg14285308</t>
  </si>
  <si>
    <t>cg14287512</t>
  </si>
  <si>
    <t>cg14287724</t>
  </si>
  <si>
    <t>cg14287788</t>
  </si>
  <si>
    <t>cg14313310</t>
  </si>
  <si>
    <t>cg14314614</t>
  </si>
  <si>
    <t>cg14321743</t>
  </si>
  <si>
    <t>cg14322224</t>
  </si>
  <si>
    <t>cg14324200</t>
  </si>
  <si>
    <t>cg14333454</t>
  </si>
  <si>
    <t>cg14350158</t>
  </si>
  <si>
    <t>cg14356550</t>
  </si>
  <si>
    <t>cg14358451</t>
  </si>
  <si>
    <t>cg14365100</t>
  </si>
  <si>
    <t>cg14367344</t>
  </si>
  <si>
    <t>cg14373380</t>
  </si>
  <si>
    <t>cg14377059</t>
  </si>
  <si>
    <t>cg14377849</t>
  </si>
  <si>
    <t>cg14377951</t>
  </si>
  <si>
    <t>cg14378231</t>
  </si>
  <si>
    <t>cg14378480</t>
  </si>
  <si>
    <t>cg14381712</t>
  </si>
  <si>
    <t>cg14382215</t>
  </si>
  <si>
    <t>cg14383054</t>
  </si>
  <si>
    <t>cg14385738</t>
  </si>
  <si>
    <t>cg14395520</t>
  </si>
  <si>
    <t>cg14403130</t>
  </si>
  <si>
    <t>cg14407437</t>
  </si>
  <si>
    <t>cg14407667</t>
  </si>
  <si>
    <t>cg14409823</t>
  </si>
  <si>
    <t>cg14413177</t>
  </si>
  <si>
    <t>cg14413262</t>
  </si>
  <si>
    <t>cg14413378</t>
  </si>
  <si>
    <t>cg14415083</t>
  </si>
  <si>
    <t>cg14415160</t>
  </si>
  <si>
    <t>cg14417954</t>
  </si>
  <si>
    <t>cg14420116</t>
  </si>
  <si>
    <t>cg14420494</t>
  </si>
  <si>
    <t>cg14421582</t>
  </si>
  <si>
    <t>cg14422093</t>
  </si>
  <si>
    <t>cg14422245</t>
  </si>
  <si>
    <t>cg14423692</t>
  </si>
  <si>
    <t>cg14424049</t>
  </si>
  <si>
    <t>cg14429204</t>
  </si>
  <si>
    <t>cg14429847</t>
  </si>
  <si>
    <t>cg14442715</t>
  </si>
  <si>
    <t>cg14448116</t>
  </si>
  <si>
    <t>cg14453641</t>
  </si>
  <si>
    <t>cg14460735</t>
  </si>
  <si>
    <t>cg14467840</t>
  </si>
  <si>
    <t>cg14474880</t>
  </si>
  <si>
    <t>cg14475854</t>
  </si>
  <si>
    <t>cg14475915</t>
  </si>
  <si>
    <t>cg14488957</t>
  </si>
  <si>
    <t>cg14506552</t>
  </si>
  <si>
    <t>cg14508832</t>
  </si>
  <si>
    <t>cg14509921</t>
  </si>
  <si>
    <t>cg14511586</t>
  </si>
  <si>
    <t>cg14513316</t>
  </si>
  <si>
    <t>cg14514130</t>
  </si>
  <si>
    <t>cg14514226</t>
  </si>
  <si>
    <t>cg14515203</t>
  </si>
  <si>
    <t>cg14515779</t>
  </si>
  <si>
    <t>cg14516243</t>
  </si>
  <si>
    <t>cg14517250</t>
  </si>
  <si>
    <t>cg14517454</t>
  </si>
  <si>
    <t>cg14519120</t>
  </si>
  <si>
    <t>cg14519150</t>
  </si>
  <si>
    <t>cg14520957</t>
  </si>
  <si>
    <t>cg14521408</t>
  </si>
  <si>
    <t>cg14522302</t>
  </si>
  <si>
    <t>cg14522815</t>
  </si>
  <si>
    <t>cg14523405</t>
  </si>
  <si>
    <t>cg14523574</t>
  </si>
  <si>
    <t>cg14523706</t>
  </si>
  <si>
    <t>cg14523898</t>
  </si>
  <si>
    <t>cg14523948</t>
  </si>
  <si>
    <t>cg14524955</t>
  </si>
  <si>
    <t>cg14526750</t>
  </si>
  <si>
    <t>cg14529268</t>
  </si>
  <si>
    <t>cg14530445</t>
  </si>
  <si>
    <t>cg14530937</t>
  </si>
  <si>
    <t>cg14530994</t>
  </si>
  <si>
    <t>cg14545899</t>
  </si>
  <si>
    <t>cg14550101</t>
  </si>
  <si>
    <t>cg14557189</t>
  </si>
  <si>
    <t>cg14557227</t>
  </si>
  <si>
    <t>cg14557825</t>
  </si>
  <si>
    <t>cg14559422</t>
  </si>
  <si>
    <t>cg14559508</t>
  </si>
  <si>
    <t>cg14561530</t>
  </si>
  <si>
    <t>cg14561834</t>
  </si>
  <si>
    <t>cg14562327</t>
  </si>
  <si>
    <t>cg14562832</t>
  </si>
  <si>
    <t>cg14562851</t>
  </si>
  <si>
    <t>cg14563196</t>
  </si>
  <si>
    <t>cg14563787</t>
  </si>
  <si>
    <t>cg14565651</t>
  </si>
  <si>
    <t>cg14566624</t>
  </si>
  <si>
    <t>cg14576824</t>
  </si>
  <si>
    <t>cg14577366</t>
  </si>
  <si>
    <t>cg14598619</t>
  </si>
  <si>
    <t>cg14600023</t>
  </si>
  <si>
    <t>cg14600368</t>
  </si>
  <si>
    <t>cg14605134</t>
  </si>
  <si>
    <t>cg14607813</t>
  </si>
  <si>
    <t>cg14609236</t>
  </si>
  <si>
    <t>cg14609721</t>
  </si>
  <si>
    <t>cg14610217</t>
  </si>
  <si>
    <t>cg14611278</t>
  </si>
  <si>
    <t>cg14611609</t>
  </si>
  <si>
    <t>cg14611683</t>
  </si>
  <si>
    <t>cg14612733</t>
  </si>
  <si>
    <t>cg14613960</t>
  </si>
  <si>
    <t>cg14614416</t>
  </si>
  <si>
    <t>cg14614754</t>
  </si>
  <si>
    <t>cg14614792</t>
  </si>
  <si>
    <t>cg14615152</t>
  </si>
  <si>
    <t>cg14615336</t>
  </si>
  <si>
    <t>cg14615807</t>
  </si>
  <si>
    <t>cg14616251</t>
  </si>
  <si>
    <t>cg14616584</t>
  </si>
  <si>
    <t>cg14632490</t>
  </si>
  <si>
    <t>cg14633426</t>
  </si>
  <si>
    <t>cg14639753</t>
  </si>
  <si>
    <t>cg14640592</t>
  </si>
  <si>
    <t>cg14645650</t>
  </si>
  <si>
    <t>cg14649865</t>
  </si>
  <si>
    <t>cg14652203</t>
  </si>
  <si>
    <t>cg14653390</t>
  </si>
  <si>
    <t>cg14654082</t>
  </si>
  <si>
    <t>cg14655122</t>
  </si>
  <si>
    <t>cg14656093</t>
  </si>
  <si>
    <t>cg14656575</t>
  </si>
  <si>
    <t>cg14656657</t>
  </si>
  <si>
    <t>cg14658346</t>
  </si>
  <si>
    <t>cg14658964</t>
  </si>
  <si>
    <t>cg14659404</t>
  </si>
  <si>
    <t>cg14660586</t>
  </si>
  <si>
    <t>cg14661028</t>
  </si>
  <si>
    <t>cg14661959</t>
  </si>
  <si>
    <t>cg14663278</t>
  </si>
  <si>
    <t>cg14663951</t>
  </si>
  <si>
    <t>cg14663984</t>
  </si>
  <si>
    <t>cg14664242</t>
  </si>
  <si>
    <t>cg14664759</t>
  </si>
  <si>
    <t>cg14665690</t>
  </si>
  <si>
    <t>cg14667273</t>
  </si>
  <si>
    <t>cg14668879</t>
  </si>
  <si>
    <t>cg14669749</t>
  </si>
  <si>
    <t>cg14681854</t>
  </si>
  <si>
    <t>cg14696458</t>
  </si>
  <si>
    <t>cg14701962</t>
  </si>
  <si>
    <t>cg14712575</t>
  </si>
  <si>
    <t>cg14724283</t>
  </si>
  <si>
    <t>cg14726637</t>
  </si>
  <si>
    <t>cg14728276</t>
  </si>
  <si>
    <t>cg14732540</t>
  </si>
  <si>
    <t>cg14736905</t>
  </si>
  <si>
    <t>cg14747580</t>
  </si>
  <si>
    <t>cg14748380</t>
  </si>
  <si>
    <t>cg14766198</t>
  </si>
  <si>
    <t>cg14773259</t>
  </si>
  <si>
    <t>cg14776910</t>
  </si>
  <si>
    <t>cg14777702</t>
  </si>
  <si>
    <t>cg14778173</t>
  </si>
  <si>
    <t>cg14778560</t>
  </si>
  <si>
    <t>cg14778711</t>
  </si>
  <si>
    <t>cg14780068</t>
  </si>
  <si>
    <t>cg14780070</t>
  </si>
  <si>
    <t>cg14781041</t>
  </si>
  <si>
    <t>cg14781242</t>
  </si>
  <si>
    <t>cg14781605</t>
  </si>
  <si>
    <t>cg14782735</t>
  </si>
  <si>
    <t>cg14782929</t>
  </si>
  <si>
    <t>cg14784373</t>
  </si>
  <si>
    <t>cg14785609</t>
  </si>
  <si>
    <t>cg14787964</t>
  </si>
  <si>
    <t>cg14788334</t>
  </si>
  <si>
    <t>cg14789175</t>
  </si>
  <si>
    <t>cg14790630</t>
  </si>
  <si>
    <t>cg14790876</t>
  </si>
  <si>
    <t>cg14791530</t>
  </si>
  <si>
    <t>cg14793291</t>
  </si>
  <si>
    <t>cg14795112</t>
  </si>
  <si>
    <t>cg14795708</t>
  </si>
  <si>
    <t>cg14795752</t>
  </si>
  <si>
    <t>cg14796305</t>
  </si>
  <si>
    <t>cg14796352</t>
  </si>
  <si>
    <t>cg14796708</t>
  </si>
  <si>
    <t>cg14813406</t>
  </si>
  <si>
    <t>cg14815301</t>
  </si>
  <si>
    <t>cg14822257</t>
  </si>
  <si>
    <t>cg14823363</t>
  </si>
  <si>
    <t>cg14825555</t>
  </si>
  <si>
    <t>cg14826711</t>
  </si>
  <si>
    <t>cg14827149</t>
  </si>
  <si>
    <t>cg14827807</t>
  </si>
  <si>
    <t>cg14829060</t>
  </si>
  <si>
    <t>cg14829553</t>
  </si>
  <si>
    <t>cg14829883</t>
  </si>
  <si>
    <t>cg14830002</t>
  </si>
  <si>
    <t>cg14830722</t>
  </si>
  <si>
    <t>cg14831266</t>
  </si>
  <si>
    <t>cg14831539</t>
  </si>
  <si>
    <t>cg14831950</t>
  </si>
  <si>
    <t>cg14832406</t>
  </si>
  <si>
    <t>cg14832908</t>
  </si>
  <si>
    <t>cg14833337</t>
  </si>
  <si>
    <t>cg14834257</t>
  </si>
  <si>
    <t>cg14836335</t>
  </si>
  <si>
    <t>cg14837130</t>
  </si>
  <si>
    <t>cg14837416</t>
  </si>
  <si>
    <t>cg14838017</t>
  </si>
  <si>
    <t>cg14840389</t>
  </si>
  <si>
    <t>cg14840612</t>
  </si>
  <si>
    <t>cg14841011</t>
  </si>
  <si>
    <t>cg14841337</t>
  </si>
  <si>
    <t>cg14841540</t>
  </si>
  <si>
    <t>cg14841628</t>
  </si>
  <si>
    <t>cg14843868</t>
  </si>
  <si>
    <t>cg14844953</t>
  </si>
  <si>
    <t>cg14846442</t>
  </si>
  <si>
    <t>cg14847009</t>
  </si>
  <si>
    <t>cg14847095</t>
  </si>
  <si>
    <t>cg14847134</t>
  </si>
  <si>
    <t>cg14848594</t>
  </si>
  <si>
    <t>cg14850026</t>
  </si>
  <si>
    <t>cg14850412</t>
  </si>
  <si>
    <t>cg14851383</t>
  </si>
  <si>
    <t>cg14851460</t>
  </si>
  <si>
    <t>cg14851608</t>
  </si>
  <si>
    <t>cg14851757</t>
  </si>
  <si>
    <t>cg14852267</t>
  </si>
  <si>
    <t>cg14852486</t>
  </si>
  <si>
    <t>cg14852736</t>
  </si>
  <si>
    <t>cg14853231</t>
  </si>
  <si>
    <t>cg14853341</t>
  </si>
  <si>
    <t>cg14853406</t>
  </si>
  <si>
    <t>cg14855972</t>
  </si>
  <si>
    <t>cg14858152</t>
  </si>
  <si>
    <t>cg14860219</t>
  </si>
  <si>
    <t>cg14860494</t>
  </si>
  <si>
    <t>cg14860499</t>
  </si>
  <si>
    <t>cg14865393</t>
  </si>
  <si>
    <t>cg14886269</t>
  </si>
  <si>
    <t>cg14887509</t>
  </si>
  <si>
    <t>cg14892118</t>
  </si>
  <si>
    <t>cg14893161</t>
  </si>
  <si>
    <t>cg14893456</t>
  </si>
  <si>
    <t>cg14904433</t>
  </si>
  <si>
    <t>cg14905439</t>
  </si>
  <si>
    <t>cg14911856</t>
  </si>
  <si>
    <t>cg14912001</t>
  </si>
  <si>
    <t>cg14913111</t>
  </si>
  <si>
    <t>cg14914422</t>
  </si>
  <si>
    <t>cg14920846</t>
  </si>
  <si>
    <t>cg14925024</t>
  </si>
  <si>
    <t>cg14928320</t>
  </si>
  <si>
    <t>cg14932016</t>
  </si>
  <si>
    <t>cg14938410</t>
  </si>
  <si>
    <t>cg14941600</t>
  </si>
  <si>
    <t>cg14958889</t>
  </si>
  <si>
    <t>cg14960034</t>
  </si>
  <si>
    <t>cg14960282</t>
  </si>
  <si>
    <t>cg14960316</t>
  </si>
  <si>
    <t>cg14963371</t>
  </si>
  <si>
    <t>cg14964658</t>
  </si>
  <si>
    <t>cg14964771</t>
  </si>
  <si>
    <t>cg14965064</t>
  </si>
  <si>
    <t>cg14966878</t>
  </si>
  <si>
    <t>cg14966901</t>
  </si>
  <si>
    <t>cg14967804</t>
  </si>
  <si>
    <t>cg14969185</t>
  </si>
  <si>
    <t>cg14969332</t>
  </si>
  <si>
    <t>cg14969646</t>
  </si>
  <si>
    <t>cg14971544</t>
  </si>
  <si>
    <t>cg14971781</t>
  </si>
  <si>
    <t>cg14973798</t>
  </si>
  <si>
    <t>cg14975122</t>
  </si>
  <si>
    <t>cg14977066</t>
  </si>
  <si>
    <t>cg14978637</t>
  </si>
  <si>
    <t>cg14980020</t>
  </si>
  <si>
    <t>cg14984649</t>
  </si>
  <si>
    <t>cg14985076</t>
  </si>
  <si>
    <t>cg14986357</t>
  </si>
  <si>
    <t>cg14987295</t>
  </si>
  <si>
    <t>cg14987607</t>
  </si>
  <si>
    <t>cg14988790</t>
  </si>
  <si>
    <t>cg14989164</t>
  </si>
  <si>
    <t>cg14989202</t>
  </si>
  <si>
    <t>cg14989815</t>
  </si>
  <si>
    <t>cg14989962</t>
  </si>
  <si>
    <t>cg14992101</t>
  </si>
  <si>
    <t>cg14992253</t>
  </si>
  <si>
    <t>cg14992273</t>
  </si>
  <si>
    <t>cg14993491</t>
  </si>
  <si>
    <t>cg14994947</t>
  </si>
  <si>
    <t>cg14995214</t>
  </si>
  <si>
    <t>cg15001714</t>
  </si>
  <si>
    <t>cg15006843</t>
  </si>
  <si>
    <t>cg15006973</t>
  </si>
  <si>
    <t>cg15007156</t>
  </si>
  <si>
    <t>cg15009810</t>
  </si>
  <si>
    <t>cg15012468</t>
  </si>
  <si>
    <t>cg15012864</t>
  </si>
  <si>
    <t>cg15015194</t>
  </si>
  <si>
    <t>cg15015518</t>
  </si>
  <si>
    <t>cg15015980</t>
  </si>
  <si>
    <t>cg15016234</t>
  </si>
  <si>
    <t>cg15022359</t>
  </si>
  <si>
    <t>cg15026150</t>
  </si>
  <si>
    <t>cg15026767</t>
  </si>
  <si>
    <t>cg15027165</t>
  </si>
  <si>
    <t>cg15027815</t>
  </si>
  <si>
    <t>cg15028232</t>
  </si>
  <si>
    <t>cg15028282</t>
  </si>
  <si>
    <t>cg15030196</t>
  </si>
  <si>
    <t>cg15030789</t>
  </si>
  <si>
    <t>cg15031409</t>
  </si>
  <si>
    <t>cg15031780</t>
  </si>
  <si>
    <t>cg15033163</t>
  </si>
  <si>
    <t>cg15033552</t>
  </si>
  <si>
    <t>cg15034659</t>
  </si>
  <si>
    <t>cg15035360</t>
  </si>
  <si>
    <t>cg15035716</t>
  </si>
  <si>
    <t>cg15041659</t>
  </si>
  <si>
    <t>cg15043057</t>
  </si>
  <si>
    <t>cg15050111</t>
  </si>
  <si>
    <t>cg15050577</t>
  </si>
  <si>
    <t>cg15056107</t>
  </si>
  <si>
    <t>cg15058266</t>
  </si>
  <si>
    <t>cg15058557</t>
  </si>
  <si>
    <t>cg15059176</t>
  </si>
  <si>
    <t>cg15059429</t>
  </si>
  <si>
    <t>cg15059513</t>
  </si>
  <si>
    <t>cg15059804</t>
  </si>
  <si>
    <t>cg15061086</t>
  </si>
  <si>
    <t>cg15062411</t>
  </si>
  <si>
    <t>cg15062711</t>
  </si>
  <si>
    <t>cg15063715</t>
  </si>
  <si>
    <t>cg15064019</t>
  </si>
  <si>
    <t>cg15067015</t>
  </si>
  <si>
    <t>cg15070208</t>
  </si>
  <si>
    <t>cg15071463</t>
  </si>
  <si>
    <t>cg15072646</t>
  </si>
  <si>
    <t>cg15072832</t>
  </si>
  <si>
    <t>cg15073708</t>
  </si>
  <si>
    <t>cg15073914</t>
  </si>
  <si>
    <t>cg15075728</t>
  </si>
  <si>
    <t>cg15076217</t>
  </si>
  <si>
    <t>cg15076218</t>
  </si>
  <si>
    <t>cg15076811</t>
  </si>
  <si>
    <t>cg15076824</t>
  </si>
  <si>
    <t>cg15077218</t>
  </si>
  <si>
    <t>cg15078329</t>
  </si>
  <si>
    <t>cg15078958</t>
  </si>
  <si>
    <t>cg15079885</t>
  </si>
  <si>
    <t>cg15080866</t>
  </si>
  <si>
    <t>cg15081344</t>
  </si>
  <si>
    <t>cg15081720</t>
  </si>
  <si>
    <t>cg15081740</t>
  </si>
  <si>
    <t>cg15081886</t>
  </si>
  <si>
    <t>cg15083887</t>
  </si>
  <si>
    <t>cg15086279</t>
  </si>
  <si>
    <t>cg15088325</t>
  </si>
  <si>
    <t>cg15088574</t>
  </si>
  <si>
    <t>cg15088679</t>
  </si>
  <si>
    <t>cg15089077</t>
  </si>
  <si>
    <t>cg15089481</t>
  </si>
  <si>
    <t>cg15089806</t>
  </si>
  <si>
    <t>cg15090002</t>
  </si>
  <si>
    <t>cg15090562</t>
  </si>
  <si>
    <t>cg15092219</t>
  </si>
  <si>
    <t>cg15092772</t>
  </si>
  <si>
    <t>cg15093402</t>
  </si>
  <si>
    <t>cg15094668</t>
  </si>
  <si>
    <t>cg15095622</t>
  </si>
  <si>
    <t>cg15096432</t>
  </si>
  <si>
    <t>cg15096505</t>
  </si>
  <si>
    <t>cg15097634</t>
  </si>
  <si>
    <t>cg15098085</t>
  </si>
  <si>
    <t>cg15099245</t>
  </si>
  <si>
    <t>cg15100947</t>
  </si>
  <si>
    <t>cg15101245</t>
  </si>
  <si>
    <t>cg15101535</t>
  </si>
  <si>
    <t>cg15102821</t>
  </si>
  <si>
    <t>cg15104031</t>
  </si>
  <si>
    <t>cg15107203</t>
  </si>
  <si>
    <t>cg15108991</t>
  </si>
  <si>
    <t>cg15109449</t>
  </si>
  <si>
    <t>cg15109730</t>
  </si>
  <si>
    <t>cg15109744</t>
  </si>
  <si>
    <t>cg15109767</t>
  </si>
  <si>
    <t>cg15110219</t>
  </si>
  <si>
    <t>cg15110848</t>
  </si>
  <si>
    <t>cg15111398</t>
  </si>
  <si>
    <t>cg15111554</t>
  </si>
  <si>
    <t>cg15113123</t>
  </si>
  <si>
    <t>cg15114013</t>
  </si>
  <si>
    <t>cg15114744</t>
  </si>
  <si>
    <t>cg15118519</t>
  </si>
  <si>
    <t>cg15118606</t>
  </si>
  <si>
    <t>cg15119640</t>
  </si>
  <si>
    <t>cg15120085</t>
  </si>
  <si>
    <t>cg15120220</t>
  </si>
  <si>
    <t>cg15120635</t>
  </si>
  <si>
    <t>cg15120848</t>
  </si>
  <si>
    <t>cg15123035</t>
  </si>
  <si>
    <t>cg15123187</t>
  </si>
  <si>
    <t>cg15123755</t>
  </si>
  <si>
    <t>cg15124109</t>
  </si>
  <si>
    <t>cg15125891</t>
  </si>
  <si>
    <t>cg15127443</t>
  </si>
  <si>
    <t>cg15128801</t>
  </si>
  <si>
    <t>cg15128876</t>
  </si>
  <si>
    <t>cg15129052</t>
  </si>
  <si>
    <t>cg15129663</t>
  </si>
  <si>
    <t>cg15129679</t>
  </si>
  <si>
    <t>cg15130102</t>
  </si>
  <si>
    <t>cg15130541</t>
  </si>
  <si>
    <t>cg15130788</t>
  </si>
  <si>
    <t>cg15131146</t>
  </si>
  <si>
    <t>cg15131316</t>
  </si>
  <si>
    <t>cg15131789</t>
  </si>
  <si>
    <t>cg15132013</t>
  </si>
  <si>
    <t>cg15133133</t>
  </si>
  <si>
    <t>cg15134583</t>
  </si>
  <si>
    <t>cg15134919</t>
  </si>
  <si>
    <t>cg15135166</t>
  </si>
  <si>
    <t>cg15135595</t>
  </si>
  <si>
    <t>cg15136568</t>
  </si>
  <si>
    <t>cg15137445</t>
  </si>
  <si>
    <t>cg15138236</t>
  </si>
  <si>
    <t>cg15138390</t>
  </si>
  <si>
    <t>cg15139452</t>
  </si>
  <si>
    <t>cg15140322</t>
  </si>
  <si>
    <t>cg15140722</t>
  </si>
  <si>
    <t>cg15141379</t>
  </si>
  <si>
    <t>cg15142214</t>
  </si>
  <si>
    <t>cg15142222</t>
  </si>
  <si>
    <t>cg15147516</t>
  </si>
  <si>
    <t>cg15149095</t>
  </si>
  <si>
    <t>cg15151052</t>
  </si>
  <si>
    <t>cg15152945</t>
  </si>
  <si>
    <t>cg15156029</t>
  </si>
  <si>
    <t>cg15156367</t>
  </si>
  <si>
    <t>cg15156614</t>
  </si>
  <si>
    <t>cg15157403</t>
  </si>
  <si>
    <t>cg15157453</t>
  </si>
  <si>
    <t>cg15158847</t>
  </si>
  <si>
    <t>cg15158876</t>
  </si>
  <si>
    <t>cg15160573</t>
  </si>
  <si>
    <t>cg15160686</t>
  </si>
  <si>
    <t>cg15160742</t>
  </si>
  <si>
    <t>cg15160801</t>
  </si>
  <si>
    <t>cg15161772</t>
  </si>
  <si>
    <t>cg15161827</t>
  </si>
  <si>
    <t>cg15161854</t>
  </si>
  <si>
    <t>cg15163974</t>
  </si>
  <si>
    <t>cg15166089</t>
  </si>
  <si>
    <t>cg15166311</t>
  </si>
  <si>
    <t>cg15174812</t>
  </si>
  <si>
    <t>cg15176829</t>
  </si>
  <si>
    <t>cg15185033</t>
  </si>
  <si>
    <t>cg15185794</t>
  </si>
  <si>
    <t>cg15187606</t>
  </si>
  <si>
    <t>cg15199181</t>
  </si>
  <si>
    <t>cg15200009</t>
  </si>
  <si>
    <t>cg15202123</t>
  </si>
  <si>
    <t>cg15203777</t>
  </si>
  <si>
    <t>cg15204286</t>
  </si>
  <si>
    <t>cg15204354</t>
  </si>
  <si>
    <t>cg15207669</t>
  </si>
  <si>
    <t>cg15207968</t>
  </si>
  <si>
    <t>cg15208519</t>
  </si>
  <si>
    <t>cg15209277</t>
  </si>
  <si>
    <t>cg15209440</t>
  </si>
  <si>
    <t>cg15209769</t>
  </si>
  <si>
    <t>cg15209908</t>
  </si>
  <si>
    <t>cg15210596</t>
  </si>
  <si>
    <t>cg15210817</t>
  </si>
  <si>
    <t>cg15211908</t>
  </si>
  <si>
    <t>cg15226751</t>
  </si>
  <si>
    <t>cg15235185</t>
  </si>
  <si>
    <t>cg15250507</t>
  </si>
  <si>
    <t>cg15255399</t>
  </si>
  <si>
    <t>cg15260921</t>
  </si>
  <si>
    <t>cg15260978</t>
  </si>
  <si>
    <t>cg15261221</t>
  </si>
  <si>
    <t>cg15262928</t>
  </si>
  <si>
    <t>cg15264708</t>
  </si>
  <si>
    <t>cg15268136</t>
  </si>
  <si>
    <t>cg15268622</t>
  </si>
  <si>
    <t>cg15272684</t>
  </si>
  <si>
    <t>cg15274864</t>
  </si>
  <si>
    <t>cg15288326</t>
  </si>
  <si>
    <t>cg15304928</t>
  </si>
  <si>
    <t>cg15305343</t>
  </si>
  <si>
    <t>cg15315157</t>
  </si>
  <si>
    <t>cg15315630</t>
  </si>
  <si>
    <t>cg15319451</t>
  </si>
  <si>
    <t>cg15322207</t>
  </si>
  <si>
    <t>cg15322667</t>
  </si>
  <si>
    <t>cg15322801</t>
  </si>
  <si>
    <t>cg15323084</t>
  </si>
  <si>
    <t>cg15323828</t>
  </si>
  <si>
    <t>cg15324077</t>
  </si>
  <si>
    <t>cg15324288</t>
  </si>
  <si>
    <t>cg15324917</t>
  </si>
  <si>
    <t>cg15327559</t>
  </si>
  <si>
    <t>cg15329642</t>
  </si>
  <si>
    <t>cg15355146</t>
  </si>
  <si>
    <t>cg15355395</t>
  </si>
  <si>
    <t>cg15357661</t>
  </si>
  <si>
    <t>cg15358431</t>
  </si>
  <si>
    <t>cg15358752</t>
  </si>
  <si>
    <t>cg15363333</t>
  </si>
  <si>
    <t>cg15364303</t>
  </si>
  <si>
    <t>cg15364537</t>
  </si>
  <si>
    <t>cg15371509</t>
  </si>
  <si>
    <t>cg15374686</t>
  </si>
  <si>
    <t>cg15378492</t>
  </si>
  <si>
    <t>cg15379237</t>
  </si>
  <si>
    <t>cg15380890</t>
  </si>
  <si>
    <t>cg15386069</t>
  </si>
  <si>
    <t>cg15386853</t>
  </si>
  <si>
    <t>cg15388641</t>
  </si>
  <si>
    <t>cg15388975</t>
  </si>
  <si>
    <t>cg15391151</t>
  </si>
  <si>
    <t>cg15391651</t>
  </si>
  <si>
    <t>cg15392364</t>
  </si>
  <si>
    <t>cg15392471</t>
  </si>
  <si>
    <t>cg15392844</t>
  </si>
  <si>
    <t>cg15392911</t>
  </si>
  <si>
    <t>cg15393490</t>
  </si>
  <si>
    <t>cg15394350</t>
  </si>
  <si>
    <t>cg15394630</t>
  </si>
  <si>
    <t>cg15396570</t>
  </si>
  <si>
    <t>cg15397087</t>
  </si>
  <si>
    <t>cg15414773</t>
  </si>
  <si>
    <t>cg15415507</t>
  </si>
  <si>
    <t>cg15416681</t>
  </si>
  <si>
    <t>cg15430883</t>
  </si>
  <si>
    <t>cg15434337</t>
  </si>
  <si>
    <t>cg15439418</t>
  </si>
  <si>
    <t>cg15444788</t>
  </si>
  <si>
    <t>cg15445332</t>
  </si>
  <si>
    <t>cg15447017</t>
  </si>
  <si>
    <t>cg15447511</t>
  </si>
  <si>
    <t>cg15447761</t>
  </si>
  <si>
    <t>cg15448366</t>
  </si>
  <si>
    <t>cg15449560</t>
  </si>
  <si>
    <t>cg15450098</t>
  </si>
  <si>
    <t>cg15450871</t>
  </si>
  <si>
    <t>cg15451272</t>
  </si>
  <si>
    <t>cg15452381</t>
  </si>
  <si>
    <t>cg15452426</t>
  </si>
  <si>
    <t>cg15453345</t>
  </si>
  <si>
    <t>cg15455721</t>
  </si>
  <si>
    <t>cg15457731</t>
  </si>
  <si>
    <t>cg15458155</t>
  </si>
  <si>
    <t>cg15458296</t>
  </si>
  <si>
    <t>cg15458577</t>
  </si>
  <si>
    <t>cg15459165</t>
  </si>
  <si>
    <t>cg15459342</t>
  </si>
  <si>
    <t>cg15459773</t>
  </si>
  <si>
    <t>cg15462203</t>
  </si>
  <si>
    <t>cg15462232</t>
  </si>
  <si>
    <t>cg15462862</t>
  </si>
  <si>
    <t>cg15464821</t>
  </si>
  <si>
    <t>cg15465501</t>
  </si>
  <si>
    <t>cg15465878</t>
  </si>
  <si>
    <t>cg15465990</t>
  </si>
  <si>
    <t>cg15466016</t>
  </si>
  <si>
    <t>cg15466245</t>
  </si>
  <si>
    <t>cg15467085</t>
  </si>
  <si>
    <t>cg15467116</t>
  </si>
  <si>
    <t>cg15468180</t>
  </si>
  <si>
    <t>cg15468907</t>
  </si>
  <si>
    <t>cg15469001</t>
  </si>
  <si>
    <t>cg15469171</t>
  </si>
  <si>
    <t>cg15469272</t>
  </si>
  <si>
    <t>cg15470344</t>
  </si>
  <si>
    <t>cg15470672</t>
  </si>
  <si>
    <t>cg15470750</t>
  </si>
  <si>
    <t>cg15472071</t>
  </si>
  <si>
    <t>cg15473083</t>
  </si>
  <si>
    <t>cg15473314</t>
  </si>
  <si>
    <t>cg15475967</t>
  </si>
  <si>
    <t>cg15481172</t>
  </si>
  <si>
    <t>cg15481227</t>
  </si>
  <si>
    <t>cg15481565</t>
  </si>
  <si>
    <t>cg15482882</t>
  </si>
  <si>
    <t>cg15483381</t>
  </si>
  <si>
    <t>cg15484742</t>
  </si>
  <si>
    <t>cg15486123</t>
  </si>
  <si>
    <t>cg15486127</t>
  </si>
  <si>
    <t>cg15486282</t>
  </si>
  <si>
    <t>cg15487498</t>
  </si>
  <si>
    <t>cg15487620</t>
  </si>
  <si>
    <t>cg15487646</t>
  </si>
  <si>
    <t>cg15490897</t>
  </si>
  <si>
    <t>cg15492834</t>
  </si>
  <si>
    <t>cg15493970</t>
  </si>
  <si>
    <t>cg15494174</t>
  </si>
  <si>
    <t>cg15495124</t>
  </si>
  <si>
    <t>cg15495417</t>
  </si>
  <si>
    <t>cg15495920</t>
  </si>
  <si>
    <t>cg15496388</t>
  </si>
  <si>
    <t>cg15497006</t>
  </si>
  <si>
    <t>cg15497729</t>
  </si>
  <si>
    <t>cg15499275</t>
  </si>
  <si>
    <t>cg15500259</t>
  </si>
  <si>
    <t>cg15500658</t>
  </si>
  <si>
    <t>cg15500929</t>
  </si>
  <si>
    <t>cg15502420</t>
  </si>
  <si>
    <t>cg15502465</t>
  </si>
  <si>
    <t>cg15503799</t>
  </si>
  <si>
    <t>cg15504459</t>
  </si>
  <si>
    <t>cg15504666</t>
  </si>
  <si>
    <t>cg15505198</t>
  </si>
  <si>
    <t>cg15505276</t>
  </si>
  <si>
    <t>cg15511928</t>
  </si>
  <si>
    <t>cg15512534</t>
  </si>
  <si>
    <t>cg15512835</t>
  </si>
  <si>
    <t>cg15513163</t>
  </si>
  <si>
    <t>cg15513620</t>
  </si>
  <si>
    <t>cg15513868</t>
  </si>
  <si>
    <t>cg15514896</t>
  </si>
  <si>
    <t>cg15514918</t>
  </si>
  <si>
    <t>cg15517098</t>
  </si>
  <si>
    <t>cg15518491</t>
  </si>
  <si>
    <t>cg15519670</t>
  </si>
  <si>
    <t>cg15522171</t>
  </si>
  <si>
    <t>cg15522517</t>
  </si>
  <si>
    <t>cg15522984</t>
  </si>
  <si>
    <t>cg15524283</t>
  </si>
  <si>
    <t>cg15525002</t>
  </si>
  <si>
    <t>cg15526153</t>
  </si>
  <si>
    <t>cg15526406</t>
  </si>
  <si>
    <t>cg15526535</t>
  </si>
  <si>
    <t>cg15527643</t>
  </si>
  <si>
    <t>cg15528028</t>
  </si>
  <si>
    <t>cg15538837</t>
  </si>
  <si>
    <t>cg15542144</t>
  </si>
  <si>
    <t>cg15542880</t>
  </si>
  <si>
    <t>cg15543534</t>
  </si>
  <si>
    <t>cg15544654</t>
  </si>
  <si>
    <t>cg15545316</t>
  </si>
  <si>
    <t>cg15546227</t>
  </si>
  <si>
    <t>cg15547662</t>
  </si>
  <si>
    <t>cg15548046</t>
  </si>
  <si>
    <t>cg15548859</t>
  </si>
  <si>
    <t>cg15549502</t>
  </si>
  <si>
    <t>cg15550953</t>
  </si>
  <si>
    <t>cg15552895</t>
  </si>
  <si>
    <t>cg15553397</t>
  </si>
  <si>
    <t>cg15553418</t>
  </si>
  <si>
    <t>cg15554023</t>
  </si>
  <si>
    <t>cg15554087</t>
  </si>
  <si>
    <t>cg15554126</t>
  </si>
  <si>
    <t>cg15554401</t>
  </si>
  <si>
    <t>cg15555463</t>
  </si>
  <si>
    <t>cg15557758</t>
  </si>
  <si>
    <t>cg15558102</t>
  </si>
  <si>
    <t>cg15559456</t>
  </si>
  <si>
    <t>cg15560801</t>
  </si>
  <si>
    <t>cg15560884</t>
  </si>
  <si>
    <t>cg15563782</t>
  </si>
  <si>
    <t>cg15563963</t>
  </si>
  <si>
    <t>cg15564444</t>
  </si>
  <si>
    <t>cg15565004</t>
  </si>
  <si>
    <t>cg15565057</t>
  </si>
  <si>
    <t>cg15566448</t>
  </si>
  <si>
    <t>cg15567529</t>
  </si>
  <si>
    <t>cg15568225</t>
  </si>
  <si>
    <t>cg15568408</t>
  </si>
  <si>
    <t>cg15569630</t>
  </si>
  <si>
    <t>cg15571353</t>
  </si>
  <si>
    <t>cg15571882</t>
  </si>
  <si>
    <t>cg15573879</t>
  </si>
  <si>
    <t>cg15575320</t>
  </si>
  <si>
    <t>cg15575683</t>
  </si>
  <si>
    <t>cg15575967</t>
  </si>
  <si>
    <t>cg15576859</t>
  </si>
  <si>
    <t>cg15579696</t>
  </si>
  <si>
    <t>cg15582719</t>
  </si>
  <si>
    <t>cg15584788</t>
  </si>
  <si>
    <t>cg15586632</t>
  </si>
  <si>
    <t>cg15587553</t>
  </si>
  <si>
    <t>cg15589354</t>
  </si>
  <si>
    <t>cg15589689</t>
  </si>
  <si>
    <t>cg15589930</t>
  </si>
  <si>
    <t>cg15590780</t>
  </si>
  <si>
    <t>cg15591803</t>
  </si>
  <si>
    <t>cg15594444</t>
  </si>
  <si>
    <t>cg15594585</t>
  </si>
  <si>
    <t>cg15595212</t>
  </si>
  <si>
    <t>cg15595501</t>
  </si>
  <si>
    <t>cg15595502</t>
  </si>
  <si>
    <t>cg15597096</t>
  </si>
  <si>
    <t>cg15597522</t>
  </si>
  <si>
    <t>cg15597855</t>
  </si>
  <si>
    <t>cg15598244</t>
  </si>
  <si>
    <t>cg15598719</t>
  </si>
  <si>
    <t>cg15601529</t>
  </si>
  <si>
    <t>cg15602420</t>
  </si>
  <si>
    <t>cg15603548</t>
  </si>
  <si>
    <t>cg15603964</t>
  </si>
  <si>
    <t>cg15604337</t>
  </si>
  <si>
    <t>cg15604953</t>
  </si>
  <si>
    <t>cg15605096</t>
  </si>
  <si>
    <t>cg15605235</t>
  </si>
  <si>
    <t>cg15611923</t>
  </si>
  <si>
    <t>cg15612186</t>
  </si>
  <si>
    <t>cg15612546</t>
  </si>
  <si>
    <t>cg15613014</t>
  </si>
  <si>
    <t>cg15613177</t>
  </si>
  <si>
    <t>cg15616111</t>
  </si>
  <si>
    <t>cg15616400</t>
  </si>
  <si>
    <t>cg15616998</t>
  </si>
  <si>
    <t>cg15618108</t>
  </si>
  <si>
    <t>cg15619643</t>
  </si>
  <si>
    <t>cg15620028</t>
  </si>
  <si>
    <t>cg15620905</t>
  </si>
  <si>
    <t>cg15621027</t>
  </si>
  <si>
    <t>cg15621740</t>
  </si>
  <si>
    <t>cg15622556</t>
  </si>
  <si>
    <t>cg15622619</t>
  </si>
  <si>
    <t>cg15623425</t>
  </si>
  <si>
    <t>cg15624072</t>
  </si>
  <si>
    <t>cg15624314</t>
  </si>
  <si>
    <t>cg15625104</t>
  </si>
  <si>
    <t>cg15626665</t>
  </si>
  <si>
    <t>cg15626777</t>
  </si>
  <si>
    <t>cg15627031</t>
  </si>
  <si>
    <t>cg15627072</t>
  </si>
  <si>
    <t>cg15629460</t>
  </si>
  <si>
    <t>cg15629860</t>
  </si>
  <si>
    <t>cg15629893</t>
  </si>
  <si>
    <t>cg15632839</t>
  </si>
  <si>
    <t>cg15632862</t>
  </si>
  <si>
    <t>cg15633699</t>
  </si>
  <si>
    <t>cg15639556</t>
  </si>
  <si>
    <t>cg15639684</t>
  </si>
  <si>
    <t>cg15639974</t>
  </si>
  <si>
    <t>cg15640062</t>
  </si>
  <si>
    <t>cg15640927</t>
  </si>
  <si>
    <t>cg15641565</t>
  </si>
  <si>
    <t>cg15642792</t>
  </si>
  <si>
    <t>cg15642933</t>
  </si>
  <si>
    <t>cg15644413</t>
  </si>
  <si>
    <t>cg15644970</t>
  </si>
  <si>
    <t>cg15645728</t>
  </si>
  <si>
    <t>cg15645757</t>
  </si>
  <si>
    <t>cg15645961</t>
  </si>
  <si>
    <t>cg15647481</t>
  </si>
  <si>
    <t>cg15648207</t>
  </si>
  <si>
    <t>cg15649857</t>
  </si>
  <si>
    <t>cg15651099</t>
  </si>
  <si>
    <t>cg15651345</t>
  </si>
  <si>
    <t>cg15651727</t>
  </si>
  <si>
    <t>cg15651819</t>
  </si>
  <si>
    <t>cg15652741</t>
  </si>
  <si>
    <t>cg15653033</t>
  </si>
  <si>
    <t>cg15654025</t>
  </si>
  <si>
    <t>cg15662251</t>
  </si>
  <si>
    <t>cg15672853</t>
  </si>
  <si>
    <t>cg15673896</t>
  </si>
  <si>
    <t>cg15676040</t>
  </si>
  <si>
    <t>cg15676084</t>
  </si>
  <si>
    <t>cg15676418</t>
  </si>
  <si>
    <t>cg15676719</t>
  </si>
  <si>
    <t>cg15677434</t>
  </si>
  <si>
    <t>cg15677883</t>
  </si>
  <si>
    <t>cg15677989</t>
  </si>
  <si>
    <t>cg15678662</t>
  </si>
  <si>
    <t>cg15680620</t>
  </si>
  <si>
    <t>cg15683488</t>
  </si>
  <si>
    <t>cg15684116</t>
  </si>
  <si>
    <t>cg15685988</t>
  </si>
  <si>
    <t>cg15687600</t>
  </si>
  <si>
    <t>cg15687653</t>
  </si>
  <si>
    <t>cg15688253</t>
  </si>
  <si>
    <t>cg15690400</t>
  </si>
  <si>
    <t>cg15691003</t>
  </si>
  <si>
    <t>cg15691841</t>
  </si>
  <si>
    <t>cg15694146</t>
  </si>
  <si>
    <t>cg15694605</t>
  </si>
  <si>
    <t>cg15694879</t>
  </si>
  <si>
    <t>cg15695045</t>
  </si>
  <si>
    <t>cg15696407</t>
  </si>
  <si>
    <t>cg15699050</t>
  </si>
  <si>
    <t>cg15700006</t>
  </si>
  <si>
    <t>cg15700020</t>
  </si>
  <si>
    <t>cg15700489</t>
  </si>
  <si>
    <t>cg15702277</t>
  </si>
  <si>
    <t>cg15703790</t>
  </si>
  <si>
    <t>cg15704369</t>
  </si>
  <si>
    <t>cg15705203</t>
  </si>
  <si>
    <t>cg15706223</t>
  </si>
  <si>
    <t>cg15707455</t>
  </si>
  <si>
    <t>cg15708127</t>
  </si>
  <si>
    <t>cg15708696</t>
  </si>
  <si>
    <t>cg15708776</t>
  </si>
  <si>
    <t>cg15711727</t>
  </si>
  <si>
    <t>cg15711902</t>
  </si>
  <si>
    <t>cg15711976</t>
  </si>
  <si>
    <t>cg15713362</t>
  </si>
  <si>
    <t>cg15713630</t>
  </si>
  <si>
    <t>cg15713729</t>
  </si>
  <si>
    <t>cg15714221</t>
  </si>
  <si>
    <t>cg15714328</t>
  </si>
  <si>
    <t>cg15715049</t>
  </si>
  <si>
    <t>cg15715337</t>
  </si>
  <si>
    <t>cg15717165</t>
  </si>
  <si>
    <t>cg15718572</t>
  </si>
  <si>
    <t>cg15718594</t>
  </si>
  <si>
    <t>cg15719043</t>
  </si>
  <si>
    <t>cg15719199</t>
  </si>
  <si>
    <t>cg15720675</t>
  </si>
  <si>
    <t>cg15722293</t>
  </si>
  <si>
    <t>cg15722977</t>
  </si>
  <si>
    <t>cg15723641</t>
  </si>
  <si>
    <t>cg15723874</t>
  </si>
  <si>
    <t>cg15724945</t>
  </si>
  <si>
    <t>cg15725046</t>
  </si>
  <si>
    <t>cg15726314</t>
  </si>
  <si>
    <t>cg15726426</t>
  </si>
  <si>
    <t>cg15726714</t>
  </si>
  <si>
    <t>cg15727545</t>
  </si>
  <si>
    <t>cg15727920</t>
  </si>
  <si>
    <t>cg15728320</t>
  </si>
  <si>
    <t>cg15728779</t>
  </si>
  <si>
    <t>cg15729771</t>
  </si>
  <si>
    <t>cg15730248</t>
  </si>
  <si>
    <t>cg15730879</t>
  </si>
  <si>
    <t>cg15731815</t>
  </si>
  <si>
    <t>cg15732451</t>
  </si>
  <si>
    <t>cg15733729</t>
  </si>
  <si>
    <t>cg15733792</t>
  </si>
  <si>
    <t>cg15736449</t>
  </si>
  <si>
    <t>cg15742412</t>
  </si>
  <si>
    <t>cg15743657</t>
  </si>
  <si>
    <t>cg15745921</t>
  </si>
  <si>
    <t>cg15748490</t>
  </si>
  <si>
    <t>cg15753381</t>
  </si>
  <si>
    <t>cg15770106</t>
  </si>
  <si>
    <t>cg15778350</t>
  </si>
  <si>
    <t>cg15781625</t>
  </si>
  <si>
    <t>cg15789095</t>
  </si>
  <si>
    <t>cg15804118</t>
  </si>
  <si>
    <t>cg15817635</t>
  </si>
  <si>
    <t>cg15817705</t>
  </si>
  <si>
    <t>cg15817769</t>
  </si>
  <si>
    <t>cg15818632</t>
  </si>
  <si>
    <t>cg15819188</t>
  </si>
  <si>
    <t>cg15819352</t>
  </si>
  <si>
    <t>cg15821401</t>
  </si>
  <si>
    <t>cg15822387</t>
  </si>
  <si>
    <t>cg15823330</t>
  </si>
  <si>
    <t>cg15823872</t>
  </si>
  <si>
    <t>cg15824962</t>
  </si>
  <si>
    <t>cg15825104</t>
  </si>
  <si>
    <t>cg15825373</t>
  </si>
  <si>
    <t>cg15827295</t>
  </si>
  <si>
    <t>cg15827482</t>
  </si>
  <si>
    <t>cg15830572</t>
  </si>
  <si>
    <t>cg15830682</t>
  </si>
  <si>
    <t>cg15830864</t>
  </si>
  <si>
    <t>cg15831722</t>
  </si>
  <si>
    <t>cg15832577</t>
  </si>
  <si>
    <t>cg15833339</t>
  </si>
  <si>
    <t>cg15833534</t>
  </si>
  <si>
    <t>cg15833565</t>
  </si>
  <si>
    <t>cg15833596</t>
  </si>
  <si>
    <t>cg15835664</t>
  </si>
  <si>
    <t>cg15836046</t>
  </si>
  <si>
    <t>cg15836912</t>
  </si>
  <si>
    <t>cg15837100</t>
  </si>
  <si>
    <t>cg15840660</t>
  </si>
  <si>
    <t>cg15841728</t>
  </si>
  <si>
    <t>cg15844005</t>
  </si>
  <si>
    <t>cg15858059</t>
  </si>
  <si>
    <t>cg15860924</t>
  </si>
  <si>
    <t>cg15867428</t>
  </si>
  <si>
    <t>cg15875062</t>
  </si>
  <si>
    <t>cg15881119</t>
  </si>
  <si>
    <t>cg15881444</t>
  </si>
  <si>
    <t>cg15882305</t>
  </si>
  <si>
    <t>cg15883716</t>
  </si>
  <si>
    <t>cg15889017</t>
  </si>
  <si>
    <t>cg15889173</t>
  </si>
  <si>
    <t>cg15891991</t>
  </si>
  <si>
    <t>cg15892784</t>
  </si>
  <si>
    <t>cg15893204</t>
  </si>
  <si>
    <t>cg15894315</t>
  </si>
  <si>
    <t>cg15894563</t>
  </si>
  <si>
    <t>cg15895132</t>
  </si>
  <si>
    <t>cg15896560</t>
  </si>
  <si>
    <t>cg15896593</t>
  </si>
  <si>
    <t>cg15896939</t>
  </si>
  <si>
    <t>cg15897102</t>
  </si>
  <si>
    <t>cg15897635</t>
  </si>
  <si>
    <t>cg15898116</t>
  </si>
  <si>
    <t>cg15898408</t>
  </si>
  <si>
    <t>cg15899727</t>
  </si>
  <si>
    <t>cg15900221</t>
  </si>
  <si>
    <t>cg15900998</t>
  </si>
  <si>
    <t>cg15901647</t>
  </si>
  <si>
    <t>cg15901950</t>
  </si>
  <si>
    <t>cg15902745</t>
  </si>
  <si>
    <t>cg15902830</t>
  </si>
  <si>
    <t>cg15903571</t>
  </si>
  <si>
    <t>cg15905471</t>
  </si>
  <si>
    <t>cg15924102</t>
  </si>
  <si>
    <t>cg15924259</t>
  </si>
  <si>
    <t>cg15924509</t>
  </si>
  <si>
    <t>cg15925571</t>
  </si>
  <si>
    <t>cg15926420</t>
  </si>
  <si>
    <t>cg15927316</t>
  </si>
  <si>
    <t>cg15927699</t>
  </si>
  <si>
    <t>cg15928480</t>
  </si>
  <si>
    <t>cg15931673</t>
  </si>
  <si>
    <t>cg15934674</t>
  </si>
  <si>
    <t>cg15935791</t>
  </si>
  <si>
    <t>cg15935860</t>
  </si>
  <si>
    <t>cg15935965</t>
  </si>
  <si>
    <t>cg15937073</t>
  </si>
  <si>
    <t>cg15937641</t>
  </si>
  <si>
    <t>cg15940724</t>
  </si>
  <si>
    <t>cg15945769</t>
  </si>
  <si>
    <t>cg15947534</t>
  </si>
  <si>
    <t>cg15948504</t>
  </si>
  <si>
    <t>cg15949277</t>
  </si>
  <si>
    <t>cg15949380</t>
  </si>
  <si>
    <t>cg15949924</t>
  </si>
  <si>
    <t>cg15952725</t>
  </si>
  <si>
    <t>cg15954046</t>
  </si>
  <si>
    <t>cg15961657</t>
  </si>
  <si>
    <t>cg15961901</t>
  </si>
  <si>
    <t>cg15962314</t>
  </si>
  <si>
    <t>cg15962336</t>
  </si>
  <si>
    <t>cg15962375</t>
  </si>
  <si>
    <t>cg15962547</t>
  </si>
  <si>
    <t>cg15964018</t>
  </si>
  <si>
    <t>cg15965055</t>
  </si>
  <si>
    <t>cg15965913</t>
  </si>
  <si>
    <t>cg15966151</t>
  </si>
  <si>
    <t>cg15973171</t>
  </si>
  <si>
    <t>cg15974430</t>
  </si>
  <si>
    <t>cg15975283</t>
  </si>
  <si>
    <t>cg15975824</t>
  </si>
  <si>
    <t>cg15976388</t>
  </si>
  <si>
    <t>cg15977813</t>
  </si>
  <si>
    <t>cg15978832</t>
  </si>
  <si>
    <t>cg15978880</t>
  </si>
  <si>
    <t>cg15978884</t>
  </si>
  <si>
    <t>cg15980492</t>
  </si>
  <si>
    <t>cg15985891</t>
  </si>
  <si>
    <t>cg15987431</t>
  </si>
  <si>
    <t>cg15987934</t>
  </si>
  <si>
    <t>cg15989966</t>
  </si>
  <si>
    <t>cg15990015</t>
  </si>
  <si>
    <t>cg15990632</t>
  </si>
  <si>
    <t>cg15991288</t>
  </si>
  <si>
    <t>cg15994839</t>
  </si>
  <si>
    <t>cg15995216</t>
  </si>
  <si>
    <t>cg15997411</t>
  </si>
  <si>
    <t>cg15998505</t>
  </si>
  <si>
    <t>cg15998609</t>
  </si>
  <si>
    <t>cg15999547</t>
  </si>
  <si>
    <t>cg16000360</t>
  </si>
  <si>
    <t>cg16000739</t>
  </si>
  <si>
    <t>cg16001451</t>
  </si>
  <si>
    <t>cg16001723</t>
  </si>
  <si>
    <t>cg16002248</t>
  </si>
  <si>
    <t>cg16002887</t>
  </si>
  <si>
    <t>cg16003790</t>
  </si>
  <si>
    <t>cg16004056</t>
  </si>
  <si>
    <t>cg16004427</t>
  </si>
  <si>
    <t>cg16005420</t>
  </si>
  <si>
    <t>cg16005939</t>
  </si>
  <si>
    <t>cg16006738</t>
  </si>
  <si>
    <t>cg16007395</t>
  </si>
  <si>
    <t>cg16008966</t>
  </si>
  <si>
    <t>cg16009677</t>
  </si>
  <si>
    <t>cg16009787</t>
  </si>
  <si>
    <t>cg16010207</t>
  </si>
  <si>
    <t>cg16010717</t>
  </si>
  <si>
    <t>cg16011371</t>
  </si>
  <si>
    <t>cg16013246</t>
  </si>
  <si>
    <t>cg16013543</t>
  </si>
  <si>
    <t>cg16013618</t>
  </si>
  <si>
    <t>cg16013630</t>
  </si>
  <si>
    <t>cg16013670</t>
  </si>
  <si>
    <t>cg16014412</t>
  </si>
  <si>
    <t>cg16016063</t>
  </si>
  <si>
    <t>cg16018455</t>
  </si>
  <si>
    <t>cg16019005</t>
  </si>
  <si>
    <t>cg16019273</t>
  </si>
  <si>
    <t>cg16020069</t>
  </si>
  <si>
    <t>cg16020410</t>
  </si>
  <si>
    <t>cg16022081</t>
  </si>
  <si>
    <t>cg16022904</t>
  </si>
  <si>
    <t>cg16023400</t>
  </si>
  <si>
    <t>cg16023912</t>
  </si>
  <si>
    <t>cg16026189</t>
  </si>
  <si>
    <t>cg16026299</t>
  </si>
  <si>
    <t>cg16026501</t>
  </si>
  <si>
    <t>cg16027311</t>
  </si>
  <si>
    <t>cg16027378</t>
  </si>
  <si>
    <t>cg16027505</t>
  </si>
  <si>
    <t>cg16028336</t>
  </si>
  <si>
    <t>cg16028753</t>
  </si>
  <si>
    <t>cg16028934</t>
  </si>
  <si>
    <t>cg16030011</t>
  </si>
  <si>
    <t>cg16030177</t>
  </si>
  <si>
    <t>cg16032102</t>
  </si>
  <si>
    <t>cg16032384</t>
  </si>
  <si>
    <t>cg16032570</t>
  </si>
  <si>
    <t>cg16034517</t>
  </si>
  <si>
    <t>cg16035777</t>
  </si>
  <si>
    <t>cg16037137</t>
  </si>
  <si>
    <t>cg16038181</t>
  </si>
  <si>
    <t>cg16038738</t>
  </si>
  <si>
    <t>cg16039867</t>
  </si>
  <si>
    <t>cg16041286</t>
  </si>
  <si>
    <t>cg16043700</t>
  </si>
  <si>
    <t>cg16044595</t>
  </si>
  <si>
    <t>cg16045271</t>
  </si>
  <si>
    <t>cg16046444</t>
  </si>
  <si>
    <t>cg16046810</t>
  </si>
  <si>
    <t>cg16047663</t>
  </si>
  <si>
    <t>cg16048006</t>
  </si>
  <si>
    <t>cg16050959</t>
  </si>
  <si>
    <t>cg16051114</t>
  </si>
  <si>
    <t>cg16051685</t>
  </si>
  <si>
    <t>cg16051954</t>
  </si>
  <si>
    <t>cg16052388</t>
  </si>
  <si>
    <t>cg16053064</t>
  </si>
  <si>
    <t>cg16054278</t>
  </si>
  <si>
    <t>cg16054590</t>
  </si>
  <si>
    <t>cg16057532</t>
  </si>
  <si>
    <t>cg16059167</t>
  </si>
  <si>
    <t>cg16059943</t>
  </si>
  <si>
    <t>cg16060382</t>
  </si>
  <si>
    <t>cg16061177</t>
  </si>
  <si>
    <t>cg16062480</t>
  </si>
  <si>
    <t>cg16064054</t>
  </si>
  <si>
    <t>cg16064097</t>
  </si>
  <si>
    <t>cg16068833</t>
  </si>
  <si>
    <t>cg16072030</t>
  </si>
  <si>
    <t>cg16076997</t>
  </si>
  <si>
    <t>cg16080552</t>
  </si>
  <si>
    <t>cg16084788</t>
  </si>
  <si>
    <t>cg16091319</t>
  </si>
  <si>
    <t>cg16091981</t>
  </si>
  <si>
    <t>cg16095593</t>
  </si>
  <si>
    <t>cg16096311</t>
  </si>
  <si>
    <t>cg16096432</t>
  </si>
  <si>
    <t>cg16096569</t>
  </si>
  <si>
    <t>cg16097041</t>
  </si>
  <si>
    <t>cg16097191</t>
  </si>
  <si>
    <t>cg16097329</t>
  </si>
  <si>
    <t>cg16098227</t>
  </si>
  <si>
    <t>cg16099624</t>
  </si>
  <si>
    <t>cg16101739</t>
  </si>
  <si>
    <t>cg16102052</t>
  </si>
  <si>
    <t>cg16103203</t>
  </si>
  <si>
    <t>cg16103595</t>
  </si>
  <si>
    <t>cg16104481</t>
  </si>
  <si>
    <t>cg16105380</t>
  </si>
  <si>
    <t>cg16107483</t>
  </si>
  <si>
    <t>cg16109297</t>
  </si>
  <si>
    <t>cg16110455</t>
  </si>
  <si>
    <t>cg16110704</t>
  </si>
  <si>
    <t>cg16115688</t>
  </si>
  <si>
    <t>cg16116363</t>
  </si>
  <si>
    <t>cg16117513</t>
  </si>
  <si>
    <t>cg16119372</t>
  </si>
  <si>
    <t>cg16120196</t>
  </si>
  <si>
    <t>cg16120249</t>
  </si>
  <si>
    <t>cg16120415</t>
  </si>
  <si>
    <t>cg16120828</t>
  </si>
  <si>
    <t>cg16121444</t>
  </si>
  <si>
    <t>cg16122716</t>
  </si>
  <si>
    <t>cg16123101</t>
  </si>
  <si>
    <t>cg16125214</t>
  </si>
  <si>
    <t>cg16125989</t>
  </si>
  <si>
    <t>cg16126747</t>
  </si>
  <si>
    <t>cg16127719</t>
  </si>
  <si>
    <t>cg16127759</t>
  </si>
  <si>
    <t>cg16133940</t>
  </si>
  <si>
    <t>cg16133964</t>
  </si>
  <si>
    <t>cg16134070</t>
  </si>
  <si>
    <t>cg16135470</t>
  </si>
  <si>
    <t>cg16136098</t>
  </si>
  <si>
    <t>cg16136290</t>
  </si>
  <si>
    <t>cg16136434</t>
  </si>
  <si>
    <t>cg16138181</t>
  </si>
  <si>
    <t>cg16139006</t>
  </si>
  <si>
    <t>cg16139316</t>
  </si>
  <si>
    <t>cg16139749</t>
  </si>
  <si>
    <t>cg16140253</t>
  </si>
  <si>
    <t>cg16140502</t>
  </si>
  <si>
    <t>cg16142484</t>
  </si>
  <si>
    <t>cg16142957</t>
  </si>
  <si>
    <t>cg16143559</t>
  </si>
  <si>
    <t>cg16144367</t>
  </si>
  <si>
    <t>cg16145113</t>
  </si>
  <si>
    <t>cg16145825</t>
  </si>
  <si>
    <t>cg16147196</t>
  </si>
  <si>
    <t>cg16155382</t>
  </si>
  <si>
    <t>cg16163765</t>
  </si>
  <si>
    <t>cg16164607</t>
  </si>
  <si>
    <t>cg16164843</t>
  </si>
  <si>
    <t>cg16165575</t>
  </si>
  <si>
    <t>cg16166739</t>
  </si>
  <si>
    <t>cg16166968</t>
  </si>
  <si>
    <t>cg16167013</t>
  </si>
  <si>
    <t>cg16168311</t>
  </si>
  <si>
    <t>cg16168329</t>
  </si>
  <si>
    <t>cg16168848</t>
  </si>
  <si>
    <t>cg16168885</t>
  </si>
  <si>
    <t>cg16170319</t>
  </si>
  <si>
    <t>cg16170708</t>
  </si>
  <si>
    <t>cg16170838</t>
  </si>
  <si>
    <t>cg16171105</t>
  </si>
  <si>
    <t>cg16171860</t>
  </si>
  <si>
    <t>cg16172549</t>
  </si>
  <si>
    <t>cg16172837</t>
  </si>
  <si>
    <t>cg16173186</t>
  </si>
  <si>
    <t>cg16173234</t>
  </si>
  <si>
    <t>cg16173775</t>
  </si>
  <si>
    <t>cg16174809</t>
  </si>
  <si>
    <t>cg16175258</t>
  </si>
  <si>
    <t>cg16176095</t>
  </si>
  <si>
    <t>cg16176834</t>
  </si>
  <si>
    <t>cg16176837</t>
  </si>
  <si>
    <t>cg16177187</t>
  </si>
  <si>
    <t>cg16177693</t>
  </si>
  <si>
    <t>cg16177739</t>
  </si>
  <si>
    <t>cg16179748</t>
  </si>
  <si>
    <t>cg16211055</t>
  </si>
  <si>
    <t>cg16227703</t>
  </si>
  <si>
    <t>cg16228804</t>
  </si>
  <si>
    <t>cg16232504</t>
  </si>
  <si>
    <t>cg16233450</t>
  </si>
  <si>
    <t>cg16235860</t>
  </si>
  <si>
    <t>cg16237891</t>
  </si>
  <si>
    <t>cg16238000</t>
  </si>
  <si>
    <t>cg16240368</t>
  </si>
  <si>
    <t>cg16242653</t>
  </si>
  <si>
    <t>cg16243606</t>
  </si>
  <si>
    <t>cg16243652</t>
  </si>
  <si>
    <t>cg16245297</t>
  </si>
  <si>
    <t>cg16246661</t>
  </si>
  <si>
    <t>cg16248916</t>
  </si>
  <si>
    <t>cg16251079</t>
  </si>
  <si>
    <t>cg16251579</t>
  </si>
  <si>
    <t>cg16253157</t>
  </si>
  <si>
    <t>cg16254756</t>
  </si>
  <si>
    <t>cg16254946</t>
  </si>
  <si>
    <t>cg16255279</t>
  </si>
  <si>
    <t>cg16256615</t>
  </si>
  <si>
    <t>cg16257086</t>
  </si>
  <si>
    <t>cg16257484</t>
  </si>
  <si>
    <t>cg16257559</t>
  </si>
  <si>
    <t>cg16257681</t>
  </si>
  <si>
    <t>cg16258899</t>
  </si>
  <si>
    <t>cg16260421</t>
  </si>
  <si>
    <t>cg16260424</t>
  </si>
  <si>
    <t>cg16262201</t>
  </si>
  <si>
    <t>cg16262392</t>
  </si>
  <si>
    <t>cg16263152</t>
  </si>
  <si>
    <t>cg16263722</t>
  </si>
  <si>
    <t>cg16264035</t>
  </si>
  <si>
    <t>cg16264537</t>
  </si>
  <si>
    <t>cg16265140</t>
  </si>
  <si>
    <t>cg16265553</t>
  </si>
  <si>
    <t>cg16265859</t>
  </si>
  <si>
    <t>cg16266126</t>
  </si>
  <si>
    <t>cg16266227</t>
  </si>
  <si>
    <t>cg16268769</t>
  </si>
  <si>
    <t>cg16269755</t>
  </si>
  <si>
    <t>cg16272007</t>
  </si>
  <si>
    <t>cg16273075</t>
  </si>
  <si>
    <t>cg16273734</t>
  </si>
  <si>
    <t>cg16275967</t>
  </si>
  <si>
    <t>cg16277144</t>
  </si>
  <si>
    <t>cg16277607</t>
  </si>
  <si>
    <t>cg16277741</t>
  </si>
  <si>
    <t>cg16278124</t>
  </si>
  <si>
    <t>cg16280922</t>
  </si>
  <si>
    <t>cg16286249</t>
  </si>
  <si>
    <t>cg16288872</t>
  </si>
  <si>
    <t>cg16289421</t>
  </si>
  <si>
    <t>cg16289896</t>
  </si>
  <si>
    <t>cg16290101</t>
  </si>
  <si>
    <t>cg16290522</t>
  </si>
  <si>
    <t>cg16291048</t>
  </si>
  <si>
    <t>cg16291276</t>
  </si>
  <si>
    <t>cg16292451</t>
  </si>
  <si>
    <t>cg16294013</t>
  </si>
  <si>
    <t>cg16294045</t>
  </si>
  <si>
    <t>cg16294363</t>
  </si>
  <si>
    <t>cg16295880</t>
  </si>
  <si>
    <t>cg16297569</t>
  </si>
  <si>
    <t>cg16298016</t>
  </si>
  <si>
    <t>cg16299341</t>
  </si>
  <si>
    <t>cg16305094</t>
  </si>
  <si>
    <t>cg16305333</t>
  </si>
  <si>
    <t>cg16306654</t>
  </si>
  <si>
    <t>cg16307860</t>
  </si>
  <si>
    <t>cg16308101</t>
  </si>
  <si>
    <t>cg16308270</t>
  </si>
  <si>
    <t>cg16309224</t>
  </si>
  <si>
    <t>cg16309729</t>
  </si>
  <si>
    <t>cg16309926</t>
  </si>
  <si>
    <t>cg16309936</t>
  </si>
  <si>
    <t>cg16310095</t>
  </si>
  <si>
    <t>cg16311344</t>
  </si>
  <si>
    <t>cg16312414</t>
  </si>
  <si>
    <t>cg16314254</t>
  </si>
  <si>
    <t>cg16314441</t>
  </si>
  <si>
    <t>cg16315376</t>
  </si>
  <si>
    <t>cg16315417</t>
  </si>
  <si>
    <t>cg16315740</t>
  </si>
  <si>
    <t>cg16317038</t>
  </si>
  <si>
    <t>cg16318349</t>
  </si>
  <si>
    <t>cg16320885</t>
  </si>
  <si>
    <t>cg16321568</t>
  </si>
  <si>
    <t>cg16328466</t>
  </si>
  <si>
    <t>cg16328558</t>
  </si>
  <si>
    <t>cg16336056</t>
  </si>
  <si>
    <t>cg16342298</t>
  </si>
  <si>
    <t>cg16343696</t>
  </si>
  <si>
    <t>cg16345880</t>
  </si>
  <si>
    <t>cg16346032</t>
  </si>
  <si>
    <t>cg16347256</t>
  </si>
  <si>
    <t>cg16347629</t>
  </si>
  <si>
    <t>cg16347928</t>
  </si>
  <si>
    <t>cg16348003</t>
  </si>
  <si>
    <t>cg16348112</t>
  </si>
  <si>
    <t>cg16348158</t>
  </si>
  <si>
    <t>cg16348358</t>
  </si>
  <si>
    <t>cg16349160</t>
  </si>
  <si>
    <t>cg16349331</t>
  </si>
  <si>
    <t>cg16349667</t>
  </si>
  <si>
    <t>cg16352072</t>
  </si>
  <si>
    <t>cg16352283</t>
  </si>
  <si>
    <t>cg16353006</t>
  </si>
  <si>
    <t>cg16353899</t>
  </si>
  <si>
    <t>cg16354756</t>
  </si>
  <si>
    <t>cg16356622</t>
  </si>
  <si>
    <t>cg16356856</t>
  </si>
  <si>
    <t>cg16357353</t>
  </si>
  <si>
    <t>cg16359901</t>
  </si>
  <si>
    <t>cg16360668</t>
  </si>
  <si>
    <t>cg16360868</t>
  </si>
  <si>
    <t>cg16361915</t>
  </si>
  <si>
    <t>cg16362305</t>
  </si>
  <si>
    <t>cg16367786</t>
  </si>
  <si>
    <t>cg16368763</t>
  </si>
  <si>
    <t>cg16369786</t>
  </si>
  <si>
    <t>cg16371538</t>
  </si>
  <si>
    <t>cg16372625</t>
  </si>
  <si>
    <t>cg16372810</t>
  </si>
  <si>
    <t>cg16373765</t>
  </si>
  <si>
    <t>cg16378215</t>
  </si>
  <si>
    <t>cg16379513</t>
  </si>
  <si>
    <t>cg16380285</t>
  </si>
  <si>
    <t>cg16380632</t>
  </si>
  <si>
    <t>cg16380888</t>
  </si>
  <si>
    <t>cg16381028</t>
  </si>
  <si>
    <t>cg16383081</t>
  </si>
  <si>
    <t>cg16383573</t>
  </si>
  <si>
    <t>cg16385298</t>
  </si>
  <si>
    <t>cg16386293</t>
  </si>
  <si>
    <t>cg16386806</t>
  </si>
  <si>
    <t>cg16389407</t>
  </si>
  <si>
    <t>cg16390944</t>
  </si>
  <si>
    <t>cg16391608</t>
  </si>
  <si>
    <t>cg16393156</t>
  </si>
  <si>
    <t>cg16393928</t>
  </si>
  <si>
    <t>cg16394138</t>
  </si>
  <si>
    <t>cg16394290</t>
  </si>
  <si>
    <t>cg16394551</t>
  </si>
  <si>
    <t>cg16395183</t>
  </si>
  <si>
    <t>cg16395997</t>
  </si>
  <si>
    <t>cg16397480</t>
  </si>
  <si>
    <t>cg16398581</t>
  </si>
  <si>
    <t>cg16399910</t>
  </si>
  <si>
    <t>cg16401668</t>
  </si>
  <si>
    <t>cg16402746</t>
  </si>
  <si>
    <t>cg16403669</t>
  </si>
  <si>
    <t>cg16404689</t>
  </si>
  <si>
    <t>cg16405055</t>
  </si>
  <si>
    <t>cg16405801</t>
  </si>
  <si>
    <t>cg16407044</t>
  </si>
  <si>
    <t>cg16408815</t>
  </si>
  <si>
    <t>cg16410115</t>
  </si>
  <si>
    <t>cg16412629</t>
  </si>
  <si>
    <t>cg16414271</t>
  </si>
  <si>
    <t>cg16414821</t>
  </si>
  <si>
    <t>cg16415604</t>
  </si>
  <si>
    <t>cg16416158</t>
  </si>
  <si>
    <t>cg16416987</t>
  </si>
  <si>
    <t>cg16417118</t>
  </si>
  <si>
    <t>cg16417374</t>
  </si>
  <si>
    <t>cg16418734</t>
  </si>
  <si>
    <t>cg16427513</t>
  </si>
  <si>
    <t>cg16427752</t>
  </si>
  <si>
    <t>cg16428322</t>
  </si>
  <si>
    <t>cg16429063</t>
  </si>
  <si>
    <t>cg16432022</t>
  </si>
  <si>
    <t>cg16436377</t>
  </si>
  <si>
    <t>cg16438688</t>
  </si>
  <si>
    <t>cg16456919</t>
  </si>
  <si>
    <t>cg16464704</t>
  </si>
  <si>
    <t>cg16479674</t>
  </si>
  <si>
    <t>cg16487577</t>
  </si>
  <si>
    <t>cg16488065</t>
  </si>
  <si>
    <t>cg16489975</t>
  </si>
  <si>
    <t>cg16490126</t>
  </si>
  <si>
    <t>cg16491166</t>
  </si>
  <si>
    <t>cg16491362</t>
  </si>
  <si>
    <t>cg16491530</t>
  </si>
  <si>
    <t>cg16501235</t>
  </si>
  <si>
    <t>cg16502826</t>
  </si>
  <si>
    <t>cg16505687</t>
  </si>
  <si>
    <t>cg16508600</t>
  </si>
  <si>
    <t>cg16510654</t>
  </si>
  <si>
    <t>cg16511454</t>
  </si>
  <si>
    <t>cg16511494</t>
  </si>
  <si>
    <t>cg16512458</t>
  </si>
  <si>
    <t>cg16512667</t>
  </si>
  <si>
    <t>cg16512755</t>
  </si>
  <si>
    <t>cg16512854</t>
  </si>
  <si>
    <t>cg16512885</t>
  </si>
  <si>
    <t>cg16513984</t>
  </si>
  <si>
    <t>cg16514473</t>
  </si>
  <si>
    <t>cg16515523</t>
  </si>
  <si>
    <t>cg16515815</t>
  </si>
  <si>
    <t>cg16516400</t>
  </si>
  <si>
    <t>cg16516405</t>
  </si>
  <si>
    <t>cg16516556</t>
  </si>
  <si>
    <t>cg16517753</t>
  </si>
  <si>
    <t>cg16519300</t>
  </si>
  <si>
    <t>cg16519477</t>
  </si>
  <si>
    <t>cg16519842</t>
  </si>
  <si>
    <t>cg16520795</t>
  </si>
  <si>
    <t>cg16520800</t>
  </si>
  <si>
    <t>cg16521555</t>
  </si>
  <si>
    <t>cg16523185</t>
  </si>
  <si>
    <t>cg16524005</t>
  </si>
  <si>
    <t>cg16524049</t>
  </si>
  <si>
    <t>cg16524830</t>
  </si>
  <si>
    <t>cg16525692</t>
  </si>
  <si>
    <t>cg16527877</t>
  </si>
  <si>
    <t>cg16528891</t>
  </si>
  <si>
    <t>cg16529592</t>
  </si>
  <si>
    <t>cg16529993</t>
  </si>
  <si>
    <t>cg16530429</t>
  </si>
  <si>
    <t>cg16532223</t>
  </si>
  <si>
    <t>cg16532399</t>
  </si>
  <si>
    <t>cg16540768</t>
  </si>
  <si>
    <t>cg16545821</t>
  </si>
  <si>
    <t>cg16545954</t>
  </si>
  <si>
    <t>cg16547629</t>
  </si>
  <si>
    <t>cg16549043</t>
  </si>
  <si>
    <t>cg16549596</t>
  </si>
  <si>
    <t>cg16549694</t>
  </si>
  <si>
    <t>cg16549957</t>
  </si>
  <si>
    <t>cg16552153</t>
  </si>
  <si>
    <t>cg16552822</t>
  </si>
  <si>
    <t>cg16553182</t>
  </si>
  <si>
    <t>cg16553500</t>
  </si>
  <si>
    <t>cg16555505</t>
  </si>
  <si>
    <t>cg16555909</t>
  </si>
  <si>
    <t>cg16557111</t>
  </si>
  <si>
    <t>cg16557944</t>
  </si>
  <si>
    <t>cg16558172</t>
  </si>
  <si>
    <t>cg16558330</t>
  </si>
  <si>
    <t>cg16559025</t>
  </si>
  <si>
    <t>cg16559708</t>
  </si>
  <si>
    <t>cg16560173</t>
  </si>
  <si>
    <t>cg16560209</t>
  </si>
  <si>
    <t>cg16561256</t>
  </si>
  <si>
    <t>cg16562342</t>
  </si>
  <si>
    <t>cg16562486</t>
  </si>
  <si>
    <t>cg16563656</t>
  </si>
  <si>
    <t>cg16564156</t>
  </si>
  <si>
    <t>cg16565161</t>
  </si>
  <si>
    <t>cg16566605</t>
  </si>
  <si>
    <t>cg16570917</t>
  </si>
  <si>
    <t>cg16572908</t>
  </si>
  <si>
    <t>cg16572910</t>
  </si>
  <si>
    <t>cg16572957</t>
  </si>
  <si>
    <t>cg16573386</t>
  </si>
  <si>
    <t>cg16574155</t>
  </si>
  <si>
    <t>cg16574962</t>
  </si>
  <si>
    <t>cg16576033</t>
  </si>
  <si>
    <t>cg16576569</t>
  </si>
  <si>
    <t>cg16577588</t>
  </si>
  <si>
    <t>cg16578549</t>
  </si>
  <si>
    <t>cg16578609</t>
  </si>
  <si>
    <t>cg16579225</t>
  </si>
  <si>
    <t>cg16581179</t>
  </si>
  <si>
    <t>cg16582732</t>
  </si>
  <si>
    <t>cg16583536</t>
  </si>
  <si>
    <t>cg16584392</t>
  </si>
  <si>
    <t>cg16585132</t>
  </si>
  <si>
    <t>cg16585946</t>
  </si>
  <si>
    <t>cg16585985</t>
  </si>
  <si>
    <t>cg16586406</t>
  </si>
  <si>
    <t>cg16586530</t>
  </si>
  <si>
    <t>cg16586566</t>
  </si>
  <si>
    <t>cg16590190</t>
  </si>
  <si>
    <t>cg16590319</t>
  </si>
  <si>
    <t>cg16591381</t>
  </si>
  <si>
    <t>cg16592897</t>
  </si>
  <si>
    <t>cg16593910</t>
  </si>
  <si>
    <t>cg16593917</t>
  </si>
  <si>
    <t>cg16596470</t>
  </si>
  <si>
    <t>cg16596889</t>
  </si>
  <si>
    <t>cg16597045</t>
  </si>
  <si>
    <t>cg16598244</t>
  </si>
  <si>
    <t>cg16598810</t>
  </si>
  <si>
    <t>cg16599703</t>
  </si>
  <si>
    <t>cg16599817</t>
  </si>
  <si>
    <t>cg16600869</t>
  </si>
  <si>
    <t>cg16603046</t>
  </si>
  <si>
    <t>cg16603059</t>
  </si>
  <si>
    <t>cg16603374</t>
  </si>
  <si>
    <t>cg16603784</t>
  </si>
  <si>
    <t>cg16603916</t>
  </si>
  <si>
    <t>cg16604035</t>
  </si>
  <si>
    <t>cg16604218</t>
  </si>
  <si>
    <t>cg16605187</t>
  </si>
  <si>
    <t>cg16607815</t>
  </si>
  <si>
    <t>cg16608348</t>
  </si>
  <si>
    <t>cg16611852</t>
  </si>
  <si>
    <t>cg16611895</t>
  </si>
  <si>
    <t>cg16612995</t>
  </si>
  <si>
    <t>cg16613192</t>
  </si>
  <si>
    <t>cg16618003</t>
  </si>
  <si>
    <t>cg16618493</t>
  </si>
  <si>
    <t>cg16619193</t>
  </si>
  <si>
    <t>cg16619764</t>
  </si>
  <si>
    <t>cg16639185</t>
  </si>
  <si>
    <t>cg16644344</t>
  </si>
  <si>
    <t>cg16646600</t>
  </si>
  <si>
    <t>cg16648841</t>
  </si>
  <si>
    <t>cg16650026</t>
  </si>
  <si>
    <t>cg16650099</t>
  </si>
  <si>
    <t>cg16650530</t>
  </si>
  <si>
    <t>cg16651877</t>
  </si>
  <si>
    <t>cg16652392</t>
  </si>
  <si>
    <t>cg16653395</t>
  </si>
  <si>
    <t>cg16654806</t>
  </si>
  <si>
    <t>cg16657448</t>
  </si>
  <si>
    <t>cg16658180</t>
  </si>
  <si>
    <t>cg16659899</t>
  </si>
  <si>
    <t>cg16660237</t>
  </si>
  <si>
    <t>cg16660677</t>
  </si>
  <si>
    <t>cg16661858</t>
  </si>
  <si>
    <t>cg16662846</t>
  </si>
  <si>
    <t>cg16663033</t>
  </si>
  <si>
    <t>cg16664472</t>
  </si>
  <si>
    <t>cg16664584</t>
  </si>
  <si>
    <t>cg16666456</t>
  </si>
  <si>
    <t>cg16672421</t>
  </si>
  <si>
    <t>cg16672668</t>
  </si>
  <si>
    <t>cg16674264</t>
  </si>
  <si>
    <t>cg16677112</t>
  </si>
  <si>
    <t>cg16677144</t>
  </si>
  <si>
    <t>cg16677955</t>
  </si>
  <si>
    <t>cg16679650</t>
  </si>
  <si>
    <t>cg16680159</t>
  </si>
  <si>
    <t>cg16680214</t>
  </si>
  <si>
    <t>cg16681310</t>
  </si>
  <si>
    <t>cg16681526</t>
  </si>
  <si>
    <t>cg16681597</t>
  </si>
  <si>
    <t>cg16682663</t>
  </si>
  <si>
    <t>cg16682693</t>
  </si>
  <si>
    <t>cg16685313</t>
  </si>
  <si>
    <t>cg16685388</t>
  </si>
  <si>
    <t>cg16685586</t>
  </si>
  <si>
    <t>cg16686279</t>
  </si>
  <si>
    <t>cg16686396</t>
  </si>
  <si>
    <t>cg16689634</t>
  </si>
  <si>
    <t>cg16691863</t>
  </si>
  <si>
    <t>cg16691898</t>
  </si>
  <si>
    <t>cg16694311</t>
  </si>
  <si>
    <t>cg16694480</t>
  </si>
  <si>
    <t>cg16694785</t>
  </si>
  <si>
    <t>cg16695380</t>
  </si>
  <si>
    <t>cg16696234</t>
  </si>
  <si>
    <t>cg16696648</t>
  </si>
  <si>
    <t>cg16697620</t>
  </si>
  <si>
    <t>cg16698212</t>
  </si>
  <si>
    <t>cg16698674</t>
  </si>
  <si>
    <t>cg16699148</t>
  </si>
  <si>
    <t>cg16700924</t>
  </si>
  <si>
    <t>cg16702725</t>
  </si>
  <si>
    <t>cg16705481</t>
  </si>
  <si>
    <t>cg16707062</t>
  </si>
  <si>
    <t>cg16707423</t>
  </si>
  <si>
    <t>cg16709311</t>
  </si>
  <si>
    <t>cg16710124</t>
  </si>
  <si>
    <t>cg16710146</t>
  </si>
  <si>
    <t>cg16710791</t>
  </si>
  <si>
    <t>cg16711866</t>
  </si>
  <si>
    <t>cg16712103</t>
  </si>
  <si>
    <t>cg16713551</t>
  </si>
  <si>
    <t>cg16713808</t>
  </si>
  <si>
    <t>cg16714755</t>
  </si>
  <si>
    <t>cg16715831</t>
  </si>
  <si>
    <t>cg16716196</t>
  </si>
  <si>
    <t>cg16716295</t>
  </si>
  <si>
    <t>cg16723182</t>
  </si>
  <si>
    <t>cg16724196</t>
  </si>
  <si>
    <t>cg16725097</t>
  </si>
  <si>
    <t>cg16727538</t>
  </si>
  <si>
    <t>cg16727986</t>
  </si>
  <si>
    <t>cg16728114</t>
  </si>
  <si>
    <t>cg16728604</t>
  </si>
  <si>
    <t>cg16730266</t>
  </si>
  <si>
    <t>cg16730798</t>
  </si>
  <si>
    <t>cg16731083</t>
  </si>
  <si>
    <t>cg16731488</t>
  </si>
  <si>
    <t>cg16732787</t>
  </si>
  <si>
    <t>cg16733136</t>
  </si>
  <si>
    <t>cg16733695</t>
  </si>
  <si>
    <t>cg16736826</t>
  </si>
  <si>
    <t>cg16741710</t>
  </si>
  <si>
    <t>cg16743289</t>
  </si>
  <si>
    <t>cg16767915</t>
  </si>
  <si>
    <t>cg16769442</t>
  </si>
  <si>
    <t>cg16773028</t>
  </si>
  <si>
    <t>cg16776350</t>
  </si>
  <si>
    <t>cg16790610</t>
  </si>
  <si>
    <t>cg16796590</t>
  </si>
  <si>
    <t>cg16797831</t>
  </si>
  <si>
    <t>cg16809460</t>
  </si>
  <si>
    <t>cg16815825</t>
  </si>
  <si>
    <t>cg16815850</t>
  </si>
  <si>
    <t>cg16815882</t>
  </si>
  <si>
    <t>cg16817034</t>
  </si>
  <si>
    <t>cg16817426</t>
  </si>
  <si>
    <t>cg16819803</t>
  </si>
  <si>
    <t>cg16822407</t>
  </si>
  <si>
    <t>cg16822606</t>
  </si>
  <si>
    <t>cg16823976</t>
  </si>
  <si>
    <t>cg16824319</t>
  </si>
  <si>
    <t>cg16825000</t>
  </si>
  <si>
    <t>cg16833230</t>
  </si>
  <si>
    <t>cg16834431</t>
  </si>
  <si>
    <t>cg16834537</t>
  </si>
  <si>
    <t>cg16839093</t>
  </si>
  <si>
    <t>cg16853982</t>
  </si>
  <si>
    <t>cg16856342</t>
  </si>
  <si>
    <t>cg16858125</t>
  </si>
  <si>
    <t>cg16858898</t>
  </si>
  <si>
    <t>cg16861047</t>
  </si>
  <si>
    <t>cg16864895</t>
  </si>
  <si>
    <t>cg16879052</t>
  </si>
  <si>
    <t>cg16886895</t>
  </si>
  <si>
    <t>cg16891895</t>
  </si>
  <si>
    <t>cg16893614</t>
  </si>
  <si>
    <t>cg16894439</t>
  </si>
  <si>
    <t>cg16894819</t>
  </si>
  <si>
    <t>cg16897005</t>
  </si>
  <si>
    <t>cg16898219</t>
  </si>
  <si>
    <t>cg16899280</t>
  </si>
  <si>
    <t>cg16899892</t>
  </si>
  <si>
    <t>cg16900618</t>
  </si>
  <si>
    <t>cg16902087</t>
  </si>
  <si>
    <t>cg16902156</t>
  </si>
  <si>
    <t>cg16902244</t>
  </si>
  <si>
    <t>cg16903016</t>
  </si>
  <si>
    <t>cg16903217</t>
  </si>
  <si>
    <t>cg16903605</t>
  </si>
  <si>
    <t>cg16904090</t>
  </si>
  <si>
    <t>cg16904348</t>
  </si>
  <si>
    <t>cg16904639</t>
  </si>
  <si>
    <t>cg16904686</t>
  </si>
  <si>
    <t>cg16906964</t>
  </si>
  <si>
    <t>cg16908770</t>
  </si>
  <si>
    <t>cg16909824</t>
  </si>
  <si>
    <t>cg16910115</t>
  </si>
  <si>
    <t>cg16910448</t>
  </si>
  <si>
    <t>cg16918263</t>
  </si>
  <si>
    <t>cg16918585</t>
  </si>
  <si>
    <t>cg16922167</t>
  </si>
  <si>
    <t>cg16922557</t>
  </si>
  <si>
    <t>cg16924985</t>
  </si>
  <si>
    <t>cg16926302</t>
  </si>
  <si>
    <t>cg16926734</t>
  </si>
  <si>
    <t>cg16928044</t>
  </si>
  <si>
    <t>cg16956745</t>
  </si>
  <si>
    <t>cg16959606</t>
  </si>
  <si>
    <t>cg16966520</t>
  </si>
  <si>
    <t>cg16966962</t>
  </si>
  <si>
    <t>cg16967578</t>
  </si>
  <si>
    <t>cg16968662</t>
  </si>
  <si>
    <t>cg16985652</t>
  </si>
  <si>
    <t>cg16985952</t>
  </si>
  <si>
    <t>cg16986748</t>
  </si>
  <si>
    <t>cg16987567</t>
  </si>
  <si>
    <t>cg16989443</t>
  </si>
  <si>
    <t>cg16990168</t>
  </si>
  <si>
    <t>cg16992594</t>
  </si>
  <si>
    <t>cg16995524</t>
  </si>
  <si>
    <t>cg16995668</t>
  </si>
  <si>
    <t>cg16996144</t>
  </si>
  <si>
    <t>cg16996266</t>
  </si>
  <si>
    <t>cg16997278</t>
  </si>
  <si>
    <t>cg16998122</t>
  </si>
  <si>
    <t>cg17000774</t>
  </si>
  <si>
    <t>cg17001032</t>
  </si>
  <si>
    <t>cg17001034</t>
  </si>
  <si>
    <t>cg17001401</t>
  </si>
  <si>
    <t>cg17001765</t>
  </si>
  <si>
    <t>cg17002259</t>
  </si>
  <si>
    <t>cg17004373</t>
  </si>
  <si>
    <t>cg17008160</t>
  </si>
  <si>
    <t>cg17009073</t>
  </si>
  <si>
    <t>cg17012079</t>
  </si>
  <si>
    <t>cg17014728</t>
  </si>
  <si>
    <t>cg17014785</t>
  </si>
  <si>
    <t>cg17015803</t>
  </si>
  <si>
    <t>cg17015937</t>
  </si>
  <si>
    <t>cg17016830</t>
  </si>
  <si>
    <t>cg17016894</t>
  </si>
  <si>
    <t>cg17017596</t>
  </si>
  <si>
    <t>cg17017746</t>
  </si>
  <si>
    <t>cg17019143</t>
  </si>
  <si>
    <t>cg17020695</t>
  </si>
  <si>
    <t>cg17021880</t>
  </si>
  <si>
    <t>cg17022488</t>
  </si>
  <si>
    <t>cg17023856</t>
  </si>
  <si>
    <t>cg17029721</t>
  </si>
  <si>
    <t>cg17030238</t>
  </si>
  <si>
    <t>cg17030415</t>
  </si>
  <si>
    <t>cg17030628</t>
  </si>
  <si>
    <t>cg17031727</t>
  </si>
  <si>
    <t>cg17032005</t>
  </si>
  <si>
    <t>cg17032372</t>
  </si>
  <si>
    <t>cg17032590</t>
  </si>
  <si>
    <t>cg17032646</t>
  </si>
  <si>
    <t>cg17033837</t>
  </si>
  <si>
    <t>cg17034109</t>
  </si>
  <si>
    <t>cg17034181</t>
  </si>
  <si>
    <t>cg17035539</t>
  </si>
  <si>
    <t>cg17035844</t>
  </si>
  <si>
    <t>cg17035984</t>
  </si>
  <si>
    <t>cg17036007</t>
  </si>
  <si>
    <t>cg17036164</t>
  </si>
  <si>
    <t>cg17037018</t>
  </si>
  <si>
    <t>cg17038116</t>
  </si>
  <si>
    <t>cg17038397</t>
  </si>
  <si>
    <t>cg17038416</t>
  </si>
  <si>
    <t>cg17043284</t>
  </si>
  <si>
    <t>cg17043722</t>
  </si>
  <si>
    <t>cg17044090</t>
  </si>
  <si>
    <t>cg17051623</t>
  </si>
  <si>
    <t>cg17056089</t>
  </si>
  <si>
    <t>cg17065852</t>
  </si>
  <si>
    <t>cg17069573</t>
  </si>
  <si>
    <t>cg17074704</t>
  </si>
  <si>
    <t>cg17075428</t>
  </si>
  <si>
    <t>cg17076592</t>
  </si>
  <si>
    <t>cg17077042</t>
  </si>
  <si>
    <t>cg17078393</t>
  </si>
  <si>
    <t>cg17078656</t>
  </si>
  <si>
    <t>cg17079961</t>
  </si>
  <si>
    <t>cg17080021</t>
  </si>
  <si>
    <t>cg17081027</t>
  </si>
  <si>
    <t>cg17081063</t>
  </si>
  <si>
    <t>cg17081645</t>
  </si>
  <si>
    <t>cg17081867</t>
  </si>
  <si>
    <t>cg17082959</t>
  </si>
  <si>
    <t>cg17084863</t>
  </si>
  <si>
    <t>cg17085123</t>
  </si>
  <si>
    <t>cg17085457</t>
  </si>
  <si>
    <t>cg17086939</t>
  </si>
  <si>
    <t>cg17088073</t>
  </si>
  <si>
    <t>cg17089019</t>
  </si>
  <si>
    <t>cg17093466</t>
  </si>
  <si>
    <t>cg17094624</t>
  </si>
  <si>
    <t>cg17095179</t>
  </si>
  <si>
    <t>cg17095728</t>
  </si>
  <si>
    <t>cg17095936</t>
  </si>
  <si>
    <t>cg17096191</t>
  </si>
  <si>
    <t>cg17097571</t>
  </si>
  <si>
    <t>cg17098093</t>
  </si>
  <si>
    <t>cg17098103</t>
  </si>
  <si>
    <t>cg17100176</t>
  </si>
  <si>
    <t>cg17100200</t>
  </si>
  <si>
    <t>cg17101748</t>
  </si>
  <si>
    <t>cg17102325</t>
  </si>
  <si>
    <t>cg17102963</t>
  </si>
  <si>
    <t>cg17104151</t>
  </si>
  <si>
    <t>cg17104202</t>
  </si>
  <si>
    <t>cg17104425</t>
  </si>
  <si>
    <t>cg17105912</t>
  </si>
  <si>
    <t>cg17106415</t>
  </si>
  <si>
    <t>cg17107307</t>
  </si>
  <si>
    <t>cg17107840</t>
  </si>
  <si>
    <t>cg17109441</t>
  </si>
  <si>
    <t>cg17109517</t>
  </si>
  <si>
    <t>cg17110920</t>
  </si>
  <si>
    <t>cg17111087</t>
  </si>
  <si>
    <t>cg17112828</t>
  </si>
  <si>
    <t>cg17113878</t>
  </si>
  <si>
    <t>cg17114375</t>
  </si>
  <si>
    <t>cg17121120</t>
  </si>
  <si>
    <t>cg17124700</t>
  </si>
  <si>
    <t>cg17125585</t>
  </si>
  <si>
    <t>cg17125897</t>
  </si>
  <si>
    <t>cg17127511</t>
  </si>
  <si>
    <t>cg17128799</t>
  </si>
  <si>
    <t>cg17129435</t>
  </si>
  <si>
    <t>cg17130110</t>
  </si>
  <si>
    <t>cg17131183</t>
  </si>
  <si>
    <t>cg17132079</t>
  </si>
  <si>
    <t>cg17132364</t>
  </si>
  <si>
    <t>cg17133774</t>
  </si>
  <si>
    <t>cg17134770</t>
  </si>
  <si>
    <t>cg17135423</t>
  </si>
  <si>
    <t>cg17135580</t>
  </si>
  <si>
    <t>cg17136275</t>
  </si>
  <si>
    <t>cg17136696</t>
  </si>
  <si>
    <t>cg17137063</t>
  </si>
  <si>
    <t>cg17137218</t>
  </si>
  <si>
    <t>cg17138037</t>
  </si>
  <si>
    <t>cg17138539</t>
  </si>
  <si>
    <t>cg17140222</t>
  </si>
  <si>
    <t>cg17141735</t>
  </si>
  <si>
    <t>cg17142039</t>
  </si>
  <si>
    <t>cg17142931</t>
  </si>
  <si>
    <t>cg17143168</t>
  </si>
  <si>
    <t>cg17143900</t>
  </si>
  <si>
    <t>cg17145806</t>
  </si>
  <si>
    <t>cg17146111</t>
  </si>
  <si>
    <t>cg17149103</t>
  </si>
  <si>
    <t>cg17149431</t>
  </si>
  <si>
    <t>cg17150265</t>
  </si>
  <si>
    <t>cg17151560</t>
  </si>
  <si>
    <t>cg17153174</t>
  </si>
  <si>
    <t>cg17154022</t>
  </si>
  <si>
    <t>cg17155610</t>
  </si>
  <si>
    <t>cg17156011</t>
  </si>
  <si>
    <t>cg17156349</t>
  </si>
  <si>
    <t>cg17156633</t>
  </si>
  <si>
    <t>cg17156641</t>
  </si>
  <si>
    <t>cg17156862</t>
  </si>
  <si>
    <t>cg17157516</t>
  </si>
  <si>
    <t>cg17161026</t>
  </si>
  <si>
    <t>cg17161617</t>
  </si>
  <si>
    <t>cg17162576</t>
  </si>
  <si>
    <t>cg17163404</t>
  </si>
  <si>
    <t>cg17164863</t>
  </si>
  <si>
    <t>cg17164905</t>
  </si>
  <si>
    <t>cg17166812</t>
  </si>
  <si>
    <t>cg17168836</t>
  </si>
  <si>
    <t>cg17170190</t>
  </si>
  <si>
    <t>cg17170872</t>
  </si>
  <si>
    <t>cg17175419</t>
  </si>
  <si>
    <t>cg17178220</t>
  </si>
  <si>
    <t>cg17179571</t>
  </si>
  <si>
    <t>cg17179826</t>
  </si>
  <si>
    <t>cg17180237</t>
  </si>
  <si>
    <t>cg17180977</t>
  </si>
  <si>
    <t>cg17184245</t>
  </si>
  <si>
    <t>cg17185953</t>
  </si>
  <si>
    <t>cg17189494</t>
  </si>
  <si>
    <t>cg17211582</t>
  </si>
  <si>
    <t>cg17213616</t>
  </si>
  <si>
    <t>cg17214089</t>
  </si>
  <si>
    <t>cg17215278</t>
  </si>
  <si>
    <t>cg17216266</t>
  </si>
  <si>
    <t>cg17217296</t>
  </si>
  <si>
    <t>cg17217691</t>
  </si>
  <si>
    <t>cg17217879</t>
  </si>
  <si>
    <t>cg17220161</t>
  </si>
  <si>
    <t>cg17220749</t>
  </si>
  <si>
    <t>cg17221348</t>
  </si>
  <si>
    <t>cg17221941</t>
  </si>
  <si>
    <t>cg17221945</t>
  </si>
  <si>
    <t>cg17222196</t>
  </si>
  <si>
    <t>cg17223218</t>
  </si>
  <si>
    <t>cg17223809</t>
  </si>
  <si>
    <t>cg17223866</t>
  </si>
  <si>
    <t>cg17225426</t>
  </si>
  <si>
    <t>cg17236617</t>
  </si>
  <si>
    <t>cg17237951</t>
  </si>
  <si>
    <t>cg17238766</t>
  </si>
  <si>
    <t>cg17239103</t>
  </si>
  <si>
    <t>cg17239796</t>
  </si>
  <si>
    <t>cg17241013</t>
  </si>
  <si>
    <t>cg17241310</t>
  </si>
  <si>
    <t>cg17242490</t>
  </si>
  <si>
    <t>cg17242981</t>
  </si>
  <si>
    <t>cg17243654</t>
  </si>
  <si>
    <t>cg17244098</t>
  </si>
  <si>
    <t>cg17245735</t>
  </si>
  <si>
    <t>cg17246606</t>
  </si>
  <si>
    <t>cg17250929</t>
  </si>
  <si>
    <t>cg17253459</t>
  </si>
  <si>
    <t>cg17265729</t>
  </si>
  <si>
    <t>cg17266431</t>
  </si>
  <si>
    <t>cg17267239</t>
  </si>
  <si>
    <t>cg17269424</t>
  </si>
  <si>
    <t>cg17270598</t>
  </si>
  <si>
    <t>cg17270808</t>
  </si>
  <si>
    <t>cg17271504</t>
  </si>
  <si>
    <t>cg17271592</t>
  </si>
  <si>
    <t>cg17271658</t>
  </si>
  <si>
    <t>cg17273183</t>
  </si>
  <si>
    <t>cg17273415</t>
  </si>
  <si>
    <t>cg17274827</t>
  </si>
  <si>
    <t>cg17276450</t>
  </si>
  <si>
    <t>cg17276863</t>
  </si>
  <si>
    <t>cg17278062</t>
  </si>
  <si>
    <t>cg17279103</t>
  </si>
  <si>
    <t>cg17280828</t>
  </si>
  <si>
    <t>cg17283294</t>
  </si>
  <si>
    <t>cg17283506</t>
  </si>
  <si>
    <t>cg17285605</t>
  </si>
  <si>
    <t>cg17286253</t>
  </si>
  <si>
    <t>cg17286491</t>
  </si>
  <si>
    <t>cg17297305</t>
  </si>
  <si>
    <t>cg17298516</t>
  </si>
  <si>
    <t>cg17298776</t>
  </si>
  <si>
    <t>cg17298788</t>
  </si>
  <si>
    <t>cg17299007</t>
  </si>
  <si>
    <t>cg17299902</t>
  </si>
  <si>
    <t>cg17308840</t>
  </si>
  <si>
    <t>cg17318529</t>
  </si>
  <si>
    <t>cg17319576</t>
  </si>
  <si>
    <t>cg17319849</t>
  </si>
  <si>
    <t>cg17324226</t>
  </si>
  <si>
    <t>cg17327184</t>
  </si>
  <si>
    <t>cg17327404</t>
  </si>
  <si>
    <t>cg17328839</t>
  </si>
  <si>
    <t>cg17329292</t>
  </si>
  <si>
    <t>cg17329304</t>
  </si>
  <si>
    <t>cg17329534</t>
  </si>
  <si>
    <t>cg17330097</t>
  </si>
  <si>
    <t>cg17330200</t>
  </si>
  <si>
    <t>cg17330652</t>
  </si>
  <si>
    <t>cg17331494</t>
  </si>
  <si>
    <t>cg17331566</t>
  </si>
  <si>
    <t>cg17331569</t>
  </si>
  <si>
    <t>cg17331950</t>
  </si>
  <si>
    <t>cg17339202</t>
  </si>
  <si>
    <t>cg17340519</t>
  </si>
  <si>
    <t>cg17350448</t>
  </si>
  <si>
    <t>cg17355239</t>
  </si>
  <si>
    <t>cg17355809</t>
  </si>
  <si>
    <t>cg17359092</t>
  </si>
  <si>
    <t>cg17371249</t>
  </si>
  <si>
    <t>cg17385448</t>
  </si>
  <si>
    <t>cg17385674</t>
  </si>
  <si>
    <t>cg17397377</t>
  </si>
  <si>
    <t>cg17405058</t>
  </si>
  <si>
    <t>cg17412005</t>
  </si>
  <si>
    <t>cg17412102</t>
  </si>
  <si>
    <t>cg17414508</t>
  </si>
  <si>
    <t>cg17416233</t>
  </si>
  <si>
    <t>cg17417191</t>
  </si>
  <si>
    <t>cg17417878</t>
  </si>
  <si>
    <t>cg17419597</t>
  </si>
  <si>
    <t>cg17421062</t>
  </si>
  <si>
    <t>cg17421241</t>
  </si>
  <si>
    <t>cg17421805</t>
  </si>
  <si>
    <t>cg17422088</t>
  </si>
  <si>
    <t>cg17424007</t>
  </si>
  <si>
    <t>cg17424433</t>
  </si>
  <si>
    <t>cg17425144</t>
  </si>
  <si>
    <t>cg17425580</t>
  </si>
  <si>
    <t>cg17425590</t>
  </si>
  <si>
    <t>cg17425810</t>
  </si>
  <si>
    <t>cg17426766</t>
  </si>
  <si>
    <t>cg17428085</t>
  </si>
  <si>
    <t>cg17428913</t>
  </si>
  <si>
    <t>cg17429686</t>
  </si>
  <si>
    <t>cg17430636</t>
  </si>
  <si>
    <t>cg17430805</t>
  </si>
  <si>
    <t>cg17430967</t>
  </si>
  <si>
    <t>cg17431888</t>
  </si>
  <si>
    <t>cg17434008</t>
  </si>
  <si>
    <t>cg17434062</t>
  </si>
  <si>
    <t>cg17434154</t>
  </si>
  <si>
    <t>cg17434257</t>
  </si>
  <si>
    <t>cg17434472</t>
  </si>
  <si>
    <t>cg17435683</t>
  </si>
  <si>
    <t>cg17436025</t>
  </si>
  <si>
    <t>cg17438457</t>
  </si>
  <si>
    <t>cg17438636</t>
  </si>
  <si>
    <t>cg17439671</t>
  </si>
  <si>
    <t>cg17440248</t>
  </si>
  <si>
    <t>cg17441982</t>
  </si>
  <si>
    <t>cg17443007</t>
  </si>
  <si>
    <t>cg17443473</t>
  </si>
  <si>
    <t>cg17443668</t>
  </si>
  <si>
    <t>cg17443753</t>
  </si>
  <si>
    <t>cg17444595</t>
  </si>
  <si>
    <t>cg17445140</t>
  </si>
  <si>
    <t>cg17445490</t>
  </si>
  <si>
    <t>cg17445605</t>
  </si>
  <si>
    <t>cg17445618</t>
  </si>
  <si>
    <t>cg17447502</t>
  </si>
  <si>
    <t>cg17448137</t>
  </si>
  <si>
    <t>cg17449235</t>
  </si>
  <si>
    <t>cg17450090</t>
  </si>
  <si>
    <t>cg17452713</t>
  </si>
  <si>
    <t>cg17453456</t>
  </si>
  <si>
    <t>cg17455183</t>
  </si>
  <si>
    <t>cg17455591</t>
  </si>
  <si>
    <t>cg17456675</t>
  </si>
  <si>
    <t>cg17457884</t>
  </si>
  <si>
    <t>cg17459290</t>
  </si>
  <si>
    <t>cg17460386</t>
  </si>
  <si>
    <t>cg17461214</t>
  </si>
  <si>
    <t>cg17461278</t>
  </si>
  <si>
    <t>cg17463432</t>
  </si>
  <si>
    <t>cg17463959</t>
  </si>
  <si>
    <t>cg17464228</t>
  </si>
  <si>
    <t>cg17465336</t>
  </si>
  <si>
    <t>cg17465569</t>
  </si>
  <si>
    <t>cg17465616</t>
  </si>
  <si>
    <t>cg17466474</t>
  </si>
  <si>
    <t>cg17466510</t>
  </si>
  <si>
    <t>cg17467525</t>
  </si>
  <si>
    <t>cg17468459</t>
  </si>
  <si>
    <t>cg17468616</t>
  </si>
  <si>
    <t>cg17468855</t>
  </si>
  <si>
    <t>cg17470627</t>
  </si>
  <si>
    <t>cg17473600</t>
  </si>
  <si>
    <t>cg17474260</t>
  </si>
  <si>
    <t>cg17475467</t>
  </si>
  <si>
    <t>cg17476285</t>
  </si>
  <si>
    <t>cg17478282</t>
  </si>
  <si>
    <t>cg17479763</t>
  </si>
  <si>
    <t>cg17479943</t>
  </si>
  <si>
    <t>cg17481936</t>
  </si>
  <si>
    <t>cg17482935</t>
  </si>
  <si>
    <t>cg17483482</t>
  </si>
  <si>
    <t>cg17484154</t>
  </si>
  <si>
    <t>cg17486263</t>
  </si>
  <si>
    <t>cg17487726</t>
  </si>
  <si>
    <t>cg17488500</t>
  </si>
  <si>
    <t>cg17489312</t>
  </si>
  <si>
    <t>cg17490283</t>
  </si>
  <si>
    <t>cg17491697</t>
  </si>
  <si>
    <t>cg17493193</t>
  </si>
  <si>
    <t>cg17493795</t>
  </si>
  <si>
    <t>cg17494034</t>
  </si>
  <si>
    <t>cg17494334</t>
  </si>
  <si>
    <t>cg17494585</t>
  </si>
  <si>
    <t>cg17495046</t>
  </si>
  <si>
    <t>cg17495466</t>
  </si>
  <si>
    <t>cg17496887</t>
  </si>
  <si>
    <t>cg17497824</t>
  </si>
  <si>
    <t>cg17499212</t>
  </si>
  <si>
    <t>cg17499345</t>
  </si>
  <si>
    <t>cg17499430</t>
  </si>
  <si>
    <t>cg17499822</t>
  </si>
  <si>
    <t>cg17500055</t>
  </si>
  <si>
    <t>cg17500189</t>
  </si>
  <si>
    <t>cg17501828</t>
  </si>
  <si>
    <t>cg17506178</t>
  </si>
  <si>
    <t>cg17506563</t>
  </si>
  <si>
    <t>cg17507949</t>
  </si>
  <si>
    <t>cg17508273</t>
  </si>
  <si>
    <t>cg17510206</t>
  </si>
  <si>
    <t>cg17510786</t>
  </si>
  <si>
    <t>cg17511195</t>
  </si>
  <si>
    <t>cg17511251</t>
  </si>
  <si>
    <t>cg17511829</t>
  </si>
  <si>
    <t>cg17512401</t>
  </si>
  <si>
    <t>cg17512922</t>
  </si>
  <si>
    <t>cg17513477</t>
  </si>
  <si>
    <t>cg17513697</t>
  </si>
  <si>
    <t>cg17514199</t>
  </si>
  <si>
    <t>cg17514528</t>
  </si>
  <si>
    <t>cg17514654</t>
  </si>
  <si>
    <t>cg17515024</t>
  </si>
  <si>
    <t>cg17517453</t>
  </si>
  <si>
    <t>cg17517799</t>
  </si>
  <si>
    <t>cg17517900</t>
  </si>
  <si>
    <t>cg17518949</t>
  </si>
  <si>
    <t>cg17519955</t>
  </si>
  <si>
    <t>cg17520027</t>
  </si>
  <si>
    <t>cg17520176</t>
  </si>
  <si>
    <t>cg17525406</t>
  </si>
  <si>
    <t>cg17530411</t>
  </si>
  <si>
    <t>cg17533684</t>
  </si>
  <si>
    <t>cg17543296</t>
  </si>
  <si>
    <t>cg17558126</t>
  </si>
  <si>
    <t>cg17572572</t>
  </si>
  <si>
    <t>cg17582777</t>
  </si>
  <si>
    <t>cg17589124</t>
  </si>
  <si>
    <t>cg17589397</t>
  </si>
  <si>
    <t>cg17591343</t>
  </si>
  <si>
    <t>cg17591574</t>
  </si>
  <si>
    <t>cg17591915</t>
  </si>
  <si>
    <t>cg17592051</t>
  </si>
  <si>
    <t>cg17592360</t>
  </si>
  <si>
    <t>cg17592667</t>
  </si>
  <si>
    <t>cg17593169</t>
  </si>
  <si>
    <t>cg17593366</t>
  </si>
  <si>
    <t>cg17593391</t>
  </si>
  <si>
    <t>cg17594670</t>
  </si>
  <si>
    <t>cg17596142</t>
  </si>
  <si>
    <t>cg17596279</t>
  </si>
  <si>
    <t>cg17597249</t>
  </si>
  <si>
    <t>cg17597419</t>
  </si>
  <si>
    <t>cg17598287</t>
  </si>
  <si>
    <t>cg17598937</t>
  </si>
  <si>
    <t>cg17598997</t>
  </si>
  <si>
    <t>cg17599609</t>
  </si>
  <si>
    <t>cg17600680</t>
  </si>
  <si>
    <t>cg17601209</t>
  </si>
  <si>
    <t>cg17602777</t>
  </si>
  <si>
    <t>cg17602903</t>
  </si>
  <si>
    <t>cg17603733</t>
  </si>
  <si>
    <t>cg17606675</t>
  </si>
  <si>
    <t>cg17611742</t>
  </si>
  <si>
    <t>cg17612270</t>
  </si>
  <si>
    <t>cg17649588</t>
  </si>
  <si>
    <t>cg17657618</t>
  </si>
  <si>
    <t>cg17660655</t>
  </si>
  <si>
    <t>cg17661881</t>
  </si>
  <si>
    <t>cg17670191</t>
  </si>
  <si>
    <t>cg17670650</t>
  </si>
  <si>
    <t>cg17671608</t>
  </si>
  <si>
    <t>cg17680089</t>
  </si>
  <si>
    <t>cg17685111</t>
  </si>
  <si>
    <t>cg17696091</t>
  </si>
  <si>
    <t>cg17703324</t>
  </si>
  <si>
    <t>cg17705658</t>
  </si>
  <si>
    <t>cg17707347</t>
  </si>
  <si>
    <t>cg17709703</t>
  </si>
  <si>
    <t>cg17709975</t>
  </si>
  <si>
    <t>cg17711365</t>
  </si>
  <si>
    <t>cg17711527</t>
  </si>
  <si>
    <t>cg17711754</t>
  </si>
  <si>
    <t>cg17716724</t>
  </si>
  <si>
    <t>cg17717169</t>
  </si>
  <si>
    <t>cg17718182</t>
  </si>
  <si>
    <t>cg17718515</t>
  </si>
  <si>
    <t>cg17719229</t>
  </si>
  <si>
    <t>cg17719543</t>
  </si>
  <si>
    <t>cg17720233</t>
  </si>
  <si>
    <t>cg17722884</t>
  </si>
  <si>
    <t>cg17723122</t>
  </si>
  <si>
    <t>cg17725472</t>
  </si>
  <si>
    <t>cg17727529</t>
  </si>
  <si>
    <t>cg17733100</t>
  </si>
  <si>
    <t>cg17733702</t>
  </si>
  <si>
    <t>cg17736252</t>
  </si>
  <si>
    <t>cg17736259</t>
  </si>
  <si>
    <t>cg17736671</t>
  </si>
  <si>
    <t>cg17736772</t>
  </si>
  <si>
    <t>cg17736840</t>
  </si>
  <si>
    <t>cg17737141</t>
  </si>
  <si>
    <t>cg17739202</t>
  </si>
  <si>
    <t>cg17739643</t>
  </si>
  <si>
    <t>cg17740093</t>
  </si>
  <si>
    <t>cg17740752</t>
  </si>
  <si>
    <t>cg17741539</t>
  </si>
  <si>
    <t>cg17742359</t>
  </si>
  <si>
    <t>cg17742781</t>
  </si>
  <si>
    <t>cg17743381</t>
  </si>
  <si>
    <t>cg17744604</t>
  </si>
  <si>
    <t>cg17744836</t>
  </si>
  <si>
    <t>cg17745097</t>
  </si>
  <si>
    <t>cg17745262</t>
  </si>
  <si>
    <t>cg17746130</t>
  </si>
  <si>
    <t>cg17747265</t>
  </si>
  <si>
    <t>cg17747879</t>
  </si>
  <si>
    <t>cg17748182</t>
  </si>
  <si>
    <t>cg17748520</t>
  </si>
  <si>
    <t>cg17748900</t>
  </si>
  <si>
    <t>cg17750038</t>
  </si>
  <si>
    <t>cg17750109</t>
  </si>
  <si>
    <t>cg17752960</t>
  </si>
  <si>
    <t>cg17753347</t>
  </si>
  <si>
    <t>cg17753666</t>
  </si>
  <si>
    <t>cg17753974</t>
  </si>
  <si>
    <t>cg17754168</t>
  </si>
  <si>
    <t>cg17754515</t>
  </si>
  <si>
    <t>cg17755386</t>
  </si>
  <si>
    <t>cg17755460</t>
  </si>
  <si>
    <t>cg17755495</t>
  </si>
  <si>
    <t>cg17756730</t>
  </si>
  <si>
    <t>cg17758905</t>
  </si>
  <si>
    <t>cg17759535</t>
  </si>
  <si>
    <t>cg17759605</t>
  </si>
  <si>
    <t>cg17759806</t>
  </si>
  <si>
    <t>cg17760678</t>
  </si>
  <si>
    <t>cg17777738</t>
  </si>
  <si>
    <t>cg17780098</t>
  </si>
  <si>
    <t>cg17785515</t>
  </si>
  <si>
    <t>cg17786642</t>
  </si>
  <si>
    <t>cg17786659</t>
  </si>
  <si>
    <t>cg17786902</t>
  </si>
  <si>
    <t>cg17787084</t>
  </si>
  <si>
    <t>cg17787876</t>
  </si>
  <si>
    <t>cg17788480</t>
  </si>
  <si>
    <t>cg17791651</t>
  </si>
  <si>
    <t>cg17797480</t>
  </si>
  <si>
    <t>cg17798070</t>
  </si>
  <si>
    <t>cg17798192</t>
  </si>
  <si>
    <t>cg17798659</t>
  </si>
  <si>
    <t>cg17799601</t>
  </si>
  <si>
    <t>cg17799742</t>
  </si>
  <si>
    <t>cg17800870</t>
  </si>
  <si>
    <t>cg17801256</t>
  </si>
  <si>
    <t>cg17801268</t>
  </si>
  <si>
    <t>cg17801546</t>
  </si>
  <si>
    <t>cg17803430</t>
  </si>
  <si>
    <t>cg17804100</t>
  </si>
  <si>
    <t>cg17804356</t>
  </si>
  <si>
    <t>cg17805199</t>
  </si>
  <si>
    <t>cg17807554</t>
  </si>
  <si>
    <t>cg17807824</t>
  </si>
  <si>
    <t>cg17808839</t>
  </si>
  <si>
    <t>cg17810781</t>
  </si>
  <si>
    <t>cg17814814</t>
  </si>
  <si>
    <t>cg17815049</t>
  </si>
  <si>
    <t>cg17815134</t>
  </si>
  <si>
    <t>cg17815567</t>
  </si>
  <si>
    <t>cg17815800</t>
  </si>
  <si>
    <t>cg17819053</t>
  </si>
  <si>
    <t>cg17819085</t>
  </si>
  <si>
    <t>cg17819635</t>
  </si>
  <si>
    <t>cg17819732</t>
  </si>
  <si>
    <t>cg17819831</t>
  </si>
  <si>
    <t>cg17821079</t>
  </si>
  <si>
    <t>cg17821473</t>
  </si>
  <si>
    <t>cg17822325</t>
  </si>
  <si>
    <t>cg17823943</t>
  </si>
  <si>
    <t>cg17826594</t>
  </si>
  <si>
    <t>cg17826980</t>
  </si>
  <si>
    <t>cg17826986</t>
  </si>
  <si>
    <t>cg17827017</t>
  </si>
  <si>
    <t>cg17827020</t>
  </si>
  <si>
    <t>cg17827148</t>
  </si>
  <si>
    <t>cg17827632</t>
  </si>
  <si>
    <t>cg17830682</t>
  </si>
  <si>
    <t>cg17830921</t>
  </si>
  <si>
    <t>cg17832212</t>
  </si>
  <si>
    <t>cg17833106</t>
  </si>
  <si>
    <t>cg17833341</t>
  </si>
  <si>
    <t>cg17833419</t>
  </si>
  <si>
    <t>cg17833902</t>
  </si>
  <si>
    <t>cg17835369</t>
  </si>
  <si>
    <t>cg17838754</t>
  </si>
  <si>
    <t>cg17843487</t>
  </si>
  <si>
    <t>cg17843887</t>
  </si>
  <si>
    <t>cg17844599</t>
  </si>
  <si>
    <t>cg17845761</t>
  </si>
  <si>
    <t>cg17848546</t>
  </si>
  <si>
    <t>cg17848797</t>
  </si>
  <si>
    <t>cg17849542</t>
  </si>
  <si>
    <t>cg17850088</t>
  </si>
  <si>
    <t>cg17850498</t>
  </si>
  <si>
    <t>cg17851440</t>
  </si>
  <si>
    <t>cg17851730</t>
  </si>
  <si>
    <t>cg17852744</t>
  </si>
  <si>
    <t>cg17853087</t>
  </si>
  <si>
    <t>cg17853302</t>
  </si>
  <si>
    <t>cg17853850</t>
  </si>
  <si>
    <t>cg17854471</t>
  </si>
  <si>
    <t>cg17854654</t>
  </si>
  <si>
    <t>cg17855390</t>
  </si>
  <si>
    <t>cg17855595</t>
  </si>
  <si>
    <t>cg17855783</t>
  </si>
  <si>
    <t>cg17856063</t>
  </si>
  <si>
    <t>cg17856083</t>
  </si>
  <si>
    <t>cg17858100</t>
  </si>
  <si>
    <t>cg17858486</t>
  </si>
  <si>
    <t>cg17859081</t>
  </si>
  <si>
    <t>cg17859359</t>
  </si>
  <si>
    <t>cg17859448</t>
  </si>
  <si>
    <t>cg17859706</t>
  </si>
  <si>
    <t>cg17860158</t>
  </si>
  <si>
    <t>cg17860800</t>
  </si>
  <si>
    <t>cg17861150</t>
  </si>
  <si>
    <t>cg17861161</t>
  </si>
  <si>
    <t>cg17861477</t>
  </si>
  <si>
    <t>cg17863139</t>
  </si>
  <si>
    <t>cg17863681</t>
  </si>
  <si>
    <t>cg17864040</t>
  </si>
  <si>
    <t>cg17866044</t>
  </si>
  <si>
    <t>cg17866373</t>
  </si>
  <si>
    <t>cg17868079</t>
  </si>
  <si>
    <t>cg17868674</t>
  </si>
  <si>
    <t>cg17868840</t>
  </si>
  <si>
    <t>cg17869339</t>
  </si>
  <si>
    <t>cg17869799</t>
  </si>
  <si>
    <t>cg17869851</t>
  </si>
  <si>
    <t>cg17869988</t>
  </si>
  <si>
    <t>cg17870792</t>
  </si>
  <si>
    <t>cg17872853</t>
  </si>
  <si>
    <t>cg17875320</t>
  </si>
  <si>
    <t>cg17876200</t>
  </si>
  <si>
    <t>cg17876641</t>
  </si>
  <si>
    <t>cg17876645</t>
  </si>
  <si>
    <t>cg17877600</t>
  </si>
  <si>
    <t>cg17877898</t>
  </si>
  <si>
    <t>cg17877990</t>
  </si>
  <si>
    <t>cg17878204</t>
  </si>
  <si>
    <t>cg17879116</t>
  </si>
  <si>
    <t>cg17880320</t>
  </si>
  <si>
    <t>cg17880889</t>
  </si>
  <si>
    <t>cg17885794</t>
  </si>
  <si>
    <t>cg17885806</t>
  </si>
  <si>
    <t>cg17886162</t>
  </si>
  <si>
    <t>cg17888086</t>
  </si>
  <si>
    <t>cg17888155</t>
  </si>
  <si>
    <t>cg17888259</t>
  </si>
  <si>
    <t>cg17889623</t>
  </si>
  <si>
    <t>cg17890044</t>
  </si>
  <si>
    <t>cg17890691</t>
  </si>
  <si>
    <t>cg17890782</t>
  </si>
  <si>
    <t>cg17891149</t>
  </si>
  <si>
    <t>cg17891251</t>
  </si>
  <si>
    <t>cg17891840</t>
  </si>
  <si>
    <t>cg17891928</t>
  </si>
  <si>
    <t>cg17892259</t>
  </si>
  <si>
    <t>cg17898124</t>
  </si>
  <si>
    <t>cg17899889</t>
  </si>
  <si>
    <t>cg17900103</t>
  </si>
  <si>
    <t>cg17900495</t>
  </si>
  <si>
    <t>cg17901584</t>
  </si>
  <si>
    <t>cg17901858</t>
  </si>
  <si>
    <t>cg17903275</t>
  </si>
  <si>
    <t>cg17903549</t>
  </si>
  <si>
    <t>cg17904797</t>
  </si>
  <si>
    <t>cg17904988</t>
  </si>
  <si>
    <t>cg17906245</t>
  </si>
  <si>
    <t>cg17906339</t>
  </si>
  <si>
    <t>cg17906523</t>
  </si>
  <si>
    <t>cg17906803</t>
  </si>
  <si>
    <t>cg17907003</t>
  </si>
  <si>
    <t>cg17907911</t>
  </si>
  <si>
    <t>cg17907945</t>
  </si>
  <si>
    <t>cg17910478</t>
  </si>
  <si>
    <t>cg17918558</t>
  </si>
  <si>
    <t>cg17921310</t>
  </si>
  <si>
    <t>cg17928920</t>
  </si>
  <si>
    <t>cg17931972</t>
  </si>
  <si>
    <t>cg17932662</t>
  </si>
  <si>
    <t>cg17934948</t>
  </si>
  <si>
    <t>cg17935233</t>
  </si>
  <si>
    <t>cg17935811</t>
  </si>
  <si>
    <t>cg17936236</t>
  </si>
  <si>
    <t>cg17936783</t>
  </si>
  <si>
    <t>cg17938146</t>
  </si>
  <si>
    <t>cg17939059</t>
  </si>
  <si>
    <t>cg17939831</t>
  </si>
  <si>
    <t>cg17940013</t>
  </si>
  <si>
    <t>cg17941579</t>
  </si>
  <si>
    <t>cg17942553</t>
  </si>
  <si>
    <t>cg17942618</t>
  </si>
  <si>
    <t>cg17942763</t>
  </si>
  <si>
    <t>cg17942851</t>
  </si>
  <si>
    <t>cg17943391</t>
  </si>
  <si>
    <t>cg17944110</t>
  </si>
  <si>
    <t>cg17944737</t>
  </si>
  <si>
    <t>cg17946439</t>
  </si>
  <si>
    <t>cg17946470</t>
  </si>
  <si>
    <t>cg17946668</t>
  </si>
  <si>
    <t>cg17950169</t>
  </si>
  <si>
    <t>cg17952046</t>
  </si>
  <si>
    <t>cg17953816</t>
  </si>
  <si>
    <t>cg17954152</t>
  </si>
  <si>
    <t>cg17956775</t>
  </si>
  <si>
    <t>cg17960769</t>
  </si>
  <si>
    <t>cg17966227</t>
  </si>
  <si>
    <t>cg17966362</t>
  </si>
  <si>
    <t>cg17967261</t>
  </si>
  <si>
    <t>cg17968925</t>
  </si>
  <si>
    <t>cg17969298</t>
  </si>
  <si>
    <t>cg17969662</t>
  </si>
  <si>
    <t>cg17970107</t>
  </si>
  <si>
    <t>cg17970390</t>
  </si>
  <si>
    <t>cg17971171</t>
  </si>
  <si>
    <t>cg17971251</t>
  </si>
  <si>
    <t>cg17971328</t>
  </si>
  <si>
    <t>cg17971578</t>
  </si>
  <si>
    <t>cg17972058</t>
  </si>
  <si>
    <t>cg17972213</t>
  </si>
  <si>
    <t>cg17974515</t>
  </si>
  <si>
    <t>cg17975177</t>
  </si>
  <si>
    <t>cg17979628</t>
  </si>
  <si>
    <t>cg17984007</t>
  </si>
  <si>
    <t>cg17985912</t>
  </si>
  <si>
    <t>cg17987176</t>
  </si>
  <si>
    <t>cg17987483</t>
  </si>
  <si>
    <t>cg17988326</t>
  </si>
  <si>
    <t>cg17990871</t>
  </si>
  <si>
    <t>cg17992056</t>
  </si>
  <si>
    <t>cg17992509</t>
  </si>
  <si>
    <t>cg17993772</t>
  </si>
  <si>
    <t>cg18002437</t>
  </si>
  <si>
    <t>cg18014844</t>
  </si>
  <si>
    <t>cg18015787</t>
  </si>
  <si>
    <t>cg18016565</t>
  </si>
  <si>
    <t>cg18018890</t>
  </si>
  <si>
    <t>cg18019572</t>
  </si>
  <si>
    <t>cg18019663</t>
  </si>
  <si>
    <t>cg18021259</t>
  </si>
  <si>
    <t>cg18022279</t>
  </si>
  <si>
    <t>cg18022357</t>
  </si>
  <si>
    <t>cg18023598</t>
  </si>
  <si>
    <t>cg18023842</t>
  </si>
  <si>
    <t>cg18023943</t>
  </si>
  <si>
    <t>cg18024859</t>
  </si>
  <si>
    <t>cg18025961</t>
  </si>
  <si>
    <t>cg18026235</t>
  </si>
  <si>
    <t>cg18026772</t>
  </si>
  <si>
    <t>cg18027654</t>
  </si>
  <si>
    <t>cg18027683</t>
  </si>
  <si>
    <t>cg18027831</t>
  </si>
  <si>
    <t>cg18028289</t>
  </si>
  <si>
    <t>cg18028575</t>
  </si>
  <si>
    <t>cg18031008</t>
  </si>
  <si>
    <t>cg18036569</t>
  </si>
  <si>
    <t>cg18036707</t>
  </si>
  <si>
    <t>cg18040125</t>
  </si>
  <si>
    <t>cg18045831</t>
  </si>
  <si>
    <t>cg18046365</t>
  </si>
  <si>
    <t>cg18052443</t>
  </si>
  <si>
    <t>cg18058949</t>
  </si>
  <si>
    <t>cg18060199</t>
  </si>
  <si>
    <t>cg18063017</t>
  </si>
  <si>
    <t>cg18073970</t>
  </si>
  <si>
    <t>cg18080858</t>
  </si>
  <si>
    <t>cg18081104</t>
  </si>
  <si>
    <t>cg18082979</t>
  </si>
  <si>
    <t>cg18083591</t>
  </si>
  <si>
    <t>cg18083817</t>
  </si>
  <si>
    <t>cg18084114</t>
  </si>
  <si>
    <t>cg18084450</t>
  </si>
  <si>
    <t>cg18084791</t>
  </si>
  <si>
    <t>cg18087266</t>
  </si>
  <si>
    <t>cg18087326</t>
  </si>
  <si>
    <t>cg18087477</t>
  </si>
  <si>
    <t>cg18092314</t>
  </si>
  <si>
    <t>cg18105315</t>
  </si>
  <si>
    <t>cg18106803</t>
  </si>
  <si>
    <t>cg18106925</t>
  </si>
  <si>
    <t>cg18108087</t>
  </si>
  <si>
    <t>cg18108844</t>
  </si>
  <si>
    <t>cg18113107</t>
  </si>
  <si>
    <t>cg18113417</t>
  </si>
  <si>
    <t>cg18113535</t>
  </si>
  <si>
    <t>cg18113803</t>
  </si>
  <si>
    <t>cg18114294</t>
  </si>
  <si>
    <t>cg18114463</t>
  </si>
  <si>
    <t>cg18116902</t>
  </si>
  <si>
    <t>cg18118033</t>
  </si>
  <si>
    <t>cg18118795</t>
  </si>
  <si>
    <t>cg18119609</t>
  </si>
  <si>
    <t>cg18119735</t>
  </si>
  <si>
    <t>cg18122493</t>
  </si>
  <si>
    <t>cg18123385</t>
  </si>
  <si>
    <t>cg18124517</t>
  </si>
  <si>
    <t>cg18125246</t>
  </si>
  <si>
    <t>cg18126320</t>
  </si>
  <si>
    <t>cg18126943</t>
  </si>
  <si>
    <t>cg18131548</t>
  </si>
  <si>
    <t>cg18131582</t>
  </si>
  <si>
    <t>cg18131828</t>
  </si>
  <si>
    <t>cg18132690</t>
  </si>
  <si>
    <t>cg18133072</t>
  </si>
  <si>
    <t>cg18135767</t>
  </si>
  <si>
    <t>cg18136311</t>
  </si>
  <si>
    <t>cg18139406</t>
  </si>
  <si>
    <t>cg18140889</t>
  </si>
  <si>
    <t>cg18140918</t>
  </si>
  <si>
    <t>cg18141973</t>
  </si>
  <si>
    <t>cg18143792</t>
  </si>
  <si>
    <t>cg18144988</t>
  </si>
  <si>
    <t>cg18147080</t>
  </si>
  <si>
    <t>cg18147098</t>
  </si>
  <si>
    <t>cg18147147</t>
  </si>
  <si>
    <t>cg18147233</t>
  </si>
  <si>
    <t>cg18147296</t>
  </si>
  <si>
    <t>cg18147543</t>
  </si>
  <si>
    <t>cg18149207</t>
  </si>
  <si>
    <t>cg18150695</t>
  </si>
  <si>
    <t>cg18150837</t>
  </si>
  <si>
    <t>cg18153213</t>
  </si>
  <si>
    <t>cg18153322</t>
  </si>
  <si>
    <t>cg18153662</t>
  </si>
  <si>
    <t>cg18153869</t>
  </si>
  <si>
    <t>cg18154417</t>
  </si>
  <si>
    <t>cg18155101</t>
  </si>
  <si>
    <t>cg18158177</t>
  </si>
  <si>
    <t>cg18161025</t>
  </si>
  <si>
    <t>cg18161654</t>
  </si>
  <si>
    <t>cg18162350</t>
  </si>
  <si>
    <t>cg18162477</t>
  </si>
  <si>
    <t>cg18163062</t>
  </si>
  <si>
    <t>cg18163441</t>
  </si>
  <si>
    <t>cg18163442</t>
  </si>
  <si>
    <t>cg18165248</t>
  </si>
  <si>
    <t>cg18165259</t>
  </si>
  <si>
    <t>cg18166741</t>
  </si>
  <si>
    <t>cg18166959</t>
  </si>
  <si>
    <t>cg18167160</t>
  </si>
  <si>
    <t>cg18169013</t>
  </si>
  <si>
    <t>cg18169869</t>
  </si>
  <si>
    <t>cg18171009</t>
  </si>
  <si>
    <t>cg18172330</t>
  </si>
  <si>
    <t>cg18172358</t>
  </si>
  <si>
    <t>cg18172823</t>
  </si>
  <si>
    <t>cg18173859</t>
  </si>
  <si>
    <t>cg18176395</t>
  </si>
  <si>
    <t>cg18176482</t>
  </si>
  <si>
    <t>cg18177682</t>
  </si>
  <si>
    <t>cg18177731</t>
  </si>
  <si>
    <t>cg18178715</t>
  </si>
  <si>
    <t>cg18180339</t>
  </si>
  <si>
    <t>cg18180569</t>
  </si>
  <si>
    <t>cg18181196</t>
  </si>
  <si>
    <t>cg18181201</t>
  </si>
  <si>
    <t>cg18181363</t>
  </si>
  <si>
    <t>cg18181431</t>
  </si>
  <si>
    <t>cg18181492</t>
  </si>
  <si>
    <t>cg18182038</t>
  </si>
  <si>
    <t>cg18183642</t>
  </si>
  <si>
    <t>cg18183941</t>
  </si>
  <si>
    <t>cg18184092</t>
  </si>
  <si>
    <t>cg18184219</t>
  </si>
  <si>
    <t>cg18184411</t>
  </si>
  <si>
    <t>cg18184785</t>
  </si>
  <si>
    <t>cg18185008</t>
  </si>
  <si>
    <t>cg18185393</t>
  </si>
  <si>
    <t>cg18185648</t>
  </si>
  <si>
    <t>cg18187189</t>
  </si>
  <si>
    <t>cg18187675</t>
  </si>
  <si>
    <t>cg18188739</t>
  </si>
  <si>
    <t>cg18189893</t>
  </si>
  <si>
    <t>cg18190832</t>
  </si>
  <si>
    <t>cg18191259</t>
  </si>
  <si>
    <t>cg18192074</t>
  </si>
  <si>
    <t>cg18196063</t>
  </si>
  <si>
    <t>cg18198999</t>
  </si>
  <si>
    <t>cg18199472</t>
  </si>
  <si>
    <t>cg18199617</t>
  </si>
  <si>
    <t>cg18200075</t>
  </si>
  <si>
    <t>cg18200760</t>
  </si>
  <si>
    <t>cg18202449</t>
  </si>
  <si>
    <t>cg18203366</t>
  </si>
  <si>
    <t>cg18206481</t>
  </si>
  <si>
    <t>cg18212197</t>
  </si>
  <si>
    <t>cg18213443</t>
  </si>
  <si>
    <t>cg18217832</t>
  </si>
  <si>
    <t>cg18218190</t>
  </si>
  <si>
    <t>cg18220284</t>
  </si>
  <si>
    <t>cg18220921</t>
  </si>
  <si>
    <t>cg18222590</t>
  </si>
  <si>
    <t>cg18224942</t>
  </si>
  <si>
    <t>cg18225412</t>
  </si>
  <si>
    <t>cg18225574</t>
  </si>
  <si>
    <t>cg18231025</t>
  </si>
  <si>
    <t>cg18231162</t>
  </si>
  <si>
    <t>cg18231981</t>
  </si>
  <si>
    <t>cg18232347</t>
  </si>
  <si>
    <t>cg18232497</t>
  </si>
  <si>
    <t>cg18233538</t>
  </si>
  <si>
    <t>cg18233931</t>
  </si>
  <si>
    <t>cg18234224</t>
  </si>
  <si>
    <t>cg18234296</t>
  </si>
  <si>
    <t>cg18234973</t>
  </si>
  <si>
    <t>cg18236739</t>
  </si>
  <si>
    <t>cg18237277</t>
  </si>
  <si>
    <t>cg18238550</t>
  </si>
  <si>
    <t>cg18238858</t>
  </si>
  <si>
    <t>cg18240463</t>
  </si>
  <si>
    <t>cg18243460</t>
  </si>
  <si>
    <t>cg18248911</t>
  </si>
  <si>
    <t>cg18261050</t>
  </si>
  <si>
    <t>cg18262679</t>
  </si>
  <si>
    <t>cg18262993</t>
  </si>
  <si>
    <t>cg18263327</t>
  </si>
  <si>
    <t>cg18263572</t>
  </si>
  <si>
    <t>cg18263686</t>
  </si>
  <si>
    <t>cg18264562</t>
  </si>
  <si>
    <t>cg18267506</t>
  </si>
  <si>
    <t>cg18270687</t>
  </si>
  <si>
    <t>cg18270820</t>
  </si>
  <si>
    <t>cg18271964</t>
  </si>
  <si>
    <t>cg18272538</t>
  </si>
  <si>
    <t>cg18273566</t>
  </si>
  <si>
    <t>cg18274749</t>
  </si>
  <si>
    <t>cg18274788</t>
  </si>
  <si>
    <t>cg18274984</t>
  </si>
  <si>
    <t>cg18275051</t>
  </si>
  <si>
    <t>cg18277005</t>
  </si>
  <si>
    <t>cg18278247</t>
  </si>
  <si>
    <t>cg18279150</t>
  </si>
  <si>
    <t>cg18279180</t>
  </si>
  <si>
    <t>cg18280758</t>
  </si>
  <si>
    <t>cg18281910</t>
  </si>
  <si>
    <t>cg18282011</t>
  </si>
  <si>
    <t>cg18284590</t>
  </si>
  <si>
    <t>cg18285188</t>
  </si>
  <si>
    <t>cg18285377</t>
  </si>
  <si>
    <t>cg18287310</t>
  </si>
  <si>
    <t>cg18287591</t>
  </si>
  <si>
    <t>cg18288119</t>
  </si>
  <si>
    <t>cg18288558</t>
  </si>
  <si>
    <t>cg18288914</t>
  </si>
  <si>
    <t>cg18298815</t>
  </si>
  <si>
    <t>cg18299211</t>
  </si>
  <si>
    <t>cg18307957</t>
  </si>
  <si>
    <t>cg18310593</t>
  </si>
  <si>
    <t>cg18310639</t>
  </si>
  <si>
    <t>cg18311416</t>
  </si>
  <si>
    <t>cg18316735</t>
  </si>
  <si>
    <t>cg18317999</t>
  </si>
  <si>
    <t>cg18318715</t>
  </si>
  <si>
    <t>cg18318765</t>
  </si>
  <si>
    <t>cg18319612</t>
  </si>
  <si>
    <t>cg18319689</t>
  </si>
  <si>
    <t>cg18320737</t>
  </si>
  <si>
    <t>cg18324123</t>
  </si>
  <si>
    <t>cg18325289</t>
  </si>
  <si>
    <t>cg18325385</t>
  </si>
  <si>
    <t>cg18327319</t>
  </si>
  <si>
    <t>cg18327772</t>
  </si>
  <si>
    <t>cg18328755</t>
  </si>
  <si>
    <t>cg18330203</t>
  </si>
  <si>
    <t>cg18333824</t>
  </si>
  <si>
    <t>cg18337938</t>
  </si>
  <si>
    <t>cg18343474</t>
  </si>
  <si>
    <t>cg18346412</t>
  </si>
  <si>
    <t>cg18347602</t>
  </si>
  <si>
    <t>cg18348494</t>
  </si>
  <si>
    <t>cg18354264</t>
  </si>
  <si>
    <t>cg18366830</t>
  </si>
  <si>
    <t>cg18369629</t>
  </si>
  <si>
    <t>cg18369654</t>
  </si>
  <si>
    <t>cg18376692</t>
  </si>
  <si>
    <t>cg18379537</t>
  </si>
  <si>
    <t>cg18380070</t>
  </si>
  <si>
    <t>cg18381283</t>
  </si>
  <si>
    <t>cg18381729</t>
  </si>
  <si>
    <t>cg18382926</t>
  </si>
  <si>
    <t>cg18383660</t>
  </si>
  <si>
    <t>cg18383680</t>
  </si>
  <si>
    <t>cg18384681</t>
  </si>
  <si>
    <t>cg18384976</t>
  </si>
  <si>
    <t>cg18385671</t>
  </si>
  <si>
    <t>cg18386618</t>
  </si>
  <si>
    <t>cg18388972</t>
  </si>
  <si>
    <t>cg18390472</t>
  </si>
  <si>
    <t>cg18390816</t>
  </si>
  <si>
    <t>cg18391209</t>
  </si>
  <si>
    <t>cg18391694</t>
  </si>
  <si>
    <t>cg18392187</t>
  </si>
  <si>
    <t>cg18392644</t>
  </si>
  <si>
    <t>cg18394881</t>
  </si>
  <si>
    <t>cg18395499</t>
  </si>
  <si>
    <t>cg18396714</t>
  </si>
  <si>
    <t>cg18398557</t>
  </si>
  <si>
    <t>cg18404366</t>
  </si>
  <si>
    <t>cg18411043</t>
  </si>
  <si>
    <t>cg18411941</t>
  </si>
  <si>
    <t>cg18412185</t>
  </si>
  <si>
    <t>cg18412394</t>
  </si>
  <si>
    <t>cg18432292</t>
  </si>
  <si>
    <t>cg18434152</t>
  </si>
  <si>
    <t>cg18436788</t>
  </si>
  <si>
    <t>cg18437144</t>
  </si>
  <si>
    <t>cg18438591</t>
  </si>
  <si>
    <t>cg18438837</t>
  </si>
  <si>
    <t>cg18438853</t>
  </si>
  <si>
    <t>cg18440470</t>
  </si>
  <si>
    <t>cg18450905</t>
  </si>
  <si>
    <t>cg18451982</t>
  </si>
  <si>
    <t>cg18454789</t>
  </si>
  <si>
    <t>cg18464559</t>
  </si>
  <si>
    <t>cg18475643</t>
  </si>
  <si>
    <t>cg18486150</t>
  </si>
  <si>
    <t>cg18486235</t>
  </si>
  <si>
    <t>cg18504532</t>
  </si>
  <si>
    <t>cg18515587</t>
  </si>
  <si>
    <t>cg18524091</t>
  </si>
  <si>
    <t>cg18528640</t>
  </si>
  <si>
    <t>cg18535415</t>
  </si>
  <si>
    <t>cg18536207</t>
  </si>
  <si>
    <t>cg18537410</t>
  </si>
  <si>
    <t>cg18552413</t>
  </si>
  <si>
    <t>cg18560776</t>
  </si>
  <si>
    <t>cg18561881</t>
  </si>
  <si>
    <t>cg18562198</t>
  </si>
  <si>
    <t>cg18565103</t>
  </si>
  <si>
    <t>cg18565479</t>
  </si>
  <si>
    <t>cg18568145</t>
  </si>
  <si>
    <t>cg18590995</t>
  </si>
  <si>
    <t>cg18593081</t>
  </si>
  <si>
    <t>cg18595324</t>
  </si>
  <si>
    <t>cg18595639</t>
  </si>
  <si>
    <t>cg18595867</t>
  </si>
  <si>
    <t>cg18611122</t>
  </si>
  <si>
    <t>cg18611847</t>
  </si>
  <si>
    <t>cg18623672</t>
  </si>
  <si>
    <t>cg18624777</t>
  </si>
  <si>
    <t>cg18634211</t>
  </si>
  <si>
    <t>cg18635645</t>
  </si>
  <si>
    <t>cg18641151</t>
  </si>
  <si>
    <t>cg18641937</t>
  </si>
  <si>
    <t>cg18642177</t>
  </si>
  <si>
    <t>cg18643421</t>
  </si>
  <si>
    <t>cg18644191</t>
  </si>
  <si>
    <t>cg18645493</t>
  </si>
  <si>
    <t>cg18646186</t>
  </si>
  <si>
    <t>cg18647268</t>
  </si>
  <si>
    <t>cg18647881</t>
  </si>
  <si>
    <t>cg18649438</t>
  </si>
  <si>
    <t>cg18660898</t>
  </si>
  <si>
    <t>cg18666238</t>
  </si>
  <si>
    <t>cg18669381</t>
  </si>
  <si>
    <t>cg18679190</t>
  </si>
  <si>
    <t>cg18681905</t>
  </si>
  <si>
    <t>cg18687706</t>
  </si>
  <si>
    <t>cg18690385</t>
  </si>
  <si>
    <t>cg18692273</t>
  </si>
  <si>
    <t>cg18709479</t>
  </si>
  <si>
    <t>cg18713316</t>
  </si>
  <si>
    <t>cg18731519</t>
  </si>
  <si>
    <t>cg18742814</t>
  </si>
  <si>
    <t>cg18753480</t>
  </si>
  <si>
    <t>cg18755543</t>
  </si>
  <si>
    <t>cg18755616</t>
  </si>
  <si>
    <t>cg18755643</t>
  </si>
  <si>
    <t>cg18755829</t>
  </si>
  <si>
    <t>cg18758482</t>
  </si>
  <si>
    <t>cg18758987</t>
  </si>
  <si>
    <t>cg18759190</t>
  </si>
  <si>
    <t>cg18760055</t>
  </si>
  <si>
    <t>cg18760621</t>
  </si>
  <si>
    <t>cg18761252</t>
  </si>
  <si>
    <t>cg18761349</t>
  </si>
  <si>
    <t>cg18761813</t>
  </si>
  <si>
    <t>cg18761878</t>
  </si>
  <si>
    <t>cg18761894</t>
  </si>
  <si>
    <t>cg18762243</t>
  </si>
  <si>
    <t>cg18763326</t>
  </si>
  <si>
    <t>cg18763854</t>
  </si>
  <si>
    <t>cg18764107</t>
  </si>
  <si>
    <t>cg18766475</t>
  </si>
  <si>
    <t>cg18766795</t>
  </si>
  <si>
    <t>cg18766882</t>
  </si>
  <si>
    <t>cg18767964</t>
  </si>
  <si>
    <t>cg18768338</t>
  </si>
  <si>
    <t>cg18770149</t>
  </si>
  <si>
    <t>cg18772361</t>
  </si>
  <si>
    <t>cg18783781</t>
  </si>
  <si>
    <t>cg18785742</t>
  </si>
  <si>
    <t>cg18785787</t>
  </si>
  <si>
    <t>cg18786125</t>
  </si>
  <si>
    <t>cg18786643</t>
  </si>
  <si>
    <t>cg18787245</t>
  </si>
  <si>
    <t>cg18789069</t>
  </si>
  <si>
    <t>cg18789685</t>
  </si>
  <si>
    <t>cg18789758</t>
  </si>
  <si>
    <t>cg18791730</t>
  </si>
  <si>
    <t>cg18792528</t>
  </si>
  <si>
    <t>cg18793215</t>
  </si>
  <si>
    <t>cg18793463</t>
  </si>
  <si>
    <t>cg18795022</t>
  </si>
  <si>
    <t>cg18795169</t>
  </si>
  <si>
    <t>cg18795395</t>
  </si>
  <si>
    <t>cg18798344</t>
  </si>
  <si>
    <t>cg18800143</t>
  </si>
  <si>
    <t>cg18800329</t>
  </si>
  <si>
    <t>cg18801893</t>
  </si>
  <si>
    <t>cg18803079</t>
  </si>
  <si>
    <t>cg18805469</t>
  </si>
  <si>
    <t>cg18808054</t>
  </si>
  <si>
    <t>cg18809597</t>
  </si>
  <si>
    <t>cg18810244</t>
  </si>
  <si>
    <t>cg18811819</t>
  </si>
  <si>
    <t>cg18812909</t>
  </si>
  <si>
    <t>cg18813777</t>
  </si>
  <si>
    <t>cg18815120</t>
  </si>
  <si>
    <t>cg18815355</t>
  </si>
  <si>
    <t>cg18816605</t>
  </si>
  <si>
    <t>cg18818484</t>
  </si>
  <si>
    <t>cg18821316</t>
  </si>
  <si>
    <t>cg18828883</t>
  </si>
  <si>
    <t>cg18832152</t>
  </si>
  <si>
    <t>cg18839416</t>
  </si>
  <si>
    <t>cg18845832</t>
  </si>
  <si>
    <t>cg18852096</t>
  </si>
  <si>
    <t>cg18852464</t>
  </si>
  <si>
    <t>cg18852567</t>
  </si>
  <si>
    <t>cg18853718</t>
  </si>
  <si>
    <t>cg18854424</t>
  </si>
  <si>
    <t>cg18854735</t>
  </si>
  <si>
    <t>cg18856004</t>
  </si>
  <si>
    <t>cg18856261</t>
  </si>
  <si>
    <t>cg18857216</t>
  </si>
  <si>
    <t>cg18857402</t>
  </si>
  <si>
    <t>cg18857467</t>
  </si>
  <si>
    <t>cg18857768</t>
  </si>
  <si>
    <t>cg18858739</t>
  </si>
  <si>
    <t>cg18861547</t>
  </si>
  <si>
    <t>cg18862562</t>
  </si>
  <si>
    <t>cg18862767</t>
  </si>
  <si>
    <t>cg18862883</t>
  </si>
  <si>
    <t>cg18864179</t>
  </si>
  <si>
    <t>cg18864358</t>
  </si>
  <si>
    <t>cg18864674</t>
  </si>
  <si>
    <t>cg18865094</t>
  </si>
  <si>
    <t>cg18865207</t>
  </si>
  <si>
    <t>cg18865535</t>
  </si>
  <si>
    <t>cg18865725</t>
  </si>
  <si>
    <t>cg18866281</t>
  </si>
  <si>
    <t>cg18867243</t>
  </si>
  <si>
    <t>cg18867283</t>
  </si>
  <si>
    <t>cg18874143</t>
  </si>
  <si>
    <t>cg18876826</t>
  </si>
  <si>
    <t>cg18877506</t>
  </si>
  <si>
    <t>cg18878351</t>
  </si>
  <si>
    <t>cg18879300</t>
  </si>
  <si>
    <t>cg18879829</t>
  </si>
  <si>
    <t>cg18880390</t>
  </si>
  <si>
    <t>cg18880500</t>
  </si>
  <si>
    <t>cg18881723</t>
  </si>
  <si>
    <t>cg18881776</t>
  </si>
  <si>
    <t>cg18882407</t>
  </si>
  <si>
    <t>cg18882687</t>
  </si>
  <si>
    <t>cg18883836</t>
  </si>
  <si>
    <t>cg18884942</t>
  </si>
  <si>
    <t>cg18885125</t>
  </si>
  <si>
    <t>cg18885406</t>
  </si>
  <si>
    <t>cg18885999</t>
  </si>
  <si>
    <t>cg18888403</t>
  </si>
  <si>
    <t>cg18888671</t>
  </si>
  <si>
    <t>cg18889144</t>
  </si>
  <si>
    <t>cg18891404</t>
  </si>
  <si>
    <t>cg18892096</t>
  </si>
  <si>
    <t>cg18895413</t>
  </si>
  <si>
    <t>cg18895859</t>
  </si>
  <si>
    <t>cg18923740</t>
  </si>
  <si>
    <t>cg18931421</t>
  </si>
  <si>
    <t>cg18931815</t>
  </si>
  <si>
    <t>cg18932078</t>
  </si>
  <si>
    <t>cg18933331</t>
  </si>
  <si>
    <t>cg18935391</t>
  </si>
  <si>
    <t>cg18936052</t>
  </si>
  <si>
    <t>cg18936550</t>
  </si>
  <si>
    <t>cg18937014</t>
  </si>
  <si>
    <t>cg18937225</t>
  </si>
  <si>
    <t>cg18937321</t>
  </si>
  <si>
    <t>cg18937897</t>
  </si>
  <si>
    <t>cg18938313</t>
  </si>
  <si>
    <t>cg18938933</t>
  </si>
  <si>
    <t>cg18939666</t>
  </si>
  <si>
    <t>cg18943655</t>
  </si>
  <si>
    <t>cg18944010</t>
  </si>
  <si>
    <t>cg18945035</t>
  </si>
  <si>
    <t>cg18945039</t>
  </si>
  <si>
    <t>cg18945601</t>
  </si>
  <si>
    <t>cg18947016</t>
  </si>
  <si>
    <t>cg18947521</t>
  </si>
  <si>
    <t>cg18947801</t>
  </si>
  <si>
    <t>cg18950481</t>
  </si>
  <si>
    <t>cg18965684</t>
  </si>
  <si>
    <t>cg18965989</t>
  </si>
  <si>
    <t>cg18966152</t>
  </si>
  <si>
    <t>cg18966401</t>
  </si>
  <si>
    <t>cg18967021</t>
  </si>
  <si>
    <t>cg18967091</t>
  </si>
  <si>
    <t>cg18967361</t>
  </si>
  <si>
    <t>cg18967587</t>
  </si>
  <si>
    <t>cg18969117</t>
  </si>
  <si>
    <t>cg18971591</t>
  </si>
  <si>
    <t>cg18972751</t>
  </si>
  <si>
    <t>cg18973101</t>
  </si>
  <si>
    <t>cg18973238</t>
  </si>
  <si>
    <t>cg18973247</t>
  </si>
  <si>
    <t>cg18973817</t>
  </si>
  <si>
    <t>cg18975156</t>
  </si>
  <si>
    <t>cg18975791</t>
  </si>
  <si>
    <t>cg18983672</t>
  </si>
  <si>
    <t>cg18992688</t>
  </si>
  <si>
    <t>cg18993334</t>
  </si>
  <si>
    <t>cg19002149</t>
  </si>
  <si>
    <t>cg19018051</t>
  </si>
  <si>
    <t>cg19019972</t>
  </si>
  <si>
    <t>cg19022625</t>
  </si>
  <si>
    <t>cg19022717</t>
  </si>
  <si>
    <t>cg19022978</t>
  </si>
  <si>
    <t>cg19025461</t>
  </si>
  <si>
    <t>cg19026621</t>
  </si>
  <si>
    <t>cg19027361</t>
  </si>
  <si>
    <t>cg19027507</t>
  </si>
  <si>
    <t>cg19027545</t>
  </si>
  <si>
    <t>cg19028804</t>
  </si>
  <si>
    <t>cg19029205</t>
  </si>
  <si>
    <t>cg19029214</t>
  </si>
  <si>
    <t>cg19030579</t>
  </si>
  <si>
    <t>cg19030620</t>
  </si>
  <si>
    <t>cg19030740</t>
  </si>
  <si>
    <t>cg19038540</t>
  </si>
  <si>
    <t>cg19044674</t>
  </si>
  <si>
    <t>cg19081390</t>
  </si>
  <si>
    <t>cg19081470</t>
  </si>
  <si>
    <t>cg19082920</t>
  </si>
  <si>
    <t>cg19082970</t>
  </si>
  <si>
    <t>cg19083659</t>
  </si>
  <si>
    <t>cg19083977</t>
  </si>
  <si>
    <t>cg19084362</t>
  </si>
  <si>
    <t>cg19084427</t>
  </si>
  <si>
    <t>cg19084589</t>
  </si>
  <si>
    <t>cg19085023</t>
  </si>
  <si>
    <t>cg19086488</t>
  </si>
  <si>
    <t>cg19087104</t>
  </si>
  <si>
    <t>cg19088141</t>
  </si>
  <si>
    <t>cg19088218</t>
  </si>
  <si>
    <t>cg19088572</t>
  </si>
  <si>
    <t>cg19092322</t>
  </si>
  <si>
    <t>cg19095000</t>
  </si>
  <si>
    <t>cg19099296</t>
  </si>
  <si>
    <t>cg19100596</t>
  </si>
  <si>
    <t>cg19102404</t>
  </si>
  <si>
    <t>cg19109050</t>
  </si>
  <si>
    <t>cg19112780</t>
  </si>
  <si>
    <t>cg19114595</t>
  </si>
  <si>
    <t>cg19120746</t>
  </si>
  <si>
    <t>cg19125606</t>
  </si>
  <si>
    <t>cg19125999</t>
  </si>
  <si>
    <t>cg19136075</t>
  </si>
  <si>
    <t>cg19148051</t>
  </si>
  <si>
    <t>cg19150666</t>
  </si>
  <si>
    <t>cg19155599</t>
  </si>
  <si>
    <t>cg19157971</t>
  </si>
  <si>
    <t>cg19158124</t>
  </si>
  <si>
    <t>cg19158549</t>
  </si>
  <si>
    <t>cg19163348</t>
  </si>
  <si>
    <t>cg19164131</t>
  </si>
  <si>
    <t>cg19164175</t>
  </si>
  <si>
    <t>cg19164761</t>
  </si>
  <si>
    <t>cg19165105</t>
  </si>
  <si>
    <t>cg19165942</t>
  </si>
  <si>
    <t>cg19166242</t>
  </si>
  <si>
    <t>cg19175383</t>
  </si>
  <si>
    <t>cg19180828</t>
  </si>
  <si>
    <t>cg19195327</t>
  </si>
  <si>
    <t>cg19196684</t>
  </si>
  <si>
    <t>cg19204946</t>
  </si>
  <si>
    <t>cg19225031</t>
  </si>
  <si>
    <t>cg19225369</t>
  </si>
  <si>
    <t>cg19226370</t>
  </si>
  <si>
    <t>cg19228118</t>
  </si>
  <si>
    <t>cg19233001</t>
  </si>
  <si>
    <t>cg19234495</t>
  </si>
  <si>
    <t>cg19235065</t>
  </si>
  <si>
    <t>cg19236768</t>
  </si>
  <si>
    <t>cg19237923</t>
  </si>
  <si>
    <t>cg19238058</t>
  </si>
  <si>
    <t>cg19238270</t>
  </si>
  <si>
    <t>cg19238380</t>
  </si>
  <si>
    <t>cg19239018</t>
  </si>
  <si>
    <t>cg19242529</t>
  </si>
  <si>
    <t>cg19243533</t>
  </si>
  <si>
    <t>cg19243842</t>
  </si>
  <si>
    <t>cg19243939</t>
  </si>
  <si>
    <t>cg19245498</t>
  </si>
  <si>
    <t>cg19248395</t>
  </si>
  <si>
    <t>cg19248893</t>
  </si>
  <si>
    <t>cg19249231</t>
  </si>
  <si>
    <t>cg19249749</t>
  </si>
  <si>
    <t>cg19250799</t>
  </si>
  <si>
    <t>cg19250989</t>
  </si>
  <si>
    <t>cg19251719</t>
  </si>
  <si>
    <t>cg19251737</t>
  </si>
  <si>
    <t>cg19252108</t>
  </si>
  <si>
    <t>cg19253831</t>
  </si>
  <si>
    <t>cg19255053</t>
  </si>
  <si>
    <t>cg19255608</t>
  </si>
  <si>
    <t>cg19257562</t>
  </si>
  <si>
    <t>cg19257942</t>
  </si>
  <si>
    <t>cg19258177</t>
  </si>
  <si>
    <t>cg19260329</t>
  </si>
  <si>
    <t>cg19261127</t>
  </si>
  <si>
    <t>cg19261306</t>
  </si>
  <si>
    <t>cg19261426</t>
  </si>
  <si>
    <t>cg19262476</t>
  </si>
  <si>
    <t>cg19263228</t>
  </si>
  <si>
    <t>cg19265143</t>
  </si>
  <si>
    <t>cg19265544</t>
  </si>
  <si>
    <t>cg19266329</t>
  </si>
  <si>
    <t>cg19267205</t>
  </si>
  <si>
    <t>cg19267457</t>
  </si>
  <si>
    <t>cg19268083</t>
  </si>
  <si>
    <t>cg19268695</t>
  </si>
  <si>
    <t>cg19269039</t>
  </si>
  <si>
    <t>cg19270277</t>
  </si>
  <si>
    <t>cg19270308</t>
  </si>
  <si>
    <t>cg19270739</t>
  </si>
  <si>
    <t>cg19270827</t>
  </si>
  <si>
    <t>cg19272382</t>
  </si>
  <si>
    <t>cg19272720</t>
  </si>
  <si>
    <t>cg19272744</t>
  </si>
  <si>
    <t>cg19273668</t>
  </si>
  <si>
    <t>cg19276110</t>
  </si>
  <si>
    <t>cg19277292</t>
  </si>
  <si>
    <t>cg19280390</t>
  </si>
  <si>
    <t>cg19284575</t>
  </si>
  <si>
    <t>cg19285508</t>
  </si>
  <si>
    <t>cg19292953</t>
  </si>
  <si>
    <t>cg19296960</t>
  </si>
  <si>
    <t>cg19300923</t>
  </si>
  <si>
    <t>cg19303219</t>
  </si>
  <si>
    <t>cg19303763</t>
  </si>
  <si>
    <t>cg19303898</t>
  </si>
  <si>
    <t>cg19304093</t>
  </si>
  <si>
    <t>cg19304100</t>
  </si>
  <si>
    <t>cg19307406</t>
  </si>
  <si>
    <t>cg19308227</t>
  </si>
  <si>
    <t>cg19308769</t>
  </si>
  <si>
    <t>cg19309488</t>
  </si>
  <si>
    <t>cg19309549</t>
  </si>
  <si>
    <t>cg19309616</t>
  </si>
  <si>
    <t>cg19313402</t>
  </si>
  <si>
    <t>cg19313660</t>
  </si>
  <si>
    <t>cg19313673</t>
  </si>
  <si>
    <t>cg19315261</t>
  </si>
  <si>
    <t>cg19315942</t>
  </si>
  <si>
    <t>cg19316148</t>
  </si>
  <si>
    <t>cg19317944</t>
  </si>
  <si>
    <t>cg19318098</t>
  </si>
  <si>
    <t>cg19319393</t>
  </si>
  <si>
    <t>cg19320261</t>
  </si>
  <si>
    <t>cg19320294</t>
  </si>
  <si>
    <t>cg19321695</t>
  </si>
  <si>
    <t>cg19321979</t>
  </si>
  <si>
    <t>cg19322006</t>
  </si>
  <si>
    <t>cg19322065</t>
  </si>
  <si>
    <t>cg19322509</t>
  </si>
  <si>
    <t>cg19337413</t>
  </si>
  <si>
    <t>cg19340909</t>
  </si>
  <si>
    <t>cg19353897</t>
  </si>
  <si>
    <t>cg19353949</t>
  </si>
  <si>
    <t>cg19354656</t>
  </si>
  <si>
    <t>cg19356022</t>
  </si>
  <si>
    <t>cg19356179</t>
  </si>
  <si>
    <t>cg19356232</t>
  </si>
  <si>
    <t>cg19356311</t>
  </si>
  <si>
    <t>cg19356905</t>
  </si>
  <si>
    <t>cg19357275</t>
  </si>
  <si>
    <t>cg19358589</t>
  </si>
  <si>
    <t>cg19362196</t>
  </si>
  <si>
    <t>cg19362478</t>
  </si>
  <si>
    <t>cg19363242</t>
  </si>
  <si>
    <t>cg19363604</t>
  </si>
  <si>
    <t>cg19366877</t>
  </si>
  <si>
    <t>cg19366986</t>
  </si>
  <si>
    <t>cg19367136</t>
  </si>
  <si>
    <t>cg19367256</t>
  </si>
  <si>
    <t>cg19368911</t>
  </si>
  <si>
    <t>cg19370451</t>
  </si>
  <si>
    <t>cg19370715</t>
  </si>
  <si>
    <t>cg19371097</t>
  </si>
  <si>
    <t>cg19371121</t>
  </si>
  <si>
    <t>cg19371286</t>
  </si>
  <si>
    <t>cg19372602</t>
  </si>
  <si>
    <t>cg19375336</t>
  </si>
  <si>
    <t>cg19375403</t>
  </si>
  <si>
    <t>cg19375676</t>
  </si>
  <si>
    <t>cg19377703</t>
  </si>
  <si>
    <t>cg19379103</t>
  </si>
  <si>
    <t>cg19380370</t>
  </si>
  <si>
    <t>cg19382731</t>
  </si>
  <si>
    <t>cg19382808</t>
  </si>
  <si>
    <t>cg19383909</t>
  </si>
  <si>
    <t>cg19383974</t>
  </si>
  <si>
    <t>cg19389852</t>
  </si>
  <si>
    <t>cg19400876</t>
  </si>
  <si>
    <t>cg19401519</t>
  </si>
  <si>
    <t>cg19402413</t>
  </si>
  <si>
    <t>cg19403005</t>
  </si>
  <si>
    <t>cg19404354</t>
  </si>
  <si>
    <t>cg19404444</t>
  </si>
  <si>
    <t>cg19404781</t>
  </si>
  <si>
    <t>cg19406367</t>
  </si>
  <si>
    <t>cg19406762</t>
  </si>
  <si>
    <t>cg19410789</t>
  </si>
  <si>
    <t>cg19411989</t>
  </si>
  <si>
    <t>cg19412821</t>
  </si>
  <si>
    <t>cg19413110</t>
  </si>
  <si>
    <t>cg19414302</t>
  </si>
  <si>
    <t>cg19414383</t>
  </si>
  <si>
    <t>cg19414569</t>
  </si>
  <si>
    <t>cg19420968</t>
  </si>
  <si>
    <t>cg19432434</t>
  </si>
  <si>
    <t>cg19436320</t>
  </si>
  <si>
    <t>cg19439810</t>
  </si>
  <si>
    <t>cg19451466</t>
  </si>
  <si>
    <t>cg19471466</t>
  </si>
  <si>
    <t>cg19490266</t>
  </si>
  <si>
    <t>cg19490856</t>
  </si>
  <si>
    <t>cg19494946</t>
  </si>
  <si>
    <t>cg19496978</t>
  </si>
  <si>
    <t>cg19498239</t>
  </si>
  <si>
    <t>cg19500334</t>
  </si>
  <si>
    <t>cg19500415</t>
  </si>
  <si>
    <t>cg19503341</t>
  </si>
  <si>
    <t>cg19505194</t>
  </si>
  <si>
    <t>cg19505659</t>
  </si>
  <si>
    <t>cg19507093</t>
  </si>
  <si>
    <t>cg19507217</t>
  </si>
  <si>
    <t>cg19508454</t>
  </si>
  <si>
    <t>cg19509030</t>
  </si>
  <si>
    <t>cg19510127</t>
  </si>
  <si>
    <t>cg19510565</t>
  </si>
  <si>
    <t>cg19514928</t>
  </si>
  <si>
    <t>cg19518186</t>
  </si>
  <si>
    <t>cg19519612</t>
  </si>
  <si>
    <t>cg19520452</t>
  </si>
  <si>
    <t>cg19524049</t>
  </si>
  <si>
    <t>cg19526600</t>
  </si>
  <si>
    <t>cg19530728</t>
  </si>
  <si>
    <t>cg19532954</t>
  </si>
  <si>
    <t>cg19540034</t>
  </si>
  <si>
    <t>cg19545348</t>
  </si>
  <si>
    <t>cg19550733</t>
  </si>
  <si>
    <t>cg19551082</t>
  </si>
  <si>
    <t>cg19559896</t>
  </si>
  <si>
    <t>cg19560210</t>
  </si>
  <si>
    <t>cg19560758</t>
  </si>
  <si>
    <t>cg19572362</t>
  </si>
  <si>
    <t>cg19572947</t>
  </si>
  <si>
    <t>cg19580810</t>
  </si>
  <si>
    <t>cg19581816</t>
  </si>
  <si>
    <t>cg19584957</t>
  </si>
  <si>
    <t>cg19585156</t>
  </si>
  <si>
    <t>cg19585271</t>
  </si>
  <si>
    <t>cg19587237</t>
  </si>
  <si>
    <t>cg19588863</t>
  </si>
  <si>
    <t>cg19589131</t>
  </si>
  <si>
    <t>cg19591056</t>
  </si>
  <si>
    <t>cg19593949</t>
  </si>
  <si>
    <t>cg19595244</t>
  </si>
  <si>
    <t>cg19595760</t>
  </si>
  <si>
    <t>cg19595835</t>
  </si>
  <si>
    <t>cg19599782</t>
  </si>
  <si>
    <t>cg19600528</t>
  </si>
  <si>
    <t>cg19612827</t>
  </si>
  <si>
    <t>cg19613740</t>
  </si>
  <si>
    <t>cg19619003</t>
  </si>
  <si>
    <t>cg19619064</t>
  </si>
  <si>
    <t>cg19619320</t>
  </si>
  <si>
    <t>cg19619416</t>
  </si>
  <si>
    <t>cg19621179</t>
  </si>
  <si>
    <t>cg19621411</t>
  </si>
  <si>
    <t>cg19621710</t>
  </si>
  <si>
    <t>cg19622662</t>
  </si>
  <si>
    <t>cg19623406</t>
  </si>
  <si>
    <t>cg19623438</t>
  </si>
  <si>
    <t>cg19623519</t>
  </si>
  <si>
    <t>cg19624630</t>
  </si>
  <si>
    <t>cg19624765</t>
  </si>
  <si>
    <t>cg19625216</t>
  </si>
  <si>
    <t>cg19625377</t>
  </si>
  <si>
    <t>cg19626158</t>
  </si>
  <si>
    <t>cg19626693</t>
  </si>
  <si>
    <t>cg19628619</t>
  </si>
  <si>
    <t>cg19629754</t>
  </si>
  <si>
    <t>cg19632574</t>
  </si>
  <si>
    <t>cg19633205</t>
  </si>
  <si>
    <t>cg19634537</t>
  </si>
  <si>
    <t>cg19637387</t>
  </si>
  <si>
    <t>cg19638572</t>
  </si>
  <si>
    <t>cg19639427</t>
  </si>
  <si>
    <t>cg19639898</t>
  </si>
  <si>
    <t>cg19644018</t>
  </si>
  <si>
    <t>cg19646327</t>
  </si>
  <si>
    <t>cg19652869</t>
  </si>
  <si>
    <t>cg19653440</t>
  </si>
  <si>
    <t>cg19657082</t>
  </si>
  <si>
    <t>cg19675684</t>
  </si>
  <si>
    <t>cg19675955</t>
  </si>
  <si>
    <t>cg19676312</t>
  </si>
  <si>
    <t>cg19677267</t>
  </si>
  <si>
    <t>cg19677739</t>
  </si>
  <si>
    <t>cg19678266</t>
  </si>
  <si>
    <t>cg19679543</t>
  </si>
  <si>
    <t>cg19680222</t>
  </si>
  <si>
    <t>cg19680850</t>
  </si>
  <si>
    <t>cg19681897</t>
  </si>
  <si>
    <t>cg19682639</t>
  </si>
  <si>
    <t>cg19685066</t>
  </si>
  <si>
    <t>cg19689322</t>
  </si>
  <si>
    <t>cg19690711</t>
  </si>
  <si>
    <t>cg19692314</t>
  </si>
  <si>
    <t>cg19692322</t>
  </si>
  <si>
    <t>cg19693503</t>
  </si>
  <si>
    <t>cg19697359</t>
  </si>
  <si>
    <t>cg19698923</t>
  </si>
  <si>
    <t>cg19699088</t>
  </si>
  <si>
    <t>cg19703628</t>
  </si>
  <si>
    <t>cg19704073</t>
  </si>
  <si>
    <t>cg19705300</t>
  </si>
  <si>
    <t>cg19706472</t>
  </si>
  <si>
    <t>cg19706516</t>
  </si>
  <si>
    <t>cg19707677</t>
  </si>
  <si>
    <t>cg19708065</t>
  </si>
  <si>
    <t>cg19709095</t>
  </si>
  <si>
    <t>cg19709822</t>
  </si>
  <si>
    <t>cg19710386</t>
  </si>
  <si>
    <t>cg19711013</t>
  </si>
  <si>
    <t>cg19711587</t>
  </si>
  <si>
    <t>cg19711800</t>
  </si>
  <si>
    <t>cg19712123</t>
  </si>
  <si>
    <t>cg19712659</t>
  </si>
  <si>
    <t>cg19713196</t>
  </si>
  <si>
    <t>cg19713429</t>
  </si>
  <si>
    <t>cg19713963</t>
  </si>
  <si>
    <t>cg19714595</t>
  </si>
  <si>
    <t>cg19718359</t>
  </si>
  <si>
    <t>cg19719902</t>
  </si>
  <si>
    <t>cg19720265</t>
  </si>
  <si>
    <t>cg19721221</t>
  </si>
  <si>
    <t>cg19721787</t>
  </si>
  <si>
    <t>cg19724344</t>
  </si>
  <si>
    <t>cg19727124</t>
  </si>
  <si>
    <t>cg19728051</t>
  </si>
  <si>
    <t>cg19729188</t>
  </si>
  <si>
    <t>cg19729914</t>
  </si>
  <si>
    <t>cg19733042</t>
  </si>
  <si>
    <t>cg19734536</t>
  </si>
  <si>
    <t>cg19736671</t>
  </si>
  <si>
    <t>cg19736900</t>
  </si>
  <si>
    <t>cg19736968</t>
  </si>
  <si>
    <t>cg19738353</t>
  </si>
  <si>
    <t>cg19738506</t>
  </si>
  <si>
    <t>cg19739126</t>
  </si>
  <si>
    <t>cg19740679</t>
  </si>
  <si>
    <t>cg19741408</t>
  </si>
  <si>
    <t>cg19743044</t>
  </si>
  <si>
    <t>cg19743168</t>
  </si>
  <si>
    <t>cg19743891</t>
  </si>
  <si>
    <t>cg19745317</t>
  </si>
  <si>
    <t>cg19745415</t>
  </si>
  <si>
    <t>cg19745515</t>
  </si>
  <si>
    <t>cg19745607</t>
  </si>
  <si>
    <t>cg19745766</t>
  </si>
  <si>
    <t>cg19746897</t>
  </si>
  <si>
    <t>cg19746906</t>
  </si>
  <si>
    <t>cg19747357</t>
  </si>
  <si>
    <t>cg19747992</t>
  </si>
  <si>
    <t>cg19749224</t>
  </si>
  <si>
    <t>cg19750321</t>
  </si>
  <si>
    <t>cg19751545</t>
  </si>
  <si>
    <t>cg19751997</t>
  </si>
  <si>
    <t>cg19753230</t>
  </si>
  <si>
    <t>cg19755016</t>
  </si>
  <si>
    <t>cg19755092</t>
  </si>
  <si>
    <t>cg19756345</t>
  </si>
  <si>
    <t>cg19758750</t>
  </si>
  <si>
    <t>cg19758758</t>
  </si>
  <si>
    <t>cg19759051</t>
  </si>
  <si>
    <t>cg19759804</t>
  </si>
  <si>
    <t>cg19760410</t>
  </si>
  <si>
    <t>cg19760917</t>
  </si>
  <si>
    <t>cg19762811</t>
  </si>
  <si>
    <t>cg19764418</t>
  </si>
  <si>
    <t>cg19765450</t>
  </si>
  <si>
    <t>cg19765820</t>
  </si>
  <si>
    <t>cg19766489</t>
  </si>
  <si>
    <t>cg19767020</t>
  </si>
  <si>
    <t>cg19767650</t>
  </si>
  <si>
    <t>cg19768036</t>
  </si>
  <si>
    <t>cg19768125</t>
  </si>
  <si>
    <t>cg19769301</t>
  </si>
  <si>
    <t>cg19769613</t>
  </si>
  <si>
    <t>cg19769827</t>
  </si>
  <si>
    <t>cg19770723</t>
  </si>
  <si>
    <t>cg19771173</t>
  </si>
  <si>
    <t>cg19771599</t>
  </si>
  <si>
    <t>cg19773311</t>
  </si>
  <si>
    <t>cg19774627</t>
  </si>
  <si>
    <t>cg19776520</t>
  </si>
  <si>
    <t>cg19776877</t>
  </si>
  <si>
    <t>cg19777710</t>
  </si>
  <si>
    <t>cg19777853</t>
  </si>
  <si>
    <t>cg19778413</t>
  </si>
  <si>
    <t>cg19778462</t>
  </si>
  <si>
    <t>cg19779057</t>
  </si>
  <si>
    <t>cg19784449</t>
  </si>
  <si>
    <t>cg19789165</t>
  </si>
  <si>
    <t>cg19789505</t>
  </si>
  <si>
    <t>cg19791253</t>
  </si>
  <si>
    <t>cg19797376</t>
  </si>
  <si>
    <t>cg19797496</t>
  </si>
  <si>
    <t>cg19800670</t>
  </si>
  <si>
    <t>cg19801921</t>
  </si>
  <si>
    <t>cg19802649</t>
  </si>
  <si>
    <t>cg19802774</t>
  </si>
  <si>
    <t>cg19806310</t>
  </si>
  <si>
    <t>cg19807361</t>
  </si>
  <si>
    <t>cg19808587</t>
  </si>
  <si>
    <t>cg19809052</t>
  </si>
  <si>
    <t>cg19811253</t>
  </si>
  <si>
    <t>cg19811365</t>
  </si>
  <si>
    <t>cg19813187</t>
  </si>
  <si>
    <t>cg19813226</t>
  </si>
  <si>
    <t>cg19813284</t>
  </si>
  <si>
    <t>cg19813884</t>
  </si>
  <si>
    <t>cg19814116</t>
  </si>
  <si>
    <t>cg19814174</t>
  </si>
  <si>
    <t>cg19814742</t>
  </si>
  <si>
    <t>cg19815596</t>
  </si>
  <si>
    <t>cg19816734</t>
  </si>
  <si>
    <t>cg19817882</t>
  </si>
  <si>
    <t>cg19818016</t>
  </si>
  <si>
    <t>cg19819138</t>
  </si>
  <si>
    <t>cg19819912</t>
  </si>
  <si>
    <t>cg19820248</t>
  </si>
  <si>
    <t>cg19821682</t>
  </si>
  <si>
    <t>cg19823490</t>
  </si>
  <si>
    <t>cg19823512</t>
  </si>
  <si>
    <t>cg19823971</t>
  </si>
  <si>
    <t>cg19825974</t>
  </si>
  <si>
    <t>cg19826697</t>
  </si>
  <si>
    <t>cg19828298</t>
  </si>
  <si>
    <t>cg19830541</t>
  </si>
  <si>
    <t>cg19840532</t>
  </si>
  <si>
    <t>cg19846168</t>
  </si>
  <si>
    <t>cg19846193</t>
  </si>
  <si>
    <t>cg19847936</t>
  </si>
  <si>
    <t>cg19854470</t>
  </si>
  <si>
    <t>cg19855402</t>
  </si>
  <si>
    <t>cg19857361</t>
  </si>
  <si>
    <t>cg19857737</t>
  </si>
  <si>
    <t>cg19857758</t>
  </si>
  <si>
    <t>cg19858334</t>
  </si>
  <si>
    <t>cg19859993</t>
  </si>
  <si>
    <t>cg19860160</t>
  </si>
  <si>
    <t>cg19861048</t>
  </si>
  <si>
    <t>cg19862389</t>
  </si>
  <si>
    <t>cg19862782</t>
  </si>
  <si>
    <t>cg19863630</t>
  </si>
  <si>
    <t>cg19865916</t>
  </si>
  <si>
    <t>cg19866433</t>
  </si>
  <si>
    <t>cg19868751</t>
  </si>
  <si>
    <t>cg19869139</t>
  </si>
  <si>
    <t>cg19870284</t>
  </si>
  <si>
    <t>cg19870743</t>
  </si>
  <si>
    <t>cg19870933</t>
  </si>
  <si>
    <t>cg19872095</t>
  </si>
  <si>
    <t>cg19879264</t>
  </si>
  <si>
    <t>cg19884658</t>
  </si>
  <si>
    <t>cg19886853</t>
  </si>
  <si>
    <t>cg19895474</t>
  </si>
  <si>
    <t>cg19895786</t>
  </si>
  <si>
    <t>cg19896198</t>
  </si>
  <si>
    <t>cg19896639</t>
  </si>
  <si>
    <t>cg19897874</t>
  </si>
  <si>
    <t>cg19899065</t>
  </si>
  <si>
    <t>cg19900677</t>
  </si>
  <si>
    <t>cg19900821</t>
  </si>
  <si>
    <t>cg19901472</t>
  </si>
  <si>
    <t>cg19902591</t>
  </si>
  <si>
    <t>cg19902593</t>
  </si>
  <si>
    <t>cg19903333</t>
  </si>
  <si>
    <t>cg19904031</t>
  </si>
  <si>
    <t>cg19907725</t>
  </si>
  <si>
    <t>cg19908856</t>
  </si>
  <si>
    <t>cg19910128</t>
  </si>
  <si>
    <t>cg19910220</t>
  </si>
  <si>
    <t>cg19910481</t>
  </si>
  <si>
    <t>cg19912470</t>
  </si>
  <si>
    <t>cg19913118</t>
  </si>
  <si>
    <t>cg19916794</t>
  </si>
  <si>
    <t>cg19917639</t>
  </si>
  <si>
    <t>cg19918758</t>
  </si>
  <si>
    <t>cg19919590</t>
  </si>
  <si>
    <t>cg19921170</t>
  </si>
  <si>
    <t>cg19921776</t>
  </si>
  <si>
    <t>cg19922442</t>
  </si>
  <si>
    <t>cg19922564</t>
  </si>
  <si>
    <t>cg19922871</t>
  </si>
  <si>
    <t>cg19923810</t>
  </si>
  <si>
    <t>cg19924431</t>
  </si>
  <si>
    <t>cg19924468</t>
  </si>
  <si>
    <t>cg19925558</t>
  </si>
  <si>
    <t>cg19925791</t>
  </si>
  <si>
    <t>cg19930352</t>
  </si>
  <si>
    <t>cg19936318</t>
  </si>
  <si>
    <t>cg19936954</t>
  </si>
  <si>
    <t>cg19937493</t>
  </si>
  <si>
    <t>cg19938567</t>
  </si>
  <si>
    <t>cg19939102</t>
  </si>
  <si>
    <t>cg19940401</t>
  </si>
  <si>
    <t>cg19940644</t>
  </si>
  <si>
    <t>cg19940729</t>
  </si>
  <si>
    <t>cg19940869</t>
  </si>
  <si>
    <t>cg19942256</t>
  </si>
  <si>
    <t>cg19944463</t>
  </si>
  <si>
    <t>cg19970699</t>
  </si>
  <si>
    <t>cg19971655</t>
  </si>
  <si>
    <t>cg19976011</t>
  </si>
  <si>
    <t>cg19976467</t>
  </si>
  <si>
    <t>cg19978436</t>
  </si>
  <si>
    <t>cg19979773</t>
  </si>
  <si>
    <t>cg19988763</t>
  </si>
  <si>
    <t>cg19993589</t>
  </si>
  <si>
    <t>cg20000132</t>
  </si>
  <si>
    <t>cg20000908</t>
  </si>
  <si>
    <t>cg20001666</t>
  </si>
  <si>
    <t>cg20002354</t>
  </si>
  <si>
    <t>cg20002523</t>
  </si>
  <si>
    <t>cg20002843</t>
  </si>
  <si>
    <t>cg20003179</t>
  </si>
  <si>
    <t>cg20003976</t>
  </si>
  <si>
    <t>cg20013177</t>
  </si>
  <si>
    <t>cg20014412</t>
  </si>
  <si>
    <t>cg20014591</t>
  </si>
  <si>
    <t>cg20015787</t>
  </si>
  <si>
    <t>cg20017415</t>
  </si>
  <si>
    <t>cg20017877</t>
  </si>
  <si>
    <t>cg20025656</t>
  </si>
  <si>
    <t>cg20030310</t>
  </si>
  <si>
    <t>cg20030671</t>
  </si>
  <si>
    <t>cg20037384</t>
  </si>
  <si>
    <t>cg20041088</t>
  </si>
  <si>
    <t>cg20041381</t>
  </si>
  <si>
    <t>cg20059151</t>
  </si>
  <si>
    <t>cg20059832</t>
  </si>
  <si>
    <t>cg20060019</t>
  </si>
  <si>
    <t>cg20060474</t>
  </si>
  <si>
    <t>cg20060759</t>
  </si>
  <si>
    <t>cg20061722</t>
  </si>
  <si>
    <t>cg20062050</t>
  </si>
  <si>
    <t>cg20062691</t>
  </si>
  <si>
    <t>cg20062893</t>
  </si>
  <si>
    <t>cg20063837</t>
  </si>
  <si>
    <t>cg20064693</t>
  </si>
  <si>
    <t>cg20064848</t>
  </si>
  <si>
    <t>cg20065005</t>
  </si>
  <si>
    <t>cg20065217</t>
  </si>
  <si>
    <t>cg20066001</t>
  </si>
  <si>
    <t>cg20066612</t>
  </si>
  <si>
    <t>cg20070090</t>
  </si>
  <si>
    <t>cg20072384</t>
  </si>
  <si>
    <t>cg20077393</t>
  </si>
  <si>
    <t>cg20078206</t>
  </si>
  <si>
    <t>cg20094435</t>
  </si>
  <si>
    <t>cg20097268</t>
  </si>
  <si>
    <t>cg20103201</t>
  </si>
  <si>
    <t>cg20103919</t>
  </si>
  <si>
    <t>cg20123452</t>
  </si>
  <si>
    <t>cg20125091</t>
  </si>
  <si>
    <t>cg20133313</t>
  </si>
  <si>
    <t>cg20136609</t>
  </si>
  <si>
    <t>cg20136855</t>
  </si>
  <si>
    <t>cg20136951</t>
  </si>
  <si>
    <t>cg20138067</t>
  </si>
  <si>
    <t>cg20138922</t>
  </si>
  <si>
    <t>cg20140173</t>
  </si>
  <si>
    <t>cg20140662</t>
  </si>
  <si>
    <t>cg20140735</t>
  </si>
  <si>
    <t>cg20141108</t>
  </si>
  <si>
    <t>cg20141160</t>
  </si>
  <si>
    <t>cg20142535</t>
  </si>
  <si>
    <t>cg20144984</t>
  </si>
  <si>
    <t>cg20145149</t>
  </si>
  <si>
    <t>cg20146105</t>
  </si>
  <si>
    <t>cg20146909</t>
  </si>
  <si>
    <t>cg20148285</t>
  </si>
  <si>
    <t>cg20149168</t>
  </si>
  <si>
    <t>cg20149359</t>
  </si>
  <si>
    <t>cg20150659</t>
  </si>
  <si>
    <t>cg20152731</t>
  </si>
  <si>
    <t>cg20155035</t>
  </si>
  <si>
    <t>cg20155064</t>
  </si>
  <si>
    <t>cg20156053</t>
  </si>
  <si>
    <t>cg20156165</t>
  </si>
  <si>
    <t>cg20156985</t>
  </si>
  <si>
    <t>cg20160299</t>
  </si>
  <si>
    <t>cg20161996</t>
  </si>
  <si>
    <t>cg20163796</t>
  </si>
  <si>
    <t>cg20164042</t>
  </si>
  <si>
    <t>cg20165459</t>
  </si>
  <si>
    <t>cg20167471</t>
  </si>
  <si>
    <t>cg20168901</t>
  </si>
  <si>
    <t>cg20169015</t>
  </si>
  <si>
    <t>cg20169988</t>
  </si>
  <si>
    <t>cg20170831</t>
  </si>
  <si>
    <t>cg20172280</t>
  </si>
  <si>
    <t>cg20180059</t>
  </si>
  <si>
    <t>cg20185617</t>
  </si>
  <si>
    <t>cg20185945</t>
  </si>
  <si>
    <t>cg20202438</t>
  </si>
  <si>
    <t>cg20204634</t>
  </si>
  <si>
    <t>cg20207310</t>
  </si>
  <si>
    <t>cg20207890</t>
  </si>
  <si>
    <t>cg20227763</t>
  </si>
  <si>
    <t>cg20227766</t>
  </si>
  <si>
    <t>cg20238525</t>
  </si>
  <si>
    <t>cg20239017</t>
  </si>
  <si>
    <t>cg20239639</t>
  </si>
  <si>
    <t>cg20240091</t>
  </si>
  <si>
    <t>cg20240601</t>
  </si>
  <si>
    <t>cg20240791</t>
  </si>
  <si>
    <t>cg20242065</t>
  </si>
  <si>
    <t>cg20242797</t>
  </si>
  <si>
    <t>cg20243176</t>
  </si>
  <si>
    <t>cg20243838</t>
  </si>
  <si>
    <t>cg20244474</t>
  </si>
  <si>
    <t>cg20245116</t>
  </si>
  <si>
    <t>cg20246707</t>
  </si>
  <si>
    <t>cg20248356</t>
  </si>
  <si>
    <t>cg20248527</t>
  </si>
  <si>
    <t>cg20248822</t>
  </si>
  <si>
    <t>cg20250316</t>
  </si>
  <si>
    <t>cg20253105</t>
  </si>
  <si>
    <t>cg20253268</t>
  </si>
  <si>
    <t>cg20253350</t>
  </si>
  <si>
    <t>cg20253872</t>
  </si>
  <si>
    <t>cg20254361</t>
  </si>
  <si>
    <t>cg20254763</t>
  </si>
  <si>
    <t>cg20254790</t>
  </si>
  <si>
    <t>cg20256120</t>
  </si>
  <si>
    <t>cg20259129</t>
  </si>
  <si>
    <t>cg20263826</t>
  </si>
  <si>
    <t>cg20263853</t>
  </si>
  <si>
    <t>cg20265470</t>
  </si>
  <si>
    <t>cg20265878</t>
  </si>
  <si>
    <t>cg20267775</t>
  </si>
  <si>
    <t>cg20267823</t>
  </si>
  <si>
    <t>cg20269276</t>
  </si>
  <si>
    <t>cg20269352</t>
  </si>
  <si>
    <t>cg20269554</t>
  </si>
  <si>
    <t>cg20270188</t>
  </si>
  <si>
    <t>cg20271330</t>
  </si>
  <si>
    <t>cg20272463</t>
  </si>
  <si>
    <t>cg20273477</t>
  </si>
  <si>
    <t>cg20275072</t>
  </si>
  <si>
    <t>cg20275133</t>
  </si>
  <si>
    <t>cg20276103</t>
  </si>
  <si>
    <t>cg20276780</t>
  </si>
  <si>
    <t>cg20276962</t>
  </si>
  <si>
    <t>cg20277126</t>
  </si>
  <si>
    <t>cg20277781</t>
  </si>
  <si>
    <t>cg20282814</t>
  </si>
  <si>
    <t>cg20283477</t>
  </si>
  <si>
    <t>cg20284239</t>
  </si>
  <si>
    <t>cg20284629</t>
  </si>
  <si>
    <t>cg20284937</t>
  </si>
  <si>
    <t>cg20285026</t>
  </si>
  <si>
    <t>cg20286844</t>
  </si>
  <si>
    <t>cg20288927</t>
  </si>
  <si>
    <t>cg20289609</t>
  </si>
  <si>
    <t>cg20289854</t>
  </si>
  <si>
    <t>cg20289988</t>
  </si>
  <si>
    <t>cg20291033</t>
  </si>
  <si>
    <t>cg20291363</t>
  </si>
  <si>
    <t>cg20291423</t>
  </si>
  <si>
    <t>cg20291513</t>
  </si>
  <si>
    <t>cg20292636</t>
  </si>
  <si>
    <t>cg20292791</t>
  </si>
  <si>
    <t>cg20294080</t>
  </si>
  <si>
    <t>cg20294457</t>
  </si>
  <si>
    <t>cg20294789</t>
  </si>
  <si>
    <t>cg20295040</t>
  </si>
  <si>
    <t>cg20295120</t>
  </si>
  <si>
    <t>cg20295214</t>
  </si>
  <si>
    <t>cg20299399</t>
  </si>
  <si>
    <t>cg20299573</t>
  </si>
  <si>
    <t>cg20299703</t>
  </si>
  <si>
    <t>cg20299802</t>
  </si>
  <si>
    <t>cg20300514</t>
  </si>
  <si>
    <t>cg20308540</t>
  </si>
  <si>
    <t>cg20309078</t>
  </si>
  <si>
    <t>cg20309640</t>
  </si>
  <si>
    <t>cg20310759</t>
  </si>
  <si>
    <t>cg20311037</t>
  </si>
  <si>
    <t>cg20311333</t>
  </si>
  <si>
    <t>cg20311544</t>
  </si>
  <si>
    <t>cg20312132</t>
  </si>
  <si>
    <t>cg20313951</t>
  </si>
  <si>
    <t>cg20315136</t>
  </si>
  <si>
    <t>cg20316614</t>
  </si>
  <si>
    <t>cg20317872</t>
  </si>
  <si>
    <t>cg20318096</t>
  </si>
  <si>
    <t>cg20318235</t>
  </si>
  <si>
    <t>cg20320283</t>
  </si>
  <si>
    <t>cg20320936</t>
  </si>
  <si>
    <t>cg20321265</t>
  </si>
  <si>
    <t>cg20322433</t>
  </si>
  <si>
    <t>cg20323445</t>
  </si>
  <si>
    <t>cg20324858</t>
  </si>
  <si>
    <t>cg20325547</t>
  </si>
  <si>
    <t>cg20325850</t>
  </si>
  <si>
    <t>cg20327105</t>
  </si>
  <si>
    <t>cg20329303</t>
  </si>
  <si>
    <t>cg20329405</t>
  </si>
  <si>
    <t>cg20329966</t>
  </si>
  <si>
    <t>cg20333836</t>
  </si>
  <si>
    <t>cg20333927</t>
  </si>
  <si>
    <t>cg20335384</t>
  </si>
  <si>
    <t>cg20345978</t>
  </si>
  <si>
    <t>cg20351495</t>
  </si>
  <si>
    <t>cg20367961</t>
  </si>
  <si>
    <t>cg20375554</t>
  </si>
  <si>
    <t>cg20375690</t>
  </si>
  <si>
    <t>cg20383521</t>
  </si>
  <si>
    <t>cg20383654</t>
  </si>
  <si>
    <t>cg20383686</t>
  </si>
  <si>
    <t>cg20384735</t>
  </si>
  <si>
    <t>cg20385983</t>
  </si>
  <si>
    <t>cg20387429</t>
  </si>
  <si>
    <t>cg20388471</t>
  </si>
  <si>
    <t>cg20388635</t>
  </si>
  <si>
    <t>cg20389131</t>
  </si>
  <si>
    <t>cg20390237</t>
  </si>
  <si>
    <t>cg20390613</t>
  </si>
  <si>
    <t>cg20395940</t>
  </si>
  <si>
    <t>cg20401181</t>
  </si>
  <si>
    <t>cg20404387</t>
  </si>
  <si>
    <t>cg20406090</t>
  </si>
  <si>
    <t>cg20407522</t>
  </si>
  <si>
    <t>cg20408147</t>
  </si>
  <si>
    <t>cg20409752</t>
  </si>
  <si>
    <t>cg20410409</t>
  </si>
  <si>
    <t>cg20410675</t>
  </si>
  <si>
    <t>cg20410995</t>
  </si>
  <si>
    <t>cg20411127</t>
  </si>
  <si>
    <t>cg20411340</t>
  </si>
  <si>
    <t>cg20412955</t>
  </si>
  <si>
    <t>cg20414082</t>
  </si>
  <si>
    <t>cg20414217</t>
  </si>
  <si>
    <t>cg20414505</t>
  </si>
  <si>
    <t>cg20414749</t>
  </si>
  <si>
    <t>cg20414838</t>
  </si>
  <si>
    <t>cg20415365</t>
  </si>
  <si>
    <t>cg20416874</t>
  </si>
  <si>
    <t>cg20417180</t>
  </si>
  <si>
    <t>cg20417195</t>
  </si>
  <si>
    <t>cg20420559</t>
  </si>
  <si>
    <t>cg20420826</t>
  </si>
  <si>
    <t>cg20426709</t>
  </si>
  <si>
    <t>cg20428713</t>
  </si>
  <si>
    <t>cg20429172</t>
  </si>
  <si>
    <t>cg20429981</t>
  </si>
  <si>
    <t>cg20430572</t>
  </si>
  <si>
    <t>cg20431748</t>
  </si>
  <si>
    <t>cg20432350</t>
  </si>
  <si>
    <t>cg20432475</t>
  </si>
  <si>
    <t>cg20432671</t>
  </si>
  <si>
    <t>cg20432732</t>
  </si>
  <si>
    <t>cg20433447</t>
  </si>
  <si>
    <t>cg20433455</t>
  </si>
  <si>
    <t>cg20433521</t>
  </si>
  <si>
    <t>cg20433829</t>
  </si>
  <si>
    <t>cg20449726</t>
  </si>
  <si>
    <t>cg20451455</t>
  </si>
  <si>
    <t>cg20452212</t>
  </si>
  <si>
    <t>cg20452711</t>
  </si>
  <si>
    <t>cg20452738</t>
  </si>
  <si>
    <t>cg20453412</t>
  </si>
  <si>
    <t>cg20457544</t>
  </si>
  <si>
    <t>cg20458124</t>
  </si>
  <si>
    <t>cg20460771</t>
  </si>
  <si>
    <t>cg20462100</t>
  </si>
  <si>
    <t>cg20464072</t>
  </si>
  <si>
    <t>cg20465008</t>
  </si>
  <si>
    <t>cg20465207</t>
  </si>
  <si>
    <t>cg20465219</t>
  </si>
  <si>
    <t>cg20484086</t>
  </si>
  <si>
    <t>cg20484653</t>
  </si>
  <si>
    <t>cg20485144</t>
  </si>
  <si>
    <t>cg20486246</t>
  </si>
  <si>
    <t>cg20487231</t>
  </si>
  <si>
    <t>cg20487572</t>
  </si>
  <si>
    <t>cg20491406</t>
  </si>
  <si>
    <t>cg20492121</t>
  </si>
  <si>
    <t>cg20492868</t>
  </si>
  <si>
    <t>cg20492869</t>
  </si>
  <si>
    <t>cg20494372</t>
  </si>
  <si>
    <t>cg20495040</t>
  </si>
  <si>
    <t>cg20497554</t>
  </si>
  <si>
    <t>cg20510600</t>
  </si>
  <si>
    <t>cg20522675</t>
  </si>
  <si>
    <t>cg20525378</t>
  </si>
  <si>
    <t>cg20530056</t>
  </si>
  <si>
    <t>cg20535085</t>
  </si>
  <si>
    <t>cg20538819</t>
  </si>
  <si>
    <t>cg20539798</t>
  </si>
  <si>
    <t>cg20544186</t>
  </si>
  <si>
    <t>cg20544808</t>
  </si>
  <si>
    <t>cg20561908</t>
  </si>
  <si>
    <t>cg20567895</t>
  </si>
  <si>
    <t>cg20568390</t>
  </si>
  <si>
    <t>cg20569588</t>
  </si>
  <si>
    <t>cg20570016</t>
  </si>
  <si>
    <t>cg20582655</t>
  </si>
  <si>
    <t>cg20582779</t>
  </si>
  <si>
    <t>cg20591472</t>
  </si>
  <si>
    <t>cg20594765</t>
  </si>
  <si>
    <t>cg20594809</t>
  </si>
  <si>
    <t>cg20595827</t>
  </si>
  <si>
    <t>cg20599096</t>
  </si>
  <si>
    <t>cg20607293</t>
  </si>
  <si>
    <t>cg20608032</t>
  </si>
  <si>
    <t>cg20609715</t>
  </si>
  <si>
    <t>cg20609803</t>
  </si>
  <si>
    <t>cg20611334</t>
  </si>
  <si>
    <t>cg20614262</t>
  </si>
  <si>
    <t>cg20615951</t>
  </si>
  <si>
    <t>cg20616108</t>
  </si>
  <si>
    <t>cg20616821</t>
  </si>
  <si>
    <t>cg20617669</t>
  </si>
  <si>
    <t>cg20619374</t>
  </si>
  <si>
    <t>cg20623943</t>
  </si>
  <si>
    <t>cg20627099</t>
  </si>
  <si>
    <t>cg20627546</t>
  </si>
  <si>
    <t>cg20628733</t>
  </si>
  <si>
    <t>cg20629097</t>
  </si>
  <si>
    <t>cg20630887</t>
  </si>
  <si>
    <t>cg20630889</t>
  </si>
  <si>
    <t>cg20632208</t>
  </si>
  <si>
    <t>cg20632224</t>
  </si>
  <si>
    <t>cg20632537</t>
  </si>
  <si>
    <t>cg20632871</t>
  </si>
  <si>
    <t>cg20634266</t>
  </si>
  <si>
    <t>cg20634514</t>
  </si>
  <si>
    <t>cg20634798</t>
  </si>
  <si>
    <t>cg20645065</t>
  </si>
  <si>
    <t>cg20648108</t>
  </si>
  <si>
    <t>cg20651453</t>
  </si>
  <si>
    <t>cg20661303</t>
  </si>
  <si>
    <t>cg20664061</t>
  </si>
  <si>
    <t>cg20664247</t>
  </si>
  <si>
    <t>cg20668607</t>
  </si>
  <si>
    <t>cg20670361</t>
  </si>
  <si>
    <t>cg20671415</t>
  </si>
  <si>
    <t>cg20671649</t>
  </si>
  <si>
    <t>cg20671910</t>
  </si>
  <si>
    <t>cg20674248</t>
  </si>
  <si>
    <t>cg20674480</t>
  </si>
  <si>
    <t>cg20675251</t>
  </si>
  <si>
    <t>cg20675852</t>
  </si>
  <si>
    <t>cg20677516</t>
  </si>
  <si>
    <t>cg20678043</t>
  </si>
  <si>
    <t>cg20678835</t>
  </si>
  <si>
    <t>cg20680802</t>
  </si>
  <si>
    <t>cg20681184</t>
  </si>
  <si>
    <t>cg20685067</t>
  </si>
  <si>
    <t>cg20685674</t>
  </si>
  <si>
    <t>cg20685897</t>
  </si>
  <si>
    <t>cg20686176</t>
  </si>
  <si>
    <t>cg20686828</t>
  </si>
  <si>
    <t>cg20687616</t>
  </si>
  <si>
    <t>cg20688791</t>
  </si>
  <si>
    <t>cg20689232</t>
  </si>
  <si>
    <t>cg20692268</t>
  </si>
  <si>
    <t>cg20692896</t>
  </si>
  <si>
    <t>cg20692980</t>
  </si>
  <si>
    <t>cg20694619</t>
  </si>
  <si>
    <t>cg20694648</t>
  </si>
  <si>
    <t>cg20694964</t>
  </si>
  <si>
    <t>cg20694988</t>
  </si>
  <si>
    <t>cg20695003</t>
  </si>
  <si>
    <t>cg20695760</t>
  </si>
  <si>
    <t>cg20695936</t>
  </si>
  <si>
    <t>cg20696737</t>
  </si>
  <si>
    <t>cg20696875</t>
  </si>
  <si>
    <t>cg20697417</t>
  </si>
  <si>
    <t>cg20697468</t>
  </si>
  <si>
    <t>cg20697519</t>
  </si>
  <si>
    <t>cg20698410</t>
  </si>
  <si>
    <t>cg20698667</t>
  </si>
  <si>
    <t>cg20699340</t>
  </si>
  <si>
    <t>cg20700460</t>
  </si>
  <si>
    <t>cg20700731</t>
  </si>
  <si>
    <t>cg20701183</t>
  </si>
  <si>
    <t>cg20701461</t>
  </si>
  <si>
    <t>cg20701901</t>
  </si>
  <si>
    <t>cg20703895</t>
  </si>
  <si>
    <t>cg20703997</t>
  </si>
  <si>
    <t>cg20704450</t>
  </si>
  <si>
    <t>cg20705390</t>
  </si>
  <si>
    <t>cg20705565</t>
  </si>
  <si>
    <t>cg20706495</t>
  </si>
  <si>
    <t>cg20706909</t>
  </si>
  <si>
    <t>cg20707157</t>
  </si>
  <si>
    <t>cg20707323</t>
  </si>
  <si>
    <t>cg20707774</t>
  </si>
  <si>
    <t>cg20713492</t>
  </si>
  <si>
    <t>cg20738274</t>
  </si>
  <si>
    <t>cg20739281</t>
  </si>
  <si>
    <t>cg20739510</t>
  </si>
  <si>
    <t>cg20740051</t>
  </si>
  <si>
    <t>cg20740619</t>
  </si>
  <si>
    <t>cg20741386</t>
  </si>
  <si>
    <t>cg20742696</t>
  </si>
  <si>
    <t>cg20743365</t>
  </si>
  <si>
    <t>cg20743933</t>
  </si>
  <si>
    <t>cg20744353</t>
  </si>
  <si>
    <t>cg20744437</t>
  </si>
  <si>
    <t>cg20745153</t>
  </si>
  <si>
    <t>cg20745419</t>
  </si>
  <si>
    <t>cg20746702</t>
  </si>
  <si>
    <t>cg20746830</t>
  </si>
  <si>
    <t>cg20747393</t>
  </si>
  <si>
    <t>cg20747739</t>
  </si>
  <si>
    <t>cg20747741</t>
  </si>
  <si>
    <t>cg20755353</t>
  </si>
  <si>
    <t>cg20758803</t>
  </si>
  <si>
    <t>cg20768358</t>
  </si>
  <si>
    <t>cg20768399</t>
  </si>
  <si>
    <t>cg20768669</t>
  </si>
  <si>
    <t>cg20768915</t>
  </si>
  <si>
    <t>cg20771622</t>
  </si>
  <si>
    <t>cg20774646</t>
  </si>
  <si>
    <t>cg20774676</t>
  </si>
  <si>
    <t>cg20775370</t>
  </si>
  <si>
    <t>cg20777437</t>
  </si>
  <si>
    <t>cg20778468</t>
  </si>
  <si>
    <t>cg20779373</t>
  </si>
  <si>
    <t>cg20780323</t>
  </si>
  <si>
    <t>cg20781438</t>
  </si>
  <si>
    <t>cg20781526</t>
  </si>
  <si>
    <t>cg20781835</t>
  </si>
  <si>
    <t>cg20783674</t>
  </si>
  <si>
    <t>cg20784768</t>
  </si>
  <si>
    <t>cg20784841</t>
  </si>
  <si>
    <t>cg20785136</t>
  </si>
  <si>
    <t>cg20785313</t>
  </si>
  <si>
    <t>cg20785560</t>
  </si>
  <si>
    <t>cg20786495</t>
  </si>
  <si>
    <t>cg20786524</t>
  </si>
  <si>
    <t>cg20786939</t>
  </si>
  <si>
    <t>cg20787122</t>
  </si>
  <si>
    <t>cg20787665</t>
  </si>
  <si>
    <t>cg20791007</t>
  </si>
  <si>
    <t>cg20792826</t>
  </si>
  <si>
    <t>cg20793809</t>
  </si>
  <si>
    <t>cg20796027</t>
  </si>
  <si>
    <t>cg20796611</t>
  </si>
  <si>
    <t>cg20797697</t>
  </si>
  <si>
    <t>cg20798574</t>
  </si>
  <si>
    <t>cg20799514</t>
  </si>
  <si>
    <t>cg20800117</t>
  </si>
  <si>
    <t>cg20802392</t>
  </si>
  <si>
    <t>cg20803370</t>
  </si>
  <si>
    <t>cg20803931</t>
  </si>
  <si>
    <t>cg20804280</t>
  </si>
  <si>
    <t>cg20805920</t>
  </si>
  <si>
    <t>cg20806175</t>
  </si>
  <si>
    <t>cg20807000</t>
  </si>
  <si>
    <t>cg20808224</t>
  </si>
  <si>
    <t>cg20808893</t>
  </si>
  <si>
    <t>cg20811145</t>
  </si>
  <si>
    <t>cg20812370</t>
  </si>
  <si>
    <t>cg20814813</t>
  </si>
  <si>
    <t>cg20815571</t>
  </si>
  <si>
    <t>cg20816361</t>
  </si>
  <si>
    <t>cg20817175</t>
  </si>
  <si>
    <t>cg20817465</t>
  </si>
  <si>
    <t>cg20817822</t>
  </si>
  <si>
    <t>cg20817941</t>
  </si>
  <si>
    <t>cg20818417</t>
  </si>
  <si>
    <t>cg20819218</t>
  </si>
  <si>
    <t>cg20820107</t>
  </si>
  <si>
    <t>cg20821424</t>
  </si>
  <si>
    <t>cg20821544</t>
  </si>
  <si>
    <t>cg20822540</t>
  </si>
  <si>
    <t>cg20822884</t>
  </si>
  <si>
    <t>cg20822990</t>
  </si>
  <si>
    <t>cg20823695</t>
  </si>
  <si>
    <t>cg20823940</t>
  </si>
  <si>
    <t>cg20824939</t>
  </si>
  <si>
    <t>cg20825023</t>
  </si>
  <si>
    <t>cg20825872</t>
  </si>
  <si>
    <t>cg20826576</t>
  </si>
  <si>
    <t>cg20827193</t>
  </si>
  <si>
    <t>cg20839149</t>
  </si>
  <si>
    <t>cg20845544</t>
  </si>
  <si>
    <t>cg20845684</t>
  </si>
  <si>
    <t>cg20847035</t>
  </si>
  <si>
    <t>cg20847292</t>
  </si>
  <si>
    <t>cg20847746</t>
  </si>
  <si>
    <t>cg20848130</t>
  </si>
  <si>
    <t>cg20849121</t>
  </si>
  <si>
    <t>cg20849150</t>
  </si>
  <si>
    <t>cg20853148</t>
  </si>
  <si>
    <t>cg20858526</t>
  </si>
  <si>
    <t>cg20859470</t>
  </si>
  <si>
    <t>cg20863963</t>
  </si>
  <si>
    <t>cg20867633</t>
  </si>
  <si>
    <t>cg20868668</t>
  </si>
  <si>
    <t>cg20868817</t>
  </si>
  <si>
    <t>cg20869305</t>
  </si>
  <si>
    <t>cg20871559</t>
  </si>
  <si>
    <t>cg20876010</t>
  </si>
  <si>
    <t>cg20885089</t>
  </si>
  <si>
    <t>cg20887241</t>
  </si>
  <si>
    <t>cg20912172</t>
  </si>
  <si>
    <t>cg20930487</t>
  </si>
  <si>
    <t>cg20930489</t>
  </si>
  <si>
    <t>cg20931033</t>
  </si>
  <si>
    <t>cg20932535</t>
  </si>
  <si>
    <t>cg20932849</t>
  </si>
  <si>
    <t>cg20934881</t>
  </si>
  <si>
    <t>cg20936183</t>
  </si>
  <si>
    <t>cg20936321</t>
  </si>
  <si>
    <t>cg20939768</t>
  </si>
  <si>
    <t>cg20941554</t>
  </si>
  <si>
    <t>cg20942219</t>
  </si>
  <si>
    <t>cg20942910</t>
  </si>
  <si>
    <t>cg20944283</t>
  </si>
  <si>
    <t>cg20944548</t>
  </si>
  <si>
    <t>cg20946037</t>
  </si>
  <si>
    <t>cg20946054</t>
  </si>
  <si>
    <t>cg20947849</t>
  </si>
  <si>
    <t>cg20948151</t>
  </si>
  <si>
    <t>cg20948486</t>
  </si>
  <si>
    <t>cg20951444</t>
  </si>
  <si>
    <t>cg20953047</t>
  </si>
  <si>
    <t>cg20956373</t>
  </si>
  <si>
    <t>cg20958959</t>
  </si>
  <si>
    <t>cg20959676</t>
  </si>
  <si>
    <t>cg20959866</t>
  </si>
  <si>
    <t>cg20960181</t>
  </si>
  <si>
    <t>cg20961007</t>
  </si>
  <si>
    <t>cg20962543</t>
  </si>
  <si>
    <t>cg20962938</t>
  </si>
  <si>
    <t>cg20963003</t>
  </si>
  <si>
    <t>cg20963047</t>
  </si>
  <si>
    <t>cg20964423</t>
  </si>
  <si>
    <t>cg20966270</t>
  </si>
  <si>
    <t>cg20966426</t>
  </si>
  <si>
    <t>cg20967006</t>
  </si>
  <si>
    <t>cg20967329</t>
  </si>
  <si>
    <t>cg20970369</t>
  </si>
  <si>
    <t>cg20972269</t>
  </si>
  <si>
    <t>cg20974139</t>
  </si>
  <si>
    <t>cg20974822</t>
  </si>
  <si>
    <t>cg20975030</t>
  </si>
  <si>
    <t>cg20975074</t>
  </si>
  <si>
    <t>cg20976159</t>
  </si>
  <si>
    <t>cg20976968</t>
  </si>
  <si>
    <t>cg20977024</t>
  </si>
  <si>
    <t>cg20977327</t>
  </si>
  <si>
    <t>cg20977411</t>
  </si>
  <si>
    <t>cg20978193</t>
  </si>
  <si>
    <t>cg20980271</t>
  </si>
  <si>
    <t>cg20980926</t>
  </si>
  <si>
    <t>cg20981107</t>
  </si>
  <si>
    <t>cg20982476</t>
  </si>
  <si>
    <t>cg20984812</t>
  </si>
  <si>
    <t>cg20985269</t>
  </si>
  <si>
    <t>cg20986652</t>
  </si>
  <si>
    <t>cg20986726</t>
  </si>
  <si>
    <t>cg20986832</t>
  </si>
  <si>
    <t>cg20988960</t>
  </si>
  <si>
    <t>cg20990511</t>
  </si>
  <si>
    <t>cg20991612</t>
  </si>
  <si>
    <t>cg20991983</t>
  </si>
  <si>
    <t>cg20992330</t>
  </si>
  <si>
    <t>cg20992838</t>
  </si>
  <si>
    <t>cg20993090</t>
  </si>
  <si>
    <t>cg20994118</t>
  </si>
  <si>
    <t>cg20994720</t>
  </si>
  <si>
    <t>cg20994801</t>
  </si>
  <si>
    <t>cg20994950</t>
  </si>
  <si>
    <t>cg20995977</t>
  </si>
  <si>
    <t>cg20996348</t>
  </si>
  <si>
    <t>cg20996918</t>
  </si>
  <si>
    <t>cg20998511</t>
  </si>
  <si>
    <t>cg20999755</t>
  </si>
  <si>
    <t>cg21001273</t>
  </si>
  <si>
    <t>cg21001457</t>
  </si>
  <si>
    <t>cg21003380</t>
  </si>
  <si>
    <t>cg21004042</t>
  </si>
  <si>
    <t>cg21004105</t>
  </si>
  <si>
    <t>cg21005525</t>
  </si>
  <si>
    <t>cg21010407</t>
  </si>
  <si>
    <t>cg21011652</t>
  </si>
  <si>
    <t>cg21012061</t>
  </si>
  <si>
    <t>cg21012139</t>
  </si>
  <si>
    <t>cg21038964</t>
  </si>
  <si>
    <t>cg21039631</t>
  </si>
  <si>
    <t>cg21047206</t>
  </si>
  <si>
    <t>cg21057046</t>
  </si>
  <si>
    <t>cg21075870</t>
  </si>
  <si>
    <t>cg21076470</t>
  </si>
  <si>
    <t>cg21079113</t>
  </si>
  <si>
    <t>cg21081832</t>
  </si>
  <si>
    <t>cg21085001</t>
  </si>
  <si>
    <t>cg21092462</t>
  </si>
  <si>
    <t>cg21093060</t>
  </si>
  <si>
    <t>cg21099221</t>
  </si>
  <si>
    <t>cg21105827</t>
  </si>
  <si>
    <t>cg21106899</t>
  </si>
  <si>
    <t>cg21107210</t>
  </si>
  <si>
    <t>cg21107767</t>
  </si>
  <si>
    <t>cg21107944</t>
  </si>
  <si>
    <t>cg21108412</t>
  </si>
  <si>
    <t>cg21108519</t>
  </si>
  <si>
    <t>cg21109075</t>
  </si>
  <si>
    <t>cg21111500</t>
  </si>
  <si>
    <t>cg21113746</t>
  </si>
  <si>
    <t>cg21115004</t>
  </si>
  <si>
    <t>cg21115691</t>
  </si>
  <si>
    <t>cg21116056</t>
  </si>
  <si>
    <t>cg21117584</t>
  </si>
  <si>
    <t>cg21117808</t>
  </si>
  <si>
    <t>cg21118881</t>
  </si>
  <si>
    <t>cg21119525</t>
  </si>
  <si>
    <t>cg21137823</t>
  </si>
  <si>
    <t>cg21139518</t>
  </si>
  <si>
    <t>cg21139587</t>
  </si>
  <si>
    <t>cg21139713</t>
  </si>
  <si>
    <t>cg21140261</t>
  </si>
  <si>
    <t>cg21140456</t>
  </si>
  <si>
    <t>cg21141047</t>
  </si>
  <si>
    <t>cg21141856</t>
  </si>
  <si>
    <t>cg21142038</t>
  </si>
  <si>
    <t>cg21142153</t>
  </si>
  <si>
    <t>cg21142398</t>
  </si>
  <si>
    <t>cg21142743</t>
  </si>
  <si>
    <t>cg21142977</t>
  </si>
  <si>
    <t>cg21143899</t>
  </si>
  <si>
    <t>cg21144009</t>
  </si>
  <si>
    <t>cg21144928</t>
  </si>
  <si>
    <t>cg21155316</t>
  </si>
  <si>
    <t>cg21155367</t>
  </si>
  <si>
    <t>cg21156129</t>
  </si>
  <si>
    <t>cg21156684</t>
  </si>
  <si>
    <t>cg21157353</t>
  </si>
  <si>
    <t>cg21157465</t>
  </si>
  <si>
    <t>cg21157873</t>
  </si>
  <si>
    <t>cg21158528</t>
  </si>
  <si>
    <t>cg21158795</t>
  </si>
  <si>
    <t>cg21159689</t>
  </si>
  <si>
    <t>cg21162779</t>
  </si>
  <si>
    <t>cg21165029</t>
  </si>
  <si>
    <t>cg21165978</t>
  </si>
  <si>
    <t>cg21167453</t>
  </si>
  <si>
    <t>cg21167563</t>
  </si>
  <si>
    <t>cg21167643</t>
  </si>
  <si>
    <t>cg21170796</t>
  </si>
  <si>
    <t>cg21171625</t>
  </si>
  <si>
    <t>cg21172540</t>
  </si>
  <si>
    <t>cg21172814</t>
  </si>
  <si>
    <t>cg21172944</t>
  </si>
  <si>
    <t>cg21173524</t>
  </si>
  <si>
    <t>cg21180178</t>
  </si>
  <si>
    <t>cg21187265</t>
  </si>
  <si>
    <t>cg21189909</t>
  </si>
  <si>
    <t>cg21194726</t>
  </si>
  <si>
    <t>cg21195376</t>
  </si>
  <si>
    <t>cg21197216</t>
  </si>
  <si>
    <t>cg21197219</t>
  </si>
  <si>
    <t>cg21197435</t>
  </si>
  <si>
    <t>cg21197568</t>
  </si>
  <si>
    <t>cg21198021</t>
  </si>
  <si>
    <t>cg21199495</t>
  </si>
  <si>
    <t>cg21201500</t>
  </si>
  <si>
    <t>cg21202240</t>
  </si>
  <si>
    <t>cg21206180</t>
  </si>
  <si>
    <t>cg21206770</t>
  </si>
  <si>
    <t>cg21208518</t>
  </si>
  <si>
    <t>cg21209214</t>
  </si>
  <si>
    <t>cg21209510</t>
  </si>
  <si>
    <t>cg21210020</t>
  </si>
  <si>
    <t>cg21211478</t>
  </si>
  <si>
    <t>cg21211780</t>
  </si>
  <si>
    <t>cg21212196</t>
  </si>
  <si>
    <t>cg21217270</t>
  </si>
  <si>
    <t>cg21217846</t>
  </si>
  <si>
    <t>cg21218687</t>
  </si>
  <si>
    <t>cg21218864</t>
  </si>
  <si>
    <t>cg21220403</t>
  </si>
  <si>
    <t>cg21220553</t>
  </si>
  <si>
    <t>cg21221161</t>
  </si>
  <si>
    <t>cg21221690</t>
  </si>
  <si>
    <t>cg21221883</t>
  </si>
  <si>
    <t>cg21223353</t>
  </si>
  <si>
    <t>cg21243909</t>
  </si>
  <si>
    <t>cg21245975</t>
  </si>
  <si>
    <t>cg21248774</t>
  </si>
  <si>
    <t>cg21257635</t>
  </si>
  <si>
    <t>cg21261477</t>
  </si>
  <si>
    <t>cg21262032</t>
  </si>
  <si>
    <t>cg21262649</t>
  </si>
  <si>
    <t>cg21263208</t>
  </si>
  <si>
    <t>cg21263567</t>
  </si>
  <si>
    <t>cg21263605</t>
  </si>
  <si>
    <t>cg21264372</t>
  </si>
  <si>
    <t>cg21264443</t>
  </si>
  <si>
    <t>cg21266630</t>
  </si>
  <si>
    <t>cg21266698</t>
  </si>
  <si>
    <t>cg21267167</t>
  </si>
  <si>
    <t>cg21267232</t>
  </si>
  <si>
    <t>cg21269062</t>
  </si>
  <si>
    <t>cg21270648</t>
  </si>
  <si>
    <t>cg21271945</t>
  </si>
  <si>
    <t>cg21272576</t>
  </si>
  <si>
    <t>cg21273013</t>
  </si>
  <si>
    <t>cg21273659</t>
  </si>
  <si>
    <t>cg21278164</t>
  </si>
  <si>
    <t>cg21279955</t>
  </si>
  <si>
    <t>cg21280061</t>
  </si>
  <si>
    <t>cg21280320</t>
  </si>
  <si>
    <t>cg21280384</t>
  </si>
  <si>
    <t>cg21280510</t>
  </si>
  <si>
    <t>cg21282282</t>
  </si>
  <si>
    <t>cg21282883</t>
  </si>
  <si>
    <t>cg21284400</t>
  </si>
  <si>
    <t>cg21284779</t>
  </si>
  <si>
    <t>cg21285056</t>
  </si>
  <si>
    <t>cg21285062</t>
  </si>
  <si>
    <t>cg21285133</t>
  </si>
  <si>
    <t>cg21285198</t>
  </si>
  <si>
    <t>cg21285773</t>
  </si>
  <si>
    <t>cg21286921</t>
  </si>
  <si>
    <t>cg21288345</t>
  </si>
  <si>
    <t>cg21288716</t>
  </si>
  <si>
    <t>cg21289461</t>
  </si>
  <si>
    <t>cg21290280</t>
  </si>
  <si>
    <t>cg21291672</t>
  </si>
  <si>
    <t>cg21293216</t>
  </si>
  <si>
    <t>cg21294945</t>
  </si>
  <si>
    <t>cg21295295</t>
  </si>
  <si>
    <t>cg21296138</t>
  </si>
  <si>
    <t>cg21297772</t>
  </si>
  <si>
    <t>cg21300122</t>
  </si>
  <si>
    <t>cg21301514</t>
  </si>
  <si>
    <t>cg21303386</t>
  </si>
  <si>
    <t>cg21304454</t>
  </si>
  <si>
    <t>cg21305452</t>
  </si>
  <si>
    <t>cg21326881</t>
  </si>
  <si>
    <t>cg21332946</t>
  </si>
  <si>
    <t>cg21339969</t>
  </si>
  <si>
    <t>cg21363811</t>
  </si>
  <si>
    <t>cg21365899</t>
  </si>
  <si>
    <t>cg21367040</t>
  </si>
  <si>
    <t>cg21376883</t>
  </si>
  <si>
    <t>cg21378238</t>
  </si>
  <si>
    <t>cg21379008</t>
  </si>
  <si>
    <t>cg21379816</t>
  </si>
  <si>
    <t>cg21382567</t>
  </si>
  <si>
    <t>cg21382878</t>
  </si>
  <si>
    <t>cg21385052</t>
  </si>
  <si>
    <t>cg21385522</t>
  </si>
  <si>
    <t>cg21386414</t>
  </si>
  <si>
    <t>cg21386545</t>
  </si>
  <si>
    <t>cg21387147</t>
  </si>
  <si>
    <t>cg21387604</t>
  </si>
  <si>
    <t>cg21388327</t>
  </si>
  <si>
    <t>cg21389723</t>
  </si>
  <si>
    <t>cg21389776</t>
  </si>
  <si>
    <t>cg21392868</t>
  </si>
  <si>
    <t>cg21393163</t>
  </si>
  <si>
    <t>cg21394787</t>
  </si>
  <si>
    <t>cg21395577</t>
  </si>
  <si>
    <t>cg21396630</t>
  </si>
  <si>
    <t>cg21396988</t>
  </si>
  <si>
    <t>cg21397588</t>
  </si>
  <si>
    <t>cg21397848</t>
  </si>
  <si>
    <t>cg21399021</t>
  </si>
  <si>
    <t>cg21399492</t>
  </si>
  <si>
    <t>cg21401517</t>
  </si>
  <si>
    <t>cg21401647</t>
  </si>
  <si>
    <t>cg21402453</t>
  </si>
  <si>
    <t>cg21402748</t>
  </si>
  <si>
    <t>cg21402968</t>
  </si>
  <si>
    <t>cg21404028</t>
  </si>
  <si>
    <t>cg21407117</t>
  </si>
  <si>
    <t>cg21407196</t>
  </si>
  <si>
    <t>cg21407818</t>
  </si>
  <si>
    <t>cg21409965</t>
  </si>
  <si>
    <t>cg21410100</t>
  </si>
  <si>
    <t>cg21410806</t>
  </si>
  <si>
    <t>cg21411834</t>
  </si>
  <si>
    <t>cg21412629</t>
  </si>
  <si>
    <t>cg21412992</t>
  </si>
  <si>
    <t>cg21413173</t>
  </si>
  <si>
    <t>cg21413219</t>
  </si>
  <si>
    <t>cg21413947</t>
  </si>
  <si>
    <t>cg21415347</t>
  </si>
  <si>
    <t>cg21415998</t>
  </si>
  <si>
    <t>cg21416706</t>
  </si>
  <si>
    <t>cg21417130</t>
  </si>
  <si>
    <t>cg21417459</t>
  </si>
  <si>
    <t>cg21417627</t>
  </si>
  <si>
    <t>cg21418854</t>
  </si>
  <si>
    <t>cg21419003</t>
  </si>
  <si>
    <t>cg21419383</t>
  </si>
  <si>
    <t>cg21420366</t>
  </si>
  <si>
    <t>cg21420674</t>
  </si>
  <si>
    <t>cg21421098</t>
  </si>
  <si>
    <t>cg21421408</t>
  </si>
  <si>
    <t>cg21422400</t>
  </si>
  <si>
    <t>cg21422605</t>
  </si>
  <si>
    <t>cg21422700</t>
  </si>
  <si>
    <t>cg21422871</t>
  </si>
  <si>
    <t>cg21422909</t>
  </si>
  <si>
    <t>cg21425749</t>
  </si>
  <si>
    <t>cg21430666</t>
  </si>
  <si>
    <t>cg21431091</t>
  </si>
  <si>
    <t>cg21431125</t>
  </si>
  <si>
    <t>cg21434251</t>
  </si>
  <si>
    <t>cg21436055</t>
  </si>
  <si>
    <t>cg21436544</t>
  </si>
  <si>
    <t>cg21437481</t>
  </si>
  <si>
    <t>cg21437596</t>
  </si>
  <si>
    <t>cg21438558</t>
  </si>
  <si>
    <t>cg21438706</t>
  </si>
  <si>
    <t>cg21439231</t>
  </si>
  <si>
    <t>cg21441945</t>
  </si>
  <si>
    <t>cg21442773</t>
  </si>
  <si>
    <t>cg21443133</t>
  </si>
  <si>
    <t>cg21443284</t>
  </si>
  <si>
    <t>cg21444593</t>
  </si>
  <si>
    <t>cg21446172</t>
  </si>
  <si>
    <t>cg21449360</t>
  </si>
  <si>
    <t>cg21450384</t>
  </si>
  <si>
    <t>cg21450888</t>
  </si>
  <si>
    <t>cg21452188</t>
  </si>
  <si>
    <t>cg21452766</t>
  </si>
  <si>
    <t>cg21452808</t>
  </si>
  <si>
    <t>cg21453303</t>
  </si>
  <si>
    <t>cg21453443</t>
  </si>
  <si>
    <t>cg21454231</t>
  </si>
  <si>
    <t>cg21454485</t>
  </si>
  <si>
    <t>cg21454516</t>
  </si>
  <si>
    <t>cg21454760</t>
  </si>
  <si>
    <t>cg21459583</t>
  </si>
  <si>
    <t>cg21459919</t>
  </si>
  <si>
    <t>cg21462097</t>
  </si>
  <si>
    <t>cg21471199</t>
  </si>
  <si>
    <t>cg21471337</t>
  </si>
  <si>
    <t>cg21472315</t>
  </si>
  <si>
    <t>cg21472953</t>
  </si>
  <si>
    <t>cg21473748</t>
  </si>
  <si>
    <t>cg21474257</t>
  </si>
  <si>
    <t>cg21475097</t>
  </si>
  <si>
    <t>cg21478222</t>
  </si>
  <si>
    <t>cg21478437</t>
  </si>
  <si>
    <t>cg21488617</t>
  </si>
  <si>
    <t>cg21501001</t>
  </si>
  <si>
    <t>cg21504385</t>
  </si>
  <si>
    <t>cg21515744</t>
  </si>
  <si>
    <t>cg21519202</t>
  </si>
  <si>
    <t>cg21520042</t>
  </si>
  <si>
    <t>cg21523719</t>
  </si>
  <si>
    <t>cg21524155</t>
  </si>
  <si>
    <t>cg21524899</t>
  </si>
  <si>
    <t>cg21525092</t>
  </si>
  <si>
    <t>cg21525449</t>
  </si>
  <si>
    <t>cg21528710</t>
  </si>
  <si>
    <t>cg21534578</t>
  </si>
  <si>
    <t>cg21535199</t>
  </si>
  <si>
    <t>cg21535580</t>
  </si>
  <si>
    <t>cg21535606</t>
  </si>
  <si>
    <t>cg21536328</t>
  </si>
  <si>
    <t>cg21536783</t>
  </si>
  <si>
    <t>cg21537122</t>
  </si>
  <si>
    <t>cg21537214</t>
  </si>
  <si>
    <t>cg21539243</t>
  </si>
  <si>
    <t>cg21539594</t>
  </si>
  <si>
    <t>cg21539842</t>
  </si>
  <si>
    <t>cg21541341</t>
  </si>
  <si>
    <t>cg21542223</t>
  </si>
  <si>
    <t>cg21543102</t>
  </si>
  <si>
    <t>cg21543434</t>
  </si>
  <si>
    <t>cg21543519</t>
  </si>
  <si>
    <t>cg21544402</t>
  </si>
  <si>
    <t>cg21544805</t>
  </si>
  <si>
    <t>cg21545013</t>
  </si>
  <si>
    <t>cg21545605</t>
  </si>
  <si>
    <t>cg21545720</t>
  </si>
  <si>
    <t>cg21546522</t>
  </si>
  <si>
    <t>cg21546915</t>
  </si>
  <si>
    <t>cg21546975</t>
  </si>
  <si>
    <t>cg21547763</t>
  </si>
  <si>
    <t>cg21568317</t>
  </si>
  <si>
    <t>cg21568910</t>
  </si>
  <si>
    <t>cg21569892</t>
  </si>
  <si>
    <t>cg21570843</t>
  </si>
  <si>
    <t>cg21571466</t>
  </si>
  <si>
    <t>cg21577233</t>
  </si>
  <si>
    <t>cg21577547</t>
  </si>
  <si>
    <t>cg21577889</t>
  </si>
  <si>
    <t>cg21578869</t>
  </si>
  <si>
    <t>cg21579578</t>
  </si>
  <si>
    <t>cg21580998</t>
  </si>
  <si>
    <t>cg21581821</t>
  </si>
  <si>
    <t>cg21584400</t>
  </si>
  <si>
    <t>cg21589280</t>
  </si>
  <si>
    <t>cg21596742</t>
  </si>
  <si>
    <t>cg21596858</t>
  </si>
  <si>
    <t>cg21601498</t>
  </si>
  <si>
    <t>cg21604136</t>
  </si>
  <si>
    <t>cg21604358</t>
  </si>
  <si>
    <t>cg21604450</t>
  </si>
  <si>
    <t>cg21604539</t>
  </si>
  <si>
    <t>cg21604970</t>
  </si>
  <si>
    <t>cg21606490</t>
  </si>
  <si>
    <t>cg21606956</t>
  </si>
  <si>
    <t>cg21609024</t>
  </si>
  <si>
    <t>cg21609624</t>
  </si>
  <si>
    <t>cg21609826</t>
  </si>
  <si>
    <t>cg21615127</t>
  </si>
  <si>
    <t>cg21616627</t>
  </si>
  <si>
    <t>cg21643547</t>
  </si>
  <si>
    <t>cg21643748</t>
  </si>
  <si>
    <t>cg21644578</t>
  </si>
  <si>
    <t>cg21645973</t>
  </si>
  <si>
    <t>cg21646025</t>
  </si>
  <si>
    <t>cg21646082</t>
  </si>
  <si>
    <t>cg21646199</t>
  </si>
  <si>
    <t>cg21646557</t>
  </si>
  <si>
    <t>cg21647220</t>
  </si>
  <si>
    <t>cg21647227</t>
  </si>
  <si>
    <t>cg21647560</t>
  </si>
  <si>
    <t>cg21648040</t>
  </si>
  <si>
    <t>cg21648401</t>
  </si>
  <si>
    <t>cg21648457</t>
  </si>
  <si>
    <t>cg21655710</t>
  </si>
  <si>
    <t>cg21666217</t>
  </si>
  <si>
    <t>cg21679825</t>
  </si>
  <si>
    <t>cg21680178</t>
  </si>
  <si>
    <t>cg21681327</t>
  </si>
  <si>
    <t>cg21681549</t>
  </si>
  <si>
    <t>cg21682382</t>
  </si>
  <si>
    <t>cg21683284</t>
  </si>
  <si>
    <t>cg21683619</t>
  </si>
  <si>
    <t>cg21685234</t>
  </si>
  <si>
    <t>cg21685286</t>
  </si>
  <si>
    <t>cg21686225</t>
  </si>
  <si>
    <t>cg21686694</t>
  </si>
  <si>
    <t>cg21687775</t>
  </si>
  <si>
    <t>cg21689075</t>
  </si>
  <si>
    <t>cg21689824</t>
  </si>
  <si>
    <t>cg21690091</t>
  </si>
  <si>
    <t>cg21690505</t>
  </si>
  <si>
    <t>cg21690725</t>
  </si>
  <si>
    <t>cg21691116</t>
  </si>
  <si>
    <t>cg21691717</t>
  </si>
  <si>
    <t>cg21692182</t>
  </si>
  <si>
    <t>cg21693033</t>
  </si>
  <si>
    <t>cg21695171</t>
  </si>
  <si>
    <t>cg21696012</t>
  </si>
  <si>
    <t>cg21696055</t>
  </si>
  <si>
    <t>cg21697512</t>
  </si>
  <si>
    <t>cg21710324</t>
  </si>
  <si>
    <t>cg21712663</t>
  </si>
  <si>
    <t>cg21713812</t>
  </si>
  <si>
    <t>cg21715963</t>
  </si>
  <si>
    <t>cg21728447</t>
  </si>
  <si>
    <t>cg21730067</t>
  </si>
  <si>
    <t>cg21731286</t>
  </si>
  <si>
    <t>cg21735376</t>
  </si>
  <si>
    <t>cg21749312</t>
  </si>
  <si>
    <t>cg21762820</t>
  </si>
  <si>
    <t>cg21767703</t>
  </si>
  <si>
    <t>cg21770828</t>
  </si>
  <si>
    <t>cg21774136</t>
  </si>
  <si>
    <t>cg21774220</t>
  </si>
  <si>
    <t>cg21775570</t>
  </si>
  <si>
    <t>cg21776599</t>
  </si>
  <si>
    <t>cg21776674</t>
  </si>
  <si>
    <t>cg21777154</t>
  </si>
  <si>
    <t>cg21780202</t>
  </si>
  <si>
    <t>cg21782593</t>
  </si>
  <si>
    <t>cg21782985</t>
  </si>
  <si>
    <t>cg21784411</t>
  </si>
  <si>
    <t>cg21785067</t>
  </si>
  <si>
    <t>cg21786334</t>
  </si>
  <si>
    <t>cg21786808</t>
  </si>
  <si>
    <t>cg21787190</t>
  </si>
  <si>
    <t>cg21787390</t>
  </si>
  <si>
    <t>cg21789280</t>
  </si>
  <si>
    <t>cg21803791</t>
  </si>
  <si>
    <t>cg21805788</t>
  </si>
  <si>
    <t>cg21806273</t>
  </si>
  <si>
    <t>cg21807522</t>
  </si>
  <si>
    <t>cg21807865</t>
  </si>
  <si>
    <t>cg21808053</t>
  </si>
  <si>
    <t>cg21808258</t>
  </si>
  <si>
    <t>cg21808707</t>
  </si>
  <si>
    <t>cg21810910</t>
  </si>
  <si>
    <t>cg21811853</t>
  </si>
  <si>
    <t>cg21812313</t>
  </si>
  <si>
    <t>cg21812332</t>
  </si>
  <si>
    <t>cg21813546</t>
  </si>
  <si>
    <t>cg21813747</t>
  </si>
  <si>
    <t>cg21814278</t>
  </si>
  <si>
    <t>cg21819024</t>
  </si>
  <si>
    <t>cg21820127</t>
  </si>
  <si>
    <t>cg21820373</t>
  </si>
  <si>
    <t>cg21820517</t>
  </si>
  <si>
    <t>cg21821095</t>
  </si>
  <si>
    <t>cg21821103</t>
  </si>
  <si>
    <t>cg21821674</t>
  </si>
  <si>
    <t>cg21822140</t>
  </si>
  <si>
    <t>cg21823119</t>
  </si>
  <si>
    <t>cg21823860</t>
  </si>
  <si>
    <t>cg21824902</t>
  </si>
  <si>
    <t>cg21826900</t>
  </si>
  <si>
    <t>cg21828629</t>
  </si>
  <si>
    <t>cg21828982</t>
  </si>
  <si>
    <t>cg21830050</t>
  </si>
  <si>
    <t>cg21830222</t>
  </si>
  <si>
    <t>cg21831649</t>
  </si>
  <si>
    <t>cg21831742</t>
  </si>
  <si>
    <t>cg21832906</t>
  </si>
  <si>
    <t>cg21833572</t>
  </si>
  <si>
    <t>cg21833837</t>
  </si>
  <si>
    <t>cg21834248</t>
  </si>
  <si>
    <t>cg21834851</t>
  </si>
  <si>
    <t>cg21836358</t>
  </si>
  <si>
    <t>cg21837069</t>
  </si>
  <si>
    <t>cg21837207</t>
  </si>
  <si>
    <t>cg21837391</t>
  </si>
  <si>
    <t>cg21841239</t>
  </si>
  <si>
    <t>cg21846488</t>
  </si>
  <si>
    <t>cg21847405</t>
  </si>
  <si>
    <t>cg21848088</t>
  </si>
  <si>
    <t>cg21849289</t>
  </si>
  <si>
    <t>cg21850691</t>
  </si>
  <si>
    <t>cg21851713</t>
  </si>
  <si>
    <t>cg21851967</t>
  </si>
  <si>
    <t>cg21852513</t>
  </si>
  <si>
    <t>cg21853989</t>
  </si>
  <si>
    <t>cg21855143</t>
  </si>
  <si>
    <t>cg21856005</t>
  </si>
  <si>
    <t>cg21858764</t>
  </si>
  <si>
    <t>cg21859455</t>
  </si>
  <si>
    <t>cg21861265</t>
  </si>
  <si>
    <t>cg21862529</t>
  </si>
  <si>
    <t>cg21863016</t>
  </si>
  <si>
    <t>cg21863499</t>
  </si>
  <si>
    <t>cg21863946</t>
  </si>
  <si>
    <t>cg21864845</t>
  </si>
  <si>
    <t>cg21864996</t>
  </si>
  <si>
    <t>cg21865249</t>
  </si>
  <si>
    <t>cg21868031</t>
  </si>
  <si>
    <t>cg21869440</t>
  </si>
  <si>
    <t>cg21869913</t>
  </si>
  <si>
    <t>cg21870244</t>
  </si>
  <si>
    <t>cg21870884</t>
  </si>
  <si>
    <t>cg21872908</t>
  </si>
  <si>
    <t>cg21875946</t>
  </si>
  <si>
    <t>cg21876283</t>
  </si>
  <si>
    <t>cg21876832</t>
  </si>
  <si>
    <t>cg21877855</t>
  </si>
  <si>
    <t>cg21879454</t>
  </si>
  <si>
    <t>cg21879716</t>
  </si>
  <si>
    <t>cg21880765</t>
  </si>
  <si>
    <t>cg21883115</t>
  </si>
  <si>
    <t>cg21899939</t>
  </si>
  <si>
    <t>cg21906852</t>
  </si>
  <si>
    <t>cg21908420</t>
  </si>
  <si>
    <t>cg21908664</t>
  </si>
  <si>
    <t>cg21908886</t>
  </si>
  <si>
    <t>cg21909192</t>
  </si>
  <si>
    <t>cg21911326</t>
  </si>
  <si>
    <t>cg21914767</t>
  </si>
  <si>
    <t>cg21916655</t>
  </si>
  <si>
    <t>cg21917448</t>
  </si>
  <si>
    <t>cg21917676</t>
  </si>
  <si>
    <t>cg21917976</t>
  </si>
  <si>
    <t>cg21918969</t>
  </si>
  <si>
    <t>cg21919599</t>
  </si>
  <si>
    <t>cg21919968</t>
  </si>
  <si>
    <t>cg21920015</t>
  </si>
  <si>
    <t>cg21920775</t>
  </si>
  <si>
    <t>cg21921022</t>
  </si>
  <si>
    <t>cg21921474</t>
  </si>
  <si>
    <t>cg21921584</t>
  </si>
  <si>
    <t>cg21921630</t>
  </si>
  <si>
    <t>cg21923074</t>
  </si>
  <si>
    <t>cg21926162</t>
  </si>
  <si>
    <t>cg21929761</t>
  </si>
  <si>
    <t>cg21929781</t>
  </si>
  <si>
    <t>cg21930061</t>
  </si>
  <si>
    <t>cg21930229</t>
  </si>
  <si>
    <t>cg21930487</t>
  </si>
  <si>
    <t>cg21930668</t>
  </si>
  <si>
    <t>cg21931713</t>
  </si>
  <si>
    <t>cg21932400</t>
  </si>
  <si>
    <t>cg21933812</t>
  </si>
  <si>
    <t>cg21934230</t>
  </si>
  <si>
    <t>cg21936775</t>
  </si>
  <si>
    <t>cg21937128</t>
  </si>
  <si>
    <t>cg21938406</t>
  </si>
  <si>
    <t>cg21939836</t>
  </si>
  <si>
    <t>cg21942701</t>
  </si>
  <si>
    <t>cg21943268</t>
  </si>
  <si>
    <t>cg21944749</t>
  </si>
  <si>
    <t>cg21944767</t>
  </si>
  <si>
    <t>cg21948655</t>
  </si>
  <si>
    <t>cg21950037</t>
  </si>
  <si>
    <t>cg21950166</t>
  </si>
  <si>
    <t>cg21951975</t>
  </si>
  <si>
    <t>cg21957156</t>
  </si>
  <si>
    <t>cg21959874</t>
  </si>
  <si>
    <t>cg21960474</t>
  </si>
  <si>
    <t>cg21961202</t>
  </si>
  <si>
    <t>cg21966075</t>
  </si>
  <si>
    <t>cg21966975</t>
  </si>
  <si>
    <t>cg21991396</t>
  </si>
  <si>
    <t>cg21995800</t>
  </si>
  <si>
    <t>cg21996336</t>
  </si>
  <si>
    <t>cg21996351</t>
  </si>
  <si>
    <t>cg21997465</t>
  </si>
  <si>
    <t>cg21998383</t>
  </si>
  <si>
    <t>cg22001513</t>
  </si>
  <si>
    <t>cg22002034</t>
  </si>
  <si>
    <t>cg22002075</t>
  </si>
  <si>
    <t>cg22007047</t>
  </si>
  <si>
    <t>cg22008490</t>
  </si>
  <si>
    <t>cg22009470</t>
  </si>
  <si>
    <t>cg22010000</t>
  </si>
  <si>
    <t>cg22012476</t>
  </si>
  <si>
    <t>cg22012583</t>
  </si>
  <si>
    <t>cg22013370</t>
  </si>
  <si>
    <t>cg22013882</t>
  </si>
  <si>
    <t>cg22014834</t>
  </si>
  <si>
    <t>cg22015128</t>
  </si>
  <si>
    <t>cg22015284</t>
  </si>
  <si>
    <t>cg22016654</t>
  </si>
  <si>
    <t>cg22016731</t>
  </si>
  <si>
    <t>cg22016747</t>
  </si>
  <si>
    <t>cg22018051</t>
  </si>
  <si>
    <t>cg22019158</t>
  </si>
  <si>
    <t>cg22019247</t>
  </si>
  <si>
    <t>cg22019955</t>
  </si>
  <si>
    <t>cg22019970</t>
  </si>
  <si>
    <t>cg22020633</t>
  </si>
  <si>
    <t>cg22021022</t>
  </si>
  <si>
    <t>cg22021322</t>
  </si>
  <si>
    <t>cg22021597</t>
  </si>
  <si>
    <t>cg22022568</t>
  </si>
  <si>
    <t>cg22022747</t>
  </si>
  <si>
    <t>cg22022798</t>
  </si>
  <si>
    <t>cg22025064</t>
  </si>
  <si>
    <t>cg22025263</t>
  </si>
  <si>
    <t>cg22025849</t>
  </si>
  <si>
    <t>cg22026616</t>
  </si>
  <si>
    <t>cg22029157</t>
  </si>
  <si>
    <t>cg22029284</t>
  </si>
  <si>
    <t>cg22029297</t>
  </si>
  <si>
    <t>cg22029985</t>
  </si>
  <si>
    <t>cg22030362</t>
  </si>
  <si>
    <t>cg22030684</t>
  </si>
  <si>
    <t>cg22031887</t>
  </si>
  <si>
    <t>cg22032528</t>
  </si>
  <si>
    <t>cg22032563</t>
  </si>
  <si>
    <t>cg22032961</t>
  </si>
  <si>
    <t>cg22032989</t>
  </si>
  <si>
    <t>cg22034203</t>
  </si>
  <si>
    <t>cg22034432</t>
  </si>
  <si>
    <t>cg22035815</t>
  </si>
  <si>
    <t>cg22036872</t>
  </si>
  <si>
    <t>cg22037030</t>
  </si>
  <si>
    <t>cg22039566</t>
  </si>
  <si>
    <t>cg22040158</t>
  </si>
  <si>
    <t>cg22040381</t>
  </si>
  <si>
    <t>cg22040867</t>
  </si>
  <si>
    <t>cg22040874</t>
  </si>
  <si>
    <t>cg22041228</t>
  </si>
  <si>
    <t>cg22041446</t>
  </si>
  <si>
    <t>cg22041635</t>
  </si>
  <si>
    <t>cg22041707</t>
  </si>
  <si>
    <t>cg22043786</t>
  </si>
  <si>
    <t>cg22045253</t>
  </si>
  <si>
    <t>cg22045990</t>
  </si>
  <si>
    <t>cg22046201</t>
  </si>
  <si>
    <t>cg22048228</t>
  </si>
  <si>
    <t>cg22048405</t>
  </si>
  <si>
    <t>cg22050281</t>
  </si>
  <si>
    <t>cg22050733</t>
  </si>
  <si>
    <t>cg22054164</t>
  </si>
  <si>
    <t>cg22059812</t>
  </si>
  <si>
    <t>cg22068764</t>
  </si>
  <si>
    <t>cg22072829</t>
  </si>
  <si>
    <t>cg22075791</t>
  </si>
  <si>
    <t>cg22075924</t>
  </si>
  <si>
    <t>cg22076160</t>
  </si>
  <si>
    <t>cg22077361</t>
  </si>
  <si>
    <t>cg22077481</t>
  </si>
  <si>
    <t>cg22078638</t>
  </si>
  <si>
    <t>cg22079120</t>
  </si>
  <si>
    <t>cg22079827</t>
  </si>
  <si>
    <t>cg22080472</t>
  </si>
  <si>
    <t>cg22080628</t>
  </si>
  <si>
    <t>cg22082456</t>
  </si>
  <si>
    <t>cg22089024</t>
  </si>
  <si>
    <t>cg22094309</t>
  </si>
  <si>
    <t>cg22094750</t>
  </si>
  <si>
    <t>cg22100476</t>
  </si>
  <si>
    <t>cg22109675</t>
  </si>
  <si>
    <t>cg22109795</t>
  </si>
  <si>
    <t>cg22110569</t>
  </si>
  <si>
    <t>cg22112416</t>
  </si>
  <si>
    <t>cg22112435</t>
  </si>
  <si>
    <t>cg22112460</t>
  </si>
  <si>
    <t>cg22115596</t>
  </si>
  <si>
    <t>cg22118524</t>
  </si>
  <si>
    <t>cg22122572</t>
  </si>
  <si>
    <t>cg22123711</t>
  </si>
  <si>
    <t>cg22124648</t>
  </si>
  <si>
    <t>cg22124859</t>
  </si>
  <si>
    <t>cg22126171</t>
  </si>
  <si>
    <t>cg22126266</t>
  </si>
  <si>
    <t>cg22126820</t>
  </si>
  <si>
    <t>cg22127114</t>
  </si>
  <si>
    <t>cg22128197</t>
  </si>
  <si>
    <t>cg22128488</t>
  </si>
  <si>
    <t>cg22128985</t>
  </si>
  <si>
    <t>cg22129059</t>
  </si>
  <si>
    <t>cg22129135</t>
  </si>
  <si>
    <t>cg22129364</t>
  </si>
  <si>
    <t>cg22129549</t>
  </si>
  <si>
    <t>cg22130834</t>
  </si>
  <si>
    <t>cg22131571</t>
  </si>
  <si>
    <t>cg22136368</t>
  </si>
  <si>
    <t>cg22136960</t>
  </si>
  <si>
    <t>cg22154992</t>
  </si>
  <si>
    <t>cg22156852</t>
  </si>
  <si>
    <t>cg22157494</t>
  </si>
  <si>
    <t>cg22158462</t>
  </si>
  <si>
    <t>cg22159815</t>
  </si>
  <si>
    <t>cg22160000</t>
  </si>
  <si>
    <t>cg22162435</t>
  </si>
  <si>
    <t>cg22162847</t>
  </si>
  <si>
    <t>cg22163472</t>
  </si>
  <si>
    <t>cg22163490</t>
  </si>
  <si>
    <t>cg22164207</t>
  </si>
  <si>
    <t>cg22164238</t>
  </si>
  <si>
    <t>cg22165175</t>
  </si>
  <si>
    <t>cg22165507</t>
  </si>
  <si>
    <t>cg22166446</t>
  </si>
  <si>
    <t>cg22166883</t>
  </si>
  <si>
    <t>cg22169053</t>
  </si>
  <si>
    <t>cg22169680</t>
  </si>
  <si>
    <t>cg22169866</t>
  </si>
  <si>
    <t>cg22170599</t>
  </si>
  <si>
    <t>cg22170621</t>
  </si>
  <si>
    <t>cg22171607</t>
  </si>
  <si>
    <t>cg22171613</t>
  </si>
  <si>
    <t>cg22172038</t>
  </si>
  <si>
    <t>cg22174623</t>
  </si>
  <si>
    <t>cg22175494</t>
  </si>
  <si>
    <t>cg22176787</t>
  </si>
  <si>
    <t>cg22189725</t>
  </si>
  <si>
    <t>cg22193702</t>
  </si>
  <si>
    <t>cg22197787</t>
  </si>
  <si>
    <t>cg22198425</t>
  </si>
  <si>
    <t>cg22204954</t>
  </si>
  <si>
    <t>cg22214335</t>
  </si>
  <si>
    <t>cg22218470</t>
  </si>
  <si>
    <t>cg22218806</t>
  </si>
  <si>
    <t>cg22219494</t>
  </si>
  <si>
    <t>cg22221025</t>
  </si>
  <si>
    <t>cg22221320</t>
  </si>
  <si>
    <t>cg22222999</t>
  </si>
  <si>
    <t>cg22224202</t>
  </si>
  <si>
    <t>cg22224462</t>
  </si>
  <si>
    <t>cg22224597</t>
  </si>
  <si>
    <t>cg22225577</t>
  </si>
  <si>
    <t>cg22226024</t>
  </si>
  <si>
    <t>cg22226398</t>
  </si>
  <si>
    <t>cg22226775</t>
  </si>
  <si>
    <t>cg22226839</t>
  </si>
  <si>
    <t>cg22227104</t>
  </si>
  <si>
    <t>cg22227306</t>
  </si>
  <si>
    <t>cg22228337</t>
  </si>
  <si>
    <t>cg22229039</t>
  </si>
  <si>
    <t>cg22229828</t>
  </si>
  <si>
    <t>cg22230604</t>
  </si>
  <si>
    <t>cg22232737</t>
  </si>
  <si>
    <t>cg22233974</t>
  </si>
  <si>
    <t>cg22234962</t>
  </si>
  <si>
    <t>cg22236143</t>
  </si>
  <si>
    <t>cg22236626</t>
  </si>
  <si>
    <t>cg22237670</t>
  </si>
  <si>
    <t>cg22237937</t>
  </si>
  <si>
    <t>cg22238707</t>
  </si>
  <si>
    <t>cg22247664</t>
  </si>
  <si>
    <t>cg22258437</t>
  </si>
  <si>
    <t>cg22262549</t>
  </si>
  <si>
    <t>cg22269795</t>
  </si>
  <si>
    <t>cg22283058</t>
  </si>
  <si>
    <t>cg22320000</t>
  </si>
  <si>
    <t>cg22330471</t>
  </si>
  <si>
    <t>cg22332066</t>
  </si>
  <si>
    <t>cg22335076</t>
  </si>
  <si>
    <t>cg22335801</t>
  </si>
  <si>
    <t>cg22335847</t>
  </si>
  <si>
    <t>cg22336004</t>
  </si>
  <si>
    <t>cg22336747</t>
  </si>
  <si>
    <t>cg22339091</t>
  </si>
  <si>
    <t>cg22339338</t>
  </si>
  <si>
    <t>cg22339486</t>
  </si>
  <si>
    <t>cg22339688</t>
  </si>
  <si>
    <t>cg22341104</t>
  </si>
  <si>
    <t>cg22341848</t>
  </si>
  <si>
    <t>cg22342249</t>
  </si>
  <si>
    <t>cg22343939</t>
  </si>
  <si>
    <t>cg22344139</t>
  </si>
  <si>
    <t>cg22344188</t>
  </si>
  <si>
    <t>cg22344254</t>
  </si>
  <si>
    <t>cg22344830</t>
  </si>
  <si>
    <t>cg22345063</t>
  </si>
  <si>
    <t>cg22346081</t>
  </si>
  <si>
    <t>cg22346461</t>
  </si>
  <si>
    <t>cg22346959</t>
  </si>
  <si>
    <t>cg22347357</t>
  </si>
  <si>
    <t>cg22352152</t>
  </si>
  <si>
    <t>cg22353551</t>
  </si>
  <si>
    <t>cg22354132</t>
  </si>
  <si>
    <t>cg22354583</t>
  </si>
  <si>
    <t>cg22356061</t>
  </si>
  <si>
    <t>cg22356347</t>
  </si>
  <si>
    <t>cg22356428</t>
  </si>
  <si>
    <t>cg22358066</t>
  </si>
  <si>
    <t>cg22361493</t>
  </si>
  <si>
    <t>cg22361543</t>
  </si>
  <si>
    <t>cg22364465</t>
  </si>
  <si>
    <t>cg22364929</t>
  </si>
  <si>
    <t>cg22365946</t>
  </si>
  <si>
    <t>cg22366001</t>
  </si>
  <si>
    <t>cg22366951</t>
  </si>
  <si>
    <t>cg22367492</t>
  </si>
  <si>
    <t>cg22367631</t>
  </si>
  <si>
    <t>cg22367872</t>
  </si>
  <si>
    <t>cg22368036</t>
  </si>
  <si>
    <t>cg22369590</t>
  </si>
  <si>
    <t>cg22371743</t>
  </si>
  <si>
    <t>cg22372709</t>
  </si>
  <si>
    <t>cg22373770</t>
  </si>
  <si>
    <t>cg22374083</t>
  </si>
  <si>
    <t>cg22374474</t>
  </si>
  <si>
    <t>cg22374525</t>
  </si>
  <si>
    <t>cg22374924</t>
  </si>
  <si>
    <t>cg22375575</t>
  </si>
  <si>
    <t>cg22376730</t>
  </si>
  <si>
    <t>cg22377142</t>
  </si>
  <si>
    <t>cg22377182</t>
  </si>
  <si>
    <t>cg22377505</t>
  </si>
  <si>
    <t>cg22377939</t>
  </si>
  <si>
    <t>cg22381068</t>
  </si>
  <si>
    <t>cg22381248</t>
  </si>
  <si>
    <t>cg22381395</t>
  </si>
  <si>
    <t>cg22383744</t>
  </si>
  <si>
    <t>cg22383924</t>
  </si>
  <si>
    <t>cg22384188</t>
  </si>
  <si>
    <t>cg22384923</t>
  </si>
  <si>
    <t>cg22385623</t>
  </si>
  <si>
    <t>cg22385719</t>
  </si>
  <si>
    <t>cg22386492</t>
  </si>
  <si>
    <t>cg22389438</t>
  </si>
  <si>
    <t>cg22389654</t>
  </si>
  <si>
    <t>cg22389964</t>
  </si>
  <si>
    <t>cg22392501</t>
  </si>
  <si>
    <t>cg22393461</t>
  </si>
  <si>
    <t>cg22397365</t>
  </si>
  <si>
    <t>cg22397854</t>
  </si>
  <si>
    <t>cg22398359</t>
  </si>
  <si>
    <t>cg22398595</t>
  </si>
  <si>
    <t>cg22398959</t>
  </si>
  <si>
    <t>cg22400420</t>
  </si>
  <si>
    <t>cg22400959</t>
  </si>
  <si>
    <t>cg22401939</t>
  </si>
  <si>
    <t>cg22402261</t>
  </si>
  <si>
    <t>cg22419039</t>
  </si>
  <si>
    <t>cg22421699</t>
  </si>
  <si>
    <t>cg22421766</t>
  </si>
  <si>
    <t>cg22424108</t>
  </si>
  <si>
    <t>cg22424675</t>
  </si>
  <si>
    <t>cg22424746</t>
  </si>
  <si>
    <t>cg22425711</t>
  </si>
  <si>
    <t>cg22427475</t>
  </si>
  <si>
    <t>cg22428027</t>
  </si>
  <si>
    <t>cg22428125</t>
  </si>
  <si>
    <t>cg22430231</t>
  </si>
  <si>
    <t>cg22430565</t>
  </si>
  <si>
    <t>cg22430700</t>
  </si>
  <si>
    <t>cg22431228</t>
  </si>
  <si>
    <t>cg22431262</t>
  </si>
  <si>
    <t>cg22433141</t>
  </si>
  <si>
    <t>cg22433284</t>
  </si>
  <si>
    <t>cg22433647</t>
  </si>
  <si>
    <t>cg22434989</t>
  </si>
  <si>
    <t>cg22435349</t>
  </si>
  <si>
    <t>cg22435785</t>
  </si>
  <si>
    <t>cg22436123</t>
  </si>
  <si>
    <t>cg22440431</t>
  </si>
  <si>
    <t>cg22441157</t>
  </si>
  <si>
    <t>cg22441770</t>
  </si>
  <si>
    <t>cg22443541</t>
  </si>
  <si>
    <t>cg22443762</t>
  </si>
  <si>
    <t>cg22445992</t>
  </si>
  <si>
    <t>cg22446000</t>
  </si>
  <si>
    <t>cg22448090</t>
  </si>
  <si>
    <t>cg22449901</t>
  </si>
  <si>
    <t>cg22450138</t>
  </si>
  <si>
    <t>cg22450158</t>
  </si>
  <si>
    <t>cg22450927</t>
  </si>
  <si>
    <t>cg22451632</t>
  </si>
  <si>
    <t>cg22452520</t>
  </si>
  <si>
    <t>cg22453656</t>
  </si>
  <si>
    <t>cg22463080</t>
  </si>
  <si>
    <t>cg22477971</t>
  </si>
  <si>
    <t>cg22482283</t>
  </si>
  <si>
    <t>cg22482502</t>
  </si>
  <si>
    <t>cg22482700</t>
  </si>
  <si>
    <t>cg22484397</t>
  </si>
  <si>
    <t>cg22484690</t>
  </si>
  <si>
    <t>cg22486000</t>
  </si>
  <si>
    <t>cg22486046</t>
  </si>
  <si>
    <t>cg22487053</t>
  </si>
  <si>
    <t>cg22487204</t>
  </si>
  <si>
    <t>cg22488256</t>
  </si>
  <si>
    <t>cg22488259</t>
  </si>
  <si>
    <t>cg22488750</t>
  </si>
  <si>
    <t>cg22488904</t>
  </si>
  <si>
    <t>cg22489204</t>
  </si>
  <si>
    <t>cg22489549</t>
  </si>
  <si>
    <t>cg22489883</t>
  </si>
  <si>
    <t>cg22491111</t>
  </si>
  <si>
    <t>cg22491440</t>
  </si>
  <si>
    <t>cg22493620</t>
  </si>
  <si>
    <t>cg22493673</t>
  </si>
  <si>
    <t>cg22493809</t>
  </si>
  <si>
    <t>cg22493877</t>
  </si>
  <si>
    <t>cg22494858</t>
  </si>
  <si>
    <t>cg22495008</t>
  </si>
  <si>
    <t>cg22495191</t>
  </si>
  <si>
    <t>cg22496437</t>
  </si>
  <si>
    <t>cg22497563</t>
  </si>
  <si>
    <t>cg22499874</t>
  </si>
  <si>
    <t>cg22500004</t>
  </si>
  <si>
    <t>cg22501103</t>
  </si>
  <si>
    <t>cg22501793</t>
  </si>
  <si>
    <t>cg22501942</t>
  </si>
  <si>
    <t>cg22502492</t>
  </si>
  <si>
    <t>cg22505006</t>
  </si>
  <si>
    <t>cg22506757</t>
  </si>
  <si>
    <t>cg22507727</t>
  </si>
  <si>
    <t>cg22509057</t>
  </si>
  <si>
    <t>cg22509164</t>
  </si>
  <si>
    <t>cg22510139</t>
  </si>
  <si>
    <t>cg22512779</t>
  </si>
  <si>
    <t>cg22512888</t>
  </si>
  <si>
    <t>cg22514756</t>
  </si>
  <si>
    <t>cg22515278</t>
  </si>
  <si>
    <t>cg22515654</t>
  </si>
  <si>
    <t>cg22517705</t>
  </si>
  <si>
    <t>cg22519189</t>
  </si>
  <si>
    <t>cg22521151</t>
  </si>
  <si>
    <t>cg22521522</t>
  </si>
  <si>
    <t>cg22521948</t>
  </si>
  <si>
    <t>cg22524332</t>
  </si>
  <si>
    <t>cg22525212</t>
  </si>
  <si>
    <t>cg22528358</t>
  </si>
  <si>
    <t>cg22529645</t>
  </si>
  <si>
    <t>cg22529952</t>
  </si>
  <si>
    <t>cg22530255</t>
  </si>
  <si>
    <t>cg22530293</t>
  </si>
  <si>
    <t>cg22530691</t>
  </si>
  <si>
    <t>cg22530977</t>
  </si>
  <si>
    <t>cg22531371</t>
  </si>
  <si>
    <t>cg22531801</t>
  </si>
  <si>
    <t>cg22531889</t>
  </si>
  <si>
    <t>cg22532312</t>
  </si>
  <si>
    <t>cg22533689</t>
  </si>
  <si>
    <t>cg22534105</t>
  </si>
  <si>
    <t>cg22536775</t>
  </si>
  <si>
    <t>cg22537280</t>
  </si>
  <si>
    <t>cg22537328</t>
  </si>
  <si>
    <t>cg22544342</t>
  </si>
  <si>
    <t>cg22553313</t>
  </si>
  <si>
    <t>cg22559742</t>
  </si>
  <si>
    <t>cg22559942</t>
  </si>
  <si>
    <t>cg22571530</t>
  </si>
  <si>
    <t>cg22585988</t>
  </si>
  <si>
    <t>cg22595920</t>
  </si>
  <si>
    <t>cg22596515</t>
  </si>
  <si>
    <t>cg22598841</t>
  </si>
  <si>
    <t>cg22599122</t>
  </si>
  <si>
    <t>cg22599150</t>
  </si>
  <si>
    <t>cg22599563</t>
  </si>
  <si>
    <t>cg22602019</t>
  </si>
  <si>
    <t>cg22603393</t>
  </si>
  <si>
    <t>cg22603542</t>
  </si>
  <si>
    <t>cg22605303</t>
  </si>
  <si>
    <t>cg22606303</t>
  </si>
  <si>
    <t>cg22606873</t>
  </si>
  <si>
    <t>cg22607793</t>
  </si>
  <si>
    <t>cg22607980</t>
  </si>
  <si>
    <t>cg22608160</t>
  </si>
  <si>
    <t>cg22608619</t>
  </si>
  <si>
    <t>cg22608655</t>
  </si>
  <si>
    <t>cg22610434</t>
  </si>
  <si>
    <t>cg22611633</t>
  </si>
  <si>
    <t>cg22613968</t>
  </si>
  <si>
    <t>cg22614355</t>
  </si>
  <si>
    <t>cg22614891</t>
  </si>
  <si>
    <t>cg22614927</t>
  </si>
  <si>
    <t>cg22615275</t>
  </si>
  <si>
    <t>cg22615372</t>
  </si>
  <si>
    <t>cg22616255</t>
  </si>
  <si>
    <t>cg22616417</t>
  </si>
  <si>
    <t>cg22617213</t>
  </si>
  <si>
    <t>cg22621745</t>
  </si>
  <si>
    <t>cg22622676</t>
  </si>
  <si>
    <t>cg22622834</t>
  </si>
  <si>
    <t>cg22623273</t>
  </si>
  <si>
    <t>cg22626579</t>
  </si>
  <si>
    <t>cg22627293</t>
  </si>
  <si>
    <t>cg22627800</t>
  </si>
  <si>
    <t>cg22627876</t>
  </si>
  <si>
    <t>cg22627981</t>
  </si>
  <si>
    <t>cg22628500</t>
  </si>
  <si>
    <t>cg22629170</t>
  </si>
  <si>
    <t>cg22629515</t>
  </si>
  <si>
    <t>cg22646710</t>
  </si>
  <si>
    <t>cg22647018</t>
  </si>
  <si>
    <t>cg22650146</t>
  </si>
  <si>
    <t>cg22670128</t>
  </si>
  <si>
    <t>cg22670675</t>
  </si>
  <si>
    <t>cg22671471</t>
  </si>
  <si>
    <t>cg22671931</t>
  </si>
  <si>
    <t>cg22672359</t>
  </si>
  <si>
    <t>cg22672625</t>
  </si>
  <si>
    <t>cg22673583</t>
  </si>
  <si>
    <t>cg22674798</t>
  </si>
  <si>
    <t>cg22675396</t>
  </si>
  <si>
    <t>cg22675486</t>
  </si>
  <si>
    <t>cg22675767</t>
  </si>
  <si>
    <t>cg22676023</t>
  </si>
  <si>
    <t>cg22676693</t>
  </si>
  <si>
    <t>cg22677389</t>
  </si>
  <si>
    <t>cg22677556</t>
  </si>
  <si>
    <t>cg22678044</t>
  </si>
  <si>
    <t>cg22679725</t>
  </si>
  <si>
    <t>cg22679728</t>
  </si>
  <si>
    <t>cg22681074</t>
  </si>
  <si>
    <t>cg22682215</t>
  </si>
  <si>
    <t>cg22682724</t>
  </si>
  <si>
    <t>cg22684969</t>
  </si>
  <si>
    <t>cg22687211</t>
  </si>
  <si>
    <t>cg22687413</t>
  </si>
  <si>
    <t>cg22687416</t>
  </si>
  <si>
    <t>cg22688160</t>
  </si>
  <si>
    <t>cg22691587</t>
  </si>
  <si>
    <t>cg22694470</t>
  </si>
  <si>
    <t>cg22695117</t>
  </si>
  <si>
    <t>cg22695532</t>
  </si>
  <si>
    <t>cg22697136</t>
  </si>
  <si>
    <t>cg22697365</t>
  </si>
  <si>
    <t>cg22697657</t>
  </si>
  <si>
    <t>cg22697825</t>
  </si>
  <si>
    <t>cg22698489</t>
  </si>
  <si>
    <t>cg22699026</t>
  </si>
  <si>
    <t>cg22699768</t>
  </si>
  <si>
    <t>cg22702025</t>
  </si>
  <si>
    <t>cg22702922</t>
  </si>
  <si>
    <t>cg22704608</t>
  </si>
  <si>
    <t>cg22705746</t>
  </si>
  <si>
    <t>cg22706106</t>
  </si>
  <si>
    <t>cg22708508</t>
  </si>
  <si>
    <t>cg22709362</t>
  </si>
  <si>
    <t>cg22709966</t>
  </si>
  <si>
    <t>cg22710219</t>
  </si>
  <si>
    <t>cg22710865</t>
  </si>
  <si>
    <t>cg22711218</t>
  </si>
  <si>
    <t>cg22711679</t>
  </si>
  <si>
    <t>cg22712408</t>
  </si>
  <si>
    <t>cg22714517</t>
  </si>
  <si>
    <t>cg22716368</t>
  </si>
  <si>
    <t>cg22717825</t>
  </si>
  <si>
    <t>cg22718540</t>
  </si>
  <si>
    <t>cg22719269</t>
  </si>
  <si>
    <t>cg22719314</t>
  </si>
  <si>
    <t>cg22719658</t>
  </si>
  <si>
    <t>cg22723098</t>
  </si>
  <si>
    <t>cg22723960</t>
  </si>
  <si>
    <t>cg22725719</t>
  </si>
  <si>
    <t>cg22726349</t>
  </si>
  <si>
    <t>cg22728186</t>
  </si>
  <si>
    <t>cg22729726</t>
  </si>
  <si>
    <t>cg22730655</t>
  </si>
  <si>
    <t>cg22730864</t>
  </si>
  <si>
    <t>cg22733910</t>
  </si>
  <si>
    <t>cg22736107</t>
  </si>
  <si>
    <t>cg22737001</t>
  </si>
  <si>
    <t>cg22748573</t>
  </si>
  <si>
    <t>cg22770479</t>
  </si>
  <si>
    <t>cg22774211</t>
  </si>
  <si>
    <t>cg22781249</t>
  </si>
  <si>
    <t>cg22785554</t>
  </si>
  <si>
    <t>cg22785852</t>
  </si>
  <si>
    <t>cg22787191</t>
  </si>
  <si>
    <t>cg22787719</t>
  </si>
  <si>
    <t>cg22789515</t>
  </si>
  <si>
    <t>cg22791030</t>
  </si>
  <si>
    <t>cg22792177</t>
  </si>
  <si>
    <t>cg22793142</t>
  </si>
  <si>
    <t>cg22793634</t>
  </si>
  <si>
    <t>cg22794214</t>
  </si>
  <si>
    <t>cg22795185</t>
  </si>
  <si>
    <t>cg22795212</t>
  </si>
  <si>
    <t>cg22795463</t>
  </si>
  <si>
    <t>cg22795471</t>
  </si>
  <si>
    <t>cg22797134</t>
  </si>
  <si>
    <t>cg22798214</t>
  </si>
  <si>
    <t>cg22798977</t>
  </si>
  <si>
    <t>cg22799499</t>
  </si>
  <si>
    <t>cg22802174</t>
  </si>
  <si>
    <t>cg22802759</t>
  </si>
  <si>
    <t>cg22803322</t>
  </si>
  <si>
    <t>cg22803477</t>
  </si>
  <si>
    <t>cg22808351</t>
  </si>
  <si>
    <t>cg22809315</t>
  </si>
  <si>
    <t>cg22810710</t>
  </si>
  <si>
    <t>cg22811817</t>
  </si>
  <si>
    <t>cg22812684</t>
  </si>
  <si>
    <t>cg22813220</t>
  </si>
  <si>
    <t>cg22813711</t>
  </si>
  <si>
    <t>cg22816909</t>
  </si>
  <si>
    <t>cg22817258</t>
  </si>
  <si>
    <t>cg22819171</t>
  </si>
  <si>
    <t>cg22819964</t>
  </si>
  <si>
    <t>cg22820188</t>
  </si>
  <si>
    <t>cg22820426</t>
  </si>
  <si>
    <t>cg22827524</t>
  </si>
  <si>
    <t>cg22844623</t>
  </si>
  <si>
    <t>cg22848646</t>
  </si>
  <si>
    <t>cg22850508</t>
  </si>
  <si>
    <t>cg22851252</t>
  </si>
  <si>
    <t>cg22851557</t>
  </si>
  <si>
    <t>cg22852013</t>
  </si>
  <si>
    <t>cg22853526</t>
  </si>
  <si>
    <t>cg22853601</t>
  </si>
  <si>
    <t>cg22854078</t>
  </si>
  <si>
    <t>cg22854393</t>
  </si>
  <si>
    <t>cg22854981</t>
  </si>
  <si>
    <t>cg22855237</t>
  </si>
  <si>
    <t>cg22855405</t>
  </si>
  <si>
    <t>cg22855993</t>
  </si>
  <si>
    <t>cg22857872</t>
  </si>
  <si>
    <t>cg22857957</t>
  </si>
  <si>
    <t>cg22858959</t>
  </si>
  <si>
    <t>cg22859423</t>
  </si>
  <si>
    <t>cg22860172</t>
  </si>
  <si>
    <t>cg22860775</t>
  </si>
  <si>
    <t>cg22861669</t>
  </si>
  <si>
    <t>cg22861691</t>
  </si>
  <si>
    <t>cg22862529</t>
  </si>
  <si>
    <t>cg22863880</t>
  </si>
  <si>
    <t>cg22864340</t>
  </si>
  <si>
    <t>cg22864672</t>
  </si>
  <si>
    <t>cg22865286</t>
  </si>
  <si>
    <t>cg22866068</t>
  </si>
  <si>
    <t>cg22866085</t>
  </si>
  <si>
    <t>cg22867719</t>
  </si>
  <si>
    <t>cg22871559</t>
  </si>
  <si>
    <t>cg22871604</t>
  </si>
  <si>
    <t>cg22871653</t>
  </si>
  <si>
    <t>cg22874407</t>
  </si>
  <si>
    <t>cg22874802</t>
  </si>
  <si>
    <t>cg22875332</t>
  </si>
  <si>
    <t>cg22875527</t>
  </si>
  <si>
    <t>cg22876210</t>
  </si>
  <si>
    <t>cg22876683</t>
  </si>
  <si>
    <t>cg22877452</t>
  </si>
  <si>
    <t>cg22877851</t>
  </si>
  <si>
    <t>cg22879626</t>
  </si>
  <si>
    <t>cg22900705</t>
  </si>
  <si>
    <t>cg22901840</t>
  </si>
  <si>
    <t>cg22902270</t>
  </si>
  <si>
    <t>cg22927043</t>
  </si>
  <si>
    <t>cg22930187</t>
  </si>
  <si>
    <t>cg22931725</t>
  </si>
  <si>
    <t>cg22932223</t>
  </si>
  <si>
    <t>cg22932427</t>
  </si>
  <si>
    <t>cg22939715</t>
  </si>
  <si>
    <t>cg22941294</t>
  </si>
  <si>
    <t>cg22941646</t>
  </si>
  <si>
    <t>cg22942576</t>
  </si>
  <si>
    <t>cg22942704</t>
  </si>
  <si>
    <t>cg22942751</t>
  </si>
  <si>
    <t>cg22942897</t>
  </si>
  <si>
    <t>cg22942908</t>
  </si>
  <si>
    <t>cg22943875</t>
  </si>
  <si>
    <t>cg22945457</t>
  </si>
  <si>
    <t>cg22945467</t>
  </si>
  <si>
    <t>cg22945666</t>
  </si>
  <si>
    <t>cg22946670</t>
  </si>
  <si>
    <t>cg22947679</t>
  </si>
  <si>
    <t>cg22948684</t>
  </si>
  <si>
    <t>cg22949149</t>
  </si>
  <si>
    <t>cg22950111</t>
  </si>
  <si>
    <t>cg22968727</t>
  </si>
  <si>
    <t>cg22983885</t>
  </si>
  <si>
    <t>cg22985785</t>
  </si>
  <si>
    <t>cg22988237</t>
  </si>
  <si>
    <t>cg23004625</t>
  </si>
  <si>
    <t>cg23008177</t>
  </si>
  <si>
    <t>cg23010236</t>
  </si>
  <si>
    <t>cg23010629</t>
  </si>
  <si>
    <t>cg23012527</t>
  </si>
  <si>
    <t>cg23012731</t>
  </si>
  <si>
    <t>cg23012855</t>
  </si>
  <si>
    <t>cg23013958</t>
  </si>
  <si>
    <t>cg23014221</t>
  </si>
  <si>
    <t>cg23014487</t>
  </si>
  <si>
    <t>cg23015158</t>
  </si>
  <si>
    <t>cg23016632</t>
  </si>
  <si>
    <t>cg23018091</t>
  </si>
  <si>
    <t>cg23018400</t>
  </si>
  <si>
    <t>cg23018891</t>
  </si>
  <si>
    <t>cg23019037</t>
  </si>
  <si>
    <t>cg23019286</t>
  </si>
  <si>
    <t>cg23019565</t>
  </si>
  <si>
    <t>cg23021650</t>
  </si>
  <si>
    <t>cg23022809</t>
  </si>
  <si>
    <t>cg23024254</t>
  </si>
  <si>
    <t>cg23025942</t>
  </si>
  <si>
    <t>cg23027754</t>
  </si>
  <si>
    <t>cg23028178</t>
  </si>
  <si>
    <t>cg23028631</t>
  </si>
  <si>
    <t>cg23028772</t>
  </si>
  <si>
    <t>cg23031141</t>
  </si>
  <si>
    <t>cg23031484</t>
  </si>
  <si>
    <t>cg23031869</t>
  </si>
  <si>
    <t>cg23032129</t>
  </si>
  <si>
    <t>cg23034802</t>
  </si>
  <si>
    <t>cg23035226</t>
  </si>
  <si>
    <t>cg23035238</t>
  </si>
  <si>
    <t>cg23035341</t>
  </si>
  <si>
    <t>cg23035597</t>
  </si>
  <si>
    <t>cg23035715</t>
  </si>
  <si>
    <t>cg23035897</t>
  </si>
  <si>
    <t>cg23037321</t>
  </si>
  <si>
    <t>cg23038338</t>
  </si>
  <si>
    <t>cg23038349</t>
  </si>
  <si>
    <t>cg23040782</t>
  </si>
  <si>
    <t>cg23042612</t>
  </si>
  <si>
    <t>cg23043968</t>
  </si>
  <si>
    <t>cg23045243</t>
  </si>
  <si>
    <t>cg23045825</t>
  </si>
  <si>
    <t>cg23046518</t>
  </si>
  <si>
    <t>cg23046847</t>
  </si>
  <si>
    <t>cg23048494</t>
  </si>
  <si>
    <t>cg23049307</t>
  </si>
  <si>
    <t>cg23051123</t>
  </si>
  <si>
    <t>cg23052055</t>
  </si>
  <si>
    <t>cg23054379</t>
  </si>
  <si>
    <t>cg23055938</t>
  </si>
  <si>
    <t>cg23060239</t>
  </si>
  <si>
    <t>cg23061257</t>
  </si>
  <si>
    <t>cg23065174</t>
  </si>
  <si>
    <t>cg23068623</t>
  </si>
  <si>
    <t>cg23068821</t>
  </si>
  <si>
    <t>cg23071120</t>
  </si>
  <si>
    <t>cg23072051</t>
  </si>
  <si>
    <t>cg23076913</t>
  </si>
  <si>
    <t>cg23078123</t>
  </si>
  <si>
    <t>cg23078294</t>
  </si>
  <si>
    <t>cg23079732</t>
  </si>
  <si>
    <t>cg23080538</t>
  </si>
  <si>
    <t>cg23080733</t>
  </si>
  <si>
    <t>cg23081026</t>
  </si>
  <si>
    <t>cg23081265</t>
  </si>
  <si>
    <t>cg23082387</t>
  </si>
  <si>
    <t>cg23082632</t>
  </si>
  <si>
    <t>cg23084895</t>
  </si>
  <si>
    <t>cg23084986</t>
  </si>
  <si>
    <t>cg23086161</t>
  </si>
  <si>
    <t>cg23086176</t>
  </si>
  <si>
    <t>cg23087020</t>
  </si>
  <si>
    <t>cg23087661</t>
  </si>
  <si>
    <t>cg23087931</t>
  </si>
  <si>
    <t>cg23088126</t>
  </si>
  <si>
    <t>cg23088157</t>
  </si>
  <si>
    <t>cg23089438</t>
  </si>
  <si>
    <t>cg23089764</t>
  </si>
  <si>
    <t>cg23090396</t>
  </si>
  <si>
    <t>cg23091122</t>
  </si>
  <si>
    <t>cg23091741</t>
  </si>
  <si>
    <t>cg23092381</t>
  </si>
  <si>
    <t>cg23092820</t>
  </si>
  <si>
    <t>cg23092823</t>
  </si>
  <si>
    <t>cg23093580</t>
  </si>
  <si>
    <t>cg23093992</t>
  </si>
  <si>
    <t>cg23094674</t>
  </si>
  <si>
    <t>cg23095988</t>
  </si>
  <si>
    <t>cg23096144</t>
  </si>
  <si>
    <t>cg23097474</t>
  </si>
  <si>
    <t>cg23097499</t>
  </si>
  <si>
    <t>cg23097558</t>
  </si>
  <si>
    <t>cg23098012</t>
  </si>
  <si>
    <t>cg23098305</t>
  </si>
  <si>
    <t>cg23098371</t>
  </si>
  <si>
    <t>cg23105827</t>
  </si>
  <si>
    <t>cg23106864</t>
  </si>
  <si>
    <t>cg23106912</t>
  </si>
  <si>
    <t>cg23108037</t>
  </si>
  <si>
    <t>cg23109359</t>
  </si>
  <si>
    <t>cg23110353</t>
  </si>
  <si>
    <t>cg23114183</t>
  </si>
  <si>
    <t>cg23114435</t>
  </si>
  <si>
    <t>cg23114964</t>
  </si>
  <si>
    <t>cg23142964</t>
  </si>
  <si>
    <t>cg23145622</t>
  </si>
  <si>
    <t>cg23146172</t>
  </si>
  <si>
    <t>cg23150609</t>
  </si>
  <si>
    <t>cg23154272</t>
  </si>
  <si>
    <t>cg23159992</t>
  </si>
  <si>
    <t>cg23163136</t>
  </si>
  <si>
    <t>cg23164855</t>
  </si>
  <si>
    <t>cg23166250</t>
  </si>
  <si>
    <t>cg23166770</t>
  </si>
  <si>
    <t>cg23166773</t>
  </si>
  <si>
    <t>cg23172671</t>
  </si>
  <si>
    <t>cg23172853</t>
  </si>
  <si>
    <t>cg23172907</t>
  </si>
  <si>
    <t>cg23172911</t>
  </si>
  <si>
    <t>cg23173573</t>
  </si>
  <si>
    <t>cg23174919</t>
  </si>
  <si>
    <t>cg23205276</t>
  </si>
  <si>
    <t>cg23205521</t>
  </si>
  <si>
    <t>cg23205676</t>
  </si>
  <si>
    <t>cg23206461</t>
  </si>
  <si>
    <t>cg23206822</t>
  </si>
  <si>
    <t>cg23207077</t>
  </si>
  <si>
    <t>cg23207202</t>
  </si>
  <si>
    <t>cg23207616</t>
  </si>
  <si>
    <t>cg23208909</t>
  </si>
  <si>
    <t>cg23209302</t>
  </si>
  <si>
    <t>cg23209606</t>
  </si>
  <si>
    <t>cg23211703</t>
  </si>
  <si>
    <t>cg23212590</t>
  </si>
  <si>
    <t>cg23213872</t>
  </si>
  <si>
    <t>cg23213892</t>
  </si>
  <si>
    <t>cg23213951</t>
  </si>
  <si>
    <t>cg23215587</t>
  </si>
  <si>
    <t>cg23217419</t>
  </si>
  <si>
    <t>cg23219046</t>
  </si>
  <si>
    <t>cg23221122</t>
  </si>
  <si>
    <t>cg23225103</t>
  </si>
  <si>
    <t>cg23225572</t>
  </si>
  <si>
    <t>cg23226688</t>
  </si>
  <si>
    <t>cg23228178</t>
  </si>
  <si>
    <t>cg23228279</t>
  </si>
  <si>
    <t>cg23228450</t>
  </si>
  <si>
    <t>cg23229110</t>
  </si>
  <si>
    <t>cg23229604</t>
  </si>
  <si>
    <t>cg23230158</t>
  </si>
  <si>
    <t>cg23230486</t>
  </si>
  <si>
    <t>cg23230830</t>
  </si>
  <si>
    <t>cg23231462</t>
  </si>
  <si>
    <t>cg23233975</t>
  </si>
  <si>
    <t>cg23234811</t>
  </si>
  <si>
    <t>cg23235497</t>
  </si>
  <si>
    <t>cg23236366</t>
  </si>
  <si>
    <t>cg23237801</t>
  </si>
  <si>
    <t>cg23237972</t>
  </si>
  <si>
    <t>cg23238147</t>
  </si>
  <si>
    <t>cg23240465</t>
  </si>
  <si>
    <t>cg23240663</t>
  </si>
  <si>
    <t>cg23241456</t>
  </si>
  <si>
    <t>cg23241663</t>
  </si>
  <si>
    <t>cg23241914</t>
  </si>
  <si>
    <t>cg23243030</t>
  </si>
  <si>
    <t>cg23244254</t>
  </si>
  <si>
    <t>cg23244997</t>
  </si>
  <si>
    <t>cg23245838</t>
  </si>
  <si>
    <t>cg23246918</t>
  </si>
  <si>
    <t>cg23250085</t>
  </si>
  <si>
    <t>cg23251254</t>
  </si>
  <si>
    <t>cg23251678</t>
  </si>
  <si>
    <t>cg23251761</t>
  </si>
  <si>
    <t>cg23251790</t>
  </si>
  <si>
    <t>cg23252997</t>
  </si>
  <si>
    <t>cg23257028</t>
  </si>
  <si>
    <t>cg23257461</t>
  </si>
  <si>
    <t>cg23257569</t>
  </si>
  <si>
    <t>cg23257935</t>
  </si>
  <si>
    <t>cg23258188</t>
  </si>
  <si>
    <t>cg23259435</t>
  </si>
  <si>
    <t>cg23259527</t>
  </si>
  <si>
    <t>cg23260502</t>
  </si>
  <si>
    <t>cg23260554</t>
  </si>
  <si>
    <t>cg23260625</t>
  </si>
  <si>
    <t>cg23261103</t>
  </si>
  <si>
    <t>cg23262274</t>
  </si>
  <si>
    <t>cg23262325</t>
  </si>
  <si>
    <t>cg23264776</t>
  </si>
  <si>
    <t>cg23265656</t>
  </si>
  <si>
    <t>cg23268630</t>
  </si>
  <si>
    <t>cg23268653</t>
  </si>
  <si>
    <t>cg23268700</t>
  </si>
  <si>
    <t>cg23271269</t>
  </si>
  <si>
    <t>cg23273548</t>
  </si>
  <si>
    <t>cg23273809</t>
  </si>
  <si>
    <t>cg23273869</t>
  </si>
  <si>
    <t>cg23274561</t>
  </si>
  <si>
    <t>cg23274951</t>
  </si>
  <si>
    <t>cg23275914</t>
  </si>
  <si>
    <t>cg23276912</t>
  </si>
  <si>
    <t>cg23277061</t>
  </si>
  <si>
    <t>cg23279538</t>
  </si>
  <si>
    <t>cg23280013</t>
  </si>
  <si>
    <t>cg23280294</t>
  </si>
  <si>
    <t>cg23280305</t>
  </si>
  <si>
    <t>cg23281075</t>
  </si>
  <si>
    <t>cg23281215</t>
  </si>
  <si>
    <t>cg23282674</t>
  </si>
  <si>
    <t>cg23283495</t>
  </si>
  <si>
    <t>cg23286660</t>
  </si>
  <si>
    <t>cg23288755</t>
  </si>
  <si>
    <t>cg23291900</t>
  </si>
  <si>
    <t>cg23299127</t>
  </si>
  <si>
    <t>cg23304296</t>
  </si>
  <si>
    <t>cg23305408</t>
  </si>
  <si>
    <t>cg23320056</t>
  </si>
  <si>
    <t>cg23323627</t>
  </si>
  <si>
    <t>cg23323671</t>
  </si>
  <si>
    <t>cg23326301</t>
  </si>
  <si>
    <t>cg23335946</t>
  </si>
  <si>
    <t>cg23343444</t>
  </si>
  <si>
    <t>cg23352747</t>
  </si>
  <si>
    <t>cg23355725</t>
  </si>
  <si>
    <t>cg23369529</t>
  </si>
  <si>
    <t>cg23371584</t>
  </si>
  <si>
    <t>cg23371639</t>
  </si>
  <si>
    <t>cg23376526</t>
  </si>
  <si>
    <t>cg23394729</t>
  </si>
  <si>
    <t>cg23394916</t>
  </si>
  <si>
    <t>cg23400617</t>
  </si>
  <si>
    <t>cg23414387</t>
  </si>
  <si>
    <t>cg23430652</t>
  </si>
  <si>
    <t>cg23431851</t>
  </si>
  <si>
    <t>cg23437836</t>
  </si>
  <si>
    <t>cg23440155</t>
  </si>
  <si>
    <t>cg23441167</t>
  </si>
  <si>
    <t>cg23442151</t>
  </si>
  <si>
    <t>cg23443003</t>
  </si>
  <si>
    <t>cg23445321</t>
  </si>
  <si>
    <t>cg23449295</t>
  </si>
  <si>
    <t>cg23451311</t>
  </si>
  <si>
    <t>cg23455785</t>
  </si>
  <si>
    <t>cg23474794</t>
  </si>
  <si>
    <t>cg23484899</t>
  </si>
  <si>
    <t>cg23489497</t>
  </si>
  <si>
    <t>cg23492043</t>
  </si>
  <si>
    <t>cg23495059</t>
  </si>
  <si>
    <t>cg23499956</t>
  </si>
  <si>
    <t>cg23501610</t>
  </si>
  <si>
    <t>cg23506842</t>
  </si>
  <si>
    <t>cg23522832</t>
  </si>
  <si>
    <t>cg23523648</t>
  </si>
  <si>
    <t>cg23532980</t>
  </si>
  <si>
    <t>cg23533703</t>
  </si>
  <si>
    <t>cg23534142</t>
  </si>
  <si>
    <t>cg23543604</t>
  </si>
  <si>
    <t>cg23546274</t>
  </si>
  <si>
    <t>cg23552821</t>
  </si>
  <si>
    <t>cg23570590</t>
  </si>
  <si>
    <t>cg23574449</t>
  </si>
  <si>
    <t>cg23577350</t>
  </si>
  <si>
    <t>cg23588217</t>
  </si>
  <si>
    <t>cg23589237</t>
  </si>
  <si>
    <t>cg23590302</t>
  </si>
  <si>
    <t>cg23591039</t>
  </si>
  <si>
    <t>cg23591803</t>
  </si>
  <si>
    <t>cg23594135</t>
  </si>
  <si>
    <t>cg23594208</t>
  </si>
  <si>
    <t>cg23594461</t>
  </si>
  <si>
    <t>cg23595055</t>
  </si>
  <si>
    <t>cg23595342</t>
  </si>
  <si>
    <t>cg23598254</t>
  </si>
  <si>
    <t>cg23599771</t>
  </si>
  <si>
    <t>cg23604704</t>
  </si>
  <si>
    <t>cg23606162</t>
  </si>
  <si>
    <t>cg23606171</t>
  </si>
  <si>
    <t>cg23606507</t>
  </si>
  <si>
    <t>cg23606775</t>
  </si>
  <si>
    <t>cg23609650</t>
  </si>
  <si>
    <t>cg23609682</t>
  </si>
  <si>
    <t>cg23609982</t>
  </si>
  <si>
    <t>cg23610023</t>
  </si>
  <si>
    <t>cg23610420</t>
  </si>
  <si>
    <t>cg23610994</t>
  </si>
  <si>
    <t>cg23613162</t>
  </si>
  <si>
    <t>cg23615467</t>
  </si>
  <si>
    <t>cg23615488</t>
  </si>
  <si>
    <t>cg23615704</t>
  </si>
  <si>
    <t>cg23616139</t>
  </si>
  <si>
    <t>cg23616212</t>
  </si>
  <si>
    <t>cg23617193</t>
  </si>
  <si>
    <t>cg23617676</t>
  </si>
  <si>
    <t>cg23620047</t>
  </si>
  <si>
    <t>cg23621496</t>
  </si>
  <si>
    <t>cg23621766</t>
  </si>
  <si>
    <t>cg23623060</t>
  </si>
  <si>
    <t>cg23623386</t>
  </si>
  <si>
    <t>cg23624452</t>
  </si>
  <si>
    <t>cg23624705</t>
  </si>
  <si>
    <t>cg23625458</t>
  </si>
  <si>
    <t>cg23626387</t>
  </si>
  <si>
    <t>cg23627354</t>
  </si>
  <si>
    <t>cg23627436</t>
  </si>
  <si>
    <t>cg23627828</t>
  </si>
  <si>
    <t>cg23629792</t>
  </si>
  <si>
    <t>cg23630430</t>
  </si>
  <si>
    <t>cg23631538</t>
  </si>
  <si>
    <t>cg23631759</t>
  </si>
  <si>
    <t>cg23631842</t>
  </si>
  <si>
    <t>cg23632432</t>
  </si>
  <si>
    <t>cg23632906</t>
  </si>
  <si>
    <t>cg23633010</t>
  </si>
  <si>
    <t>cg23633330</t>
  </si>
  <si>
    <t>cg23633679</t>
  </si>
  <si>
    <t>cg23635546</t>
  </si>
  <si>
    <t>cg23637943</t>
  </si>
  <si>
    <t>cg23638252</t>
  </si>
  <si>
    <t>cg23639374</t>
  </si>
  <si>
    <t>cg23640231</t>
  </si>
  <si>
    <t>cg23640925</t>
  </si>
  <si>
    <t>cg23640929</t>
  </si>
  <si>
    <t>cg23641635</t>
  </si>
  <si>
    <t>cg23642826</t>
  </si>
  <si>
    <t>cg23643973</t>
  </si>
  <si>
    <t>cg23644066</t>
  </si>
  <si>
    <t>cg23644589</t>
  </si>
  <si>
    <t>cg23644855</t>
  </si>
  <si>
    <t>cg23645210</t>
  </si>
  <si>
    <t>cg23646375</t>
  </si>
  <si>
    <t>cg23646820</t>
  </si>
  <si>
    <t>cg23647264</t>
  </si>
  <si>
    <t>cg23649129</t>
  </si>
  <si>
    <t>cg23650765</t>
  </si>
  <si>
    <t>cg23651350</t>
  </si>
  <si>
    <t>cg23652484</t>
  </si>
  <si>
    <t>cg23652939</t>
  </si>
  <si>
    <t>cg23655242</t>
  </si>
  <si>
    <t>cg23656322</t>
  </si>
  <si>
    <t>cg23656755</t>
  </si>
  <si>
    <t>cg23657809</t>
  </si>
  <si>
    <t>cg23658728</t>
  </si>
  <si>
    <t>cg23659029</t>
  </si>
  <si>
    <t>cg23659062</t>
  </si>
  <si>
    <t>cg23660155</t>
  </si>
  <si>
    <t>cg23662331</t>
  </si>
  <si>
    <t>cg23663760</t>
  </si>
  <si>
    <t>cg23664396</t>
  </si>
  <si>
    <t>cg23665568</t>
  </si>
  <si>
    <t>cg23667232</t>
  </si>
  <si>
    <t>cg23667391</t>
  </si>
  <si>
    <t>cg23667551</t>
  </si>
  <si>
    <t>cg23668379</t>
  </si>
  <si>
    <t>cg23668905</t>
  </si>
  <si>
    <t>cg23671626</t>
  </si>
  <si>
    <t>cg23672278</t>
  </si>
  <si>
    <t>cg23673397</t>
  </si>
  <si>
    <t>cg23675930</t>
  </si>
  <si>
    <t>cg23676961</t>
  </si>
  <si>
    <t>cg23678594</t>
  </si>
  <si>
    <t>cg23680821</t>
  </si>
  <si>
    <t>cg23682142</t>
  </si>
  <si>
    <t>cg23682641</t>
  </si>
  <si>
    <t>cg23683497</t>
  </si>
  <si>
    <t>cg23684246</t>
  </si>
  <si>
    <t>cg23686029</t>
  </si>
  <si>
    <t>cg23687103</t>
  </si>
  <si>
    <t>cg23687186</t>
  </si>
  <si>
    <t>cg23689304</t>
  </si>
  <si>
    <t>cg23689441</t>
  </si>
  <si>
    <t>cg23689722</t>
  </si>
  <si>
    <t>cg23690808</t>
  </si>
  <si>
    <t>cg23690809</t>
  </si>
  <si>
    <t>cg23691516</t>
  </si>
  <si>
    <t>cg23691642</t>
  </si>
  <si>
    <t>cg23693548</t>
  </si>
  <si>
    <t>cg23696949</t>
  </si>
  <si>
    <t>cg23706211</t>
  </si>
  <si>
    <t>cg23711051</t>
  </si>
  <si>
    <t>cg23711166</t>
  </si>
  <si>
    <t>cg23712594</t>
  </si>
  <si>
    <t>cg23714541</t>
  </si>
  <si>
    <t>cg23715749</t>
  </si>
  <si>
    <t>cg23717186</t>
  </si>
  <si>
    <t>cg23719124</t>
  </si>
  <si>
    <t>cg23722790</t>
  </si>
  <si>
    <t>cg23726483</t>
  </si>
  <si>
    <t>cg23726537</t>
  </si>
  <si>
    <t>cg23728867</t>
  </si>
  <si>
    <t>cg23729020</t>
  </si>
  <si>
    <t>cg23729443</t>
  </si>
  <si>
    <t>cg23731054</t>
  </si>
  <si>
    <t>cg23731501</t>
  </si>
  <si>
    <t>cg23731764</t>
  </si>
  <si>
    <t>cg23731781</t>
  </si>
  <si>
    <t>cg23731846</t>
  </si>
  <si>
    <t>cg23731901</t>
  </si>
  <si>
    <t>cg23732779</t>
  </si>
  <si>
    <t>cg23732962</t>
  </si>
  <si>
    <t>cg23733384</t>
  </si>
  <si>
    <t>cg23733386</t>
  </si>
  <si>
    <t>cg23733394</t>
  </si>
  <si>
    <t>cg23735442</t>
  </si>
  <si>
    <t>cg23735745</t>
  </si>
  <si>
    <t>cg23735749</t>
  </si>
  <si>
    <t>cg23737366</t>
  </si>
  <si>
    <t>cg23738708</t>
  </si>
  <si>
    <t>cg23739036</t>
  </si>
  <si>
    <t>cg23744433</t>
  </si>
  <si>
    <t>cg23746359</t>
  </si>
  <si>
    <t>cg23747104</t>
  </si>
  <si>
    <t>cg23762517</t>
  </si>
  <si>
    <t>cg23763259</t>
  </si>
  <si>
    <t>cg23774016</t>
  </si>
  <si>
    <t>cg23782591</t>
  </si>
  <si>
    <t>cg23786576</t>
  </si>
  <si>
    <t>cg23788856</t>
  </si>
  <si>
    <t>cg23799025</t>
  </si>
  <si>
    <t>cg23799313</t>
  </si>
  <si>
    <t>cg23799532</t>
  </si>
  <si>
    <t>cg23799759</t>
  </si>
  <si>
    <t>cg23802150</t>
  </si>
  <si>
    <t>cg23803022</t>
  </si>
  <si>
    <t>cg23803206</t>
  </si>
  <si>
    <t>cg23803603</t>
  </si>
  <si>
    <t>cg23804649</t>
  </si>
  <si>
    <t>cg23805594</t>
  </si>
  <si>
    <t>cg23808061</t>
  </si>
  <si>
    <t>cg23811057</t>
  </si>
  <si>
    <t>cg23811096</t>
  </si>
  <si>
    <t>cg23813012</t>
  </si>
  <si>
    <t>cg23815775</t>
  </si>
  <si>
    <t>cg23816049</t>
  </si>
  <si>
    <t>cg23818827</t>
  </si>
  <si>
    <t>cg23818870</t>
  </si>
  <si>
    <t>cg23819092</t>
  </si>
  <si>
    <t>cg23820933</t>
  </si>
  <si>
    <t>cg23820945</t>
  </si>
  <si>
    <t>cg23821755</t>
  </si>
  <si>
    <t>cg23822289</t>
  </si>
  <si>
    <t>cg23822312</t>
  </si>
  <si>
    <t>cg23823908</t>
  </si>
  <si>
    <t>cg23828212</t>
  </si>
  <si>
    <t>cg23829949</t>
  </si>
  <si>
    <t>cg23834779</t>
  </si>
  <si>
    <t>cg23838785</t>
  </si>
  <si>
    <t>cg23839729</t>
  </si>
  <si>
    <t>cg23840027</t>
  </si>
  <si>
    <t>cg23840493</t>
  </si>
  <si>
    <t>cg23841763</t>
  </si>
  <si>
    <t>cg23843705</t>
  </si>
  <si>
    <t>cg23848822</t>
  </si>
  <si>
    <t>cg23864823</t>
  </si>
  <si>
    <t>cg23871640</t>
  </si>
  <si>
    <t>cg23875264</t>
  </si>
  <si>
    <t>cg23885562</t>
  </si>
  <si>
    <t>cg23887776</t>
  </si>
  <si>
    <t>cg23889047</t>
  </si>
  <si>
    <t>cg23891858</t>
  </si>
  <si>
    <t>cg23892856</t>
  </si>
  <si>
    <t>cg23894227</t>
  </si>
  <si>
    <t>cg23895273</t>
  </si>
  <si>
    <t>cg23895439</t>
  </si>
  <si>
    <t>cg23901904</t>
  </si>
  <si>
    <t>cg23902264</t>
  </si>
  <si>
    <t>cg23905374</t>
  </si>
  <si>
    <t>cg23906204</t>
  </si>
  <si>
    <t>cg23909343</t>
  </si>
  <si>
    <t>cg23913093</t>
  </si>
  <si>
    <t>cg23913123</t>
  </si>
  <si>
    <t>cg23913947</t>
  </si>
  <si>
    <t>cg23913963</t>
  </si>
  <si>
    <t>cg23914278</t>
  </si>
  <si>
    <t>cg23915251</t>
  </si>
  <si>
    <t>cg23915699</t>
  </si>
  <si>
    <t>cg23915701</t>
  </si>
  <si>
    <t>cg23916948</t>
  </si>
  <si>
    <t>cg23917006</t>
  </si>
  <si>
    <t>cg23917638</t>
  </si>
  <si>
    <t>cg23917779</t>
  </si>
  <si>
    <t>cg23919534</t>
  </si>
  <si>
    <t>cg23922819</t>
  </si>
  <si>
    <t>cg23923689</t>
  </si>
  <si>
    <t>cg23924801</t>
  </si>
  <si>
    <t>cg23924887</t>
  </si>
  <si>
    <t>cg23925199</t>
  </si>
  <si>
    <t>cg23928126</t>
  </si>
  <si>
    <t>cg23929317</t>
  </si>
  <si>
    <t>cg23932332</t>
  </si>
  <si>
    <t>cg23932873</t>
  </si>
  <si>
    <t>cg23933216</t>
  </si>
  <si>
    <t>cg23933345</t>
  </si>
  <si>
    <t>cg23934072</t>
  </si>
  <si>
    <t>cg23935261</t>
  </si>
  <si>
    <t>cg23937295</t>
  </si>
  <si>
    <t>cg23953592</t>
  </si>
  <si>
    <t>cg23954541</t>
  </si>
  <si>
    <t>cg23955417</t>
  </si>
  <si>
    <t>cg23957159</t>
  </si>
  <si>
    <t>cg23957188</t>
  </si>
  <si>
    <t>cg23957643</t>
  </si>
  <si>
    <t>cg23957653</t>
  </si>
  <si>
    <t>cg23957724</t>
  </si>
  <si>
    <t>cg23959311</t>
  </si>
  <si>
    <t>cg23959605</t>
  </si>
  <si>
    <t>cg23961843</t>
  </si>
  <si>
    <t>cg23963317</t>
  </si>
  <si>
    <t>cg23963351</t>
  </si>
  <si>
    <t>cg23963591</t>
  </si>
  <si>
    <t>cg23965720</t>
  </si>
  <si>
    <t>cg23971069</t>
  </si>
  <si>
    <t>cg23972298</t>
  </si>
  <si>
    <t>cg23973274</t>
  </si>
  <si>
    <t>cg23973885</t>
  </si>
  <si>
    <t>cg23976142</t>
  </si>
  <si>
    <t>cg23978968</t>
  </si>
  <si>
    <t>cg23980859</t>
  </si>
  <si>
    <t>cg23982151</t>
  </si>
  <si>
    <t>cg23982229</t>
  </si>
  <si>
    <t>cg23982607</t>
  </si>
  <si>
    <t>cg23983340</t>
  </si>
  <si>
    <t>cg23985820</t>
  </si>
  <si>
    <t>cg23986158</t>
  </si>
  <si>
    <t>cg23986578</t>
  </si>
  <si>
    <t>cg23990272</t>
  </si>
  <si>
    <t>cg23990535</t>
  </si>
  <si>
    <t>cg23991413</t>
  </si>
  <si>
    <t>cg23992209</t>
  </si>
  <si>
    <t>cg23993235</t>
  </si>
  <si>
    <t>cg23993660</t>
  </si>
  <si>
    <t>cg23994888</t>
  </si>
  <si>
    <t>cg23996071</t>
  </si>
  <si>
    <t>cg23997508</t>
  </si>
  <si>
    <t>cg23998083</t>
  </si>
  <si>
    <t>cg23998414</t>
  </si>
  <si>
    <t>cg23998749</t>
  </si>
  <si>
    <t>cg23999170</t>
  </si>
  <si>
    <t>cg24000087</t>
  </si>
  <si>
    <t>cg24000241</t>
  </si>
  <si>
    <t>cg24000437</t>
  </si>
  <si>
    <t>cg24001246</t>
  </si>
  <si>
    <t>cg24004449</t>
  </si>
  <si>
    <t>cg24004547</t>
  </si>
  <si>
    <t>cg24005949</t>
  </si>
  <si>
    <t>cg24006126</t>
  </si>
  <si>
    <t>cg24006352</t>
  </si>
  <si>
    <t>cg24006654</t>
  </si>
  <si>
    <t>cg24008892</t>
  </si>
  <si>
    <t>cg24008908</t>
  </si>
  <si>
    <t>cg24016844</t>
  </si>
  <si>
    <t>cg24018609</t>
  </si>
  <si>
    <t>cg24019371</t>
  </si>
  <si>
    <t>cg24019564</t>
  </si>
  <si>
    <t>cg24027679</t>
  </si>
  <si>
    <t>cg24033557</t>
  </si>
  <si>
    <t>cg24034715</t>
  </si>
  <si>
    <t>cg24035370</t>
  </si>
  <si>
    <t>cg24036039</t>
  </si>
  <si>
    <t>cg24036510</t>
  </si>
  <si>
    <t>cg24037647</t>
  </si>
  <si>
    <t>cg24037938</t>
  </si>
  <si>
    <t>cg24038105</t>
  </si>
  <si>
    <t>cg24039149</t>
  </si>
  <si>
    <t>cg24039294</t>
  </si>
  <si>
    <t>cg24042578</t>
  </si>
  <si>
    <t>cg24044763</t>
  </si>
  <si>
    <t>cg24046159</t>
  </si>
  <si>
    <t>cg24047377</t>
  </si>
  <si>
    <t>cg24047802</t>
  </si>
  <si>
    <t>cg24048008</t>
  </si>
  <si>
    <t>cg24049050</t>
  </si>
  <si>
    <t>cg24049468</t>
  </si>
  <si>
    <t>cg24049880</t>
  </si>
  <si>
    <t>cg24050109</t>
  </si>
  <si>
    <t>cg24051040</t>
  </si>
  <si>
    <t>cg24051818</t>
  </si>
  <si>
    <t>cg24052039</t>
  </si>
  <si>
    <t>cg24052263</t>
  </si>
  <si>
    <t>cg24052284</t>
  </si>
  <si>
    <t>cg24052475</t>
  </si>
  <si>
    <t>cg24053642</t>
  </si>
  <si>
    <t>cg24053992</t>
  </si>
  <si>
    <t>cg24055792</t>
  </si>
  <si>
    <t>cg24056232</t>
  </si>
  <si>
    <t>cg24058386</t>
  </si>
  <si>
    <t>cg24059741</t>
  </si>
  <si>
    <t>cg24060037</t>
  </si>
  <si>
    <t>cg24069479</t>
  </si>
  <si>
    <t>cg24070446</t>
  </si>
  <si>
    <t>cg24070543</t>
  </si>
  <si>
    <t>cg24072013</t>
  </si>
  <si>
    <t>cg24074594</t>
  </si>
  <si>
    <t>cg24074785</t>
  </si>
  <si>
    <t>cg24075096</t>
  </si>
  <si>
    <t>cg24076588</t>
  </si>
  <si>
    <t>cg24077277</t>
  </si>
  <si>
    <t>cg24078554</t>
  </si>
  <si>
    <t>cg24078695</t>
  </si>
  <si>
    <t>cg24081688</t>
  </si>
  <si>
    <t>cg24084128</t>
  </si>
  <si>
    <t>cg24085570</t>
  </si>
  <si>
    <t>cg24085606</t>
  </si>
  <si>
    <t>cg24085895</t>
  </si>
  <si>
    <t>cg24086565</t>
  </si>
  <si>
    <t>cg24086592</t>
  </si>
  <si>
    <t>cg24087235</t>
  </si>
  <si>
    <t>cg24087944</t>
  </si>
  <si>
    <t>cg24090990</t>
  </si>
  <si>
    <t>cg24104241</t>
  </si>
  <si>
    <t>cg24105782</t>
  </si>
  <si>
    <t>cg24106020</t>
  </si>
  <si>
    <t>cg24106215</t>
  </si>
  <si>
    <t>cg24107163</t>
  </si>
  <si>
    <t>cg24107453</t>
  </si>
  <si>
    <t>cg24107872</t>
  </si>
  <si>
    <t>cg24108508</t>
  </si>
  <si>
    <t>cg24109161</t>
  </si>
  <si>
    <t>cg24109894</t>
  </si>
  <si>
    <t>cg24110050</t>
  </si>
  <si>
    <t>cg24114189</t>
  </si>
  <si>
    <t>cg24114899</t>
  </si>
  <si>
    <t>cg24117315</t>
  </si>
  <si>
    <t>cg24119077</t>
  </si>
  <si>
    <t>cg24124789</t>
  </si>
  <si>
    <t>cg24137081</t>
  </si>
  <si>
    <t>cg24138964</t>
  </si>
  <si>
    <t>cg24139720</t>
  </si>
  <si>
    <t>cg24140704</t>
  </si>
  <si>
    <t>cg24141382</t>
  </si>
  <si>
    <t>cg24141516</t>
  </si>
  <si>
    <t>cg24141663</t>
  </si>
  <si>
    <t>cg24141738</t>
  </si>
  <si>
    <t>cg24142464</t>
  </si>
  <si>
    <t>cg24143374</t>
  </si>
  <si>
    <t>cg24144440</t>
  </si>
  <si>
    <t>cg24144893</t>
  </si>
  <si>
    <t>cg24145007</t>
  </si>
  <si>
    <t>cg24145020</t>
  </si>
  <si>
    <t>cg24148757</t>
  </si>
  <si>
    <t>cg24150012</t>
  </si>
  <si>
    <t>cg24151755</t>
  </si>
  <si>
    <t>cg24152264</t>
  </si>
  <si>
    <t>cg24152297</t>
  </si>
  <si>
    <t>cg24152390</t>
  </si>
  <si>
    <t>cg24153574</t>
  </si>
  <si>
    <t>cg24153924</t>
  </si>
  <si>
    <t>cg24154340</t>
  </si>
  <si>
    <t>cg24155190</t>
  </si>
  <si>
    <t>cg24155427</t>
  </si>
  <si>
    <t>cg24155739</t>
  </si>
  <si>
    <t>cg24156949</t>
  </si>
  <si>
    <t>cg24157531</t>
  </si>
  <si>
    <t>cg24159721</t>
  </si>
  <si>
    <t>cg24161501</t>
  </si>
  <si>
    <t>cg24162801</t>
  </si>
  <si>
    <t>cg24163210</t>
  </si>
  <si>
    <t>cg24167422</t>
  </si>
  <si>
    <t>cg24174988</t>
  </si>
  <si>
    <t>cg24192663</t>
  </si>
  <si>
    <t>cg24196046</t>
  </si>
  <si>
    <t>cg24196422</t>
  </si>
  <si>
    <t>cg24197750</t>
  </si>
  <si>
    <t>cg24213634</t>
  </si>
  <si>
    <t>cg24215727</t>
  </si>
  <si>
    <t>cg24229334</t>
  </si>
  <si>
    <t>cg24234277</t>
  </si>
  <si>
    <t>cg24236085</t>
  </si>
  <si>
    <t>cg24244374</t>
  </si>
  <si>
    <t>cg24249973</t>
  </si>
  <si>
    <t>cg24250234</t>
  </si>
  <si>
    <t>cg24250588</t>
  </si>
  <si>
    <t>cg24251497</t>
  </si>
  <si>
    <t>cg24251814</t>
  </si>
  <si>
    <t>cg24252695</t>
  </si>
  <si>
    <t>cg24254842</t>
  </si>
  <si>
    <t>cg24256991</t>
  </si>
  <si>
    <t>cg24262376</t>
  </si>
  <si>
    <t>cg24274354</t>
  </si>
  <si>
    <t>cg24280512</t>
  </si>
  <si>
    <t>cg24294013</t>
  </si>
  <si>
    <t>cg24298311</t>
  </si>
  <si>
    <t>cg24298421</t>
  </si>
  <si>
    <t>cg24301290</t>
  </si>
  <si>
    <t>cg24304268</t>
  </si>
  <si>
    <t>cg24304338</t>
  </si>
  <si>
    <t>cg24304617</t>
  </si>
  <si>
    <t>cg24304712</t>
  </si>
  <si>
    <t>cg24304714</t>
  </si>
  <si>
    <t>cg24305381</t>
  </si>
  <si>
    <t>cg24305675</t>
  </si>
  <si>
    <t>cg24305710</t>
  </si>
  <si>
    <t>cg24306142</t>
  </si>
  <si>
    <t>cg24306340</t>
  </si>
  <si>
    <t>cg24306962</t>
  </si>
  <si>
    <t>cg24307587</t>
  </si>
  <si>
    <t>cg24309171</t>
  </si>
  <si>
    <t>cg24311933</t>
  </si>
  <si>
    <t>cg24312105</t>
  </si>
  <si>
    <t>cg24312792</t>
  </si>
  <si>
    <t>cg24312874</t>
  </si>
  <si>
    <t>cg24312879</t>
  </si>
  <si>
    <t>cg24312985</t>
  </si>
  <si>
    <t>cg24313303</t>
  </si>
  <si>
    <t>cg24313770</t>
  </si>
  <si>
    <t>cg24314879</t>
  </si>
  <si>
    <t>cg24315209</t>
  </si>
  <si>
    <t>cg24315421</t>
  </si>
  <si>
    <t>cg24315913</t>
  </si>
  <si>
    <t>cg24317406</t>
  </si>
  <si>
    <t>cg24317827</t>
  </si>
  <si>
    <t>cg24317935</t>
  </si>
  <si>
    <t>cg24325883</t>
  </si>
  <si>
    <t>cg24325991</t>
  </si>
  <si>
    <t>cg24326142</t>
  </si>
  <si>
    <t>cg24327109</t>
  </si>
  <si>
    <t>cg24327307</t>
  </si>
  <si>
    <t>cg24330902</t>
  </si>
  <si>
    <t>cg24331282</t>
  </si>
  <si>
    <t>cg24332002</t>
  </si>
  <si>
    <t>cg24332298</t>
  </si>
  <si>
    <t>cg24332770</t>
  </si>
  <si>
    <t>cg24334335</t>
  </si>
  <si>
    <t>cg24335149</t>
  </si>
  <si>
    <t>cg24335751</t>
  </si>
  <si>
    <t>cg24336590</t>
  </si>
  <si>
    <t>cg24336730</t>
  </si>
  <si>
    <t>cg24337193</t>
  </si>
  <si>
    <t>cg24337809</t>
  </si>
  <si>
    <t>cg24338780</t>
  </si>
  <si>
    <t>cg24340655</t>
  </si>
  <si>
    <t>cg24340686</t>
  </si>
  <si>
    <t>cg24340786</t>
  </si>
  <si>
    <t>cg24341556</t>
  </si>
  <si>
    <t>cg24341722</t>
  </si>
  <si>
    <t>cg24341759</t>
  </si>
  <si>
    <t>cg24342146</t>
  </si>
  <si>
    <t>cg24342696</t>
  </si>
  <si>
    <t>cg24346637</t>
  </si>
  <si>
    <t>cg24346686</t>
  </si>
  <si>
    <t>cg24347950</t>
  </si>
  <si>
    <t>cg24349832</t>
  </si>
  <si>
    <t>cg24351410</t>
  </si>
  <si>
    <t>cg24351427</t>
  </si>
  <si>
    <t>cg24351658</t>
  </si>
  <si>
    <t>cg24354652</t>
  </si>
  <si>
    <t>cg24356799</t>
  </si>
  <si>
    <t>cg24358047</t>
  </si>
  <si>
    <t>cg24358066</t>
  </si>
  <si>
    <t>cg24359048</t>
  </si>
  <si>
    <t>cg24359109</t>
  </si>
  <si>
    <t>cg24361048</t>
  </si>
  <si>
    <t>cg24361198</t>
  </si>
  <si>
    <t>cg24361896</t>
  </si>
  <si>
    <t>cg24362661</t>
  </si>
  <si>
    <t>cg24362829</t>
  </si>
  <si>
    <t>cg24363848</t>
  </si>
  <si>
    <t>cg24364827</t>
  </si>
  <si>
    <t>cg24365042</t>
  </si>
  <si>
    <t>cg24367548</t>
  </si>
  <si>
    <t>cg24370375</t>
  </si>
  <si>
    <t>cg24371574</t>
  </si>
  <si>
    <t>cg24373187</t>
  </si>
  <si>
    <t>cg24373253</t>
  </si>
  <si>
    <t>cg24374857</t>
  </si>
  <si>
    <t>cg24375626</t>
  </si>
  <si>
    <t>cg24375627</t>
  </si>
  <si>
    <t>cg24376434</t>
  </si>
  <si>
    <t>cg24376793</t>
  </si>
  <si>
    <t>cg24377150</t>
  </si>
  <si>
    <t>cg24378791</t>
  </si>
  <si>
    <t>cg24381587</t>
  </si>
  <si>
    <t>cg24394336</t>
  </si>
  <si>
    <t>cg24395907</t>
  </si>
  <si>
    <t>cg24396741</t>
  </si>
  <si>
    <t>cg24398933</t>
  </si>
  <si>
    <t>cg24399028</t>
  </si>
  <si>
    <t>cg24399432</t>
  </si>
  <si>
    <t>cg24400347</t>
  </si>
  <si>
    <t>cg24400608</t>
  </si>
  <si>
    <t>cg24401302</t>
  </si>
  <si>
    <t>cg24401645</t>
  </si>
  <si>
    <t>cg24402070</t>
  </si>
  <si>
    <t>cg24402128</t>
  </si>
  <si>
    <t>cg24403497</t>
  </si>
  <si>
    <t>cg24405650</t>
  </si>
  <si>
    <t>cg24406391</t>
  </si>
  <si>
    <t>cg24406619</t>
  </si>
  <si>
    <t>cg24406691</t>
  </si>
  <si>
    <t>cg24406771</t>
  </si>
  <si>
    <t>cg24407065</t>
  </si>
  <si>
    <t>cg24410255</t>
  </si>
  <si>
    <t>cg24411043</t>
  </si>
  <si>
    <t>cg24412659</t>
  </si>
  <si>
    <t>cg24412744</t>
  </si>
  <si>
    <t>cg24414038</t>
  </si>
  <si>
    <t>cg24417499</t>
  </si>
  <si>
    <t>cg24420778</t>
  </si>
  <si>
    <t>cg24428184</t>
  </si>
  <si>
    <t>cg24428232</t>
  </si>
  <si>
    <t>cg24428389</t>
  </si>
  <si>
    <t>cg24428600</t>
  </si>
  <si>
    <t>cg24430419</t>
  </si>
  <si>
    <t>cg24430578</t>
  </si>
  <si>
    <t>cg24432048</t>
  </si>
  <si>
    <t>cg24433722</t>
  </si>
  <si>
    <t>cg24435244</t>
  </si>
  <si>
    <t>cg24435884</t>
  </si>
  <si>
    <t>cg24437104</t>
  </si>
  <si>
    <t>cg24437523</t>
  </si>
  <si>
    <t>cg24437797</t>
  </si>
  <si>
    <t>cg24437834</t>
  </si>
  <si>
    <t>cg24438909</t>
  </si>
  <si>
    <t>cg24439713</t>
  </si>
  <si>
    <t>cg24440131</t>
  </si>
  <si>
    <t>cg24440526</t>
  </si>
  <si>
    <t>cg24441220</t>
  </si>
  <si>
    <t>cg24443795</t>
  </si>
  <si>
    <t>cg24445388</t>
  </si>
  <si>
    <t>cg24445626</t>
  </si>
  <si>
    <t>cg24446610</t>
  </si>
  <si>
    <t>cg24447775</t>
  </si>
  <si>
    <t>cg24448013</t>
  </si>
  <si>
    <t>cg24449914</t>
  </si>
  <si>
    <t>cg24450063</t>
  </si>
  <si>
    <t>cg24450653</t>
  </si>
  <si>
    <t>cg24451990</t>
  </si>
  <si>
    <t>cg24453349</t>
  </si>
  <si>
    <t>cg24453429</t>
  </si>
  <si>
    <t>cg24453438</t>
  </si>
  <si>
    <t>cg24454695</t>
  </si>
  <si>
    <t>cg24457118</t>
  </si>
  <si>
    <t>cg24458428</t>
  </si>
  <si>
    <t>cg24458466</t>
  </si>
  <si>
    <t>cg24459792</t>
  </si>
  <si>
    <t>cg24460817</t>
  </si>
  <si>
    <t>cg24461062</t>
  </si>
  <si>
    <t>cg24461171</t>
  </si>
  <si>
    <t>cg24461369</t>
  </si>
  <si>
    <t>cg24463605</t>
  </si>
  <si>
    <t>cg24465943</t>
  </si>
  <si>
    <t>cg24466421</t>
  </si>
  <si>
    <t>cg24468934</t>
  </si>
  <si>
    <t>cg24469114</t>
  </si>
  <si>
    <t>cg24470693</t>
  </si>
  <si>
    <t>cg24470887</t>
  </si>
  <si>
    <t>cg24472477</t>
  </si>
  <si>
    <t>cg24472496</t>
  </si>
  <si>
    <t>cg24472585</t>
  </si>
  <si>
    <t>cg24473450</t>
  </si>
  <si>
    <t>cg24474319</t>
  </si>
  <si>
    <t>cg24479524</t>
  </si>
  <si>
    <t>cg24480379</t>
  </si>
  <si>
    <t>cg24481594</t>
  </si>
  <si>
    <t>cg24482286</t>
  </si>
  <si>
    <t>cg24482350</t>
  </si>
  <si>
    <t>cg24482850</t>
  </si>
  <si>
    <t>cg24483304</t>
  </si>
  <si>
    <t>cg24483554</t>
  </si>
  <si>
    <t>cg24484971</t>
  </si>
  <si>
    <t>cg24485038</t>
  </si>
  <si>
    <t>cg24485354</t>
  </si>
  <si>
    <t>cg24485466</t>
  </si>
  <si>
    <t>cg24486540</t>
  </si>
  <si>
    <t>cg24486958</t>
  </si>
  <si>
    <t>cg24488229</t>
  </si>
  <si>
    <t>cg24488391</t>
  </si>
  <si>
    <t>cg24489237</t>
  </si>
  <si>
    <t>cg24490202</t>
  </si>
  <si>
    <t>cg24490279</t>
  </si>
  <si>
    <t>cg24490338</t>
  </si>
  <si>
    <t>cg24490600</t>
  </si>
  <si>
    <t>cg24492886</t>
  </si>
  <si>
    <t>cg24493115</t>
  </si>
  <si>
    <t>cg24493137</t>
  </si>
  <si>
    <t>cg24494577</t>
  </si>
  <si>
    <t>cg24494643</t>
  </si>
  <si>
    <t>cg24495298</t>
  </si>
  <si>
    <t>cg24495344</t>
  </si>
  <si>
    <t>cg24496088</t>
  </si>
  <si>
    <t>cg24496745</t>
  </si>
  <si>
    <t>cg24497686</t>
  </si>
  <si>
    <t>cg24498180</t>
  </si>
  <si>
    <t>cg24498305</t>
  </si>
  <si>
    <t>cg24499605</t>
  </si>
  <si>
    <t>cg24499839</t>
  </si>
  <si>
    <t>cg24500799</t>
  </si>
  <si>
    <t>cg24501230</t>
  </si>
  <si>
    <t>cg24502084</t>
  </si>
  <si>
    <t>cg24502330</t>
  </si>
  <si>
    <t>cg24502766</t>
  </si>
  <si>
    <t>cg24503109</t>
  </si>
  <si>
    <t>cg24503407</t>
  </si>
  <si>
    <t>cg24504423</t>
  </si>
  <si>
    <t>cg24504936</t>
  </si>
  <si>
    <t>cg24506394</t>
  </si>
  <si>
    <t>cg24507423</t>
  </si>
  <si>
    <t>cg24508475</t>
  </si>
  <si>
    <t>cg24509168</t>
  </si>
  <si>
    <t>cg24511404</t>
  </si>
  <si>
    <t>cg24512897</t>
  </si>
  <si>
    <t>cg24512973</t>
  </si>
  <si>
    <t>cg24513381</t>
  </si>
  <si>
    <t>cg24513684</t>
  </si>
  <si>
    <t>cg24514073</t>
  </si>
  <si>
    <t>cg24514391</t>
  </si>
  <si>
    <t>cg24514412</t>
  </si>
  <si>
    <t>cg24515341</t>
  </si>
  <si>
    <t>cg24517325</t>
  </si>
  <si>
    <t>cg24517501</t>
  </si>
  <si>
    <t>cg24517686</t>
  </si>
  <si>
    <t>cg24517738</t>
  </si>
  <si>
    <t>cg24517858</t>
  </si>
  <si>
    <t>cg24517925</t>
  </si>
  <si>
    <t>cg24518441</t>
  </si>
  <si>
    <t>cg24519393</t>
  </si>
  <si>
    <t>cg24519413</t>
  </si>
  <si>
    <t>cg24523950</t>
  </si>
  <si>
    <t>cg24525176</t>
  </si>
  <si>
    <t>cg24525340</t>
  </si>
  <si>
    <t>cg24525573</t>
  </si>
  <si>
    <t>cg24527636</t>
  </si>
  <si>
    <t>cg24527881</t>
  </si>
  <si>
    <t>cg24528307</t>
  </si>
  <si>
    <t>cg24528350</t>
  </si>
  <si>
    <t>cg24530610</t>
  </si>
  <si>
    <t>cg24531915</t>
  </si>
  <si>
    <t>cg24532011</t>
  </si>
  <si>
    <t>cg24532743</t>
  </si>
  <si>
    <t>cg24533466</t>
  </si>
  <si>
    <t>cg24533904</t>
  </si>
  <si>
    <t>cg24533917</t>
  </si>
  <si>
    <t>cg24534743</t>
  </si>
  <si>
    <t>cg24535439</t>
  </si>
  <si>
    <t>cg24535573</t>
  </si>
  <si>
    <t>cg24536146</t>
  </si>
  <si>
    <t>cg24536965</t>
  </si>
  <si>
    <t>cg24537121</t>
  </si>
  <si>
    <t>cg24539339</t>
  </si>
  <si>
    <t>cg24540066</t>
  </si>
  <si>
    <t>cg24540109</t>
  </si>
  <si>
    <t>cg24540569</t>
  </si>
  <si>
    <t>cg24542667</t>
  </si>
  <si>
    <t>cg24542714</t>
  </si>
  <si>
    <t>cg24543286</t>
  </si>
  <si>
    <t>cg24544656</t>
  </si>
  <si>
    <t>cg24545421</t>
  </si>
  <si>
    <t>cg24545964</t>
  </si>
  <si>
    <t>cg24546928</t>
  </si>
  <si>
    <t>cg24547046</t>
  </si>
  <si>
    <t>cg24547253</t>
  </si>
  <si>
    <t>cg24547873</t>
  </si>
  <si>
    <t>cg24547948</t>
  </si>
  <si>
    <t>cg24550456</t>
  </si>
  <si>
    <t>cg24550560</t>
  </si>
  <si>
    <t>cg24551418</t>
  </si>
  <si>
    <t>cg24553170</t>
  </si>
  <si>
    <t>cg24553728</t>
  </si>
  <si>
    <t>cg24553773</t>
  </si>
  <si>
    <t>cg24554789</t>
  </si>
  <si>
    <t>cg24555071</t>
  </si>
  <si>
    <t>cg24556754</t>
  </si>
  <si>
    <t>cg24557048</t>
  </si>
  <si>
    <t>cg24557058</t>
  </si>
  <si>
    <t>cg24558425</t>
  </si>
  <si>
    <t>cg24563804</t>
  </si>
  <si>
    <t>cg24577137</t>
  </si>
  <si>
    <t>cg24577455</t>
  </si>
  <si>
    <t>cg24577594</t>
  </si>
  <si>
    <t>cg24578937</t>
  </si>
  <si>
    <t>cg24579589</t>
  </si>
  <si>
    <t>cg24579595</t>
  </si>
  <si>
    <t>cg24579970</t>
  </si>
  <si>
    <t>cg24580199</t>
  </si>
  <si>
    <t>cg24580655</t>
  </si>
  <si>
    <t>cg24580782</t>
  </si>
  <si>
    <t>cg24581572</t>
  </si>
  <si>
    <t>cg24582475</t>
  </si>
  <si>
    <t>cg24583987</t>
  </si>
  <si>
    <t>cg24584367</t>
  </si>
  <si>
    <t>cg24584721</t>
  </si>
  <si>
    <t>cg24585377</t>
  </si>
  <si>
    <t>cg24586254</t>
  </si>
  <si>
    <t>cg24591118</t>
  </si>
  <si>
    <t>cg24591398</t>
  </si>
  <si>
    <t>cg24591573</t>
  </si>
  <si>
    <t>cg24592207</t>
  </si>
  <si>
    <t>cg24592782</t>
  </si>
  <si>
    <t>cg24593138</t>
  </si>
  <si>
    <t>cg24593363</t>
  </si>
  <si>
    <t>cg24593372</t>
  </si>
  <si>
    <t>cg24594293</t>
  </si>
  <si>
    <t>cg24594454</t>
  </si>
  <si>
    <t>cg24594604</t>
  </si>
  <si>
    <t>cg24594979</t>
  </si>
  <si>
    <t>cg24596898</t>
  </si>
  <si>
    <t>cg24597131</t>
  </si>
  <si>
    <t>cg24598126</t>
  </si>
  <si>
    <t>cg24598973</t>
  </si>
  <si>
    <t>cg24599189</t>
  </si>
  <si>
    <t>cg24599624</t>
  </si>
  <si>
    <t>cg24600428</t>
  </si>
  <si>
    <t>cg24601967</t>
  </si>
  <si>
    <t>cg24602245</t>
  </si>
  <si>
    <t>cg24604214</t>
  </si>
  <si>
    <t>cg24604604</t>
  </si>
  <si>
    <t>cg24604749</t>
  </si>
  <si>
    <t>cg24605197</t>
  </si>
  <si>
    <t>cg24606533</t>
  </si>
  <si>
    <t>cg24607814</t>
  </si>
  <si>
    <t>cg24608205</t>
  </si>
  <si>
    <t>cg24610044</t>
  </si>
  <si>
    <t>cg24610866</t>
  </si>
  <si>
    <t>cg24611232</t>
  </si>
  <si>
    <t>cg24613957</t>
  </si>
  <si>
    <t>cg24620905</t>
  </si>
  <si>
    <t>cg24629670</t>
  </si>
  <si>
    <t>cg24632139</t>
  </si>
  <si>
    <t>cg24632843</t>
  </si>
  <si>
    <t>cg24633390</t>
  </si>
  <si>
    <t>cg24634746</t>
  </si>
  <si>
    <t>cg24635178</t>
  </si>
  <si>
    <t>cg24635527</t>
  </si>
  <si>
    <t>cg24639469</t>
  </si>
  <si>
    <t>cg24640065</t>
  </si>
  <si>
    <t>cg24640144</t>
  </si>
  <si>
    <t>cg24641254</t>
  </si>
  <si>
    <t>cg24642064</t>
  </si>
  <si>
    <t>cg24642169</t>
  </si>
  <si>
    <t>cg24643282</t>
  </si>
  <si>
    <t>cg24643429</t>
  </si>
  <si>
    <t>cg24645149</t>
  </si>
  <si>
    <t>cg24645247</t>
  </si>
  <si>
    <t>cg24645896</t>
  </si>
  <si>
    <t>cg24657520</t>
  </si>
  <si>
    <t>cg24657535</t>
  </si>
  <si>
    <t>cg24659295</t>
  </si>
  <si>
    <t>cg24659437</t>
  </si>
  <si>
    <t>cg24660670</t>
  </si>
  <si>
    <t>cg24660828</t>
  </si>
  <si>
    <t>cg24661860</t>
  </si>
  <si>
    <t>cg24662718</t>
  </si>
  <si>
    <t>cg24663521</t>
  </si>
  <si>
    <t>cg24664590</t>
  </si>
  <si>
    <t>cg24664855</t>
  </si>
  <si>
    <t>cg24669449</t>
  </si>
  <si>
    <t>cg24669932</t>
  </si>
  <si>
    <t>cg24671951</t>
  </si>
  <si>
    <t>cg24672624</t>
  </si>
  <si>
    <t>cg24673322</t>
  </si>
  <si>
    <t>cg24673385</t>
  </si>
  <si>
    <t>cg24673955</t>
  </si>
  <si>
    <t>cg24674024</t>
  </si>
  <si>
    <t>cg24674445</t>
  </si>
  <si>
    <t>cg24675056</t>
  </si>
  <si>
    <t>cg24675730</t>
  </si>
  <si>
    <t>cg24676612</t>
  </si>
  <si>
    <t>cg24678117</t>
  </si>
  <si>
    <t>cg24678611</t>
  </si>
  <si>
    <t>cg24678869</t>
  </si>
  <si>
    <t>cg24680141</t>
  </si>
  <si>
    <t>cg24680570</t>
  </si>
  <si>
    <t>cg24681307</t>
  </si>
  <si>
    <t>cg24681499</t>
  </si>
  <si>
    <t>cg24681612</t>
  </si>
  <si>
    <t>cg24682449</t>
  </si>
  <si>
    <t>cg24683922</t>
  </si>
  <si>
    <t>cg24685778</t>
  </si>
  <si>
    <t>cg24685837</t>
  </si>
  <si>
    <t>cg24686358</t>
  </si>
  <si>
    <t>cg24687747</t>
  </si>
  <si>
    <t>cg24688413</t>
  </si>
  <si>
    <t>cg24688946</t>
  </si>
  <si>
    <t>cg24690588</t>
  </si>
  <si>
    <t>cg24691453</t>
  </si>
  <si>
    <t>cg24691879</t>
  </si>
  <si>
    <t>cg24691891</t>
  </si>
  <si>
    <t>cg24692386</t>
  </si>
  <si>
    <t>cg24693072</t>
  </si>
  <si>
    <t>cg24693189</t>
  </si>
  <si>
    <t>cg24693478</t>
  </si>
  <si>
    <t>cg24693635</t>
  </si>
  <si>
    <t>cg24693704</t>
  </si>
  <si>
    <t>cg24694018</t>
  </si>
  <si>
    <t>cg24694743</t>
  </si>
  <si>
    <t>cg24694939</t>
  </si>
  <si>
    <t>cg24697184</t>
  </si>
  <si>
    <t>cg24698174</t>
  </si>
  <si>
    <t>cg24698537</t>
  </si>
  <si>
    <t>cg24698727</t>
  </si>
  <si>
    <t>cg24699685</t>
  </si>
  <si>
    <t>cg24702040</t>
  </si>
  <si>
    <t>cg24703339</t>
  </si>
  <si>
    <t>cg24706992</t>
  </si>
  <si>
    <t>cg24707200</t>
  </si>
  <si>
    <t>cg24709531</t>
  </si>
  <si>
    <t>cg24709745</t>
  </si>
  <si>
    <t>cg24710886</t>
  </si>
  <si>
    <t>cg24712249</t>
  </si>
  <si>
    <t>cg24712482</t>
  </si>
  <si>
    <t>cg24713653</t>
  </si>
  <si>
    <t>cg24714742</t>
  </si>
  <si>
    <t>cg24715988</t>
  </si>
  <si>
    <t>cg24716343</t>
  </si>
  <si>
    <t>cg24716494</t>
  </si>
  <si>
    <t>cg24718838</t>
  </si>
  <si>
    <t>cg24719086</t>
  </si>
  <si>
    <t>cg24719489</t>
  </si>
  <si>
    <t>cg24720355</t>
  </si>
  <si>
    <t>cg24722348</t>
  </si>
  <si>
    <t>cg24723044</t>
  </si>
  <si>
    <t>cg24723465</t>
  </si>
  <si>
    <t>cg24724503</t>
  </si>
  <si>
    <t>cg24724587</t>
  </si>
  <si>
    <t>cg24724832</t>
  </si>
  <si>
    <t>cg24725360</t>
  </si>
  <si>
    <t>cg24725778</t>
  </si>
  <si>
    <t>cg24726641</t>
  </si>
  <si>
    <t>cg24729378</t>
  </si>
  <si>
    <t>cg24730688</t>
  </si>
  <si>
    <t>cg24731111</t>
  </si>
  <si>
    <t>cg24731625</t>
  </si>
  <si>
    <t>cg24734365</t>
  </si>
  <si>
    <t>cg24735225</t>
  </si>
  <si>
    <t>cg24735235</t>
  </si>
  <si>
    <t>cg24737783</t>
  </si>
  <si>
    <t>cg24738217</t>
  </si>
  <si>
    <t>cg24738325</t>
  </si>
  <si>
    <t>cg24738346</t>
  </si>
  <si>
    <t>cg24738475</t>
  </si>
  <si>
    <t>cg24738650</t>
  </si>
  <si>
    <t>cg24738993</t>
  </si>
  <si>
    <t>cg24739596</t>
  </si>
  <si>
    <t>cg24741598</t>
  </si>
  <si>
    <t>cg24741666</t>
  </si>
  <si>
    <t>cg24742092</t>
  </si>
  <si>
    <t>cg24743229</t>
  </si>
  <si>
    <t>cg24762437</t>
  </si>
  <si>
    <t>cg24769045</t>
  </si>
  <si>
    <t>cg24776480</t>
  </si>
  <si>
    <t>cg24778130</t>
  </si>
  <si>
    <t>cg24788636</t>
  </si>
  <si>
    <t>cg24792360</t>
  </si>
  <si>
    <t>cg24794734</t>
  </si>
  <si>
    <t>cg24798047</t>
  </si>
  <si>
    <t>cg24800810</t>
  </si>
  <si>
    <t>cg24806066</t>
  </si>
  <si>
    <t>cg24807889</t>
  </si>
  <si>
    <t>cg24808162</t>
  </si>
  <si>
    <t>cg24808674</t>
  </si>
  <si>
    <t>cg24809150</t>
  </si>
  <si>
    <t>cg24809845</t>
  </si>
  <si>
    <t>cg24809958</t>
  </si>
  <si>
    <t>cg24810242</t>
  </si>
  <si>
    <t>cg24818434</t>
  </si>
  <si>
    <t>cg24833981</t>
  </si>
  <si>
    <t>cg24834921</t>
  </si>
  <si>
    <t>cg24835051</t>
  </si>
  <si>
    <t>cg24836396</t>
  </si>
  <si>
    <t>cg24836748</t>
  </si>
  <si>
    <t>cg24837149</t>
  </si>
  <si>
    <t>cg24839789</t>
  </si>
  <si>
    <t>cg24839868</t>
  </si>
  <si>
    <t>cg24841145</t>
  </si>
  <si>
    <t>cg24842086</t>
  </si>
  <si>
    <t>cg24842354</t>
  </si>
  <si>
    <t>cg24842859</t>
  </si>
  <si>
    <t>cg24843511</t>
  </si>
  <si>
    <t>cg24844313</t>
  </si>
  <si>
    <t>cg24844545</t>
  </si>
  <si>
    <t>cg24845207</t>
  </si>
  <si>
    <t>cg24845675</t>
  </si>
  <si>
    <t>cg24845823</t>
  </si>
  <si>
    <t>cg24846807</t>
  </si>
  <si>
    <t>cg24848602</t>
  </si>
  <si>
    <t>cg24849108</t>
  </si>
  <si>
    <t>cg24849736</t>
  </si>
  <si>
    <t>cg24851249</t>
  </si>
  <si>
    <t>cg24851862</t>
  </si>
  <si>
    <t>cg24856140</t>
  </si>
  <si>
    <t>cg24857958</t>
  </si>
  <si>
    <t>cg24859158</t>
  </si>
  <si>
    <t>cg24860534</t>
  </si>
  <si>
    <t>cg24861580</t>
  </si>
  <si>
    <t>cg24863624</t>
  </si>
  <si>
    <t>cg24864189</t>
  </si>
  <si>
    <t>cg24864241</t>
  </si>
  <si>
    <t>cg24865132</t>
  </si>
  <si>
    <t>cg24866936</t>
  </si>
  <si>
    <t>cg24867458</t>
  </si>
  <si>
    <t>cg24867618</t>
  </si>
  <si>
    <t>cg24867946</t>
  </si>
  <si>
    <t>cg24870476</t>
  </si>
  <si>
    <t>cg24872163</t>
  </si>
  <si>
    <t>cg24872444</t>
  </si>
  <si>
    <t>cg24872446</t>
  </si>
  <si>
    <t>cg24873093</t>
  </si>
  <si>
    <t>cg24874425</t>
  </si>
  <si>
    <t>cg24875000</t>
  </si>
  <si>
    <t>cg24875288</t>
  </si>
  <si>
    <t>cg24876897</t>
  </si>
  <si>
    <t>cg24878454</t>
  </si>
  <si>
    <t>cg24879614</t>
  </si>
  <si>
    <t>cg24879939</t>
  </si>
  <si>
    <t>cg24881113</t>
  </si>
  <si>
    <t>cg24881215</t>
  </si>
  <si>
    <t>cg24883333</t>
  </si>
  <si>
    <t>cg24884343</t>
  </si>
  <si>
    <t>cg24886219</t>
  </si>
  <si>
    <t>cg24886710</t>
  </si>
  <si>
    <t>cg24889998</t>
  </si>
  <si>
    <t>cg24896805</t>
  </si>
  <si>
    <t>cg24897320</t>
  </si>
  <si>
    <t>cg24898863</t>
  </si>
  <si>
    <t>cg24901609</t>
  </si>
  <si>
    <t>cg24902038</t>
  </si>
  <si>
    <t>cg24902504</t>
  </si>
  <si>
    <t>cg24915511</t>
  </si>
  <si>
    <t>cg24925701</t>
  </si>
  <si>
    <t>cg24926775</t>
  </si>
  <si>
    <t>cg24927174</t>
  </si>
  <si>
    <t>cg24927323</t>
  </si>
  <si>
    <t>cg24928687</t>
  </si>
  <si>
    <t>cg24929556</t>
  </si>
  <si>
    <t>cg24929966</t>
  </si>
  <si>
    <t>cg24930749</t>
  </si>
  <si>
    <t>cg24931346</t>
  </si>
  <si>
    <t>cg24931632</t>
  </si>
  <si>
    <t>cg24931856</t>
  </si>
  <si>
    <t>cg24932817</t>
  </si>
  <si>
    <t>cg24933241</t>
  </si>
  <si>
    <t>cg24933755</t>
  </si>
  <si>
    <t>cg24935896</t>
  </si>
  <si>
    <t>cg24936468</t>
  </si>
  <si>
    <t>cg24937735</t>
  </si>
  <si>
    <t>cg24937768</t>
  </si>
  <si>
    <t>cg24937877</t>
  </si>
  <si>
    <t>cg24938296</t>
  </si>
  <si>
    <t>cg24938534</t>
  </si>
  <si>
    <t>cg24939819</t>
  </si>
  <si>
    <t>cg24940583</t>
  </si>
  <si>
    <t>cg24941292</t>
  </si>
  <si>
    <t>cg24946133</t>
  </si>
  <si>
    <t>cg24947394</t>
  </si>
  <si>
    <t>cg24953596</t>
  </si>
  <si>
    <t>cg24953633</t>
  </si>
  <si>
    <t>cg24968931</t>
  </si>
  <si>
    <t>cg24974611</t>
  </si>
  <si>
    <t>cg24996263</t>
  </si>
  <si>
    <t>cg24996883</t>
  </si>
  <si>
    <t>cg24997886</t>
  </si>
  <si>
    <t>cg24999255</t>
  </si>
  <si>
    <t>cg24999518</t>
  </si>
  <si>
    <t>cg25001161</t>
  </si>
  <si>
    <t>cg25002294</t>
  </si>
  <si>
    <t>cg25003147</t>
  </si>
  <si>
    <t>cg25003343</t>
  </si>
  <si>
    <t>cg25003534</t>
  </si>
  <si>
    <t>cg25004833</t>
  </si>
  <si>
    <t>cg25007705</t>
  </si>
  <si>
    <t>cg25008504</t>
  </si>
  <si>
    <t>cg25008704</t>
  </si>
  <si>
    <t>cg25008795</t>
  </si>
  <si>
    <t>cg25009002</t>
  </si>
  <si>
    <t>cg25009141</t>
  </si>
  <si>
    <t>cg25010870</t>
  </si>
  <si>
    <t>cg25013184</t>
  </si>
  <si>
    <t>cg25013303</t>
  </si>
  <si>
    <t>cg25013852</t>
  </si>
  <si>
    <t>cg25014224</t>
  </si>
  <si>
    <t>cg25016190</t>
  </si>
  <si>
    <t>cg25016308</t>
  </si>
  <si>
    <t>cg25018049</t>
  </si>
  <si>
    <t>cg25018209</t>
  </si>
  <si>
    <t>cg25018655</t>
  </si>
  <si>
    <t>cg25019343</t>
  </si>
  <si>
    <t>cg25019567</t>
  </si>
  <si>
    <t>cg25020850</t>
  </si>
  <si>
    <t>cg25021135</t>
  </si>
  <si>
    <t>cg25021182</t>
  </si>
  <si>
    <t>cg25021590</t>
  </si>
  <si>
    <t>cg25021695</t>
  </si>
  <si>
    <t>cg25023752</t>
  </si>
  <si>
    <t>cg25025247</t>
  </si>
  <si>
    <t>cg25025297</t>
  </si>
  <si>
    <t>cg25027501</t>
  </si>
  <si>
    <t>cg25028293</t>
  </si>
  <si>
    <t>cg25028404</t>
  </si>
  <si>
    <t>cg25029035</t>
  </si>
  <si>
    <t>cg25029657</t>
  </si>
  <si>
    <t>cg25030049</t>
  </si>
  <si>
    <t>cg25030515</t>
  </si>
  <si>
    <t>cg25030644</t>
  </si>
  <si>
    <t>cg25031061</t>
  </si>
  <si>
    <t>cg25031205</t>
  </si>
  <si>
    <t>cg25033138</t>
  </si>
  <si>
    <t>cg25033360</t>
  </si>
  <si>
    <t>cg25035489</t>
  </si>
  <si>
    <t>cg25037000</t>
  </si>
  <si>
    <t>cg25037677</t>
  </si>
  <si>
    <t>cg25047378</t>
  </si>
  <si>
    <t>cg25060388</t>
  </si>
  <si>
    <t>cg25060890</t>
  </si>
  <si>
    <t>cg25061772</t>
  </si>
  <si>
    <t>cg25062184</t>
  </si>
  <si>
    <t>cg25065518</t>
  </si>
  <si>
    <t>cg25076881</t>
  </si>
  <si>
    <t>cg25096142</t>
  </si>
  <si>
    <t>cg25096264</t>
  </si>
  <si>
    <t>cg25096740</t>
  </si>
  <si>
    <t>cg25098401</t>
  </si>
  <si>
    <t>cg25098478</t>
  </si>
  <si>
    <t>cg25098793</t>
  </si>
  <si>
    <t>cg25099516</t>
  </si>
  <si>
    <t>cg25101291</t>
  </si>
  <si>
    <t>cg25102375</t>
  </si>
  <si>
    <t>cg25102735</t>
  </si>
  <si>
    <t>cg25104107</t>
  </si>
  <si>
    <t>cg25104671</t>
  </si>
  <si>
    <t>cg25104727</t>
  </si>
  <si>
    <t>cg25107417</t>
  </si>
  <si>
    <t>cg25107788</t>
  </si>
  <si>
    <t>cg25107972</t>
  </si>
  <si>
    <t>cg25109026</t>
  </si>
  <si>
    <t>cg25112191</t>
  </si>
  <si>
    <t>cg25112284</t>
  </si>
  <si>
    <t>cg25119415</t>
  </si>
  <si>
    <t>cg25129480</t>
  </si>
  <si>
    <t>cg25131452</t>
  </si>
  <si>
    <t>cg25131551</t>
  </si>
  <si>
    <t>cg25132696</t>
  </si>
  <si>
    <t>cg25133951</t>
  </si>
  <si>
    <t>cg25135436</t>
  </si>
  <si>
    <t>cg25136124</t>
  </si>
  <si>
    <t>cg25136931</t>
  </si>
  <si>
    <t>cg25138412</t>
  </si>
  <si>
    <t>cg25138553</t>
  </si>
  <si>
    <t>cg25139084</t>
  </si>
  <si>
    <t>cg25139187</t>
  </si>
  <si>
    <t>cg25139493</t>
  </si>
  <si>
    <t>cg25139649</t>
  </si>
  <si>
    <t>cg25140419</t>
  </si>
  <si>
    <t>cg25141417</t>
  </si>
  <si>
    <t>cg25141818</t>
  </si>
  <si>
    <t>cg25141890</t>
  </si>
  <si>
    <t>cg25141943</t>
  </si>
  <si>
    <t>cg25142586</t>
  </si>
  <si>
    <t>cg25143508</t>
  </si>
  <si>
    <t>cg25144135</t>
  </si>
  <si>
    <t>cg25146042</t>
  </si>
  <si>
    <t>cg25148025</t>
  </si>
  <si>
    <t>cg25149551</t>
  </si>
  <si>
    <t>cg25149743</t>
  </si>
  <si>
    <t>cg25150520</t>
  </si>
  <si>
    <t>cg25153629</t>
  </si>
  <si>
    <t>cg25153824</t>
  </si>
  <si>
    <t>cg25154306</t>
  </si>
  <si>
    <t>cg25154916</t>
  </si>
  <si>
    <t>cg25155009</t>
  </si>
  <si>
    <t>cg25155068</t>
  </si>
  <si>
    <t>cg25162270</t>
  </si>
  <si>
    <t>cg25165880</t>
  </si>
  <si>
    <t>cg25178645</t>
  </si>
  <si>
    <t>cg25182523</t>
  </si>
  <si>
    <t>cg25187161</t>
  </si>
  <si>
    <t>cg25189483</t>
  </si>
  <si>
    <t>cg25189904</t>
  </si>
  <si>
    <t>cg25190094</t>
  </si>
  <si>
    <t>cg25190722</t>
  </si>
  <si>
    <t>cg25193077</t>
  </si>
  <si>
    <t>cg25193276</t>
  </si>
  <si>
    <t>cg25194322</t>
  </si>
  <si>
    <t>cg25194807</t>
  </si>
  <si>
    <t>cg25195309</t>
  </si>
  <si>
    <t>cg25195960</t>
  </si>
  <si>
    <t>cg25196440</t>
  </si>
  <si>
    <t>cg25196611</t>
  </si>
  <si>
    <t>cg25198007</t>
  </si>
  <si>
    <t>cg25198113</t>
  </si>
  <si>
    <t>cg25198584</t>
  </si>
  <si>
    <t>cg25198716</t>
  </si>
  <si>
    <t>cg25199254</t>
  </si>
  <si>
    <t>cg25199283</t>
  </si>
  <si>
    <t>cg25199322</t>
  </si>
  <si>
    <t>cg25200096</t>
  </si>
  <si>
    <t>cg25200182</t>
  </si>
  <si>
    <t>cg25201541</t>
  </si>
  <si>
    <t>cg25202269</t>
  </si>
  <si>
    <t>cg25202370</t>
  </si>
  <si>
    <t>cg25202407</t>
  </si>
  <si>
    <t>cg25203007</t>
  </si>
  <si>
    <t>cg25203539</t>
  </si>
  <si>
    <t>cg25203916</t>
  </si>
  <si>
    <t>cg25204077</t>
  </si>
  <si>
    <t>cg25207721</t>
  </si>
  <si>
    <t>cg25208892</t>
  </si>
  <si>
    <t>cg25209633</t>
  </si>
  <si>
    <t>cg25210378</t>
  </si>
  <si>
    <t>cg25212090</t>
  </si>
  <si>
    <t>cg25212571</t>
  </si>
  <si>
    <t>cg25212701</t>
  </si>
  <si>
    <t>cg25213452</t>
  </si>
  <si>
    <t>cg25214346</t>
  </si>
  <si>
    <t>cg25214914</t>
  </si>
  <si>
    <t>cg25214966</t>
  </si>
  <si>
    <t>cg25215437</t>
  </si>
  <si>
    <t>cg25215890</t>
  </si>
  <si>
    <t>cg25216300</t>
  </si>
  <si>
    <t>cg25216580</t>
  </si>
  <si>
    <t>cg25217317</t>
  </si>
  <si>
    <t>cg25217583</t>
  </si>
  <si>
    <t>cg25217710</t>
  </si>
  <si>
    <t>cg25219134</t>
  </si>
  <si>
    <t>cg25219246</t>
  </si>
  <si>
    <t>cg25220769</t>
  </si>
  <si>
    <t>cg25220781</t>
  </si>
  <si>
    <t>cg25220896</t>
  </si>
  <si>
    <t>cg25221919</t>
  </si>
  <si>
    <t>cg25222493</t>
  </si>
  <si>
    <t>cg25223191</t>
  </si>
  <si>
    <t>cg25229964</t>
  </si>
  <si>
    <t>cg25232660</t>
  </si>
  <si>
    <t>cg25234611</t>
  </si>
  <si>
    <t>cg25245418</t>
  </si>
  <si>
    <t>cg25259754</t>
  </si>
  <si>
    <t>cg25262656</t>
  </si>
  <si>
    <t>cg25263898</t>
  </si>
  <si>
    <t>cg25272065</t>
  </si>
  <si>
    <t>cg25272125</t>
  </si>
  <si>
    <t>cg25272757</t>
  </si>
  <si>
    <t>cg25274008</t>
  </si>
  <si>
    <t>cg25276126</t>
  </si>
  <si>
    <t>cg25277573</t>
  </si>
  <si>
    <t>cg25278786</t>
  </si>
  <si>
    <t>cg25281171</t>
  </si>
  <si>
    <t>cg25281186</t>
  </si>
  <si>
    <t>cg25283284</t>
  </si>
  <si>
    <t>cg25283916</t>
  </si>
  <si>
    <t>cg25284492</t>
  </si>
  <si>
    <t>cg25286536</t>
  </si>
  <si>
    <t>cg25286679</t>
  </si>
  <si>
    <t>cg25287272</t>
  </si>
  <si>
    <t>cg25287482</t>
  </si>
  <si>
    <t>cg25302646</t>
  </si>
  <si>
    <t>cg25303761</t>
  </si>
  <si>
    <t>cg25304816</t>
  </si>
  <si>
    <t>cg25306277</t>
  </si>
  <si>
    <t>cg25306932</t>
  </si>
  <si>
    <t>cg25307371</t>
  </si>
  <si>
    <t>cg25308086</t>
  </si>
  <si>
    <t>cg25309767</t>
  </si>
  <si>
    <t>cg25310233</t>
  </si>
  <si>
    <t>cg25310676</t>
  </si>
  <si>
    <t>cg25311963</t>
  </si>
  <si>
    <t>cg25312122</t>
  </si>
  <si>
    <t>cg25313772</t>
  </si>
  <si>
    <t>cg25314445</t>
  </si>
  <si>
    <t>cg25315235</t>
  </si>
  <si>
    <t>cg25315351</t>
  </si>
  <si>
    <t>cg25317315</t>
  </si>
  <si>
    <t>cg25318976</t>
  </si>
  <si>
    <t>cg25319791</t>
  </si>
  <si>
    <t>cg25320499</t>
  </si>
  <si>
    <t>cg25320798</t>
  </si>
  <si>
    <t>cg25322596</t>
  </si>
  <si>
    <t>cg25335775</t>
  </si>
  <si>
    <t>cg25340674</t>
  </si>
  <si>
    <t>cg25341313</t>
  </si>
  <si>
    <t>cg25341925</t>
  </si>
  <si>
    <t>cg25342005</t>
  </si>
  <si>
    <t>cg25342481</t>
  </si>
  <si>
    <t>cg25343618</t>
  </si>
  <si>
    <t>cg25344239</t>
  </si>
  <si>
    <t>cg25344376</t>
  </si>
  <si>
    <t>cg25345603</t>
  </si>
  <si>
    <t>cg25345659</t>
  </si>
  <si>
    <t>cg25346117</t>
  </si>
  <si>
    <t>cg25346122</t>
  </si>
  <si>
    <t>cg25349990</t>
  </si>
  <si>
    <t>cg25350789</t>
  </si>
  <si>
    <t>cg25350899</t>
  </si>
  <si>
    <t>cg25351920</t>
  </si>
  <si>
    <t>cg25352592</t>
  </si>
  <si>
    <t>cg25352856</t>
  </si>
  <si>
    <t>cg25352980</t>
  </si>
  <si>
    <t>cg25355924</t>
  </si>
  <si>
    <t>cg25361506</t>
  </si>
  <si>
    <t>cg25361694</t>
  </si>
  <si>
    <t>cg25364822</t>
  </si>
  <si>
    <t>cg25369168</t>
  </si>
  <si>
    <t>cg25369262</t>
  </si>
  <si>
    <t>cg25371088</t>
  </si>
  <si>
    <t>cg25371503</t>
  </si>
  <si>
    <t>cg25371560</t>
  </si>
  <si>
    <t>cg25371803</t>
  </si>
  <si>
    <t>cg25372135</t>
  </si>
  <si>
    <t>cg25372881</t>
  </si>
  <si>
    <t>cg25373430</t>
  </si>
  <si>
    <t>cg25373794</t>
  </si>
  <si>
    <t>cg25374173</t>
  </si>
  <si>
    <t>cg25375186</t>
  </si>
  <si>
    <t>cg25377289</t>
  </si>
  <si>
    <t>cg25381737</t>
  </si>
  <si>
    <t>cg25381754</t>
  </si>
  <si>
    <t>cg25382340</t>
  </si>
  <si>
    <t>cg25382900</t>
  </si>
  <si>
    <t>cg25384293</t>
  </si>
  <si>
    <t>cg25384423</t>
  </si>
  <si>
    <t>cg25384714</t>
  </si>
  <si>
    <t>cg25385272</t>
  </si>
  <si>
    <t>cg25386133</t>
  </si>
  <si>
    <t>cg25386234</t>
  </si>
  <si>
    <t>cg25386426</t>
  </si>
  <si>
    <t>cg25388738</t>
  </si>
  <si>
    <t>cg25389235</t>
  </si>
  <si>
    <t>cg25391143</t>
  </si>
  <si>
    <t>cg25391673</t>
  </si>
  <si>
    <t>cg25392777</t>
  </si>
  <si>
    <t>cg25397779</t>
  </si>
  <si>
    <t>cg25404394</t>
  </si>
  <si>
    <t>cg25405962</t>
  </si>
  <si>
    <t>cg25406408</t>
  </si>
  <si>
    <t>cg25406699</t>
  </si>
  <si>
    <t>cg25407372</t>
  </si>
  <si>
    <t>cg25409748</t>
  </si>
  <si>
    <t>cg25410668</t>
  </si>
  <si>
    <t>cg25410739</t>
  </si>
  <si>
    <t>cg25412453</t>
  </si>
  <si>
    <t>cg25413757</t>
  </si>
  <si>
    <t>cg25414924</t>
  </si>
  <si>
    <t>cg25416363</t>
  </si>
  <si>
    <t>cg25428451</t>
  </si>
  <si>
    <t>cg25433648</t>
  </si>
  <si>
    <t>cg25437385</t>
  </si>
  <si>
    <t>cg25446086</t>
  </si>
  <si>
    <t>cg25461905</t>
  </si>
  <si>
    <t>cg25463399</t>
  </si>
  <si>
    <t>cg25463688</t>
  </si>
  <si>
    <t>cg25466245</t>
  </si>
  <si>
    <t>cg25466396</t>
  </si>
  <si>
    <t>cg25467652</t>
  </si>
  <si>
    <t>cg25468058</t>
  </si>
  <si>
    <t>cg25468274</t>
  </si>
  <si>
    <t>cg25468681</t>
  </si>
  <si>
    <t>cg25468907</t>
  </si>
  <si>
    <t>cg25469800</t>
  </si>
  <si>
    <t>cg25469870</t>
  </si>
  <si>
    <t>cg25470148</t>
  </si>
  <si>
    <t>cg25470175</t>
  </si>
  <si>
    <t>cg25471443</t>
  </si>
  <si>
    <t>cg25478157</t>
  </si>
  <si>
    <t>cg25503559</t>
  </si>
  <si>
    <t>cg25512657</t>
  </si>
  <si>
    <t>cg25514304</t>
  </si>
  <si>
    <t>cg25514503</t>
  </si>
  <si>
    <t>cg25536676</t>
  </si>
  <si>
    <t>cg25549791</t>
  </si>
  <si>
    <t>cg25550184</t>
  </si>
  <si>
    <t>cg25552017</t>
  </si>
  <si>
    <t>cg25552018</t>
  </si>
  <si>
    <t>cg25552768</t>
  </si>
  <si>
    <t>cg25582303</t>
  </si>
  <si>
    <t>cg25585172</t>
  </si>
  <si>
    <t>cg25590444</t>
  </si>
  <si>
    <t>cg25591868</t>
  </si>
  <si>
    <t>cg25592215</t>
  </si>
  <si>
    <t>cg25593075</t>
  </si>
  <si>
    <t>cg25593510</t>
  </si>
  <si>
    <t>cg25593625</t>
  </si>
  <si>
    <t>cg25594040</t>
  </si>
  <si>
    <t>cg25597115</t>
  </si>
  <si>
    <t>cg25597580</t>
  </si>
  <si>
    <t>cg25598530</t>
  </si>
  <si>
    <t>cg25598908</t>
  </si>
  <si>
    <t>cg25599129</t>
  </si>
  <si>
    <t>cg25599739</t>
  </si>
  <si>
    <t>cg25599763</t>
  </si>
  <si>
    <t>cg25600410</t>
  </si>
  <si>
    <t>cg25600750</t>
  </si>
  <si>
    <t>cg25601136</t>
  </si>
  <si>
    <t>cg25601319</t>
  </si>
  <si>
    <t>cg25601830</t>
  </si>
  <si>
    <t>cg25602490</t>
  </si>
  <si>
    <t>cg25602718</t>
  </si>
  <si>
    <t>cg25603742</t>
  </si>
  <si>
    <t>cg25603883</t>
  </si>
  <si>
    <t>cg25604316</t>
  </si>
  <si>
    <t>cg25604883</t>
  </si>
  <si>
    <t>cg25605174</t>
  </si>
  <si>
    <t>cg25605289</t>
  </si>
  <si>
    <t>cg25605769</t>
  </si>
  <si>
    <t>cg25606969</t>
  </si>
  <si>
    <t>cg25607239</t>
  </si>
  <si>
    <t>cg25607397</t>
  </si>
  <si>
    <t>cg25607948</t>
  </si>
  <si>
    <t>cg25610428</t>
  </si>
  <si>
    <t>cg25613262</t>
  </si>
  <si>
    <t>cg25614726</t>
  </si>
  <si>
    <t>cg25616043</t>
  </si>
  <si>
    <t>cg25616777</t>
  </si>
  <si>
    <t>cg25616829</t>
  </si>
  <si>
    <t>cg25617285</t>
  </si>
  <si>
    <t>cg25618916</t>
  </si>
  <si>
    <t>cg25619461</t>
  </si>
  <si>
    <t>cg25621182</t>
  </si>
  <si>
    <t>cg25622855</t>
  </si>
  <si>
    <t>cg25623815</t>
  </si>
  <si>
    <t>cg25624359</t>
  </si>
  <si>
    <t>cg25628057</t>
  </si>
  <si>
    <t>cg25630265</t>
  </si>
  <si>
    <t>cg25630380</t>
  </si>
  <si>
    <t>cg25651783</t>
  </si>
  <si>
    <t>cg25660961</t>
  </si>
  <si>
    <t>cg25664402</t>
  </si>
  <si>
    <t>cg25667202</t>
  </si>
  <si>
    <t>cg25678231</t>
  </si>
  <si>
    <t>cg25682936</t>
  </si>
  <si>
    <t>cg25683570</t>
  </si>
  <si>
    <t>cg25683662</t>
  </si>
  <si>
    <t>cg25698205</t>
  </si>
  <si>
    <t>cg25705508</t>
  </si>
  <si>
    <t>cg25705526</t>
  </si>
  <si>
    <t>cg25706281</t>
  </si>
  <si>
    <t>cg25706502</t>
  </si>
  <si>
    <t>cg25707387</t>
  </si>
  <si>
    <t>cg25716286</t>
  </si>
  <si>
    <t>cg25720697</t>
  </si>
  <si>
    <t>cg25720793</t>
  </si>
  <si>
    <t>cg25720825</t>
  </si>
  <si>
    <t>cg25722212</t>
  </si>
  <si>
    <t>cg25722983</t>
  </si>
  <si>
    <t>cg25725154</t>
  </si>
  <si>
    <t>cg25726080</t>
  </si>
  <si>
    <t>cg25727019</t>
  </si>
  <si>
    <t>cg25727366</t>
  </si>
  <si>
    <t>cg25727853</t>
  </si>
  <si>
    <t>cg25728388</t>
  </si>
  <si>
    <t>cg25729041</t>
  </si>
  <si>
    <t>cg25729560</t>
  </si>
  <si>
    <t>cg25731359</t>
  </si>
  <si>
    <t>cg25731959</t>
  </si>
  <si>
    <t>cg25732687</t>
  </si>
  <si>
    <t>cg25733599</t>
  </si>
  <si>
    <t>cg25736663</t>
  </si>
  <si>
    <t>cg25737215</t>
  </si>
  <si>
    <t>cg25737788</t>
  </si>
  <si>
    <t>cg25738279</t>
  </si>
  <si>
    <t>cg25739016</t>
  </si>
  <si>
    <t>cg25741192</t>
  </si>
  <si>
    <t>cg25741340</t>
  </si>
  <si>
    <t>cg25742326</t>
  </si>
  <si>
    <t>cg25742403</t>
  </si>
  <si>
    <t>cg25743622</t>
  </si>
  <si>
    <t>cg25744552</t>
  </si>
  <si>
    <t>cg25745135</t>
  </si>
  <si>
    <t>cg25745642</t>
  </si>
  <si>
    <t>cg25745713</t>
  </si>
  <si>
    <t>cg25745861</t>
  </si>
  <si>
    <t>cg25746903</t>
  </si>
  <si>
    <t>cg25747484</t>
  </si>
  <si>
    <t>cg25747670</t>
  </si>
  <si>
    <t>cg25748647</t>
  </si>
  <si>
    <t>cg25755191</t>
  </si>
  <si>
    <t>cg25755283</t>
  </si>
  <si>
    <t>cg25755573</t>
  </si>
  <si>
    <t>cg25755575</t>
  </si>
  <si>
    <t>cg25755851</t>
  </si>
  <si>
    <t>cg25756617</t>
  </si>
  <si>
    <t>cg25759916</t>
  </si>
  <si>
    <t>cg25762078</t>
  </si>
  <si>
    <t>cg25763212</t>
  </si>
  <si>
    <t>cg25763306</t>
  </si>
  <si>
    <t>cg25764137</t>
  </si>
  <si>
    <t>cg25765104</t>
  </si>
  <si>
    <t>cg25767112</t>
  </si>
  <si>
    <t>cg25767870</t>
  </si>
  <si>
    <t>cg25767906</t>
  </si>
  <si>
    <t>cg25770267</t>
  </si>
  <si>
    <t>cg25771140</t>
  </si>
  <si>
    <t>cg25771271</t>
  </si>
  <si>
    <t>cg25771897</t>
  </si>
  <si>
    <t>cg25773695</t>
  </si>
  <si>
    <t>cg25778166</t>
  </si>
  <si>
    <t>cg25783497</t>
  </si>
  <si>
    <t>cg25794766</t>
  </si>
  <si>
    <t>cg25812776</t>
  </si>
  <si>
    <t>cg25820858</t>
  </si>
  <si>
    <t>cg25821168</t>
  </si>
  <si>
    <t>cg25822552</t>
  </si>
  <si>
    <t>cg25827666</t>
  </si>
  <si>
    <t>cg25838590</t>
  </si>
  <si>
    <t>cg25838968</t>
  </si>
  <si>
    <t>cg25839663</t>
  </si>
  <si>
    <t>cg25839727</t>
  </si>
  <si>
    <t>cg25840576</t>
  </si>
  <si>
    <t>cg25841161</t>
  </si>
  <si>
    <t>cg25841309</t>
  </si>
  <si>
    <t>cg25845463</t>
  </si>
  <si>
    <t>cg25846022</t>
  </si>
  <si>
    <t>cg25848076</t>
  </si>
  <si>
    <t>cg25848158</t>
  </si>
  <si>
    <t>cg25848827</t>
  </si>
  <si>
    <t>cg25849086</t>
  </si>
  <si>
    <t>cg25850629</t>
  </si>
  <si>
    <t>cg25850845</t>
  </si>
  <si>
    <t>cg25851745</t>
  </si>
  <si>
    <t>cg25851984</t>
  </si>
  <si>
    <t>cg25870263</t>
  </si>
  <si>
    <t>cg25874119</t>
  </si>
  <si>
    <t>cg25875953</t>
  </si>
  <si>
    <t>cg25876319</t>
  </si>
  <si>
    <t>cg25876656</t>
  </si>
  <si>
    <t>cg25879102</t>
  </si>
  <si>
    <t>cg25879832</t>
  </si>
  <si>
    <t>cg25880242</t>
  </si>
  <si>
    <t>cg25881723</t>
  </si>
  <si>
    <t>cg25881792</t>
  </si>
  <si>
    <t>cg25882709</t>
  </si>
  <si>
    <t>cg25882721</t>
  </si>
  <si>
    <t>cg25883402</t>
  </si>
  <si>
    <t>cg25893275</t>
  </si>
  <si>
    <t>cg25908635</t>
  </si>
  <si>
    <t>cg25912717</t>
  </si>
  <si>
    <t>cg25916796</t>
  </si>
  <si>
    <t>cg25918716</t>
  </si>
  <si>
    <t>cg25923018</t>
  </si>
  <si>
    <t>cg25938569</t>
  </si>
  <si>
    <t>cg25939728</t>
  </si>
  <si>
    <t>cg25940008</t>
  </si>
  <si>
    <t>cg25940202</t>
  </si>
  <si>
    <t>cg25940485</t>
  </si>
  <si>
    <t>cg25940513</t>
  </si>
  <si>
    <t>cg25940557</t>
  </si>
  <si>
    <t>cg25940606</t>
  </si>
  <si>
    <t>cg25942940</t>
  </si>
  <si>
    <t>cg25953727</t>
  </si>
  <si>
    <t>cg25955969</t>
  </si>
  <si>
    <t>cg25957967</t>
  </si>
  <si>
    <t>cg25969983</t>
  </si>
  <si>
    <t>cg25970082</t>
  </si>
  <si>
    <t>cg25972526</t>
  </si>
  <si>
    <t>cg25973374</t>
  </si>
  <si>
    <t>cg25974448</t>
  </si>
  <si>
    <t>cg25974903</t>
  </si>
  <si>
    <t>cg25976453</t>
  </si>
  <si>
    <t>cg25977900</t>
  </si>
  <si>
    <t>cg25978011</t>
  </si>
  <si>
    <t>cg25978218</t>
  </si>
  <si>
    <t>cg25993158</t>
  </si>
  <si>
    <t>cg25994883</t>
  </si>
  <si>
    <t>cg26000536</t>
  </si>
  <si>
    <t>cg26001030</t>
  </si>
  <si>
    <t>cg26004086</t>
  </si>
  <si>
    <t>cg26007664</t>
  </si>
  <si>
    <t>cg26008841</t>
  </si>
  <si>
    <t>cg26010099</t>
  </si>
  <si>
    <t>cg26011156</t>
  </si>
  <si>
    <t>cg26011188</t>
  </si>
  <si>
    <t>cg26012941</t>
  </si>
  <si>
    <t>cg26013046</t>
  </si>
  <si>
    <t>cg26013992</t>
  </si>
  <si>
    <t>cg26014017</t>
  </si>
  <si>
    <t>cg26015133</t>
  </si>
  <si>
    <t>cg26015416</t>
  </si>
  <si>
    <t>cg26015888</t>
  </si>
  <si>
    <t>cg26017484</t>
  </si>
  <si>
    <t>cg26017874</t>
  </si>
  <si>
    <t>cg26018382</t>
  </si>
  <si>
    <t>cg26018544</t>
  </si>
  <si>
    <t>cg26020585</t>
  </si>
  <si>
    <t>cg26020826</t>
  </si>
  <si>
    <t>cg26022257</t>
  </si>
  <si>
    <t>cg26022684</t>
  </si>
  <si>
    <t>cg26023051</t>
  </si>
  <si>
    <t>cg26023751</t>
  </si>
  <si>
    <t>cg26024851</t>
  </si>
  <si>
    <t>cg26024880</t>
  </si>
  <si>
    <t>cg26026598</t>
  </si>
  <si>
    <t>cg26026748</t>
  </si>
  <si>
    <t>cg26029221</t>
  </si>
  <si>
    <t>cg26031982</t>
  </si>
  <si>
    <t>cg26032238</t>
  </si>
  <si>
    <t>cg26032489</t>
  </si>
  <si>
    <t>cg26033908</t>
  </si>
  <si>
    <t>cg26034531</t>
  </si>
  <si>
    <t>cg26034538</t>
  </si>
  <si>
    <t>cg26035542</t>
  </si>
  <si>
    <t>cg26035817</t>
  </si>
  <si>
    <t>cg26036067</t>
  </si>
  <si>
    <t>cg26037686</t>
  </si>
  <si>
    <t>cg26037917</t>
  </si>
  <si>
    <t>cg26039298</t>
  </si>
  <si>
    <t>cg26039954</t>
  </si>
  <si>
    <t>cg26040761</t>
  </si>
  <si>
    <t>cg26042300</t>
  </si>
  <si>
    <t>cg26043391</t>
  </si>
  <si>
    <t>cg26044566</t>
  </si>
  <si>
    <t>cg26045080</t>
  </si>
  <si>
    <t>cg26045220</t>
  </si>
  <si>
    <t>cg26047355</t>
  </si>
  <si>
    <t>cg26047440</t>
  </si>
  <si>
    <t>cg26048448</t>
  </si>
  <si>
    <t>cg26049527</t>
  </si>
  <si>
    <t>cg26050734</t>
  </si>
  <si>
    <t>cg26050864</t>
  </si>
  <si>
    <t>cg26053526</t>
  </si>
  <si>
    <t>cg26053881</t>
  </si>
  <si>
    <t>cg26054764</t>
  </si>
  <si>
    <t>cg26055522</t>
  </si>
  <si>
    <t>cg26055812</t>
  </si>
  <si>
    <t>cg26056166</t>
  </si>
  <si>
    <t>cg26056577</t>
  </si>
  <si>
    <t>cg26058502</t>
  </si>
  <si>
    <t>cg26058971</t>
  </si>
  <si>
    <t>cg26059078</t>
  </si>
  <si>
    <t>cg26059839</t>
  </si>
  <si>
    <t>cg26059919</t>
  </si>
  <si>
    <t>cg26060667</t>
  </si>
  <si>
    <t>cg26063862</t>
  </si>
  <si>
    <t>cg26064535</t>
  </si>
  <si>
    <t>cg26065909</t>
  </si>
  <si>
    <t>cg26065919</t>
  </si>
  <si>
    <t>cg26068654</t>
  </si>
  <si>
    <t>cg26070020</t>
  </si>
  <si>
    <t>cg26070099</t>
  </si>
  <si>
    <t>cg26070379</t>
  </si>
  <si>
    <t>cg26070889</t>
  </si>
  <si>
    <t>cg26072254</t>
  </si>
  <si>
    <t>cg26072906</t>
  </si>
  <si>
    <t>cg26074140</t>
  </si>
  <si>
    <t>cg26079320</t>
  </si>
  <si>
    <t>cg26082797</t>
  </si>
  <si>
    <t>cg26087862</t>
  </si>
  <si>
    <t>cg26091119</t>
  </si>
  <si>
    <t>cg26093148</t>
  </si>
  <si>
    <t>cg26098401</t>
  </si>
  <si>
    <t>cg26100099</t>
  </si>
  <si>
    <t>cg26104073</t>
  </si>
  <si>
    <t>cg26104752</t>
  </si>
  <si>
    <t>cg26105278</t>
  </si>
  <si>
    <t>cg26105310</t>
  </si>
  <si>
    <t>cg26108329</t>
  </si>
  <si>
    <t>cg26108416</t>
  </si>
  <si>
    <t>cg26109009</t>
  </si>
  <si>
    <t>cg26110733</t>
  </si>
  <si>
    <t>cg26110834</t>
  </si>
  <si>
    <t>cg26111265</t>
  </si>
  <si>
    <t>cg26111296</t>
  </si>
  <si>
    <t>cg26112639</t>
  </si>
  <si>
    <t>cg26112661</t>
  </si>
  <si>
    <t>cg26112999</t>
  </si>
  <si>
    <t>cg26113488</t>
  </si>
  <si>
    <t>cg26114254</t>
  </si>
  <si>
    <t>cg26114457</t>
  </si>
  <si>
    <t>cg26114570</t>
  </si>
  <si>
    <t>cg26118326</t>
  </si>
  <si>
    <t>cg26118737</t>
  </si>
  <si>
    <t>cg26119543</t>
  </si>
  <si>
    <t>cg26122063</t>
  </si>
  <si>
    <t>cg26131911</t>
  </si>
  <si>
    <t>cg26135325</t>
  </si>
  <si>
    <t>cg26145228</t>
  </si>
  <si>
    <t>cg26145832</t>
  </si>
  <si>
    <t>cg26148377</t>
  </si>
  <si>
    <t>cg26148630</t>
  </si>
  <si>
    <t>cg26151000</t>
  </si>
  <si>
    <t>cg26151206</t>
  </si>
  <si>
    <t>cg26151454</t>
  </si>
  <si>
    <t>cg26151675</t>
  </si>
  <si>
    <t>cg26151761</t>
  </si>
  <si>
    <t>cg26152704</t>
  </si>
  <si>
    <t>cg26153353</t>
  </si>
  <si>
    <t>cg26153688</t>
  </si>
  <si>
    <t>cg26154714</t>
  </si>
  <si>
    <t>cg26155170</t>
  </si>
  <si>
    <t>cg26157446</t>
  </si>
  <si>
    <t>cg26158528</t>
  </si>
  <si>
    <t>cg26159990</t>
  </si>
  <si>
    <t>cg26160543</t>
  </si>
  <si>
    <t>cg26160839</t>
  </si>
  <si>
    <t>cg26161024</t>
  </si>
  <si>
    <t>cg26161057</t>
  </si>
  <si>
    <t>cg26161885</t>
  </si>
  <si>
    <t>cg26164310</t>
  </si>
  <si>
    <t>cg26183250</t>
  </si>
  <si>
    <t>cg26183671</t>
  </si>
  <si>
    <t>cg26185836</t>
  </si>
  <si>
    <t>cg26186134</t>
  </si>
  <si>
    <t>cg26186593</t>
  </si>
  <si>
    <t>cg26187123</t>
  </si>
  <si>
    <t>cg26187802</t>
  </si>
  <si>
    <t>cg26187962</t>
  </si>
  <si>
    <t>cg26188212</t>
  </si>
  <si>
    <t>cg26189021</t>
  </si>
  <si>
    <t>cg26189283</t>
  </si>
  <si>
    <t>cg26189983</t>
  </si>
  <si>
    <t>cg26190281</t>
  </si>
  <si>
    <t>cg26191586</t>
  </si>
  <si>
    <t>cg26191882</t>
  </si>
  <si>
    <t>cg26194092</t>
  </si>
  <si>
    <t>cg26195652</t>
  </si>
  <si>
    <t>cg26196882</t>
  </si>
  <si>
    <t>cg26203861</t>
  </si>
  <si>
    <t>cg26208930</t>
  </si>
  <si>
    <t>cg26213873</t>
  </si>
  <si>
    <t>cg26216002</t>
  </si>
  <si>
    <t>cg26218809</t>
  </si>
  <si>
    <t>cg26219095</t>
  </si>
  <si>
    <t>cg26219182</t>
  </si>
  <si>
    <t>cg26219674</t>
  </si>
  <si>
    <t>cg26219747</t>
  </si>
  <si>
    <t>cg26220985</t>
  </si>
  <si>
    <t>cg26221105</t>
  </si>
  <si>
    <t>cg26226576</t>
  </si>
  <si>
    <t>cg26226608</t>
  </si>
  <si>
    <t>cg26226879</t>
  </si>
  <si>
    <t>cg26227005</t>
  </si>
  <si>
    <t>cg26227957</t>
  </si>
  <si>
    <t>cg26228014</t>
  </si>
  <si>
    <t>cg26228591</t>
  </si>
  <si>
    <t>cg26229018</t>
  </si>
  <si>
    <t>cg26229607</t>
  </si>
  <si>
    <t>cg26230145</t>
  </si>
  <si>
    <t>cg26230245</t>
  </si>
  <si>
    <t>cg26230275</t>
  </si>
  <si>
    <t>cg26231761</t>
  </si>
  <si>
    <t>cg26232308</t>
  </si>
  <si>
    <t>cg26232657</t>
  </si>
  <si>
    <t>cg26233866</t>
  </si>
  <si>
    <t>cg26235710</t>
  </si>
  <si>
    <t>cg26246947</t>
  </si>
  <si>
    <t>cg26247087</t>
  </si>
  <si>
    <t>cg26247215</t>
  </si>
  <si>
    <t>cg26248537</t>
  </si>
  <si>
    <t>cg26249046</t>
  </si>
  <si>
    <t>cg26250989</t>
  </si>
  <si>
    <t>cg26251270</t>
  </si>
  <si>
    <t>cg26252592</t>
  </si>
  <si>
    <t>cg26252703</t>
  </si>
  <si>
    <t>cg26253070</t>
  </si>
  <si>
    <t>cg26254792</t>
  </si>
  <si>
    <t>cg26255052</t>
  </si>
  <si>
    <t>cg26256011</t>
  </si>
  <si>
    <t>cg26256793</t>
  </si>
  <si>
    <t>cg26256901</t>
  </si>
  <si>
    <t>cg26257548</t>
  </si>
  <si>
    <t>cg26258588</t>
  </si>
  <si>
    <t>cg26258944</t>
  </si>
  <si>
    <t>cg26262033</t>
  </si>
  <si>
    <t>cg26266099</t>
  </si>
  <si>
    <t>cg26266618</t>
  </si>
  <si>
    <t>cg26266842</t>
  </si>
  <si>
    <t>cg26266978</t>
  </si>
  <si>
    <t>cg26266991</t>
  </si>
  <si>
    <t>cg26269644</t>
  </si>
  <si>
    <t>cg26272105</t>
  </si>
  <si>
    <t>cg26272125</t>
  </si>
  <si>
    <t>cg26272623</t>
  </si>
  <si>
    <t>cg26274929</t>
  </si>
  <si>
    <t>cg26282150</t>
  </si>
  <si>
    <t>cg26288160</t>
  </si>
  <si>
    <t>cg26292918</t>
  </si>
  <si>
    <t>cg26293546</t>
  </si>
  <si>
    <t>cg26294229</t>
  </si>
  <si>
    <t>cg26295681</t>
  </si>
  <si>
    <t>cg26296524</t>
  </si>
  <si>
    <t>cg26297344</t>
  </si>
  <si>
    <t>cg26297431</t>
  </si>
  <si>
    <t>cg26298387</t>
  </si>
  <si>
    <t>cg26299174</t>
  </si>
  <si>
    <t>cg26300787</t>
  </si>
  <si>
    <t>cg26301690</t>
  </si>
  <si>
    <t>cg26304930</t>
  </si>
  <si>
    <t>cg26305220</t>
  </si>
  <si>
    <t>cg26305608</t>
  </si>
  <si>
    <t>cg26306869</t>
  </si>
  <si>
    <t>cg26307728</t>
  </si>
  <si>
    <t>cg26307814</t>
  </si>
  <si>
    <t>cg26309074</t>
  </si>
  <si>
    <t>cg26310643</t>
  </si>
  <si>
    <t>cg26311099</t>
  </si>
  <si>
    <t>cg26312480</t>
  </si>
  <si>
    <t>cg26313337</t>
  </si>
  <si>
    <t>cg26313955</t>
  </si>
  <si>
    <t>cg26314478</t>
  </si>
  <si>
    <t>cg26314722</t>
  </si>
  <si>
    <t>cg26314823</t>
  </si>
  <si>
    <t>cg26315261</t>
  </si>
  <si>
    <t>cg26316072</t>
  </si>
  <si>
    <t>cg26316082</t>
  </si>
  <si>
    <t>cg26320663</t>
  </si>
  <si>
    <t>cg26321643</t>
  </si>
  <si>
    <t>cg26328757</t>
  </si>
  <si>
    <t>cg26328951</t>
  </si>
  <si>
    <t>cg26328954</t>
  </si>
  <si>
    <t>cg26329440</t>
  </si>
  <si>
    <t>cg26330479</t>
  </si>
  <si>
    <t>cg26331625</t>
  </si>
  <si>
    <t>cg26333156</t>
  </si>
  <si>
    <t>cg26335530</t>
  </si>
  <si>
    <t>cg26336814</t>
  </si>
  <si>
    <t>cg26337430</t>
  </si>
  <si>
    <t>cg26337781</t>
  </si>
  <si>
    <t>cg26337841</t>
  </si>
  <si>
    <t>cg26339797</t>
  </si>
  <si>
    <t>cg26340700</t>
  </si>
  <si>
    <t>cg26341102</t>
  </si>
  <si>
    <t>cg26341453</t>
  </si>
  <si>
    <t>cg26341831</t>
  </si>
  <si>
    <t>cg26343154</t>
  </si>
  <si>
    <t>cg26348226</t>
  </si>
  <si>
    <t>cg26349416</t>
  </si>
  <si>
    <t>cg26351104</t>
  </si>
  <si>
    <t>cg26353598</t>
  </si>
  <si>
    <t>cg26353783</t>
  </si>
  <si>
    <t>cg26357241</t>
  </si>
  <si>
    <t>cg26359730</t>
  </si>
  <si>
    <t>cg26360004</t>
  </si>
  <si>
    <t>cg26360484</t>
  </si>
  <si>
    <t>cg26360953</t>
  </si>
  <si>
    <t>cg26361329</t>
  </si>
  <si>
    <t>cg26361540</t>
  </si>
  <si>
    <t>cg26361757</t>
  </si>
  <si>
    <t>cg26362105</t>
  </si>
  <si>
    <t>cg26362368</t>
  </si>
  <si>
    <t>cg26363196</t>
  </si>
  <si>
    <t>cg26365938</t>
  </si>
  <si>
    <t>cg26366459</t>
  </si>
  <si>
    <t>cg26367275</t>
  </si>
  <si>
    <t>cg26368942</t>
  </si>
  <si>
    <t>cg26370158</t>
  </si>
  <si>
    <t>cg26370409</t>
  </si>
  <si>
    <t>cg26371327</t>
  </si>
  <si>
    <t>cg26372517</t>
  </si>
  <si>
    <t>cg26372893</t>
  </si>
  <si>
    <t>cg26379475</t>
  </si>
  <si>
    <t>cg26392989</t>
  </si>
  <si>
    <t>cg26396357</t>
  </si>
  <si>
    <t>cg26398333</t>
  </si>
  <si>
    <t>cg26398836</t>
  </si>
  <si>
    <t>cg26398921</t>
  </si>
  <si>
    <t>cg26401551</t>
  </si>
  <si>
    <t>cg26405545</t>
  </si>
  <si>
    <t>cg26405802</t>
  </si>
  <si>
    <t>cg26406150</t>
  </si>
  <si>
    <t>cg26406563</t>
  </si>
  <si>
    <t>cg26407930</t>
  </si>
  <si>
    <t>cg26410133</t>
  </si>
  <si>
    <t>cg26410305</t>
  </si>
  <si>
    <t>cg26411452</t>
  </si>
  <si>
    <t>cg26411522</t>
  </si>
  <si>
    <t>cg26412358</t>
  </si>
  <si>
    <t>cg26413162</t>
  </si>
  <si>
    <t>cg26413691</t>
  </si>
  <si>
    <t>cg26414000</t>
  </si>
  <si>
    <t>cg26417188</t>
  </si>
  <si>
    <t>cg26417912</t>
  </si>
  <si>
    <t>cg26419676</t>
  </si>
  <si>
    <t>cg26420391</t>
  </si>
  <si>
    <t>cg26420561</t>
  </si>
  <si>
    <t>cg26421448</t>
  </si>
  <si>
    <t>cg26421646</t>
  </si>
  <si>
    <t>cg26425711</t>
  </si>
  <si>
    <t>cg26426938</t>
  </si>
  <si>
    <t>cg26427827</t>
  </si>
  <si>
    <t>cg26428727</t>
  </si>
  <si>
    <t>cg26429783</t>
  </si>
  <si>
    <t>cg26430097</t>
  </si>
  <si>
    <t>cg26430365</t>
  </si>
  <si>
    <t>cg26430560</t>
  </si>
  <si>
    <t>cg26430597</t>
  </si>
  <si>
    <t>cg26431298</t>
  </si>
  <si>
    <t>cg26431550</t>
  </si>
  <si>
    <t>cg26433368</t>
  </si>
  <si>
    <t>cg26433593</t>
  </si>
  <si>
    <t>cg26433816</t>
  </si>
  <si>
    <t>cg26434376</t>
  </si>
  <si>
    <t>cg26435172</t>
  </si>
  <si>
    <t>cg26435254</t>
  </si>
  <si>
    <t>cg26437845</t>
  </si>
  <si>
    <t>cg26440142</t>
  </si>
  <si>
    <t>cg26452081</t>
  </si>
  <si>
    <t>cg26456528</t>
  </si>
  <si>
    <t>cg26460931</t>
  </si>
  <si>
    <t>cg26464410</t>
  </si>
  <si>
    <t>cg26466094</t>
  </si>
  <si>
    <t>cg26466858</t>
  </si>
  <si>
    <t>cg26483432</t>
  </si>
  <si>
    <t>cg26483743</t>
  </si>
  <si>
    <t>cg26486702</t>
  </si>
  <si>
    <t>cg26495864</t>
  </si>
  <si>
    <t>cg26500063</t>
  </si>
  <si>
    <t>cg26513192</t>
  </si>
  <si>
    <t>cg26513591</t>
  </si>
  <si>
    <t>cg26513689</t>
  </si>
  <si>
    <t>cg26514080</t>
  </si>
  <si>
    <t>cg26515805</t>
  </si>
  <si>
    <t>cg26519326</t>
  </si>
  <si>
    <t>cg26519919</t>
  </si>
  <si>
    <t>cg26520908</t>
  </si>
  <si>
    <t>cg26521186</t>
  </si>
  <si>
    <t>cg26522592</t>
  </si>
  <si>
    <t>cg26523099</t>
  </si>
  <si>
    <t>cg26523175</t>
  </si>
  <si>
    <t>cg26525480</t>
  </si>
  <si>
    <t>cg26525767</t>
  </si>
  <si>
    <t>cg26525772</t>
  </si>
  <si>
    <t>cg26526440</t>
  </si>
  <si>
    <t>cg26527344</t>
  </si>
  <si>
    <t>cg26527487</t>
  </si>
  <si>
    <t>cg26528311</t>
  </si>
  <si>
    <t>cg26530301</t>
  </si>
  <si>
    <t>cg26530713</t>
  </si>
  <si>
    <t>cg26531371</t>
  </si>
  <si>
    <t>cg26531737</t>
  </si>
  <si>
    <t>cg26532664</t>
  </si>
  <si>
    <t>cg26534213</t>
  </si>
  <si>
    <t>cg26534508</t>
  </si>
  <si>
    <t>cg26535723</t>
  </si>
  <si>
    <t>cg26536189</t>
  </si>
  <si>
    <t>cg26536358</t>
  </si>
  <si>
    <t>cg26536593</t>
  </si>
  <si>
    <t>cg26537280</t>
  </si>
  <si>
    <t>cg26537894</t>
  </si>
  <si>
    <t>cg26537941</t>
  </si>
  <si>
    <t>cg26538164</t>
  </si>
  <si>
    <t>cg26538691</t>
  </si>
  <si>
    <t>cg26539023</t>
  </si>
  <si>
    <t>cg26542888</t>
  </si>
  <si>
    <t>cg26543352</t>
  </si>
  <si>
    <t>cg26543539</t>
  </si>
  <si>
    <t>cg26545580</t>
  </si>
  <si>
    <t>cg26546310</t>
  </si>
  <si>
    <t>cg26548351</t>
  </si>
  <si>
    <t>cg26549326</t>
  </si>
  <si>
    <t>cg26550235</t>
  </si>
  <si>
    <t>cg26550330</t>
  </si>
  <si>
    <t>cg26550938</t>
  </si>
  <si>
    <t>cg26554674</t>
  </si>
  <si>
    <t>cg26556395</t>
  </si>
  <si>
    <t>cg26556529</t>
  </si>
  <si>
    <t>cg26557423</t>
  </si>
  <si>
    <t>cg26557658</t>
  </si>
  <si>
    <t>cg26558992</t>
  </si>
  <si>
    <t>cg26562772</t>
  </si>
  <si>
    <t>cg26565807</t>
  </si>
  <si>
    <t>cg26568075</t>
  </si>
  <si>
    <t>cg26569469</t>
  </si>
  <si>
    <t>cg26572165</t>
  </si>
  <si>
    <t>cg26572354</t>
  </si>
  <si>
    <t>cg26574904</t>
  </si>
  <si>
    <t>cg26575633</t>
  </si>
  <si>
    <t>cg26575914</t>
  </si>
  <si>
    <t>cg26577752</t>
  </si>
  <si>
    <t>cg26580095</t>
  </si>
  <si>
    <t>cg26601286</t>
  </si>
  <si>
    <t>cg26601496</t>
  </si>
  <si>
    <t>cg26603050</t>
  </si>
  <si>
    <t>cg26603116</t>
  </si>
  <si>
    <t>cg26603179</t>
  </si>
  <si>
    <t>cg26603264</t>
  </si>
  <si>
    <t>cg26604232</t>
  </si>
  <si>
    <t>cg26605698</t>
  </si>
  <si>
    <t>cg26605712</t>
  </si>
  <si>
    <t>cg26606542</t>
  </si>
  <si>
    <t>cg26606628</t>
  </si>
  <si>
    <t>cg26607673</t>
  </si>
  <si>
    <t>cg26607933</t>
  </si>
  <si>
    <t>cg26609202</t>
  </si>
  <si>
    <t>cg26609236</t>
  </si>
  <si>
    <t>cg26610624</t>
  </si>
  <si>
    <t>cg26610681</t>
  </si>
  <si>
    <t>cg26611832</t>
  </si>
  <si>
    <t>cg26612165</t>
  </si>
  <si>
    <t>cg26612175</t>
  </si>
  <si>
    <t>cg26612418</t>
  </si>
  <si>
    <t>cg26612648</t>
  </si>
  <si>
    <t>cg26614229</t>
  </si>
  <si>
    <t>cg26614504</t>
  </si>
  <si>
    <t>cg26615259</t>
  </si>
  <si>
    <t>cg26615794</t>
  </si>
  <si>
    <t>cg26616083</t>
  </si>
  <si>
    <t>cg26616378</t>
  </si>
  <si>
    <t>cg26619317</t>
  </si>
  <si>
    <t>cg26623550</t>
  </si>
  <si>
    <t>cg26624031</t>
  </si>
  <si>
    <t>cg26624273</t>
  </si>
  <si>
    <t>cg26628634</t>
  </si>
  <si>
    <t>cg26643377</t>
  </si>
  <si>
    <t>cg26649834</t>
  </si>
  <si>
    <t>cg26651722</t>
  </si>
  <si>
    <t>cg26653529</t>
  </si>
  <si>
    <t>cg26656022</t>
  </si>
  <si>
    <t>cg26659410</t>
  </si>
  <si>
    <t>cg26660631</t>
  </si>
  <si>
    <t>cg26660744</t>
  </si>
  <si>
    <t>cg26661718</t>
  </si>
  <si>
    <t>cg26662102</t>
  </si>
  <si>
    <t>cg26662347</t>
  </si>
  <si>
    <t>cg26664206</t>
  </si>
  <si>
    <t>cg26666107</t>
  </si>
  <si>
    <t>cg26667821</t>
  </si>
  <si>
    <t>cg26668989</t>
  </si>
  <si>
    <t>cg26669410</t>
  </si>
  <si>
    <t>cg26669624</t>
  </si>
  <si>
    <t>cg26669876</t>
  </si>
  <si>
    <t>cg26671966</t>
  </si>
  <si>
    <t>cg26677004</t>
  </si>
  <si>
    <t>cg26677288</t>
  </si>
  <si>
    <t>cg26678187</t>
  </si>
  <si>
    <t>cg26679785</t>
  </si>
  <si>
    <t>cg26680428</t>
  </si>
  <si>
    <t>cg26681193</t>
  </si>
  <si>
    <t>cg26681458</t>
  </si>
  <si>
    <t>cg26682664</t>
  </si>
  <si>
    <t>cg26682922</t>
  </si>
  <si>
    <t>cg26682942</t>
  </si>
  <si>
    <t>cg26683023</t>
  </si>
  <si>
    <t>cg26683881</t>
  </si>
  <si>
    <t>cg26684191</t>
  </si>
  <si>
    <t>cg26685195</t>
  </si>
  <si>
    <t>cg26685197</t>
  </si>
  <si>
    <t>cg26685515</t>
  </si>
  <si>
    <t>cg26687031</t>
  </si>
  <si>
    <t>cg26687670</t>
  </si>
  <si>
    <t>cg26688257</t>
  </si>
  <si>
    <t>cg26688527</t>
  </si>
  <si>
    <t>cg26688893</t>
  </si>
  <si>
    <t>cg26690297</t>
  </si>
  <si>
    <t>cg26690414</t>
  </si>
  <si>
    <t>cg26691200</t>
  </si>
  <si>
    <t>cg26693293</t>
  </si>
  <si>
    <t>cg26702212</t>
  </si>
  <si>
    <t>cg26710722</t>
  </si>
  <si>
    <t>cg26721382</t>
  </si>
  <si>
    <t>cg26740494</t>
  </si>
  <si>
    <t>cg26750139</t>
  </si>
  <si>
    <t>cg26750487</t>
  </si>
  <si>
    <t>cg26752657</t>
  </si>
  <si>
    <t>cg26756479</t>
  </si>
  <si>
    <t>cg26758551</t>
  </si>
  <si>
    <t>cg26761047</t>
  </si>
  <si>
    <t>cg26776069</t>
  </si>
  <si>
    <t>cg26781150</t>
  </si>
  <si>
    <t>cg26784491</t>
  </si>
  <si>
    <t>cg26784527</t>
  </si>
  <si>
    <t>cg26784929</t>
  </si>
  <si>
    <t>cg26785447</t>
  </si>
  <si>
    <t>cg26785499</t>
  </si>
  <si>
    <t>cg26785800</t>
  </si>
  <si>
    <t>cg26785823</t>
  </si>
  <si>
    <t>cg26787863</t>
  </si>
  <si>
    <t>cg26789332</t>
  </si>
  <si>
    <t>cg26791242</t>
  </si>
  <si>
    <t>cg26791464</t>
  </si>
  <si>
    <t>cg26791905</t>
  </si>
  <si>
    <t>cg26792900</t>
  </si>
  <si>
    <t>cg26792933</t>
  </si>
  <si>
    <t>cg26793710</t>
  </si>
  <si>
    <t>cg26793905</t>
  </si>
  <si>
    <t>cg26794028</t>
  </si>
  <si>
    <t>cg26795012</t>
  </si>
  <si>
    <t>cg26795248</t>
  </si>
  <si>
    <t>cg26796036</t>
  </si>
  <si>
    <t>cg26796407</t>
  </si>
  <si>
    <t>cg26797159</t>
  </si>
  <si>
    <t>cg26798702</t>
  </si>
  <si>
    <t>cg26799398</t>
  </si>
  <si>
    <t>cg26801631</t>
  </si>
  <si>
    <t>cg26802210</t>
  </si>
  <si>
    <t>cg26802564</t>
  </si>
  <si>
    <t>cg26803289</t>
  </si>
  <si>
    <t>cg26805306</t>
  </si>
  <si>
    <t>cg26808154</t>
  </si>
  <si>
    <t>cg26808167</t>
  </si>
  <si>
    <t>cg26808224</t>
  </si>
  <si>
    <t>cg26808687</t>
  </si>
  <si>
    <t>cg26809127</t>
  </si>
  <si>
    <t>cg26809372</t>
  </si>
  <si>
    <t>cg26810970</t>
  </si>
  <si>
    <t>cg26811927</t>
  </si>
  <si>
    <t>cg26812481</t>
  </si>
  <si>
    <t>cg26812704</t>
  </si>
  <si>
    <t>cg26812967</t>
  </si>
  <si>
    <t>cg26813096</t>
  </si>
  <si>
    <t>cg26813162</t>
  </si>
  <si>
    <t>cg26815471</t>
  </si>
  <si>
    <t>cg26816583</t>
  </si>
  <si>
    <t>cg26817972</t>
  </si>
  <si>
    <t>cg26818821</t>
  </si>
  <si>
    <t>cg26820000</t>
  </si>
  <si>
    <t>cg26820209</t>
  </si>
  <si>
    <t>cg26822551</t>
  </si>
  <si>
    <t>cg26823144</t>
  </si>
  <si>
    <t>cg26823666</t>
  </si>
  <si>
    <t>cg26824949</t>
  </si>
  <si>
    <t>cg26825650</t>
  </si>
  <si>
    <t>cg26826871</t>
  </si>
  <si>
    <t>cg26831087</t>
  </si>
  <si>
    <t>cg26831562</t>
  </si>
  <si>
    <t>cg26832142</t>
  </si>
  <si>
    <t>cg26833883</t>
  </si>
  <si>
    <t>cg26835312</t>
  </si>
  <si>
    <t>cg26835324</t>
  </si>
  <si>
    <t>cg26835327</t>
  </si>
  <si>
    <t>cg26835417</t>
  </si>
  <si>
    <t>cg26835683</t>
  </si>
  <si>
    <t>cg26836456</t>
  </si>
  <si>
    <t>cg26837630</t>
  </si>
  <si>
    <t>cg26837800</t>
  </si>
  <si>
    <t>cg26838747</t>
  </si>
  <si>
    <t>cg26839284</t>
  </si>
  <si>
    <t>cg26841040</t>
  </si>
  <si>
    <t>cg26841068</t>
  </si>
  <si>
    <t>cg26841102</t>
  </si>
  <si>
    <t>cg26846424</t>
  </si>
  <si>
    <t>cg26855724</t>
  </si>
  <si>
    <t>cg26856257</t>
  </si>
  <si>
    <t>cg26856924</t>
  </si>
  <si>
    <t>cg26857521</t>
  </si>
  <si>
    <t>cg26859016</t>
  </si>
  <si>
    <t>cg26861593</t>
  </si>
  <si>
    <t>cg26863551</t>
  </si>
  <si>
    <t>cg26863891</t>
  </si>
  <si>
    <t>cg26864297</t>
  </si>
  <si>
    <t>cg26864691</t>
  </si>
  <si>
    <t>cg26865478</t>
  </si>
  <si>
    <t>cg26866142</t>
  </si>
  <si>
    <t>cg26870337</t>
  </si>
  <si>
    <t>cg26870566</t>
  </si>
  <si>
    <t>cg26870903</t>
  </si>
  <si>
    <t>cg26872588</t>
  </si>
  <si>
    <t>cg26875131</t>
  </si>
  <si>
    <t>cg26875665</t>
  </si>
  <si>
    <t>cg26876101</t>
  </si>
  <si>
    <t>cg26876647</t>
  </si>
  <si>
    <t>cg26877327</t>
  </si>
  <si>
    <t>cg26877357</t>
  </si>
  <si>
    <t>cg26879578</t>
  </si>
  <si>
    <t>cg26879891</t>
  </si>
  <si>
    <t>cg26880239</t>
  </si>
  <si>
    <t>cg26880525</t>
  </si>
  <si>
    <t>cg26882115</t>
  </si>
  <si>
    <t>cg26882204</t>
  </si>
  <si>
    <t>cg26883264</t>
  </si>
  <si>
    <t>cg26883963</t>
  </si>
  <si>
    <t>cg26884180</t>
  </si>
  <si>
    <t>cg26885488</t>
  </si>
  <si>
    <t>cg26885858</t>
  </si>
  <si>
    <t>cg26887379</t>
  </si>
  <si>
    <t>cg26888181</t>
  </si>
  <si>
    <t>cg26889840</t>
  </si>
  <si>
    <t>cg26891410</t>
  </si>
  <si>
    <t>cg26891661</t>
  </si>
  <si>
    <t>cg26893451</t>
  </si>
  <si>
    <t>cg26893605</t>
  </si>
  <si>
    <t>cg26894091</t>
  </si>
  <si>
    <t>cg26894259</t>
  </si>
  <si>
    <t>cg26894297</t>
  </si>
  <si>
    <t>cg26894354</t>
  </si>
  <si>
    <t>cg26894575</t>
  </si>
  <si>
    <t>cg26895569</t>
  </si>
  <si>
    <t>cg26895571</t>
  </si>
  <si>
    <t>cg26896160</t>
  </si>
  <si>
    <t>cg26897025</t>
  </si>
  <si>
    <t>cg26897909</t>
  </si>
  <si>
    <t>cg26898024</t>
  </si>
  <si>
    <t>cg26898039</t>
  </si>
  <si>
    <t>cg26898955</t>
  </si>
  <si>
    <t>cg26899399</t>
  </si>
  <si>
    <t>cg26899811</t>
  </si>
  <si>
    <t>cg26901915</t>
  </si>
  <si>
    <t>cg26904049</t>
  </si>
  <si>
    <t>cg26904179</t>
  </si>
  <si>
    <t>cg26904702</t>
  </si>
  <si>
    <t>cg26906418</t>
  </si>
  <si>
    <t>cg26906737</t>
  </si>
  <si>
    <t>cg26907697</t>
  </si>
  <si>
    <t>cg26908109</t>
  </si>
  <si>
    <t>cg26908276</t>
  </si>
  <si>
    <t>cg26908611</t>
  </si>
  <si>
    <t>cg26911220</t>
  </si>
  <si>
    <t>cg26912602</t>
  </si>
  <si>
    <t>cg26912688</t>
  </si>
  <si>
    <t>cg26913155</t>
  </si>
  <si>
    <t>cg26914267</t>
  </si>
  <si>
    <t>cg26915618</t>
  </si>
  <si>
    <t>cg26915625</t>
  </si>
  <si>
    <t>cg26915889</t>
  </si>
  <si>
    <t>cg26916166</t>
  </si>
  <si>
    <t>cg26917694</t>
  </si>
  <si>
    <t>cg26917754</t>
  </si>
  <si>
    <t>cg26917873</t>
  </si>
  <si>
    <t>cg26918754</t>
  </si>
  <si>
    <t>cg26919387</t>
  </si>
  <si>
    <t>cg26919417</t>
  </si>
  <si>
    <t>cg26920627</t>
  </si>
  <si>
    <t>cg26921250</t>
  </si>
  <si>
    <t>cg26921638</t>
  </si>
  <si>
    <t>cg26922451</t>
  </si>
  <si>
    <t>cg26923754</t>
  </si>
  <si>
    <t>cg26924209</t>
  </si>
  <si>
    <t>cg26924294</t>
  </si>
  <si>
    <t>cg26924480</t>
  </si>
  <si>
    <t>cg26928603</t>
  </si>
  <si>
    <t>cg26930584</t>
  </si>
  <si>
    <t>cg26930596</t>
  </si>
  <si>
    <t>cg26931526</t>
  </si>
  <si>
    <t>cg26932623</t>
  </si>
  <si>
    <t>cg26932889</t>
  </si>
  <si>
    <t>cg26933021</t>
  </si>
  <si>
    <t>cg26933368</t>
  </si>
  <si>
    <t>cg26934683</t>
  </si>
  <si>
    <t>cg26935102</t>
  </si>
  <si>
    <t>cg26935168</t>
  </si>
  <si>
    <t>cg26935685</t>
  </si>
  <si>
    <t>cg26937038</t>
  </si>
  <si>
    <t>cg26937389</t>
  </si>
  <si>
    <t>cg26937868</t>
  </si>
  <si>
    <t>cg26939283</t>
  </si>
  <si>
    <t>cg26940109</t>
  </si>
  <si>
    <t>cg26940751</t>
  </si>
  <si>
    <t>cg26940910</t>
  </si>
  <si>
    <t>cg26952194</t>
  </si>
  <si>
    <t>cg26954156</t>
  </si>
  <si>
    <t>cg26956874</t>
  </si>
  <si>
    <t>cg26957370</t>
  </si>
  <si>
    <t>cg26991199</t>
  </si>
  <si>
    <t>cg27003165</t>
  </si>
  <si>
    <t>cg27003520</t>
  </si>
  <si>
    <t>cg27014642</t>
  </si>
  <si>
    <t>cg27018070</t>
  </si>
  <si>
    <t>cg27024417</t>
  </si>
  <si>
    <t>cg27026509</t>
  </si>
  <si>
    <t>cg27037943</t>
  </si>
  <si>
    <t>cg27043786</t>
  </si>
  <si>
    <t>cg27046460</t>
  </si>
  <si>
    <t>cg27047255</t>
  </si>
  <si>
    <t>cg27050763</t>
  </si>
  <si>
    <t>cg27053975</t>
  </si>
  <si>
    <t>cg27054546</t>
  </si>
  <si>
    <t>cg27055365</t>
  </si>
  <si>
    <t>cg27055894</t>
  </si>
  <si>
    <t>cg27056555</t>
  </si>
  <si>
    <t>cg27058244</t>
  </si>
  <si>
    <t>cg27058497</t>
  </si>
  <si>
    <t>cg27060622</t>
  </si>
  <si>
    <t>cg27062284</t>
  </si>
  <si>
    <t>cg27072323</t>
  </si>
  <si>
    <t>cg27083689</t>
  </si>
  <si>
    <t>cg27094188</t>
  </si>
  <si>
    <t>cg27100316</t>
  </si>
  <si>
    <t>cg27155653</t>
  </si>
  <si>
    <t>cg27165784</t>
  </si>
  <si>
    <t>cg27165888</t>
  </si>
  <si>
    <t>cg27167439</t>
  </si>
  <si>
    <t>cg27168737</t>
  </si>
  <si>
    <t>cg27168858</t>
  </si>
  <si>
    <t>cg27168976</t>
  </si>
  <si>
    <t>cg27169685</t>
  </si>
  <si>
    <t>cg27170141</t>
  </si>
  <si>
    <t>cg27170260</t>
  </si>
  <si>
    <t>cg27171194</t>
  </si>
  <si>
    <t>cg27171837</t>
  </si>
  <si>
    <t>cg27171890</t>
  </si>
  <si>
    <t>cg27173151</t>
  </si>
  <si>
    <t>cg27173717</t>
  </si>
  <si>
    <t>cg27174861</t>
  </si>
  <si>
    <t>cg27174972</t>
  </si>
  <si>
    <t>cg27174983</t>
  </si>
  <si>
    <t>cg27175287</t>
  </si>
  <si>
    <t>cg27178922</t>
  </si>
  <si>
    <t>cg27180009</t>
  </si>
  <si>
    <t>cg27180412</t>
  </si>
  <si>
    <t>cg27181253</t>
  </si>
  <si>
    <t>cg27182133</t>
  </si>
  <si>
    <t>cg27182150</t>
  </si>
  <si>
    <t>cg27182764</t>
  </si>
  <si>
    <t>cg27183818</t>
  </si>
  <si>
    <t>cg27184249</t>
  </si>
  <si>
    <t>cg27185504</t>
  </si>
  <si>
    <t>cg27185793</t>
  </si>
  <si>
    <t>cg27187375</t>
  </si>
  <si>
    <t>cg27187555</t>
  </si>
  <si>
    <t>cg27197651</t>
  </si>
  <si>
    <t>cg27202708</t>
  </si>
  <si>
    <t>cg27206522</t>
  </si>
  <si>
    <t>cg27223158</t>
  </si>
  <si>
    <t>cg27223543</t>
  </si>
  <si>
    <t>cg27224809</t>
  </si>
  <si>
    <t>cg27224823</t>
  </si>
  <si>
    <t>cg27225130</t>
  </si>
  <si>
    <t>cg27225220</t>
  </si>
  <si>
    <t>cg27226320</t>
  </si>
  <si>
    <t>cg27227029</t>
  </si>
  <si>
    <t>cg27230067</t>
  </si>
  <si>
    <t>cg27230594</t>
  </si>
  <si>
    <t>cg27230749</t>
  </si>
  <si>
    <t>cg27230882</t>
  </si>
  <si>
    <t>cg27231188</t>
  </si>
  <si>
    <t>cg27231335</t>
  </si>
  <si>
    <t>cg27233192</t>
  </si>
  <si>
    <t>cg27235008</t>
  </si>
  <si>
    <t>cg27235315</t>
  </si>
  <si>
    <t>cg27238470</t>
  </si>
  <si>
    <t>cg27259271</t>
  </si>
  <si>
    <t>cg27261136</t>
  </si>
  <si>
    <t>cg27261597</t>
  </si>
  <si>
    <t>cg27262412</t>
  </si>
  <si>
    <t>cg27263063</t>
  </si>
  <si>
    <t>cg27264462</t>
  </si>
  <si>
    <t>cg27264894</t>
  </si>
  <si>
    <t>cg27265778</t>
  </si>
  <si>
    <t>cg27266479</t>
  </si>
  <si>
    <t>cg27267242</t>
  </si>
  <si>
    <t>cg27268184</t>
  </si>
  <si>
    <t>cg27268556</t>
  </si>
  <si>
    <t>cg27284019</t>
  </si>
  <si>
    <t>cg27287808</t>
  </si>
  <si>
    <t>cg27290394</t>
  </si>
  <si>
    <t>cg27291182</t>
  </si>
  <si>
    <t>cg27291710</t>
  </si>
  <si>
    <t>cg27292099</t>
  </si>
  <si>
    <t>cg27292588</t>
  </si>
  <si>
    <t>cg27294164</t>
  </si>
  <si>
    <t>cg27294431</t>
  </si>
  <si>
    <t>cg27295373</t>
  </si>
  <si>
    <t>cg27295412</t>
  </si>
  <si>
    <t>cg27295434</t>
  </si>
  <si>
    <t>cg27296937</t>
  </si>
  <si>
    <t>cg27297722</t>
  </si>
  <si>
    <t>cg27298072</t>
  </si>
  <si>
    <t>cg27298252</t>
  </si>
  <si>
    <t>cg27300185</t>
  </si>
  <si>
    <t>cg27300647</t>
  </si>
  <si>
    <t>cg27301475</t>
  </si>
  <si>
    <t>cg27302373</t>
  </si>
  <si>
    <t>cg27303106</t>
  </si>
  <si>
    <t>cg27304328</t>
  </si>
  <si>
    <t>cg27304549</t>
  </si>
  <si>
    <t>cg27305255</t>
  </si>
  <si>
    <t>cg27305525</t>
  </si>
  <si>
    <t>cg27305939</t>
  </si>
  <si>
    <t>cg27306802</t>
  </si>
  <si>
    <t>cg27308387</t>
  </si>
  <si>
    <t>cg27308687</t>
  </si>
  <si>
    <t>cg27309287</t>
  </si>
  <si>
    <t>cg27310485</t>
  </si>
  <si>
    <t>cg27312872</t>
  </si>
  <si>
    <t>cg27313012</t>
  </si>
  <si>
    <t>cg27313021</t>
  </si>
  <si>
    <t>cg27313201</t>
  </si>
  <si>
    <t>cg27315239</t>
  </si>
  <si>
    <t>cg27315635</t>
  </si>
  <si>
    <t>cg27316808</t>
  </si>
  <si>
    <t>cg27317026</t>
  </si>
  <si>
    <t>cg27317265</t>
  </si>
  <si>
    <t>cg27318474</t>
  </si>
  <si>
    <t>cg27326518</t>
  </si>
  <si>
    <t>cg27331277</t>
  </si>
  <si>
    <t>cg27332337</t>
  </si>
  <si>
    <t>cg27332575</t>
  </si>
  <si>
    <t>cg27337148</t>
  </si>
  <si>
    <t>cg27341860</t>
  </si>
  <si>
    <t>cg27342087</t>
  </si>
  <si>
    <t>cg27353619</t>
  </si>
  <si>
    <t>cg27360282</t>
  </si>
  <si>
    <t>cg27363486</t>
  </si>
  <si>
    <t>cg27383362</t>
  </si>
  <si>
    <t>cg27387030</t>
  </si>
  <si>
    <t>cg27387156</t>
  </si>
  <si>
    <t>cg27390255</t>
  </si>
  <si>
    <t>cg27390271</t>
  </si>
  <si>
    <t>cg27391649</t>
  </si>
  <si>
    <t>cg27392551</t>
  </si>
  <si>
    <t>cg27392775</t>
  </si>
  <si>
    <t>cg27394460</t>
  </si>
  <si>
    <t>cg27395917</t>
  </si>
  <si>
    <t>cg27398401</t>
  </si>
  <si>
    <t>cg27399052</t>
  </si>
  <si>
    <t>cg27401395</t>
  </si>
  <si>
    <t>cg27401784</t>
  </si>
  <si>
    <t>cg27403822</t>
  </si>
  <si>
    <t>cg27409012</t>
  </si>
  <si>
    <t>cg27414885</t>
  </si>
  <si>
    <t>cg27424906</t>
  </si>
  <si>
    <t>cg27425146</t>
  </si>
  <si>
    <t>cg27426044</t>
  </si>
  <si>
    <t>cg27426340</t>
  </si>
  <si>
    <t>cg27427318</t>
  </si>
  <si>
    <t>cg27428520</t>
  </si>
  <si>
    <t>cg27429627</t>
  </si>
  <si>
    <t>cg27430493</t>
  </si>
  <si>
    <t>cg27430545</t>
  </si>
  <si>
    <t>cg27430637</t>
  </si>
  <si>
    <t>cg27431182</t>
  </si>
  <si>
    <t>cg27432477</t>
  </si>
  <si>
    <t>cg27432826</t>
  </si>
  <si>
    <t>cg27433062</t>
  </si>
  <si>
    <t>cg27433482</t>
  </si>
  <si>
    <t>cg27433516</t>
  </si>
  <si>
    <t>cg27438425</t>
  </si>
  <si>
    <t>cg27440283</t>
  </si>
  <si>
    <t>cg27440715</t>
  </si>
  <si>
    <t>cg27441486</t>
  </si>
  <si>
    <t>cg27442164</t>
  </si>
  <si>
    <t>cg27442613</t>
  </si>
  <si>
    <t>cg27443693</t>
  </si>
  <si>
    <t>cg27444383</t>
  </si>
  <si>
    <t>cg27444414</t>
  </si>
  <si>
    <t>cg27444609</t>
  </si>
  <si>
    <t>cg27444789</t>
  </si>
  <si>
    <t>cg27444913</t>
  </si>
  <si>
    <t>cg27445522</t>
  </si>
  <si>
    <t>cg27446185</t>
  </si>
  <si>
    <t>cg27446442</t>
  </si>
  <si>
    <t>cg27446570</t>
  </si>
  <si>
    <t>cg27447254</t>
  </si>
  <si>
    <t>cg27449150</t>
  </si>
  <si>
    <t>cg27450557</t>
  </si>
  <si>
    <t>cg27451531</t>
  </si>
  <si>
    <t>cg27451587</t>
  </si>
  <si>
    <t>cg27462398</t>
  </si>
  <si>
    <t>cg27462969</t>
  </si>
  <si>
    <t>cg27470554</t>
  </si>
  <si>
    <t>cg27473416</t>
  </si>
  <si>
    <t>cg27477594</t>
  </si>
  <si>
    <t>cg27487046</t>
  </si>
  <si>
    <t>cg27487587</t>
  </si>
  <si>
    <t>cg27491458</t>
  </si>
  <si>
    <t>cg27493864</t>
  </si>
  <si>
    <t>cg27493997</t>
  </si>
  <si>
    <t>cg27495845</t>
  </si>
  <si>
    <t>cg27498304</t>
  </si>
  <si>
    <t>cg27503469</t>
  </si>
  <si>
    <t>cg27504064</t>
  </si>
  <si>
    <t>cg27505440</t>
  </si>
  <si>
    <t>cg27507237</t>
  </si>
  <si>
    <t>cg27508144</t>
  </si>
  <si>
    <t>cg27510275</t>
  </si>
  <si>
    <t>cg27511494</t>
  </si>
  <si>
    <t>cg27511824</t>
  </si>
  <si>
    <t>cg27511957</t>
  </si>
  <si>
    <t>cg27513308</t>
  </si>
  <si>
    <t>cg27513517</t>
  </si>
  <si>
    <t>cg27514730</t>
  </si>
  <si>
    <t>cg27515201</t>
  </si>
  <si>
    <t>cg27515966</t>
  </si>
  <si>
    <t>cg27517652</t>
  </si>
  <si>
    <t>cg27517681</t>
  </si>
  <si>
    <t>cg27518043</t>
  </si>
  <si>
    <t>cg27519145</t>
  </si>
  <si>
    <t>cg27520170</t>
  </si>
  <si>
    <t>cg27521109</t>
  </si>
  <si>
    <t>cg27522078</t>
  </si>
  <si>
    <t>cg27522154</t>
  </si>
  <si>
    <t>cg27523417</t>
  </si>
  <si>
    <t>cg27524192</t>
  </si>
  <si>
    <t>cg27525446</t>
  </si>
  <si>
    <t>cg27525524</t>
  </si>
  <si>
    <t>cg27526649</t>
  </si>
  <si>
    <t>cg27526774</t>
  </si>
  <si>
    <t>cg27527922</t>
  </si>
  <si>
    <t>cg27530136</t>
  </si>
  <si>
    <t>cg27530209</t>
  </si>
  <si>
    <t>cg27530370</t>
  </si>
  <si>
    <t>cg27531366</t>
  </si>
  <si>
    <t>cg27531553</t>
  </si>
  <si>
    <t>cg27532171</t>
  </si>
  <si>
    <t>cg27532845</t>
  </si>
  <si>
    <t>cg27534567</t>
  </si>
  <si>
    <t>cg27534772</t>
  </si>
  <si>
    <t>cg27535302</t>
  </si>
  <si>
    <t>cg27535305</t>
  </si>
  <si>
    <t>cg27535885</t>
  </si>
  <si>
    <t>cg27537053</t>
  </si>
  <si>
    <t>cg27537125</t>
  </si>
  <si>
    <t>cg27537199</t>
  </si>
  <si>
    <t>cg27537937</t>
  </si>
  <si>
    <t>cg27538026</t>
  </si>
  <si>
    <t>cg27538859</t>
  </si>
  <si>
    <t>cg27539247</t>
  </si>
  <si>
    <t>cg27540189</t>
  </si>
  <si>
    <t>cg27540799</t>
  </si>
  <si>
    <t>cg27540878</t>
  </si>
  <si>
    <t>cg27541892</t>
  </si>
  <si>
    <t>cg27542512</t>
  </si>
  <si>
    <t>cg27543334</t>
  </si>
  <si>
    <t>cg27543538</t>
  </si>
  <si>
    <t>cg27543571</t>
  </si>
  <si>
    <t>cg27543578</t>
  </si>
  <si>
    <t>cg27545300</t>
  </si>
  <si>
    <t>cg27546195</t>
  </si>
  <si>
    <t>cg27546670</t>
  </si>
  <si>
    <t>cg27546682</t>
  </si>
  <si>
    <t>cg27547344</t>
  </si>
  <si>
    <t>cg27547967</t>
  </si>
  <si>
    <t>cg27549944</t>
  </si>
  <si>
    <t>cg27550984</t>
  </si>
  <si>
    <t>cg27552476</t>
  </si>
  <si>
    <t>cg27552584</t>
  </si>
  <si>
    <t>cg27552960</t>
  </si>
  <si>
    <t>cg27557134</t>
  </si>
  <si>
    <t>cg27557317</t>
  </si>
  <si>
    <t>cg27557829</t>
  </si>
  <si>
    <t>cg27559224</t>
  </si>
  <si>
    <t>cg27559399</t>
  </si>
  <si>
    <t>cg27559747</t>
  </si>
  <si>
    <t>cg27561031</t>
  </si>
  <si>
    <t>cg27563027</t>
  </si>
  <si>
    <t>cg27563423</t>
  </si>
  <si>
    <t>cg27564123</t>
  </si>
  <si>
    <t>cg27564383</t>
  </si>
  <si>
    <t>cg27564656</t>
  </si>
  <si>
    <t>cg27565803</t>
  </si>
  <si>
    <t>cg27566858</t>
  </si>
  <si>
    <t>cg27568165</t>
  </si>
  <si>
    <t>cg27568983</t>
  </si>
  <si>
    <t>cg27569858</t>
  </si>
  <si>
    <t>cg27570354</t>
  </si>
  <si>
    <t>cg27570636</t>
  </si>
  <si>
    <t>cg27571590</t>
  </si>
  <si>
    <t>cg27572661</t>
  </si>
  <si>
    <t>cg27572855</t>
  </si>
  <si>
    <t>cg27573298</t>
  </si>
  <si>
    <t>cg27573888</t>
  </si>
  <si>
    <t>cg27573954</t>
  </si>
  <si>
    <t>cg27573975</t>
  </si>
  <si>
    <t>cg27573991</t>
  </si>
  <si>
    <t>cg27574786</t>
  </si>
  <si>
    <t>cg27575873</t>
  </si>
  <si>
    <t>cg27576241</t>
  </si>
  <si>
    <t>cg27576785</t>
  </si>
  <si>
    <t>cg27576900</t>
  </si>
  <si>
    <t>cg27577907</t>
  </si>
  <si>
    <t>cg27577972</t>
  </si>
  <si>
    <t>cg27578319</t>
  </si>
  <si>
    <t>cg27578869</t>
  </si>
  <si>
    <t>cg27579609</t>
  </si>
  <si>
    <t>cg27582013</t>
  </si>
  <si>
    <t>cg27582546</t>
  </si>
  <si>
    <t>cg27582585</t>
  </si>
  <si>
    <t>cg27582994</t>
  </si>
  <si>
    <t>cg27583088</t>
  </si>
  <si>
    <t>cg27583604</t>
  </si>
  <si>
    <t>cg27584013</t>
  </si>
  <si>
    <t>cg27584146</t>
  </si>
  <si>
    <t>cg27584255</t>
  </si>
  <si>
    <t>cg27585345</t>
  </si>
  <si>
    <t>cg27586065</t>
  </si>
  <si>
    <t>cg27586207</t>
  </si>
  <si>
    <t>cg27587033</t>
  </si>
  <si>
    <t>cg27587063</t>
  </si>
  <si>
    <t>cg27587125</t>
  </si>
  <si>
    <t>cg27588653</t>
  </si>
  <si>
    <t>cg27589731</t>
  </si>
  <si>
    <t>cg27626424</t>
  </si>
  <si>
    <t>cg27629454</t>
  </si>
  <si>
    <t>cg27629583</t>
  </si>
  <si>
    <t>cg27629735</t>
  </si>
  <si>
    <t>cg27630771</t>
  </si>
  <si>
    <t>cg27631005</t>
  </si>
  <si>
    <t>cg27631599</t>
  </si>
  <si>
    <t>cg27632268</t>
  </si>
  <si>
    <t>cg27632959</t>
  </si>
  <si>
    <t>cg27633762</t>
  </si>
  <si>
    <t>cg27634501</t>
  </si>
  <si>
    <t>cg27636676</t>
  </si>
  <si>
    <t>cg27637706</t>
  </si>
  <si>
    <t>cg27650434</t>
  </si>
  <si>
    <t>cg27660104</t>
  </si>
  <si>
    <t>cg27660165</t>
  </si>
  <si>
    <t>ch.1.95724F</t>
  </si>
  <si>
    <t>ch.1.5400413R</t>
  </si>
  <si>
    <t>ch.1.250064R</t>
  </si>
  <si>
    <t>ch.1.471396R</t>
  </si>
  <si>
    <t>ch.1.505031R</t>
  </si>
  <si>
    <t>ch.1.587982R</t>
  </si>
  <si>
    <t>ch.1.839062R</t>
  </si>
  <si>
    <t>ch.1.893623F</t>
  </si>
  <si>
    <t>ch.1.897769F</t>
  </si>
  <si>
    <t>ch.1.928723R</t>
  </si>
  <si>
    <t>ch.1.28801127F</t>
  </si>
  <si>
    <t>ch.1.28801140F</t>
  </si>
  <si>
    <t>ch.1.30340112R</t>
  </si>
  <si>
    <t>ch.1.1026209F</t>
  </si>
  <si>
    <t>ch.1.1180380F</t>
  </si>
  <si>
    <t>ch.1.38337696R</t>
  </si>
  <si>
    <t>ch.1.1337107R</t>
  </si>
  <si>
    <t>ch.1.1392349R</t>
  </si>
  <si>
    <t>ch.1.46653973R</t>
  </si>
  <si>
    <t>ch.1.48110560R</t>
  </si>
  <si>
    <t>ch.1.1603567F</t>
  </si>
  <si>
    <t>ch.1.55181547R</t>
  </si>
  <si>
    <t>ch.1.55746252R</t>
  </si>
  <si>
    <t>ch.1.55941967F</t>
  </si>
  <si>
    <t>ch.1.56581040R</t>
  </si>
  <si>
    <t>ch.1.59074111F</t>
  </si>
  <si>
    <t>ch.1.1854513R</t>
  </si>
  <si>
    <t>ch.1.69277142F</t>
  </si>
  <si>
    <t>ch.1.85841987R</t>
  </si>
  <si>
    <t>ch.1.87731801F</t>
  </si>
  <si>
    <t>ch.1.89724558F</t>
  </si>
  <si>
    <t>ch.1.90405031F</t>
  </si>
  <si>
    <t>ch.1.95007378R</t>
  </si>
  <si>
    <t>ch.1.95642235F</t>
  </si>
  <si>
    <t>ch.1.115475395F</t>
  </si>
  <si>
    <t>ch.1.2707897R</t>
  </si>
  <si>
    <t>ch.1.117057666F</t>
  </si>
  <si>
    <t>ch.1.2740682R</t>
  </si>
  <si>
    <t>ch.1.119678825R</t>
  </si>
  <si>
    <t>ch.1.2799699R</t>
  </si>
  <si>
    <t>ch.1.152821083R</t>
  </si>
  <si>
    <t>ch.1.156669547F</t>
  </si>
  <si>
    <t>ch.1.159013533R</t>
  </si>
  <si>
    <t>ch.1.169608016R</t>
  </si>
  <si>
    <t>ch.1.173201084F</t>
  </si>
  <si>
    <t>ch.1.173210533F</t>
  </si>
  <si>
    <t>ch.1.3439660F</t>
  </si>
  <si>
    <t>ch.1.3533603R</t>
  </si>
  <si>
    <t>ch.1.179457656R</t>
  </si>
  <si>
    <t>ch.1.191890432F</t>
  </si>
  <si>
    <t>ch.1.193863993R</t>
  </si>
  <si>
    <t>ch.1.194336624R</t>
  </si>
  <si>
    <t>ch.1.196707923R</t>
  </si>
  <si>
    <t>ch.1.3903344F</t>
  </si>
  <si>
    <t>ch.1.201092638F</t>
  </si>
  <si>
    <t>ch.1.201279582R</t>
  </si>
  <si>
    <t>ch.1.3947147F</t>
  </si>
  <si>
    <t>ch.1.3958639R</t>
  </si>
  <si>
    <t>ch.1.207058233R</t>
  </si>
  <si>
    <t>ch.1.207470409R</t>
  </si>
  <si>
    <t>ch.1.219274665F</t>
  </si>
  <si>
    <t>ch.1.222606050F</t>
  </si>
  <si>
    <t>ch.1.4459276R</t>
  </si>
  <si>
    <t>ch.1.226360333F</t>
  </si>
  <si>
    <t>ch.1.227099949R</t>
  </si>
  <si>
    <t>ch.1.230766435F</t>
  </si>
  <si>
    <t>ch.1.231737468F</t>
  </si>
  <si>
    <t>ch.1.4634054R</t>
  </si>
  <si>
    <t>ch.1.233191923R</t>
  </si>
  <si>
    <t>ch.1.4690234F</t>
  </si>
  <si>
    <t>ch.1.4707864F</t>
  </si>
  <si>
    <t>cg00004207</t>
  </si>
  <si>
    <t>cg00005849</t>
  </si>
  <si>
    <t>cg00010789</t>
  </si>
  <si>
    <t>cg00011856</t>
  </si>
  <si>
    <t>cg00013804</t>
  </si>
  <si>
    <t>cg00014085</t>
  </si>
  <si>
    <t>cg00014285</t>
  </si>
  <si>
    <t>cg00014998</t>
  </si>
  <si>
    <t>cg00015058</t>
  </si>
  <si>
    <t>cg00017842</t>
  </si>
  <si>
    <t>cg00018606</t>
  </si>
  <si>
    <t>cg00020052</t>
  </si>
  <si>
    <t>cg00021256</t>
  </si>
  <si>
    <t>cg00022308</t>
  </si>
  <si>
    <t>cg00023288</t>
  </si>
  <si>
    <t>cg00024812</t>
  </si>
  <si>
    <t>cg00025331</t>
  </si>
  <si>
    <t>cg00027232</t>
  </si>
  <si>
    <t>cg00028056</t>
  </si>
  <si>
    <t>cg00031476</t>
  </si>
  <si>
    <t>cg00034376</t>
  </si>
  <si>
    <t>cg00035812</t>
  </si>
  <si>
    <t>cg00037013</t>
  </si>
  <si>
    <t>cg00038342</t>
  </si>
  <si>
    <t>cg00042059</t>
  </si>
  <si>
    <t>cg00042186</t>
  </si>
  <si>
    <t>cg00042263</t>
  </si>
  <si>
    <t>cg00043800</t>
  </si>
  <si>
    <t>cg00044097</t>
  </si>
  <si>
    <t>cg00050692</t>
  </si>
  <si>
    <t>cg00051546</t>
  </si>
  <si>
    <t>cg00052932</t>
  </si>
  <si>
    <t>cg00054639</t>
  </si>
  <si>
    <t>cg00054771</t>
  </si>
  <si>
    <t>cg00055848</t>
  </si>
  <si>
    <t>cg00056074</t>
  </si>
  <si>
    <t>cg00057663</t>
  </si>
  <si>
    <t>cg00058708</t>
  </si>
  <si>
    <t>cg00065921</t>
  </si>
  <si>
    <t>cg00066919</t>
  </si>
  <si>
    <t>cg00067126</t>
  </si>
  <si>
    <t>cg00068102</t>
  </si>
  <si>
    <t>cg00071045</t>
  </si>
  <si>
    <t>cg00073837</t>
  </si>
  <si>
    <t>cg00075620</t>
  </si>
  <si>
    <t>cg00076325</t>
  </si>
  <si>
    <t>cg00076774</t>
  </si>
  <si>
    <t>cg00078318</t>
  </si>
  <si>
    <t>cg00078911</t>
  </si>
  <si>
    <t>cg00080418</t>
  </si>
  <si>
    <t>cg00081574</t>
  </si>
  <si>
    <t>cg00081919</t>
  </si>
  <si>
    <t>cg00082426</t>
  </si>
  <si>
    <t>cg00082770</t>
  </si>
  <si>
    <t>cg00083046</t>
  </si>
  <si>
    <t>cg00084958</t>
  </si>
  <si>
    <t>cg00085123</t>
  </si>
  <si>
    <t>cg00085256</t>
  </si>
  <si>
    <t>cg00086429</t>
  </si>
  <si>
    <t>cg00087153</t>
  </si>
  <si>
    <t>cg00088972</t>
  </si>
  <si>
    <t>cg00089091</t>
  </si>
  <si>
    <t>cg00089101</t>
  </si>
  <si>
    <t>cg00090431</t>
  </si>
  <si>
    <t>cg00091964</t>
  </si>
  <si>
    <t>cg00094359</t>
  </si>
  <si>
    <t>cg00094744</t>
  </si>
  <si>
    <t>cg00094851</t>
  </si>
  <si>
    <t>cg00095772</t>
  </si>
  <si>
    <t>cg00096307</t>
  </si>
  <si>
    <t>cg00097536</t>
  </si>
  <si>
    <t>cg00099835</t>
  </si>
  <si>
    <t>cg00102512</t>
  </si>
  <si>
    <t>cg00105475</t>
  </si>
  <si>
    <t>cg00106250</t>
  </si>
  <si>
    <t>cg00107577</t>
  </si>
  <si>
    <t>cg00107606</t>
  </si>
  <si>
    <t>cg00111359</t>
  </si>
  <si>
    <t>cg00111778</t>
  </si>
  <si>
    <t>cg00118342</t>
  </si>
  <si>
    <t>cg00122854</t>
  </si>
  <si>
    <t>cg00123017</t>
  </si>
  <si>
    <t>cg00129196</t>
  </si>
  <si>
    <t>cg00130528</t>
  </si>
  <si>
    <t>cg00135874</t>
  </si>
  <si>
    <t>cg00137918</t>
  </si>
  <si>
    <t>cg00138710</t>
  </si>
  <si>
    <t>cg00139455</t>
  </si>
  <si>
    <t>cg00142933</t>
  </si>
  <si>
    <t>cg00143376</t>
  </si>
  <si>
    <t>cg00144550</t>
  </si>
  <si>
    <t>cg00145875</t>
  </si>
  <si>
    <t>cg00146565</t>
  </si>
  <si>
    <t>cg00148862</t>
  </si>
  <si>
    <t>cg00150231</t>
  </si>
  <si>
    <t>cg00156336</t>
  </si>
  <si>
    <t>cg00158434</t>
  </si>
  <si>
    <t>cg00160478</t>
  </si>
  <si>
    <t>cg00161515</t>
  </si>
  <si>
    <t>cg00164150</t>
  </si>
  <si>
    <t>cg00164196</t>
  </si>
  <si>
    <t>cg00164217</t>
  </si>
  <si>
    <t>cg00174992</t>
  </si>
  <si>
    <t>cg00178224</t>
  </si>
  <si>
    <t>cg00178897</t>
  </si>
  <si>
    <t>cg00178928</t>
  </si>
  <si>
    <t>cg00185988</t>
  </si>
  <si>
    <t>cg00189101</t>
  </si>
  <si>
    <t>cg00190206</t>
  </si>
  <si>
    <t>cg00194126</t>
  </si>
  <si>
    <t>cg00196414</t>
  </si>
  <si>
    <t>cg00208218</t>
  </si>
  <si>
    <t>cg00209520</t>
  </si>
  <si>
    <t>cg00212786</t>
  </si>
  <si>
    <t>cg00215611</t>
  </si>
  <si>
    <t>cg00216056</t>
  </si>
  <si>
    <t>cg00216659</t>
  </si>
  <si>
    <t>cg00217953</t>
  </si>
  <si>
    <t>cg00218620</t>
  </si>
  <si>
    <t>cg00221625</t>
  </si>
  <si>
    <t>cg00221794</t>
  </si>
  <si>
    <t>cg00222801</t>
  </si>
  <si>
    <t>cg00223042</t>
  </si>
  <si>
    <t>cg00223681</t>
  </si>
  <si>
    <t>cg00223703</t>
  </si>
  <si>
    <t>cg00224886</t>
  </si>
  <si>
    <t>cg00224929</t>
  </si>
  <si>
    <t>cg00226984</t>
  </si>
  <si>
    <t>cg00232805</t>
  </si>
  <si>
    <t>cg00234616</t>
  </si>
  <si>
    <t>cg00236766</t>
  </si>
  <si>
    <t>cg00238570</t>
  </si>
  <si>
    <t>cg00239025</t>
  </si>
  <si>
    <t>cg00239117</t>
  </si>
  <si>
    <t>cg00239394</t>
  </si>
  <si>
    <t>cg00242526</t>
  </si>
  <si>
    <t>cg00244308</t>
  </si>
  <si>
    <t>cg00245746</t>
  </si>
  <si>
    <t>cg00246301</t>
  </si>
  <si>
    <t>cg00254524</t>
  </si>
  <si>
    <t>cg00256512</t>
  </si>
  <si>
    <t>cg00259518</t>
  </si>
  <si>
    <t>cg00259871</t>
  </si>
  <si>
    <t>cg00260012</t>
  </si>
  <si>
    <t>cg00260634</t>
  </si>
  <si>
    <t>cg00260911</t>
  </si>
  <si>
    <t>cg00270460</t>
  </si>
  <si>
    <t>cg00270778</t>
  </si>
  <si>
    <t>cg00271154</t>
  </si>
  <si>
    <t>cg00273449</t>
  </si>
  <si>
    <t>cg00277048</t>
  </si>
  <si>
    <t>cg00278547</t>
  </si>
  <si>
    <t>cg00280895</t>
  </si>
  <si>
    <t>cg00281776</t>
  </si>
  <si>
    <t>cg00281837</t>
  </si>
  <si>
    <t>cg00283247</t>
  </si>
  <si>
    <t>cg00283742</t>
  </si>
  <si>
    <t>cg00283986</t>
  </si>
  <si>
    <t>cg00284173</t>
  </si>
  <si>
    <t>cg00285317</t>
  </si>
  <si>
    <t>cg00287322</t>
  </si>
  <si>
    <t>cg00288463</t>
  </si>
  <si>
    <t>cg00290667</t>
  </si>
  <si>
    <t>cg00293936</t>
  </si>
  <si>
    <t>cg00295259</t>
  </si>
  <si>
    <t>cg00296643</t>
  </si>
  <si>
    <t>cg00298910</t>
  </si>
  <si>
    <t>cg00301677</t>
  </si>
  <si>
    <t>cg00302479</t>
  </si>
  <si>
    <t>cg00302494</t>
  </si>
  <si>
    <t>cg00303183</t>
  </si>
  <si>
    <t>cg00303450</t>
  </si>
  <si>
    <t>cg00303811</t>
  </si>
  <si>
    <t>cg00306112</t>
  </si>
  <si>
    <t>cg00306298</t>
  </si>
  <si>
    <t>cg00306378</t>
  </si>
  <si>
    <t>cg00306909</t>
  </si>
  <si>
    <t>cg00307497</t>
  </si>
  <si>
    <t>cg00308594</t>
  </si>
  <si>
    <t>cg00308618</t>
  </si>
  <si>
    <t>cg00310410</t>
  </si>
  <si>
    <t>cg00311667</t>
  </si>
  <si>
    <t>cg00314943</t>
  </si>
  <si>
    <t>cg00318519</t>
  </si>
  <si>
    <t>cg00319168</t>
  </si>
  <si>
    <t>cg00322319</t>
  </si>
  <si>
    <t>cg00323266</t>
  </si>
  <si>
    <t>cg00326719</t>
  </si>
  <si>
    <t>cg00326842</t>
  </si>
  <si>
    <t>cg00327355</t>
  </si>
  <si>
    <t>cg00330346</t>
  </si>
  <si>
    <t>cg00332961</t>
  </si>
  <si>
    <t>cg00338529</t>
  </si>
  <si>
    <t>cg00339012</t>
  </si>
  <si>
    <t>cg00341742</t>
  </si>
  <si>
    <t>cg00352349</t>
  </si>
  <si>
    <t>cg00352532</t>
  </si>
  <si>
    <t>cg00354484</t>
  </si>
  <si>
    <t>cg00356875</t>
  </si>
  <si>
    <t>cg00356999</t>
  </si>
  <si>
    <t>cg00357532</t>
  </si>
  <si>
    <t>cg00358213</t>
  </si>
  <si>
    <t>cg00358323</t>
  </si>
  <si>
    <t>cg00358456</t>
  </si>
  <si>
    <t>cg00359181</t>
  </si>
  <si>
    <t>cg00360324</t>
  </si>
  <si>
    <t>cg00360600</t>
  </si>
  <si>
    <t>cg00360610</t>
  </si>
  <si>
    <t>cg00362263</t>
  </si>
  <si>
    <t>cg00366850</t>
  </si>
  <si>
    <t>cg00369181</t>
  </si>
  <si>
    <t>cg00369376</t>
  </si>
  <si>
    <t>cg00369613</t>
  </si>
  <si>
    <t>cg00369640</t>
  </si>
  <si>
    <t>cg00371950</t>
  </si>
  <si>
    <t>cg00372692</t>
  </si>
  <si>
    <t>cg00372908</t>
  </si>
  <si>
    <t>cg00374224</t>
  </si>
  <si>
    <t>cg00378144</t>
  </si>
  <si>
    <t>cg00382515</t>
  </si>
  <si>
    <t>cg00389406</t>
  </si>
  <si>
    <t>cg00390682</t>
  </si>
  <si>
    <t>cg00393837</t>
  </si>
  <si>
    <t>cg00397585</t>
  </si>
  <si>
    <t>cg00400334</t>
  </si>
  <si>
    <t>cg00401745</t>
  </si>
  <si>
    <t>cg00401761</t>
  </si>
  <si>
    <t>cg00408964</t>
  </si>
  <si>
    <t>cg00410106</t>
  </si>
  <si>
    <t>cg00410370</t>
  </si>
  <si>
    <t>cg00412534</t>
  </si>
  <si>
    <t>cg00416386</t>
  </si>
  <si>
    <t>cg00419568</t>
  </si>
  <si>
    <t>cg00419604</t>
  </si>
  <si>
    <t>cg00421221</t>
  </si>
  <si>
    <t>cg00421335</t>
  </si>
  <si>
    <t>cg00422120</t>
  </si>
  <si>
    <t>cg00422230</t>
  </si>
  <si>
    <t>cg00422311</t>
  </si>
  <si>
    <t>cg00423969</t>
  </si>
  <si>
    <t>cg00427800</t>
  </si>
  <si>
    <t>cg00431699</t>
  </si>
  <si>
    <t>cg00433364</t>
  </si>
  <si>
    <t>cg00433654</t>
  </si>
  <si>
    <t>cg00434885</t>
  </si>
  <si>
    <t>cg00436254</t>
  </si>
  <si>
    <t>cg00438775</t>
  </si>
  <si>
    <t>cg00439733</t>
  </si>
  <si>
    <t>cg00443111</t>
  </si>
  <si>
    <t>cg00445305</t>
  </si>
  <si>
    <t>cg00445405</t>
  </si>
  <si>
    <t>cg00446536</t>
  </si>
  <si>
    <t>cg00446684</t>
  </si>
  <si>
    <t>cg00447867</t>
  </si>
  <si>
    <t>cg00450990</t>
  </si>
  <si>
    <t>cg00451388</t>
  </si>
  <si>
    <t>cg00451397</t>
  </si>
  <si>
    <t>cg00452266</t>
  </si>
  <si>
    <t>cg00454290</t>
  </si>
  <si>
    <t>cg00454409</t>
  </si>
  <si>
    <t>cg00455331</t>
  </si>
  <si>
    <t>cg00455467</t>
  </si>
  <si>
    <t>cg00455892</t>
  </si>
  <si>
    <t>cg00456387</t>
  </si>
  <si>
    <t>cg00456551</t>
  </si>
  <si>
    <t>cg00458295</t>
  </si>
  <si>
    <t>cg00458932</t>
  </si>
  <si>
    <t>cg00459218</t>
  </si>
  <si>
    <t>cg00459312</t>
  </si>
  <si>
    <t>cg00459898</t>
  </si>
  <si>
    <t>cg00459909</t>
  </si>
  <si>
    <t>cg00460704</t>
  </si>
  <si>
    <t>cg00460795</t>
  </si>
  <si>
    <t>cg00462525</t>
  </si>
  <si>
    <t>cg00463767</t>
  </si>
  <si>
    <t>cg00465250</t>
  </si>
  <si>
    <t>cg00465284</t>
  </si>
  <si>
    <t>cg00466892</t>
  </si>
  <si>
    <t>cg00469269</t>
  </si>
  <si>
    <t>cg00469547</t>
  </si>
  <si>
    <t>cg00469797</t>
  </si>
  <si>
    <t>cg00469856</t>
  </si>
  <si>
    <t>cg00470786</t>
  </si>
  <si>
    <t>cg00473916</t>
  </si>
  <si>
    <t>cg00474696</t>
  </si>
  <si>
    <t>cg00474798</t>
  </si>
  <si>
    <t>cg00476037</t>
  </si>
  <si>
    <t>cg00476149</t>
  </si>
  <si>
    <t>cg00476358</t>
  </si>
  <si>
    <t>cg00478246</t>
  </si>
  <si>
    <t>cg00480231</t>
  </si>
  <si>
    <t>cg00480848</t>
  </si>
  <si>
    <t>cg00481639</t>
  </si>
  <si>
    <t>cg00483217</t>
  </si>
  <si>
    <t>cg00483891</t>
  </si>
  <si>
    <t>cg00484122</t>
  </si>
  <si>
    <t>cg00486564</t>
  </si>
  <si>
    <t>cg00488692</t>
  </si>
  <si>
    <t>cg00489325</t>
  </si>
  <si>
    <t>cg00489730</t>
  </si>
  <si>
    <t>cg00490052</t>
  </si>
  <si>
    <t>cg00491412</t>
  </si>
  <si>
    <t>cg00491675</t>
  </si>
  <si>
    <t>cg00492108</t>
  </si>
  <si>
    <t>cg00493139</t>
  </si>
  <si>
    <t>cg00494683</t>
  </si>
  <si>
    <t>cg00494710</t>
  </si>
  <si>
    <t>cg00495036</t>
  </si>
  <si>
    <t>cg00495775</t>
  </si>
  <si>
    <t>cg00495909</t>
  </si>
  <si>
    <t>cg00495988</t>
  </si>
  <si>
    <t>cg00496484</t>
  </si>
  <si>
    <t>cg00496791</t>
  </si>
  <si>
    <t>cg00497251</t>
  </si>
  <si>
    <t>cg00498163</t>
  </si>
  <si>
    <t>cg00498211</t>
  </si>
  <si>
    <t>cg00498289</t>
  </si>
  <si>
    <t>cg00499237</t>
  </si>
  <si>
    <t>cg00499289</t>
  </si>
  <si>
    <t>cg00499524</t>
  </si>
  <si>
    <t>cg00499539</t>
  </si>
  <si>
    <t>cg00500070</t>
  </si>
  <si>
    <t>cg00500333</t>
  </si>
  <si>
    <t>cg00500424</t>
  </si>
  <si>
    <t>cg00501242</t>
  </si>
  <si>
    <t>cg00506866</t>
  </si>
  <si>
    <t>cg00508817</t>
  </si>
  <si>
    <t>cg00510111</t>
  </si>
  <si>
    <t>cg00510539</t>
  </si>
  <si>
    <t>cg00521934</t>
  </si>
  <si>
    <t>cg00522893</t>
  </si>
  <si>
    <t>cg00524899</t>
  </si>
  <si>
    <t>cg00526032</t>
  </si>
  <si>
    <t>cg00527440</t>
  </si>
  <si>
    <t>cg00529371</t>
  </si>
  <si>
    <t>cg00534380</t>
  </si>
  <si>
    <t>cg00535466</t>
  </si>
  <si>
    <t>cg00537210</t>
  </si>
  <si>
    <t>cg00537910</t>
  </si>
  <si>
    <t>cg00538370</t>
  </si>
  <si>
    <t>cg00539049</t>
  </si>
  <si>
    <t>cg00539716</t>
  </si>
  <si>
    <t>cg00540363</t>
  </si>
  <si>
    <t>cg00540587</t>
  </si>
  <si>
    <t>cg00542975</t>
  </si>
  <si>
    <t>cg00549896</t>
  </si>
  <si>
    <t>cg00550747</t>
  </si>
  <si>
    <t>cg00550976</t>
  </si>
  <si>
    <t>cg00551088</t>
  </si>
  <si>
    <t>cg00551609</t>
  </si>
  <si>
    <t>cg00551847</t>
  </si>
  <si>
    <t>cg00552226</t>
  </si>
  <si>
    <t>cg00554682</t>
  </si>
  <si>
    <t>cg00556742</t>
  </si>
  <si>
    <t>cg00557069</t>
  </si>
  <si>
    <t>cg00559935</t>
  </si>
  <si>
    <t>cg00561854</t>
  </si>
  <si>
    <t>cg00562916</t>
  </si>
  <si>
    <t>cg00565882</t>
  </si>
  <si>
    <t>cg00570341</t>
  </si>
  <si>
    <t>cg00572058</t>
  </si>
  <si>
    <t>cg00573410</t>
  </si>
  <si>
    <t>cg00573606</t>
  </si>
  <si>
    <t>cg00574114</t>
  </si>
  <si>
    <t>cg00578637</t>
  </si>
  <si>
    <t>cg00579706</t>
  </si>
  <si>
    <t>cg00582316</t>
  </si>
  <si>
    <t>cg00584683</t>
  </si>
  <si>
    <t>cg00584995</t>
  </si>
  <si>
    <t>cg00587485</t>
  </si>
  <si>
    <t>cg00591844</t>
  </si>
  <si>
    <t>cg00592063</t>
  </si>
  <si>
    <t>cg00593717</t>
  </si>
  <si>
    <t>cg00597225</t>
  </si>
  <si>
    <t>cg00598985</t>
  </si>
  <si>
    <t>cg00603418</t>
  </si>
  <si>
    <t>cg00604935</t>
  </si>
  <si>
    <t>cg00605057</t>
  </si>
  <si>
    <t>cg00605408</t>
  </si>
  <si>
    <t>cg00605523</t>
  </si>
  <si>
    <t>cg00605777</t>
  </si>
  <si>
    <t>cg00607755</t>
  </si>
  <si>
    <t>cg00607919</t>
  </si>
  <si>
    <t>cg00610692</t>
  </si>
  <si>
    <t>cg00612138</t>
  </si>
  <si>
    <t>cg00617064</t>
  </si>
  <si>
    <t>cg00619345</t>
  </si>
  <si>
    <t>cg00620628</t>
  </si>
  <si>
    <t>cg00622580</t>
  </si>
  <si>
    <t>cg00626390</t>
  </si>
  <si>
    <t>cg00626599</t>
  </si>
  <si>
    <t>cg00630775</t>
  </si>
  <si>
    <t>cg00634542</t>
  </si>
  <si>
    <t>cg00634606</t>
  </si>
  <si>
    <t>cg00637745</t>
  </si>
  <si>
    <t>cg00639289</t>
  </si>
  <si>
    <t>cg00642798</t>
  </si>
  <si>
    <t>cg00648955</t>
  </si>
  <si>
    <t>cg00652772</t>
  </si>
  <si>
    <t>cg00654888</t>
  </si>
  <si>
    <t>cg00655779</t>
  </si>
  <si>
    <t>cg00658082</t>
  </si>
  <si>
    <t>cg00658743</t>
  </si>
  <si>
    <t>cg00660140</t>
  </si>
  <si>
    <t>cg00665395</t>
  </si>
  <si>
    <t>cg00666842</t>
  </si>
  <si>
    <t>cg00666849</t>
  </si>
  <si>
    <t>cg00669330</t>
  </si>
  <si>
    <t>cg00669746</t>
  </si>
  <si>
    <t>cg00672332</t>
  </si>
  <si>
    <t>cg00672622</t>
  </si>
  <si>
    <t>cg00673006</t>
  </si>
  <si>
    <t>cg00674896</t>
  </si>
  <si>
    <t>cg00676801</t>
  </si>
  <si>
    <t>cg00679662</t>
  </si>
  <si>
    <t>cg00679731</t>
  </si>
  <si>
    <t>cg00679877</t>
  </si>
  <si>
    <t>cg00680014</t>
  </si>
  <si>
    <t>cg00680277</t>
  </si>
  <si>
    <t>cg00680696</t>
  </si>
  <si>
    <t>cg00682069</t>
  </si>
  <si>
    <t>cg00685723</t>
  </si>
  <si>
    <t>cg00685853</t>
  </si>
  <si>
    <t>cg00688330</t>
  </si>
  <si>
    <t>cg00688465</t>
  </si>
  <si>
    <t>cg00689340</t>
  </si>
  <si>
    <t>cg00694520</t>
  </si>
  <si>
    <t>cg00699392</t>
  </si>
  <si>
    <t>cg00699941</t>
  </si>
  <si>
    <t>cg00703885</t>
  </si>
  <si>
    <t>cg00704126</t>
  </si>
  <si>
    <t>cg00704227</t>
  </si>
  <si>
    <t>cg00705576</t>
  </si>
  <si>
    <t>cg00706282</t>
  </si>
  <si>
    <t>cg00706469</t>
  </si>
  <si>
    <t>cg00707741</t>
  </si>
  <si>
    <t>cg00708603</t>
  </si>
  <si>
    <t>cg00710180</t>
  </si>
  <si>
    <t>cg00710366</t>
  </si>
  <si>
    <t>cg00710466</t>
  </si>
  <si>
    <t>cg00710862</t>
  </si>
  <si>
    <t>cg00711386</t>
  </si>
  <si>
    <t>cg00711916</t>
  </si>
  <si>
    <t>cg00712943</t>
  </si>
  <si>
    <t>cg00715925</t>
  </si>
  <si>
    <t>cg00716254</t>
  </si>
  <si>
    <t>cg00716470</t>
  </si>
  <si>
    <t>cg00716787</t>
  </si>
  <si>
    <t>cg00717734</t>
  </si>
  <si>
    <t>cg00718513</t>
  </si>
  <si>
    <t>cg00718694</t>
  </si>
  <si>
    <t>cg00719165</t>
  </si>
  <si>
    <t>cg00724015</t>
  </si>
  <si>
    <t>cg00724403</t>
  </si>
  <si>
    <t>cg00729049</t>
  </si>
  <si>
    <t>cg00732907</t>
  </si>
  <si>
    <t>cg00738085</t>
  </si>
  <si>
    <t>cg00741946</t>
  </si>
  <si>
    <t>cg00745486</t>
  </si>
  <si>
    <t>cg00747372</t>
  </si>
  <si>
    <t>cg00751386</t>
  </si>
  <si>
    <t>cg00755592</t>
  </si>
  <si>
    <t>cg00760938</t>
  </si>
  <si>
    <t>cg00763679</t>
  </si>
  <si>
    <t>cg00764099</t>
  </si>
  <si>
    <t>cg00764619</t>
  </si>
  <si>
    <t>cg00765233</t>
  </si>
  <si>
    <t>cg00765721</t>
  </si>
  <si>
    <t>cg00767581</t>
  </si>
  <si>
    <t>cg00768999</t>
  </si>
  <si>
    <t>cg00771084</t>
  </si>
  <si>
    <t>cg00771688</t>
  </si>
  <si>
    <t>cg00772991</t>
  </si>
  <si>
    <t>cg00774457</t>
  </si>
  <si>
    <t>cg00777375</t>
  </si>
  <si>
    <t>cg00778107</t>
  </si>
  <si>
    <t>cg00779216</t>
  </si>
  <si>
    <t>cg00781604</t>
  </si>
  <si>
    <t>cg00783159</t>
  </si>
  <si>
    <t>cg00783525</t>
  </si>
  <si>
    <t>cg00784161</t>
  </si>
  <si>
    <t>cg00785193</t>
  </si>
  <si>
    <t>cg00786305</t>
  </si>
  <si>
    <t>cg00787022</t>
  </si>
  <si>
    <t>cg00787282</t>
  </si>
  <si>
    <t>cg00787608</t>
  </si>
  <si>
    <t>cg00788222</t>
  </si>
  <si>
    <t>cg00788660</t>
  </si>
  <si>
    <t>cg00789484</t>
  </si>
  <si>
    <t>cg00790071</t>
  </si>
  <si>
    <t>cg00791321</t>
  </si>
  <si>
    <t>cg00792123</t>
  </si>
  <si>
    <t>cg00793946</t>
  </si>
  <si>
    <t>cg00795812</t>
  </si>
  <si>
    <t>cg00810351</t>
  </si>
  <si>
    <t>cg00811334</t>
  </si>
  <si>
    <t>cg00820208</t>
  </si>
  <si>
    <t>cg00820718</t>
  </si>
  <si>
    <t>cg00821731</t>
  </si>
  <si>
    <t>cg00822666</t>
  </si>
  <si>
    <t>cg00822840</t>
  </si>
  <si>
    <t>cg00823148</t>
  </si>
  <si>
    <t>cg00824156</t>
  </si>
  <si>
    <t>cg00826615</t>
  </si>
  <si>
    <t>cg00826855</t>
  </si>
  <si>
    <t>cg00827989</t>
  </si>
  <si>
    <t>cg00828836</t>
  </si>
  <si>
    <t>cg00829041</t>
  </si>
  <si>
    <t>cg00829063</t>
  </si>
  <si>
    <t>cg00829091</t>
  </si>
  <si>
    <t>cg00830419</t>
  </si>
  <si>
    <t>cg00831233</t>
  </si>
  <si>
    <t>cg00831247</t>
  </si>
  <si>
    <t>cg00832199</t>
  </si>
  <si>
    <t>cg00835279</t>
  </si>
  <si>
    <t>cg00835771</t>
  </si>
  <si>
    <t>cg00841141</t>
  </si>
  <si>
    <t>cg00851111</t>
  </si>
  <si>
    <t>cg00852846</t>
  </si>
  <si>
    <t>cg00853811</t>
  </si>
  <si>
    <t>cg00853940</t>
  </si>
  <si>
    <t>cg00854172</t>
  </si>
  <si>
    <t>cg00856375</t>
  </si>
  <si>
    <t>cg00856404</t>
  </si>
  <si>
    <t>cg00858840</t>
  </si>
  <si>
    <t>cg00861295</t>
  </si>
  <si>
    <t>cg00864666</t>
  </si>
  <si>
    <t>cg00866399</t>
  </si>
  <si>
    <t>cg00866476</t>
  </si>
  <si>
    <t>cg00869158</t>
  </si>
  <si>
    <t>cg00869488</t>
  </si>
  <si>
    <t>cg00870633</t>
  </si>
  <si>
    <t>cg00871530</t>
  </si>
  <si>
    <t>cg00872435</t>
  </si>
  <si>
    <t>cg00875096</t>
  </si>
  <si>
    <t>cg00877964</t>
  </si>
  <si>
    <t>cg00879141</t>
  </si>
  <si>
    <t>cg00880670</t>
  </si>
  <si>
    <t>cg00881168</t>
  </si>
  <si>
    <t>cg00883311</t>
  </si>
  <si>
    <t>cg00886669</t>
  </si>
  <si>
    <t>cg00886730</t>
  </si>
  <si>
    <t>cg00887755</t>
  </si>
  <si>
    <t>cg00888162</t>
  </si>
  <si>
    <t>cg00893471</t>
  </si>
  <si>
    <t>cg00897796</t>
  </si>
  <si>
    <t>cg00898683</t>
  </si>
  <si>
    <t>cg00898920</t>
  </si>
  <si>
    <t>cg00899350</t>
  </si>
  <si>
    <t>cg00899641</t>
  </si>
  <si>
    <t>cg00899883</t>
  </si>
  <si>
    <t>cg00900242</t>
  </si>
  <si>
    <t>cg00901401</t>
  </si>
  <si>
    <t>cg00901946</t>
  </si>
  <si>
    <t>cg00901982</t>
  </si>
  <si>
    <t>cg00903371</t>
  </si>
  <si>
    <t>cg00907200</t>
  </si>
  <si>
    <t>cg00908571</t>
  </si>
  <si>
    <t>cg00909847</t>
  </si>
  <si>
    <t>cg00910676</t>
  </si>
  <si>
    <t>cg00912573</t>
  </si>
  <si>
    <t>cg00912580</t>
  </si>
  <si>
    <t>cg00912598</t>
  </si>
  <si>
    <t>cg00913289</t>
  </si>
  <si>
    <t>cg00914626</t>
  </si>
  <si>
    <t>cg00916536</t>
  </si>
  <si>
    <t>cg00922796</t>
  </si>
  <si>
    <t>cg00924278</t>
  </si>
  <si>
    <t>cg00928397</t>
  </si>
  <si>
    <t>cg00930628</t>
  </si>
  <si>
    <t>cg00930762</t>
  </si>
  <si>
    <t>cg00935887</t>
  </si>
  <si>
    <t>cg00945862</t>
  </si>
  <si>
    <t>cg00949249</t>
  </si>
  <si>
    <t>cg00952814</t>
  </si>
  <si>
    <t>cg00955035</t>
  </si>
  <si>
    <t>cg00962459</t>
  </si>
  <si>
    <t>cg00968638</t>
  </si>
  <si>
    <t>cg00969323</t>
  </si>
  <si>
    <t>cg00975587</t>
  </si>
  <si>
    <t>cg00976328</t>
  </si>
  <si>
    <t>cg00978475</t>
  </si>
  <si>
    <t>cg00978848</t>
  </si>
  <si>
    <t>cg00980331</t>
  </si>
  <si>
    <t>cg00980772</t>
  </si>
  <si>
    <t>cg00981060</t>
  </si>
  <si>
    <t>cg00981472</t>
  </si>
  <si>
    <t>cg00981994</t>
  </si>
  <si>
    <t>cg00982680</t>
  </si>
  <si>
    <t>cg00988260</t>
  </si>
  <si>
    <t>cg00993484</t>
  </si>
  <si>
    <t>cg00993543</t>
  </si>
  <si>
    <t>cg00993677</t>
  </si>
  <si>
    <t>cg00994876</t>
  </si>
  <si>
    <t>cg00995798</t>
  </si>
  <si>
    <t>cg00997079</t>
  </si>
  <si>
    <t>cg00998372</t>
  </si>
  <si>
    <t>cg00999152</t>
  </si>
  <si>
    <t>cg00999904</t>
  </si>
  <si>
    <t>cg00999988</t>
  </si>
  <si>
    <t>cg01002570</t>
  </si>
  <si>
    <t>cg01003859</t>
  </si>
  <si>
    <t>cg01003959</t>
  </si>
  <si>
    <t>cg01004017</t>
  </si>
  <si>
    <t>cg01004382</t>
  </si>
  <si>
    <t>cg01011748</t>
  </si>
  <si>
    <t>cg01011898</t>
  </si>
  <si>
    <t>cg01013590</t>
  </si>
  <si>
    <t>cg01014179</t>
  </si>
  <si>
    <t>cg01014615</t>
  </si>
  <si>
    <t>cg01015359</t>
  </si>
  <si>
    <t>cg01019113</t>
  </si>
  <si>
    <t>cg01020346</t>
  </si>
  <si>
    <t>cg01020368</t>
  </si>
  <si>
    <t>cg01022012</t>
  </si>
  <si>
    <t>cg01026233</t>
  </si>
  <si>
    <t>cg01028142</t>
  </si>
  <si>
    <t>cg01028522</t>
  </si>
  <si>
    <t>cg01034784</t>
  </si>
  <si>
    <t>cg01036351</t>
  </si>
  <si>
    <t>cg01036735</t>
  </si>
  <si>
    <t>cg01036828</t>
  </si>
  <si>
    <t>cg01040759</t>
  </si>
  <si>
    <t>cg01043845</t>
  </si>
  <si>
    <t>cg01044662</t>
  </si>
  <si>
    <t>cg01046174</t>
  </si>
  <si>
    <t>cg01046507</t>
  </si>
  <si>
    <t>cg01046703</t>
  </si>
  <si>
    <t>cg01047586</t>
  </si>
  <si>
    <t>cg01048445</t>
  </si>
  <si>
    <t>cg01050266</t>
  </si>
  <si>
    <t>cg01052276</t>
  </si>
  <si>
    <t>cg01054140</t>
  </si>
  <si>
    <t>cg01054402</t>
  </si>
  <si>
    <t>cg01055044</t>
  </si>
  <si>
    <t>cg01059743</t>
  </si>
  <si>
    <t>cg01060804</t>
  </si>
  <si>
    <t>cg01064363</t>
  </si>
  <si>
    <t>cg01071367</t>
  </si>
  <si>
    <t>cg01072658</t>
  </si>
  <si>
    <t>cg01072786</t>
  </si>
  <si>
    <t>cg01079860</t>
  </si>
  <si>
    <t>cg01081561</t>
  </si>
  <si>
    <t>cg01083061</t>
  </si>
  <si>
    <t>cg01087977</t>
  </si>
  <si>
    <t>cg01090821</t>
  </si>
  <si>
    <t>cg01091099</t>
  </si>
  <si>
    <t>cg01091258</t>
  </si>
  <si>
    <t>cg01092293</t>
  </si>
  <si>
    <t>cg01092633</t>
  </si>
  <si>
    <t>cg01093878</t>
  </si>
  <si>
    <t>cg01094950</t>
  </si>
  <si>
    <t>cg01099299</t>
  </si>
  <si>
    <t>cg01104198</t>
  </si>
  <si>
    <t>cg01106649</t>
  </si>
  <si>
    <t>cg01109047</t>
  </si>
  <si>
    <t>cg01109169</t>
  </si>
  <si>
    <t>cg01109289</t>
  </si>
  <si>
    <t>cg01112020</t>
  </si>
  <si>
    <t>cg01114573</t>
  </si>
  <si>
    <t>cg01116021</t>
  </si>
  <si>
    <t>cg01119374</t>
  </si>
  <si>
    <t>cg01119585</t>
  </si>
  <si>
    <t>cg01121603</t>
  </si>
  <si>
    <t>cg01123250</t>
  </si>
  <si>
    <t>cg01124420</t>
  </si>
  <si>
    <t>cg01125814</t>
  </si>
  <si>
    <t>cg01127312</t>
  </si>
  <si>
    <t>cg01128412</t>
  </si>
  <si>
    <t>cg01136191</t>
  </si>
  <si>
    <t>cg01137949</t>
  </si>
  <si>
    <t>cg01140585</t>
  </si>
  <si>
    <t>cg01141237</t>
  </si>
  <si>
    <t>cg01142066</t>
  </si>
  <si>
    <t>cg01142396</t>
  </si>
  <si>
    <t>cg01142776</t>
  </si>
  <si>
    <t>cg01144053</t>
  </si>
  <si>
    <t>cg01145396</t>
  </si>
  <si>
    <t>cg01145686</t>
  </si>
  <si>
    <t>cg01146063</t>
  </si>
  <si>
    <t>cg01147467</t>
  </si>
  <si>
    <t>cg01147810</t>
  </si>
  <si>
    <t>cg01150454</t>
  </si>
  <si>
    <t>cg01152019</t>
  </si>
  <si>
    <t>cg01153080</t>
  </si>
  <si>
    <t>cg01153287</t>
  </si>
  <si>
    <t>cg01153872</t>
  </si>
  <si>
    <t>cg01154254</t>
  </si>
  <si>
    <t>cg01154283</t>
  </si>
  <si>
    <t>cg01154658</t>
  </si>
  <si>
    <t>cg01155190</t>
  </si>
  <si>
    <t>cg01157280</t>
  </si>
  <si>
    <t>cg01158220</t>
  </si>
  <si>
    <t>cg01158415</t>
  </si>
  <si>
    <t>cg01158447</t>
  </si>
  <si>
    <t>cg01158574</t>
  </si>
  <si>
    <t>cg01159793</t>
  </si>
  <si>
    <t>cg01163837</t>
  </si>
  <si>
    <t>cg01164664</t>
  </si>
  <si>
    <t>cg01164972</t>
  </si>
  <si>
    <t>cg01166827</t>
  </si>
  <si>
    <t>cg01167408</t>
  </si>
  <si>
    <t>cg01168696</t>
  </si>
  <si>
    <t>cg01169610</t>
  </si>
  <si>
    <t>cg01170129</t>
  </si>
  <si>
    <t>cg01170591</t>
  </si>
  <si>
    <t>cg01171212</t>
  </si>
  <si>
    <t>cg01171786</t>
  </si>
  <si>
    <t>cg01172315</t>
  </si>
  <si>
    <t>cg01172899</t>
  </si>
  <si>
    <t>cg01173650</t>
  </si>
  <si>
    <t>cg01174096</t>
  </si>
  <si>
    <t>cg01175394</t>
  </si>
  <si>
    <t>cg01175497</t>
  </si>
  <si>
    <t>cg01176538</t>
  </si>
  <si>
    <t>cg01179012</t>
  </si>
  <si>
    <t>cg01181499</t>
  </si>
  <si>
    <t>cg01183586</t>
  </si>
  <si>
    <t>cg01184004</t>
  </si>
  <si>
    <t>cg01184449</t>
  </si>
  <si>
    <t>cg01189638</t>
  </si>
  <si>
    <t>cg01190974</t>
  </si>
  <si>
    <t>cg01192572</t>
  </si>
  <si>
    <t>cg01193335</t>
  </si>
  <si>
    <t>cg01195127</t>
  </si>
  <si>
    <t>cg01196842</t>
  </si>
  <si>
    <t>cg01200086</t>
  </si>
  <si>
    <t>cg01200177</t>
  </si>
  <si>
    <t>cg01200965</t>
  </si>
  <si>
    <t>cg01203136</t>
  </si>
  <si>
    <t>cg01203365</t>
  </si>
  <si>
    <t>cg01205087</t>
  </si>
  <si>
    <t>cg01206398</t>
  </si>
  <si>
    <t>cg01207951</t>
  </si>
  <si>
    <t>cg01215211</t>
  </si>
  <si>
    <t>cg01215936</t>
  </si>
  <si>
    <t>cg01216078</t>
  </si>
  <si>
    <t>cg01218053</t>
  </si>
  <si>
    <t>cg01219347</t>
  </si>
  <si>
    <t>cg01219553</t>
  </si>
  <si>
    <t>cg01222732</t>
  </si>
  <si>
    <t>cg01223336</t>
  </si>
  <si>
    <t>cg01230160</t>
  </si>
  <si>
    <t>cg01235100</t>
  </si>
  <si>
    <t>cg01242772</t>
  </si>
  <si>
    <t>cg01243465</t>
  </si>
  <si>
    <t>cg01244270</t>
  </si>
  <si>
    <t>cg01244775</t>
  </si>
  <si>
    <t>cg01246961</t>
  </si>
  <si>
    <t>cg01247188</t>
  </si>
  <si>
    <t>cg01247693</t>
  </si>
  <si>
    <t>cg01247919</t>
  </si>
  <si>
    <t>cg01248010</t>
  </si>
  <si>
    <t>cg01250320</t>
  </si>
  <si>
    <t>cg01253826</t>
  </si>
  <si>
    <t>cg01258031</t>
  </si>
  <si>
    <t>cg01259423</t>
  </si>
  <si>
    <t>cg01266543</t>
  </si>
  <si>
    <t>cg01266688</t>
  </si>
  <si>
    <t>cg01267262</t>
  </si>
  <si>
    <t>cg01269702</t>
  </si>
  <si>
    <t>cg01271695</t>
  </si>
  <si>
    <t>cg01271812</t>
  </si>
  <si>
    <t>cg01272428</t>
  </si>
  <si>
    <t>cg01272790</t>
  </si>
  <si>
    <t>cg01273330</t>
  </si>
  <si>
    <t>cg01277331</t>
  </si>
  <si>
    <t>cg01280080</t>
  </si>
  <si>
    <t>cg01287391</t>
  </si>
  <si>
    <t>cg01287476</t>
  </si>
  <si>
    <t>cg01287730</t>
  </si>
  <si>
    <t>cg01287788</t>
  </si>
  <si>
    <t>cg01288441</t>
  </si>
  <si>
    <t>cg01289544</t>
  </si>
  <si>
    <t>cg01290568</t>
  </si>
  <si>
    <t>cg01291129</t>
  </si>
  <si>
    <t>cg01292539</t>
  </si>
  <si>
    <t>cg01293313</t>
  </si>
  <si>
    <t>cg01294283</t>
  </si>
  <si>
    <t>cg01295477</t>
  </si>
  <si>
    <t>cg01296230</t>
  </si>
  <si>
    <t>cg01297674</t>
  </si>
  <si>
    <t>cg01297762</t>
  </si>
  <si>
    <t>cg01297806</t>
  </si>
  <si>
    <t>cg01298991</t>
  </si>
  <si>
    <t>cg01301197</t>
  </si>
  <si>
    <t>cg01305291</t>
  </si>
  <si>
    <t>cg01307555</t>
  </si>
  <si>
    <t>cg01308151</t>
  </si>
  <si>
    <t>cg01308258</t>
  </si>
  <si>
    <t>cg01311718</t>
  </si>
  <si>
    <t>cg01312394</t>
  </si>
  <si>
    <t>cg01312658</t>
  </si>
  <si>
    <t>cg01312997</t>
  </si>
  <si>
    <t>cg01313320</t>
  </si>
  <si>
    <t>cg01313497</t>
  </si>
  <si>
    <t>cg01314544</t>
  </si>
  <si>
    <t>cg01315621</t>
  </si>
  <si>
    <t>cg01320614</t>
  </si>
  <si>
    <t>cg01322165</t>
  </si>
  <si>
    <t>cg01323049</t>
  </si>
  <si>
    <t>cg01323148</t>
  </si>
  <si>
    <t>cg01328158</t>
  </si>
  <si>
    <t>cg01329057</t>
  </si>
  <si>
    <t>cg01329511</t>
  </si>
  <si>
    <t>cg01331275</t>
  </si>
  <si>
    <t>cg01332342</t>
  </si>
  <si>
    <t>cg01333028</t>
  </si>
  <si>
    <t>cg01333471</t>
  </si>
  <si>
    <t>cg01336267</t>
  </si>
  <si>
    <t>cg01339959</t>
  </si>
  <si>
    <t>cg01342981</t>
  </si>
  <si>
    <t>cg01343041</t>
  </si>
  <si>
    <t>cg01345365</t>
  </si>
  <si>
    <t>cg01347719</t>
  </si>
  <si>
    <t>cg01354088</t>
  </si>
  <si>
    <t>cg01355520</t>
  </si>
  <si>
    <t>cg01356950</t>
  </si>
  <si>
    <t>cg01361021</t>
  </si>
  <si>
    <t>cg01365049</t>
  </si>
  <si>
    <t>cg01365117</t>
  </si>
  <si>
    <t>cg01365608</t>
  </si>
  <si>
    <t>cg01366059</t>
  </si>
  <si>
    <t>cg01369207</t>
  </si>
  <si>
    <t>cg01369819</t>
  </si>
  <si>
    <t>cg01372071</t>
  </si>
  <si>
    <t>cg01372249</t>
  </si>
  <si>
    <t>cg01373505</t>
  </si>
  <si>
    <t>cg01373705</t>
  </si>
  <si>
    <t>cg01375285</t>
  </si>
  <si>
    <t>cg01376829</t>
  </si>
  <si>
    <t>cg01381586</t>
  </si>
  <si>
    <t>cg01383274</t>
  </si>
  <si>
    <t>cg01383287</t>
  </si>
  <si>
    <t>cg01384111</t>
  </si>
  <si>
    <t>cg01385669</t>
  </si>
  <si>
    <t>cg01388757</t>
  </si>
  <si>
    <t>cg01390061</t>
  </si>
  <si>
    <t>cg01390479</t>
  </si>
  <si>
    <t>cg01393184</t>
  </si>
  <si>
    <t>cg01396774</t>
  </si>
  <si>
    <t>cg01397521</t>
  </si>
  <si>
    <t>cg01400987</t>
  </si>
  <si>
    <t>cg01403320</t>
  </si>
  <si>
    <t>cg01405367</t>
  </si>
  <si>
    <t>cg01410359</t>
  </si>
  <si>
    <t>cg01410453</t>
  </si>
  <si>
    <t>cg01410615</t>
  </si>
  <si>
    <t>cg01412762</t>
  </si>
  <si>
    <t>cg01413546</t>
  </si>
  <si>
    <t>cg01413698</t>
  </si>
  <si>
    <t>cg01413880</t>
  </si>
  <si>
    <t>cg01414014</t>
  </si>
  <si>
    <t>cg01417669</t>
  </si>
  <si>
    <t>cg01418147</t>
  </si>
  <si>
    <t>cg01418256</t>
  </si>
  <si>
    <t>cg01418539</t>
  </si>
  <si>
    <t>cg01419675</t>
  </si>
  <si>
    <t>cg01420398</t>
  </si>
  <si>
    <t>cg01420564</t>
  </si>
  <si>
    <t>cg01424411</t>
  </si>
  <si>
    <t>cg01430344</t>
  </si>
  <si>
    <t>cg01431318</t>
  </si>
  <si>
    <t>cg01433343</t>
  </si>
  <si>
    <t>cg01435107</t>
  </si>
  <si>
    <t>cg01436700</t>
  </si>
  <si>
    <t>cg01437395</t>
  </si>
  <si>
    <t>cg01439736</t>
  </si>
  <si>
    <t>cg01439983</t>
  </si>
  <si>
    <t>cg01440570</t>
  </si>
  <si>
    <t>cg01442132</t>
  </si>
  <si>
    <t>cg01443467</t>
  </si>
  <si>
    <t>cg01444004</t>
  </si>
  <si>
    <t>cg01446100</t>
  </si>
  <si>
    <t>cg01446950</t>
  </si>
  <si>
    <t>cg01447702</t>
  </si>
  <si>
    <t>cg01452873</t>
  </si>
  <si>
    <t>cg01454538</t>
  </si>
  <si>
    <t>cg01454947</t>
  </si>
  <si>
    <t>cg01457077</t>
  </si>
  <si>
    <t>cg01458336</t>
  </si>
  <si>
    <t>cg01460694</t>
  </si>
  <si>
    <t>cg01460969</t>
  </si>
  <si>
    <t>cg01464985</t>
  </si>
  <si>
    <t>cg01465617</t>
  </si>
  <si>
    <t>cg01466121</t>
  </si>
  <si>
    <t>cg01466615</t>
  </si>
  <si>
    <t>cg01467417</t>
  </si>
  <si>
    <t>cg01467882</t>
  </si>
  <si>
    <t>cg01468505</t>
  </si>
  <si>
    <t>cg01469887</t>
  </si>
  <si>
    <t>cg01471264</t>
  </si>
  <si>
    <t>cg01471843</t>
  </si>
  <si>
    <t>cg01472139</t>
  </si>
  <si>
    <t>cg01472363</t>
  </si>
  <si>
    <t>cg01472464</t>
  </si>
  <si>
    <t>cg01476739</t>
  </si>
  <si>
    <t>cg01476820</t>
  </si>
  <si>
    <t>cg01477179</t>
  </si>
  <si>
    <t>cg01477255</t>
  </si>
  <si>
    <t>cg01477546</t>
  </si>
  <si>
    <t>cg01479187</t>
  </si>
  <si>
    <t>cg01481989</t>
  </si>
  <si>
    <t>cg01484487</t>
  </si>
  <si>
    <t>cg01490793</t>
  </si>
  <si>
    <t>cg01491910</t>
  </si>
  <si>
    <t>cg01493379</t>
  </si>
  <si>
    <t>cg01493412</t>
  </si>
  <si>
    <t>cg01494896</t>
  </si>
  <si>
    <t>cg01495363</t>
  </si>
  <si>
    <t>cg01498249</t>
  </si>
  <si>
    <t>cg01502296</t>
  </si>
  <si>
    <t>cg01502588</t>
  </si>
  <si>
    <t>cg01505870</t>
  </si>
  <si>
    <t>cg01505987</t>
  </si>
  <si>
    <t>cg01506855</t>
  </si>
  <si>
    <t>cg01507173</t>
  </si>
  <si>
    <t>cg01507753</t>
  </si>
  <si>
    <t>cg01517690</t>
  </si>
  <si>
    <t>cg01518113</t>
  </si>
  <si>
    <t>cg01518398</t>
  </si>
  <si>
    <t>cg01520234</t>
  </si>
  <si>
    <t>cg01520447</t>
  </si>
  <si>
    <t>cg01520463</t>
  </si>
  <si>
    <t>cg01520853</t>
  </si>
  <si>
    <t>cg01527261</t>
  </si>
  <si>
    <t>cg01528913</t>
  </si>
  <si>
    <t>cg01533409</t>
  </si>
  <si>
    <t>cg01543995</t>
  </si>
  <si>
    <t>cg01546378</t>
  </si>
  <si>
    <t>cg01547541</t>
  </si>
  <si>
    <t>cg01547915</t>
  </si>
  <si>
    <t>cg01558212</t>
  </si>
  <si>
    <t>cg01561916</t>
  </si>
  <si>
    <t>cg01566166</t>
  </si>
  <si>
    <t>cg01566396</t>
  </si>
  <si>
    <t>cg01568335</t>
  </si>
  <si>
    <t>cg01572144</t>
  </si>
  <si>
    <t>cg01572940</t>
  </si>
  <si>
    <t>cg01573381</t>
  </si>
  <si>
    <t>cg01575818</t>
  </si>
  <si>
    <t>cg01583021</t>
  </si>
  <si>
    <t>cg01583753</t>
  </si>
  <si>
    <t>cg01584932</t>
  </si>
  <si>
    <t>cg01585758</t>
  </si>
  <si>
    <t>cg01586116</t>
  </si>
  <si>
    <t>cg01588345</t>
  </si>
  <si>
    <t>cg01592658</t>
  </si>
  <si>
    <t>cg01596642</t>
  </si>
  <si>
    <t>cg01597125</t>
  </si>
  <si>
    <t>cg01598144</t>
  </si>
  <si>
    <t>cg01600529</t>
  </si>
  <si>
    <t>cg01600661</t>
  </si>
  <si>
    <t>cg01600782</t>
  </si>
  <si>
    <t>cg01601949</t>
  </si>
  <si>
    <t>cg01603549</t>
  </si>
  <si>
    <t>cg01603921</t>
  </si>
  <si>
    <t>cg01604994</t>
  </si>
  <si>
    <t>cg01611777</t>
  </si>
  <si>
    <t>cg01615080</t>
  </si>
  <si>
    <t>cg01617022</t>
  </si>
  <si>
    <t>cg01619378</t>
  </si>
  <si>
    <t>cg01620617</t>
  </si>
  <si>
    <t>cg01620785</t>
  </si>
  <si>
    <t>cg01623771</t>
  </si>
  <si>
    <t>cg01626326</t>
  </si>
  <si>
    <t>cg01627252</t>
  </si>
  <si>
    <t>cg01627304</t>
  </si>
  <si>
    <t>cg01627597</t>
  </si>
  <si>
    <t>cg01628245</t>
  </si>
  <si>
    <t>cg01628737</t>
  </si>
  <si>
    <t>cg01629231</t>
  </si>
  <si>
    <t>cg01629435</t>
  </si>
  <si>
    <t>cg01636561</t>
  </si>
  <si>
    <t>cg01638101</t>
  </si>
  <si>
    <t>cg01639256</t>
  </si>
  <si>
    <t>cg01641509</t>
  </si>
  <si>
    <t>cg01642152</t>
  </si>
  <si>
    <t>cg01643580</t>
  </si>
  <si>
    <t>cg01648237</t>
  </si>
  <si>
    <t>cg01648779</t>
  </si>
  <si>
    <t>cg01649623</t>
  </si>
  <si>
    <t>cg01651821</t>
  </si>
  <si>
    <t>cg01656221</t>
  </si>
  <si>
    <t>cg01656789</t>
  </si>
  <si>
    <t>cg01657005</t>
  </si>
  <si>
    <t>cg01657493</t>
  </si>
  <si>
    <t>cg01658421</t>
  </si>
  <si>
    <t>cg01658502</t>
  </si>
  <si>
    <t>cg01659038</t>
  </si>
  <si>
    <t>cg01660827</t>
  </si>
  <si>
    <t>cg01661844</t>
  </si>
  <si>
    <t>cg01662942</t>
  </si>
  <si>
    <t>cg01666654</t>
  </si>
  <si>
    <t>cg01668174</t>
  </si>
  <si>
    <t>cg01675229</t>
  </si>
  <si>
    <t>cg01681351</t>
  </si>
  <si>
    <t>cg01685843</t>
  </si>
  <si>
    <t>cg01690687</t>
  </si>
  <si>
    <t>cg01693157</t>
  </si>
  <si>
    <t>cg01697972</t>
  </si>
  <si>
    <t>cg01703780</t>
  </si>
  <si>
    <t>cg01707820</t>
  </si>
  <si>
    <t>cg01708202</t>
  </si>
  <si>
    <t>cg01708812</t>
  </si>
  <si>
    <t>cg01709677</t>
  </si>
  <si>
    <t>cg01712671</t>
  </si>
  <si>
    <t>cg01712700</t>
  </si>
  <si>
    <t>cg01713485</t>
  </si>
  <si>
    <t>cg01715143</t>
  </si>
  <si>
    <t>cg01715572</t>
  </si>
  <si>
    <t>cg01716122</t>
  </si>
  <si>
    <t>cg01717254</t>
  </si>
  <si>
    <t>cg01717376</t>
  </si>
  <si>
    <t>cg01717446</t>
  </si>
  <si>
    <t>cg01719210</t>
  </si>
  <si>
    <t>cg01720455</t>
  </si>
  <si>
    <t>cg01727434</t>
  </si>
  <si>
    <t>cg01727923</t>
  </si>
  <si>
    <t>cg01730148</t>
  </si>
  <si>
    <t>cg01732415</t>
  </si>
  <si>
    <t>cg01734112</t>
  </si>
  <si>
    <t>cg01735082</t>
  </si>
  <si>
    <t>cg01738095</t>
  </si>
  <si>
    <t>cg01739446</t>
  </si>
  <si>
    <t>cg01739965</t>
  </si>
  <si>
    <t>cg01740367</t>
  </si>
  <si>
    <t>cg01744354</t>
  </si>
  <si>
    <t>cg01745370</t>
  </si>
  <si>
    <t>cg01746088</t>
  </si>
  <si>
    <t>cg01746550</t>
  </si>
  <si>
    <t>cg01747077</t>
  </si>
  <si>
    <t>cg01749213</t>
  </si>
  <si>
    <t>cg01749467</t>
  </si>
  <si>
    <t>cg01753375</t>
  </si>
  <si>
    <t>cg01754028</t>
  </si>
  <si>
    <t>cg01755807</t>
  </si>
  <si>
    <t>cg01756063</t>
  </si>
  <si>
    <t>cg01761729</t>
  </si>
  <si>
    <t>cg01763173</t>
  </si>
  <si>
    <t>cg01763690</t>
  </si>
  <si>
    <t>cg01765063</t>
  </si>
  <si>
    <t>cg01765406</t>
  </si>
  <si>
    <t>cg01766534</t>
  </si>
  <si>
    <t>cg01767270</t>
  </si>
  <si>
    <t>cg01770990</t>
  </si>
  <si>
    <t>cg01774471</t>
  </si>
  <si>
    <t>cg01776020</t>
  </si>
  <si>
    <t>cg01777397</t>
  </si>
  <si>
    <t>cg01780482</t>
  </si>
  <si>
    <t>cg01785449</t>
  </si>
  <si>
    <t>cg01788996</t>
  </si>
  <si>
    <t>cg01790530</t>
  </si>
  <si>
    <t>cg01793068</t>
  </si>
  <si>
    <t>cg01795955</t>
  </si>
  <si>
    <t>cg01797216</t>
  </si>
  <si>
    <t>cg01799366</t>
  </si>
  <si>
    <t>cg01802009</t>
  </si>
  <si>
    <t>cg01808545</t>
  </si>
  <si>
    <t>cg01809281</t>
  </si>
  <si>
    <t>cg01811126</t>
  </si>
  <si>
    <t>cg01811272</t>
  </si>
  <si>
    <t>cg01812499</t>
  </si>
  <si>
    <t>cg01813165</t>
  </si>
  <si>
    <t>cg01813335</t>
  </si>
  <si>
    <t>cg01816186</t>
  </si>
  <si>
    <t>cg01816515</t>
  </si>
  <si>
    <t>cg01818588</t>
  </si>
  <si>
    <t>cg01820106</t>
  </si>
  <si>
    <t>cg01820539</t>
  </si>
  <si>
    <t>cg01821088</t>
  </si>
  <si>
    <t>cg01821850</t>
  </si>
  <si>
    <t>cg01823086</t>
  </si>
  <si>
    <t>cg01825818</t>
  </si>
  <si>
    <t>cg01826682</t>
  </si>
  <si>
    <t>cg01827910</t>
  </si>
  <si>
    <t>cg01831872</t>
  </si>
  <si>
    <t>cg01833212</t>
  </si>
  <si>
    <t>cg01833675</t>
  </si>
  <si>
    <t>cg01834566</t>
  </si>
  <si>
    <t>cg01835474</t>
  </si>
  <si>
    <t>cg01835506</t>
  </si>
  <si>
    <t>cg01837846</t>
  </si>
  <si>
    <t>cg01840575</t>
  </si>
  <si>
    <t>cg01841118</t>
  </si>
  <si>
    <t>cg01844352</t>
  </si>
  <si>
    <t>cg01846065</t>
  </si>
  <si>
    <t>cg01847596</t>
  </si>
  <si>
    <t>cg01850086</t>
  </si>
  <si>
    <t>cg01850449</t>
  </si>
  <si>
    <t>cg01863682</t>
  </si>
  <si>
    <t>cg01864100</t>
  </si>
  <si>
    <t>cg01866367</t>
  </si>
  <si>
    <t>cg01866895</t>
  </si>
  <si>
    <t>cg01869219</t>
  </si>
  <si>
    <t>cg01869273</t>
  </si>
  <si>
    <t>cg01869360</t>
  </si>
  <si>
    <t>cg01871127</t>
  </si>
  <si>
    <t>cg01871526</t>
  </si>
  <si>
    <t>cg01876130</t>
  </si>
  <si>
    <t>cg01876338</t>
  </si>
  <si>
    <t>cg01876978</t>
  </si>
  <si>
    <t>cg01880096</t>
  </si>
  <si>
    <t>cg01880743</t>
  </si>
  <si>
    <t>cg01882113</t>
  </si>
  <si>
    <t>cg01883046</t>
  </si>
  <si>
    <t>cg01884057</t>
  </si>
  <si>
    <t>cg01885559</t>
  </si>
  <si>
    <t>cg01886077</t>
  </si>
  <si>
    <t>cg01886514</t>
  </si>
  <si>
    <t>cg01886957</t>
  </si>
  <si>
    <t>cg01887374</t>
  </si>
  <si>
    <t>cg01889773</t>
  </si>
  <si>
    <t>cg01893669</t>
  </si>
  <si>
    <t>cg01896085</t>
  </si>
  <si>
    <t>cg01897036</t>
  </si>
  <si>
    <t>cg01906055</t>
  </si>
  <si>
    <t>cg01906555</t>
  </si>
  <si>
    <t>cg01909777</t>
  </si>
  <si>
    <t>cg01913188</t>
  </si>
  <si>
    <t>cg01919488</t>
  </si>
  <si>
    <t>cg01919567</t>
  </si>
  <si>
    <t>cg01920829</t>
  </si>
  <si>
    <t>cg01921918</t>
  </si>
  <si>
    <t>cg01921956</t>
  </si>
  <si>
    <t>cg01925156</t>
  </si>
  <si>
    <t>cg01926269</t>
  </si>
  <si>
    <t>cg01926706</t>
  </si>
  <si>
    <t>cg01928136</t>
  </si>
  <si>
    <t>cg01929239</t>
  </si>
  <si>
    <t>cg01930356</t>
  </si>
  <si>
    <t>cg01930503</t>
  </si>
  <si>
    <t>cg01931792</t>
  </si>
  <si>
    <t>cg01932182</t>
  </si>
  <si>
    <t>cg01932215</t>
  </si>
  <si>
    <t>cg01933248</t>
  </si>
  <si>
    <t>cg01939414</t>
  </si>
  <si>
    <t>cg01940273</t>
  </si>
  <si>
    <t>cg01940460</t>
  </si>
  <si>
    <t>cg01941027</t>
  </si>
  <si>
    <t>cg01942372</t>
  </si>
  <si>
    <t>cg01943873</t>
  </si>
  <si>
    <t>cg01944810</t>
  </si>
  <si>
    <t>cg01946784</t>
  </si>
  <si>
    <t>cg01947862</t>
  </si>
  <si>
    <t>cg01947906</t>
  </si>
  <si>
    <t>cg01948201</t>
  </si>
  <si>
    <t>cg01950511</t>
  </si>
  <si>
    <t>cg01950577</t>
  </si>
  <si>
    <t>cg01953119</t>
  </si>
  <si>
    <t>cg01954737</t>
  </si>
  <si>
    <t>cg01954746</t>
  </si>
  <si>
    <t>cg01959421</t>
  </si>
  <si>
    <t>cg01961783</t>
  </si>
  <si>
    <t>cg01962509</t>
  </si>
  <si>
    <t>cg01965462</t>
  </si>
  <si>
    <t>cg01965950</t>
  </si>
  <si>
    <t>cg01966334</t>
  </si>
  <si>
    <t>cg01967774</t>
  </si>
  <si>
    <t>cg01968178</t>
  </si>
  <si>
    <t>cg01973029</t>
  </si>
  <si>
    <t>cg01973306</t>
  </si>
  <si>
    <t>cg01975483</t>
  </si>
  <si>
    <t>cg01977209</t>
  </si>
  <si>
    <t>cg01982493</t>
  </si>
  <si>
    <t>cg01983548</t>
  </si>
  <si>
    <t>cg01983682</t>
  </si>
  <si>
    <t>cg01985390</t>
  </si>
  <si>
    <t>cg01990225</t>
  </si>
  <si>
    <t>cg01991967</t>
  </si>
  <si>
    <t>cg01997590</t>
  </si>
  <si>
    <t>cg02001814</t>
  </si>
  <si>
    <t>cg02002258</t>
  </si>
  <si>
    <t>cg02003624</t>
  </si>
  <si>
    <t>cg02005375</t>
  </si>
  <si>
    <t>cg02005771</t>
  </si>
  <si>
    <t>cg02006147</t>
  </si>
  <si>
    <t>cg02006426</t>
  </si>
  <si>
    <t>cg02006803</t>
  </si>
  <si>
    <t>cg02008025</t>
  </si>
  <si>
    <t>cg02012731</t>
  </si>
  <si>
    <t>cg02013274</t>
  </si>
  <si>
    <t>cg02013838</t>
  </si>
  <si>
    <t>cg02014107</t>
  </si>
  <si>
    <t>cg02018802</t>
  </si>
  <si>
    <t>cg02019072</t>
  </si>
  <si>
    <t>cg02023550</t>
  </si>
  <si>
    <t>cg02024449</t>
  </si>
  <si>
    <t>cg02025938</t>
  </si>
  <si>
    <t>cg02034222</t>
  </si>
  <si>
    <t>cg02034563</t>
  </si>
  <si>
    <t>cg02038213</t>
  </si>
  <si>
    <t>cg02042156</t>
  </si>
  <si>
    <t>cg02047225</t>
  </si>
  <si>
    <t>cg02048416</t>
  </si>
  <si>
    <t>cg02049229</t>
  </si>
  <si>
    <t>cg02053451</t>
  </si>
  <si>
    <t>cg02056135</t>
  </si>
  <si>
    <t>cg02057716</t>
  </si>
  <si>
    <t>cg02059082</t>
  </si>
  <si>
    <t>cg02059796</t>
  </si>
  <si>
    <t>cg02063488</t>
  </si>
  <si>
    <t>cg02064360</t>
  </si>
  <si>
    <t>cg02066476</t>
  </si>
  <si>
    <t>cg02066518</t>
  </si>
  <si>
    <t>cg02067350</t>
  </si>
  <si>
    <t>cg02068690</t>
  </si>
  <si>
    <t>cg02073763</t>
  </si>
  <si>
    <t>cg02074116</t>
  </si>
  <si>
    <t>cg02079741</t>
  </si>
  <si>
    <t>cg02081701</t>
  </si>
  <si>
    <t>cg02084485</t>
  </si>
  <si>
    <t>cg02084491</t>
  </si>
  <si>
    <t>cg02084834</t>
  </si>
  <si>
    <t>cg02085294</t>
  </si>
  <si>
    <t>cg02085794</t>
  </si>
  <si>
    <t>cg02085953</t>
  </si>
  <si>
    <t>cg02086025</t>
  </si>
  <si>
    <t>cg02090160</t>
  </si>
  <si>
    <t>cg02091526</t>
  </si>
  <si>
    <t>cg02093647</t>
  </si>
  <si>
    <t>cg02093811</t>
  </si>
  <si>
    <t>cg02095456</t>
  </si>
  <si>
    <t>cg02099418</t>
  </si>
  <si>
    <t>cg02100410</t>
  </si>
  <si>
    <t>cg02100828</t>
  </si>
  <si>
    <t>cg02103191</t>
  </si>
  <si>
    <t>cg02103918</t>
  </si>
  <si>
    <t>cg02104392</t>
  </si>
  <si>
    <t>cg02105326</t>
  </si>
  <si>
    <t>cg02108015</t>
  </si>
  <si>
    <t>cg02109766</t>
  </si>
  <si>
    <t>cg02110048</t>
  </si>
  <si>
    <t>cg02111587</t>
  </si>
  <si>
    <t>cg02112122</t>
  </si>
  <si>
    <t>cg02114728</t>
  </si>
  <si>
    <t>cg02115142</t>
  </si>
  <si>
    <t>cg02116437</t>
  </si>
  <si>
    <t>cg02116471</t>
  </si>
  <si>
    <t>cg02116942</t>
  </si>
  <si>
    <t>cg02122525</t>
  </si>
  <si>
    <t>cg02135580</t>
  </si>
  <si>
    <t>cg02135859</t>
  </si>
  <si>
    <t>cg02144258</t>
  </si>
  <si>
    <t>cg02144933</t>
  </si>
  <si>
    <t>cg02150988</t>
  </si>
  <si>
    <t>cg02152819</t>
  </si>
  <si>
    <t>cg02153681</t>
  </si>
  <si>
    <t>cg02156767</t>
  </si>
  <si>
    <t>cg02156783</t>
  </si>
  <si>
    <t>cg02158567</t>
  </si>
  <si>
    <t>cg02158822</t>
  </si>
  <si>
    <t>cg02159111</t>
  </si>
  <si>
    <t>cg02159586</t>
  </si>
  <si>
    <t>cg02161262</t>
  </si>
  <si>
    <t>cg02161655</t>
  </si>
  <si>
    <t>cg02162339</t>
  </si>
  <si>
    <t>cg02162605</t>
  </si>
  <si>
    <t>cg02164225</t>
  </si>
  <si>
    <t>cg02168584</t>
  </si>
  <si>
    <t>cg02169857</t>
  </si>
  <si>
    <t>cg02170525</t>
  </si>
  <si>
    <t>cg02172142</t>
  </si>
  <si>
    <t>cg02172492</t>
  </si>
  <si>
    <t>cg02182081</t>
  </si>
  <si>
    <t>cg02183001</t>
  </si>
  <si>
    <t>cg02183025</t>
  </si>
  <si>
    <t>cg02185666</t>
  </si>
  <si>
    <t>cg02186441</t>
  </si>
  <si>
    <t>cg02187259</t>
  </si>
  <si>
    <t>cg02198983</t>
  </si>
  <si>
    <t>cg02201132</t>
  </si>
  <si>
    <t>cg02203336</t>
  </si>
  <si>
    <t>cg02204046</t>
  </si>
  <si>
    <t>cg02204618</t>
  </si>
  <si>
    <t>cg02206636</t>
  </si>
  <si>
    <t>cg02209932</t>
  </si>
  <si>
    <t>cg02218496</t>
  </si>
  <si>
    <t>cg02219016</t>
  </si>
  <si>
    <t>cg02220755</t>
  </si>
  <si>
    <t>cg02222324</t>
  </si>
  <si>
    <t>cg02224133</t>
  </si>
  <si>
    <t>cg02225346</t>
  </si>
  <si>
    <t>cg02225786</t>
  </si>
  <si>
    <t>cg02227331</t>
  </si>
  <si>
    <t>cg02231590</t>
  </si>
  <si>
    <t>cg02233149</t>
  </si>
  <si>
    <t>cg02233216</t>
  </si>
  <si>
    <t>cg02234120</t>
  </si>
  <si>
    <t>cg02234235</t>
  </si>
  <si>
    <t>cg02235249</t>
  </si>
  <si>
    <t>cg02236134</t>
  </si>
  <si>
    <t>cg02236945</t>
  </si>
  <si>
    <t>cg02240226</t>
  </si>
  <si>
    <t>cg02241586</t>
  </si>
  <si>
    <t>cg02242681</t>
  </si>
  <si>
    <t>cg02245378</t>
  </si>
  <si>
    <t>cg02247582</t>
  </si>
  <si>
    <t>cg02250191</t>
  </si>
  <si>
    <t>cg02250548</t>
  </si>
  <si>
    <t>cg02251243</t>
  </si>
  <si>
    <t>cg02256105</t>
  </si>
  <si>
    <t>cg02257674</t>
  </si>
  <si>
    <t>cg02270689</t>
  </si>
  <si>
    <t>cg02272831</t>
  </si>
  <si>
    <t>cg02276086</t>
  </si>
  <si>
    <t>cg02276944</t>
  </si>
  <si>
    <t>cg02278165</t>
  </si>
  <si>
    <t>cg02280049</t>
  </si>
  <si>
    <t>cg02280908</t>
  </si>
  <si>
    <t>cg02281854</t>
  </si>
  <si>
    <t>cg02282247</t>
  </si>
  <si>
    <t>cg02283775</t>
  </si>
  <si>
    <t>cg02284625</t>
  </si>
  <si>
    <t>cg02285812</t>
  </si>
  <si>
    <t>cg02288301</t>
  </si>
  <si>
    <t>cg02292364</t>
  </si>
  <si>
    <t>cg02294055</t>
  </si>
  <si>
    <t>cg02300652</t>
  </si>
  <si>
    <t>cg02304863</t>
  </si>
  <si>
    <t>cg02305135</t>
  </si>
  <si>
    <t>cg02307075</t>
  </si>
  <si>
    <t>cg02313965</t>
  </si>
  <si>
    <t>cg02315249</t>
  </si>
  <si>
    <t>cg02315315</t>
  </si>
  <si>
    <t>cg02317742</t>
  </si>
  <si>
    <t>cg02317832</t>
  </si>
  <si>
    <t>cg02319613</t>
  </si>
  <si>
    <t>cg02321620</t>
  </si>
  <si>
    <t>cg02322373</t>
  </si>
  <si>
    <t>cg02322376</t>
  </si>
  <si>
    <t>cg02322908</t>
  </si>
  <si>
    <t>cg02322989</t>
  </si>
  <si>
    <t>cg02323296</t>
  </si>
  <si>
    <t>cg02323356</t>
  </si>
  <si>
    <t>cg02324732</t>
  </si>
  <si>
    <t>cg02334333</t>
  </si>
  <si>
    <t>cg02340801</t>
  </si>
  <si>
    <t>cg02341139</t>
  </si>
  <si>
    <t>cg02342092</t>
  </si>
  <si>
    <t>cg02344895</t>
  </si>
  <si>
    <t>cg02345089</t>
  </si>
  <si>
    <t>cg02345148</t>
  </si>
  <si>
    <t>cg02347773</t>
  </si>
  <si>
    <t>cg02348437</t>
  </si>
  <si>
    <t>cg02349186</t>
  </si>
  <si>
    <t>cg02350644</t>
  </si>
  <si>
    <t>cg02352181</t>
  </si>
  <si>
    <t>cg02354207</t>
  </si>
  <si>
    <t>cg02355885</t>
  </si>
  <si>
    <t>cg02358653</t>
  </si>
  <si>
    <t>cg02365780</t>
  </si>
  <si>
    <t>cg02367144</t>
  </si>
  <si>
    <t>cg02368577</t>
  </si>
  <si>
    <t>cg02369725</t>
  </si>
  <si>
    <t>cg02372215</t>
  </si>
  <si>
    <t>cg02372786</t>
  </si>
  <si>
    <t>cg02375320</t>
  </si>
  <si>
    <t>cg02377024</t>
  </si>
  <si>
    <t>cg02377053</t>
  </si>
  <si>
    <t>cg02378784</t>
  </si>
  <si>
    <t>cg02379854</t>
  </si>
  <si>
    <t>cg02380135</t>
  </si>
  <si>
    <t>cg02381820</t>
  </si>
  <si>
    <t>cg02386983</t>
  </si>
  <si>
    <t>cg02402637</t>
  </si>
  <si>
    <t>cg02412505</t>
  </si>
  <si>
    <t>cg02414889</t>
  </si>
  <si>
    <t>cg02424835</t>
  </si>
  <si>
    <t>cg02431065</t>
  </si>
  <si>
    <t>cg02431562</t>
  </si>
  <si>
    <t>cg02432487</t>
  </si>
  <si>
    <t>cg02432532</t>
  </si>
  <si>
    <t>cg02442900</t>
  </si>
  <si>
    <t>cg02443652</t>
  </si>
  <si>
    <t>cg02443816</t>
  </si>
  <si>
    <t>cg02444987</t>
  </si>
  <si>
    <t>cg02448335</t>
  </si>
  <si>
    <t>cg02457781</t>
  </si>
  <si>
    <t>cg02458113</t>
  </si>
  <si>
    <t>cg02459613</t>
  </si>
  <si>
    <t>cg02459894</t>
  </si>
  <si>
    <t>cg02461767</t>
  </si>
  <si>
    <t>cg02461883</t>
  </si>
  <si>
    <t>cg02462081</t>
  </si>
  <si>
    <t>cg02466544</t>
  </si>
  <si>
    <t>cg02466933</t>
  </si>
  <si>
    <t>cg02470521</t>
  </si>
  <si>
    <t>cg02472543</t>
  </si>
  <si>
    <t>cg02474628</t>
  </si>
  <si>
    <t>cg02474731</t>
  </si>
  <si>
    <t>cg02479196</t>
  </si>
  <si>
    <t>cg02479842</t>
  </si>
  <si>
    <t>cg02481498</t>
  </si>
  <si>
    <t>cg02483058</t>
  </si>
  <si>
    <t>cg02484411</t>
  </si>
  <si>
    <t>cg02485584</t>
  </si>
  <si>
    <t>cg02486145</t>
  </si>
  <si>
    <t>cg02487026</t>
  </si>
  <si>
    <t>cg02487239</t>
  </si>
  <si>
    <t>cg02488871</t>
  </si>
  <si>
    <t>cg02489219</t>
  </si>
  <si>
    <t>cg02489228</t>
  </si>
  <si>
    <t>cg02489379</t>
  </si>
  <si>
    <t>cg02490102</t>
  </si>
  <si>
    <t>cg02492873</t>
  </si>
  <si>
    <t>cg02493614</t>
  </si>
  <si>
    <t>cg02493740</t>
  </si>
  <si>
    <t>cg02506767</t>
  </si>
  <si>
    <t>cg02507657</t>
  </si>
  <si>
    <t>cg02508210</t>
  </si>
  <si>
    <t>cg02508567</t>
  </si>
  <si>
    <t>cg02512074</t>
  </si>
  <si>
    <t>cg02514888</t>
  </si>
  <si>
    <t>cg02518546</t>
  </si>
  <si>
    <t>cg02527047</t>
  </si>
  <si>
    <t>cg02527112</t>
  </si>
  <si>
    <t>cg02529035</t>
  </si>
  <si>
    <t>cg02529500</t>
  </si>
  <si>
    <t>cg02533787</t>
  </si>
  <si>
    <t>cg02534072</t>
  </si>
  <si>
    <t>cg02537909</t>
  </si>
  <si>
    <t>cg02541582</t>
  </si>
  <si>
    <t>cg02542953</t>
  </si>
  <si>
    <t>cg02544320</t>
  </si>
  <si>
    <t>cg02547794</t>
  </si>
  <si>
    <t>cg02549182</t>
  </si>
  <si>
    <t>cg02551244</t>
  </si>
  <si>
    <t>cg02551646</t>
  </si>
  <si>
    <t>cg02551743</t>
  </si>
  <si>
    <t>cg02552489</t>
  </si>
  <si>
    <t>cg02553520</t>
  </si>
  <si>
    <t>cg02554712</t>
  </si>
  <si>
    <t>cg02557922</t>
  </si>
  <si>
    <t>cg02558267</t>
  </si>
  <si>
    <t>cg02560744</t>
  </si>
  <si>
    <t>cg02561014</t>
  </si>
  <si>
    <t>cg02561693</t>
  </si>
  <si>
    <t>cg02561771</t>
  </si>
  <si>
    <t>cg02563156</t>
  </si>
  <si>
    <t>cg02565529</t>
  </si>
  <si>
    <t>cg02566863</t>
  </si>
  <si>
    <t>cg02566952</t>
  </si>
  <si>
    <t>cg02571470</t>
  </si>
  <si>
    <t>cg02582191</t>
  </si>
  <si>
    <t>cg02582957</t>
  </si>
  <si>
    <t>cg02583525</t>
  </si>
  <si>
    <t>cg02585409</t>
  </si>
  <si>
    <t>cg02590088</t>
  </si>
  <si>
    <t>cg02590972</t>
  </si>
  <si>
    <t>cg02592124</t>
  </si>
  <si>
    <t>cg02592133</t>
  </si>
  <si>
    <t>cg02593932</t>
  </si>
  <si>
    <t>cg02593989</t>
  </si>
  <si>
    <t>cg02595377</t>
  </si>
  <si>
    <t>cg02596281</t>
  </si>
  <si>
    <t>cg02596917</t>
  </si>
  <si>
    <t>cg02598071</t>
  </si>
  <si>
    <t>cg02598079</t>
  </si>
  <si>
    <t>cg02598224</t>
  </si>
  <si>
    <t>cg02598797</t>
  </si>
  <si>
    <t>cg02599068</t>
  </si>
  <si>
    <t>cg02599390</t>
  </si>
  <si>
    <t>cg02600940</t>
  </si>
  <si>
    <t>cg02601249</t>
  </si>
  <si>
    <t>cg02602010</t>
  </si>
  <si>
    <t>cg02602480</t>
  </si>
  <si>
    <t>cg02604967</t>
  </si>
  <si>
    <t>cg02606403</t>
  </si>
  <si>
    <t>cg02606423</t>
  </si>
  <si>
    <t>cg02607779</t>
  </si>
  <si>
    <t>cg02609473</t>
  </si>
  <si>
    <t>cg02610787</t>
  </si>
  <si>
    <t>cg02611811</t>
  </si>
  <si>
    <t>cg02614660</t>
  </si>
  <si>
    <t>cg02615352</t>
  </si>
  <si>
    <t>cg02624836</t>
  </si>
  <si>
    <t>cg02629603</t>
  </si>
  <si>
    <t>cg02630819</t>
  </si>
  <si>
    <t>cg02632203</t>
  </si>
  <si>
    <t>cg02637654</t>
  </si>
  <si>
    <t>cg02638523</t>
  </si>
  <si>
    <t>cg02640306</t>
  </si>
  <si>
    <t>cg02640489</t>
  </si>
  <si>
    <t>cg02641801</t>
  </si>
  <si>
    <t>cg02644784</t>
  </si>
  <si>
    <t>cg02645058</t>
  </si>
  <si>
    <t>cg02645861</t>
  </si>
  <si>
    <t>cg02646021</t>
  </si>
  <si>
    <t>cg02646779</t>
  </si>
  <si>
    <t>cg02648999</t>
  </si>
  <si>
    <t>cg02652597</t>
  </si>
  <si>
    <t>cg02653521</t>
  </si>
  <si>
    <t>cg02657832</t>
  </si>
  <si>
    <t>cg02665945</t>
  </si>
  <si>
    <t>cg02668075</t>
  </si>
  <si>
    <t>cg02668581</t>
  </si>
  <si>
    <t>cg02668999</t>
  </si>
  <si>
    <t>cg02671540</t>
  </si>
  <si>
    <t>cg02675527</t>
  </si>
  <si>
    <t>cg02676167</t>
  </si>
  <si>
    <t>cg02678482</t>
  </si>
  <si>
    <t>cg02678688</t>
  </si>
  <si>
    <t>cg02679376</t>
  </si>
  <si>
    <t>cg02680566</t>
  </si>
  <si>
    <t>cg02686681</t>
  </si>
  <si>
    <t>cg02687352</t>
  </si>
  <si>
    <t>cg02689023</t>
  </si>
  <si>
    <t>cg02690256</t>
  </si>
  <si>
    <t>cg02692177</t>
  </si>
  <si>
    <t>cg02692827</t>
  </si>
  <si>
    <t>cg02693910</t>
  </si>
  <si>
    <t>cg02694955</t>
  </si>
  <si>
    <t>cg02696675</t>
  </si>
  <si>
    <t>cg02697500</t>
  </si>
  <si>
    <t>cg02697649</t>
  </si>
  <si>
    <t>cg02699432</t>
  </si>
  <si>
    <t>cg02700172</t>
  </si>
  <si>
    <t>cg02701278</t>
  </si>
  <si>
    <t>cg02708341</t>
  </si>
  <si>
    <t>cg02708956</t>
  </si>
  <si>
    <t>cg02710571</t>
  </si>
  <si>
    <t>cg02712474</t>
  </si>
  <si>
    <t>cg02713266</t>
  </si>
  <si>
    <t>cg02716646</t>
  </si>
  <si>
    <t>cg02723395</t>
  </si>
  <si>
    <t>cg02727227</t>
  </si>
  <si>
    <t>cg02727605</t>
  </si>
  <si>
    <t>cg02728209</t>
  </si>
  <si>
    <t>cg02728483</t>
  </si>
  <si>
    <t>cg02734883</t>
  </si>
  <si>
    <t>cg02736505</t>
  </si>
  <si>
    <t>cg02739593</t>
  </si>
  <si>
    <t>cg02742517</t>
  </si>
  <si>
    <t>cg02742971</t>
  </si>
  <si>
    <t>cg02743576</t>
  </si>
  <si>
    <t>cg02743713</t>
  </si>
  <si>
    <t>cg02744113</t>
  </si>
  <si>
    <t>cg02744632</t>
  </si>
  <si>
    <t>cg02746110</t>
  </si>
  <si>
    <t>cg02746852</t>
  </si>
  <si>
    <t>cg02749511</t>
  </si>
  <si>
    <t>cg02763409</t>
  </si>
  <si>
    <t>cg02763797</t>
  </si>
  <si>
    <t>cg02764239</t>
  </si>
  <si>
    <t>cg02764346</t>
  </si>
  <si>
    <t>cg02764361</t>
  </si>
  <si>
    <t>cg02767024</t>
  </si>
  <si>
    <t>cg02768694</t>
  </si>
  <si>
    <t>cg02770351</t>
  </si>
  <si>
    <t>cg02770985</t>
  </si>
  <si>
    <t>cg02772905</t>
  </si>
  <si>
    <t>cg02774087</t>
  </si>
  <si>
    <t>cg02774486</t>
  </si>
  <si>
    <t>cg02776283</t>
  </si>
  <si>
    <t>cg02776375</t>
  </si>
  <si>
    <t>cg02778467</t>
  </si>
  <si>
    <t>cg02780120</t>
  </si>
  <si>
    <t>cg02784696</t>
  </si>
  <si>
    <t>cg02786368</t>
  </si>
  <si>
    <t>cg02787615</t>
  </si>
  <si>
    <t>cg02787665</t>
  </si>
  <si>
    <t>cg02787917</t>
  </si>
  <si>
    <t>cg02787989</t>
  </si>
  <si>
    <t>cg02789441</t>
  </si>
  <si>
    <t>cg02796725</t>
  </si>
  <si>
    <t>cg02798394</t>
  </si>
  <si>
    <t>cg02799466</t>
  </si>
  <si>
    <t>cg02801485</t>
  </si>
  <si>
    <t>cg02802590</t>
  </si>
  <si>
    <t>cg02806452</t>
  </si>
  <si>
    <t>cg02806733</t>
  </si>
  <si>
    <t>cg02808595</t>
  </si>
  <si>
    <t>cg02809707</t>
  </si>
  <si>
    <t>cg02812817</t>
  </si>
  <si>
    <t>cg02815053</t>
  </si>
  <si>
    <t>cg02817514</t>
  </si>
  <si>
    <t>cg02819921</t>
  </si>
  <si>
    <t>cg02820040</t>
  </si>
  <si>
    <t>cg02823437</t>
  </si>
  <si>
    <t>cg02829456</t>
  </si>
  <si>
    <t>cg02829992</t>
  </si>
  <si>
    <t>cg02831419</t>
  </si>
  <si>
    <t>cg02833110</t>
  </si>
  <si>
    <t>cg02834280</t>
  </si>
  <si>
    <t>cg02834447</t>
  </si>
  <si>
    <t>cg02835734</t>
  </si>
  <si>
    <t>cg02836529</t>
  </si>
  <si>
    <t>cg02845591</t>
  </si>
  <si>
    <t>cg02854228</t>
  </si>
  <si>
    <t>cg02855981</t>
  </si>
  <si>
    <t>cg02856109</t>
  </si>
  <si>
    <t>cg02858997</t>
  </si>
  <si>
    <t>cg02863169</t>
  </si>
  <si>
    <t>cg02868123</t>
  </si>
  <si>
    <t>cg02870945</t>
  </si>
  <si>
    <t>cg02874371</t>
  </si>
  <si>
    <t>cg02878216</t>
  </si>
  <si>
    <t>cg02878414</t>
  </si>
  <si>
    <t>cg02878739</t>
  </si>
  <si>
    <t>cg02880380</t>
  </si>
  <si>
    <t>cg02882004</t>
  </si>
  <si>
    <t>cg02883150</t>
  </si>
  <si>
    <t>cg02884775</t>
  </si>
  <si>
    <t>cg02884944</t>
  </si>
  <si>
    <t>cg02886528</t>
  </si>
  <si>
    <t>cg02888092</t>
  </si>
  <si>
    <t>cg02888838</t>
  </si>
  <si>
    <t>cg02890434</t>
  </si>
  <si>
    <t>cg02893251</t>
  </si>
  <si>
    <t>cg02893453</t>
  </si>
  <si>
    <t>cg02894944</t>
  </si>
  <si>
    <t>cg02896432</t>
  </si>
  <si>
    <t>cg02901321</t>
  </si>
  <si>
    <t>cg02901644</t>
  </si>
  <si>
    <t>cg02904628</t>
  </si>
  <si>
    <t>cg02905605</t>
  </si>
  <si>
    <t>cg02905871</t>
  </si>
  <si>
    <t>cg02905881</t>
  </si>
  <si>
    <t>cg02906238</t>
  </si>
  <si>
    <t>cg02913511</t>
  </si>
  <si>
    <t>cg02913521</t>
  </si>
  <si>
    <t>cg02914510</t>
  </si>
  <si>
    <t>cg02915746</t>
  </si>
  <si>
    <t>cg02916181</t>
  </si>
  <si>
    <t>cg02916425</t>
  </si>
  <si>
    <t>cg02923553</t>
  </si>
  <si>
    <t>cg02925464</t>
  </si>
  <si>
    <t>cg02925556</t>
  </si>
  <si>
    <t>cg02930665</t>
  </si>
  <si>
    <t>cg02932167</t>
  </si>
  <si>
    <t>cg02933362</t>
  </si>
  <si>
    <t>cg02934884</t>
  </si>
  <si>
    <t>cg02935132</t>
  </si>
  <si>
    <t>cg02938320</t>
  </si>
  <si>
    <t>cg02938449</t>
  </si>
  <si>
    <t>cg02938863</t>
  </si>
  <si>
    <t>cg02941420</t>
  </si>
  <si>
    <t>cg02941741</t>
  </si>
  <si>
    <t>cg02942766</t>
  </si>
  <si>
    <t>cg02952978</t>
  </si>
  <si>
    <t>cg02953275</t>
  </si>
  <si>
    <t>cg02956499</t>
  </si>
  <si>
    <t>cg02957990</t>
  </si>
  <si>
    <t>cg02958634</t>
  </si>
  <si>
    <t>cg02964555</t>
  </si>
  <si>
    <t>cg02966102</t>
  </si>
  <si>
    <t>cg02966661</t>
  </si>
  <si>
    <t>cg02967813</t>
  </si>
  <si>
    <t>cg02968760</t>
  </si>
  <si>
    <t>cg02971124</t>
  </si>
  <si>
    <t>cg02971253</t>
  </si>
  <si>
    <t>cg02972492</t>
  </si>
  <si>
    <t>cg02976543</t>
  </si>
  <si>
    <t>cg02983451</t>
  </si>
  <si>
    <t>cg02984430</t>
  </si>
  <si>
    <t>cg02985541</t>
  </si>
  <si>
    <t>cg02988118</t>
  </si>
  <si>
    <t>cg02989351</t>
  </si>
  <si>
    <t>cg02994216</t>
  </si>
  <si>
    <t>cg02995664</t>
  </si>
  <si>
    <t>cg02998028</t>
  </si>
  <si>
    <t>cg02998620</t>
  </si>
  <si>
    <t>cg03001942</t>
  </si>
  <si>
    <t>cg03008727</t>
  </si>
  <si>
    <t>cg03012642</t>
  </si>
  <si>
    <t>cg03012674</t>
  </si>
  <si>
    <t>cg03018058</t>
  </si>
  <si>
    <t>cg03022211</t>
  </si>
  <si>
    <t>cg03022510</t>
  </si>
  <si>
    <t>cg03023437</t>
  </si>
  <si>
    <t>cg03028337</t>
  </si>
  <si>
    <t>cg03030419</t>
  </si>
  <si>
    <t>cg03035167</t>
  </si>
  <si>
    <t>cg03041029</t>
  </si>
  <si>
    <t>cg03046424</t>
  </si>
  <si>
    <t>cg03047616</t>
  </si>
  <si>
    <t>cg03052137</t>
  </si>
  <si>
    <t>cg03053285</t>
  </si>
  <si>
    <t>cg03054026</t>
  </si>
  <si>
    <t>cg03055492</t>
  </si>
  <si>
    <t>cg03063658</t>
  </si>
  <si>
    <t>cg03064940</t>
  </si>
  <si>
    <t>cg03065107</t>
  </si>
  <si>
    <t>cg03065891</t>
  </si>
  <si>
    <t>cg03069638</t>
  </si>
  <si>
    <t>cg03069665</t>
  </si>
  <si>
    <t>cg03071098</t>
  </si>
  <si>
    <t>cg03072665</t>
  </si>
  <si>
    <t>cg03077062</t>
  </si>
  <si>
    <t>cg03077533</t>
  </si>
  <si>
    <t>cg03090940</t>
  </si>
  <si>
    <t>cg03092551</t>
  </si>
  <si>
    <t>cg03094121</t>
  </si>
  <si>
    <t>cg03095773</t>
  </si>
  <si>
    <t>cg03101422</t>
  </si>
  <si>
    <t>cg03105244</t>
  </si>
  <si>
    <t>cg03106207</t>
  </si>
  <si>
    <t>cg03110996</t>
  </si>
  <si>
    <t>cg03112382</t>
  </si>
  <si>
    <t>cg03122624</t>
  </si>
  <si>
    <t>cg03123136</t>
  </si>
  <si>
    <t>cg03125400</t>
  </si>
  <si>
    <t>cg03131159</t>
  </si>
  <si>
    <t>cg03134230</t>
  </si>
  <si>
    <t>cg03135732</t>
  </si>
  <si>
    <t>cg03139053</t>
  </si>
  <si>
    <t>cg03141944</t>
  </si>
  <si>
    <t>cg03142393</t>
  </si>
  <si>
    <t>cg03145301</t>
  </si>
  <si>
    <t>cg03146575</t>
  </si>
  <si>
    <t>cg03147185</t>
  </si>
  <si>
    <t>cg03148693</t>
  </si>
  <si>
    <t>cg03151469</t>
  </si>
  <si>
    <t>cg03152288</t>
  </si>
  <si>
    <t>cg03154580</t>
  </si>
  <si>
    <t>cg03154774</t>
  </si>
  <si>
    <t>cg03157115</t>
  </si>
  <si>
    <t>cg03157395</t>
  </si>
  <si>
    <t>cg03158063</t>
  </si>
  <si>
    <t>cg03158570</t>
  </si>
  <si>
    <t>cg03163614</t>
  </si>
  <si>
    <t>cg03164112</t>
  </si>
  <si>
    <t>cg03164561</t>
  </si>
  <si>
    <t>cg03166236</t>
  </si>
  <si>
    <t>cg03167812</t>
  </si>
  <si>
    <t>cg03168108</t>
  </si>
  <si>
    <t>cg03169059</t>
  </si>
  <si>
    <t>cg03170665</t>
  </si>
  <si>
    <t>cg03170698</t>
  </si>
  <si>
    <t>cg03171003</t>
  </si>
  <si>
    <t>cg03171300</t>
  </si>
  <si>
    <t>cg03173367</t>
  </si>
  <si>
    <t>cg03173936</t>
  </si>
  <si>
    <t>cg03176520</t>
  </si>
  <si>
    <t>cg03181382</t>
  </si>
  <si>
    <t>cg03181966</t>
  </si>
  <si>
    <t>cg03182782</t>
  </si>
  <si>
    <t>cg03182917</t>
  </si>
  <si>
    <t>cg03182958</t>
  </si>
  <si>
    <t>cg03183618</t>
  </si>
  <si>
    <t>cg03186986</t>
  </si>
  <si>
    <t>cg03188382</t>
  </si>
  <si>
    <t>cg03189453</t>
  </si>
  <si>
    <t>cg03190020</t>
  </si>
  <si>
    <t>cg03190769</t>
  </si>
  <si>
    <t>cg03190938</t>
  </si>
  <si>
    <t>cg03196220</t>
  </si>
  <si>
    <t>cg03197792</t>
  </si>
  <si>
    <t>cg03198066</t>
  </si>
  <si>
    <t>cg03198176</t>
  </si>
  <si>
    <t>cg03202477</t>
  </si>
  <si>
    <t>cg03206401</t>
  </si>
  <si>
    <t>cg03207246</t>
  </si>
  <si>
    <t>cg03208817</t>
  </si>
  <si>
    <t>cg03209251</t>
  </si>
  <si>
    <t>cg03209398</t>
  </si>
  <si>
    <t>cg03210281</t>
  </si>
  <si>
    <t>cg03210866</t>
  </si>
  <si>
    <t>cg03217954</t>
  </si>
  <si>
    <t>cg03219514</t>
  </si>
  <si>
    <t>cg03222929</t>
  </si>
  <si>
    <t>cg03224901</t>
  </si>
  <si>
    <t>cg03225109</t>
  </si>
  <si>
    <t>cg03231647</t>
  </si>
  <si>
    <t>cg03235479</t>
  </si>
  <si>
    <t>cg03238522</t>
  </si>
  <si>
    <t>cg03238981</t>
  </si>
  <si>
    <t>cg03239202</t>
  </si>
  <si>
    <t>cg03242471</t>
  </si>
  <si>
    <t>cg03247128</t>
  </si>
  <si>
    <t>cg03247301</t>
  </si>
  <si>
    <t>cg03249890</t>
  </si>
  <si>
    <t>cg03250220</t>
  </si>
  <si>
    <t>cg03251967</t>
  </si>
  <si>
    <t>cg03253114</t>
  </si>
  <si>
    <t>cg03253309</t>
  </si>
  <si>
    <t>cg03253556</t>
  </si>
  <si>
    <t>cg03255379</t>
  </si>
  <si>
    <t>cg03261774</t>
  </si>
  <si>
    <t>cg03262067</t>
  </si>
  <si>
    <t>cg03262802</t>
  </si>
  <si>
    <t>cg03262820</t>
  </si>
  <si>
    <t>cg03263123</t>
  </si>
  <si>
    <t>cg03263543</t>
  </si>
  <si>
    <t>cg03263613</t>
  </si>
  <si>
    <t>cg03263685</t>
  </si>
  <si>
    <t>cg03264934</t>
  </si>
  <si>
    <t>cg03264960</t>
  </si>
  <si>
    <t>cg03265490</t>
  </si>
  <si>
    <t>cg03266453</t>
  </si>
  <si>
    <t>cg03266686</t>
  </si>
  <si>
    <t>cg03267139</t>
  </si>
  <si>
    <t>cg03267487</t>
  </si>
  <si>
    <t>cg03267697</t>
  </si>
  <si>
    <t>cg03268942</t>
  </si>
  <si>
    <t>cg03270167</t>
  </si>
  <si>
    <t>cg03270376</t>
  </si>
  <si>
    <t>cg03271080</t>
  </si>
  <si>
    <t>cg03271293</t>
  </si>
  <si>
    <t>cg03271533</t>
  </si>
  <si>
    <t>cg03275186</t>
  </si>
  <si>
    <t>cg03279535</t>
  </si>
  <si>
    <t>cg03280113</t>
  </si>
  <si>
    <t>cg03281426</t>
  </si>
  <si>
    <t>cg03282969</t>
  </si>
  <si>
    <t>cg03287111</t>
  </si>
  <si>
    <t>cg03291396</t>
  </si>
  <si>
    <t>cg03291455</t>
  </si>
  <si>
    <t>cg03292743</t>
  </si>
  <si>
    <t>cg03293308</t>
  </si>
  <si>
    <t>cg03293603</t>
  </si>
  <si>
    <t>cg03295083</t>
  </si>
  <si>
    <t>cg03297356</t>
  </si>
  <si>
    <t>cg03298700</t>
  </si>
  <si>
    <t>cg03299617</t>
  </si>
  <si>
    <t>cg03301433</t>
  </si>
  <si>
    <t>cg03302008</t>
  </si>
  <si>
    <t>cg03302801</t>
  </si>
  <si>
    <t>cg03303515</t>
  </si>
  <si>
    <t>cg03304378</t>
  </si>
  <si>
    <t>cg03308881</t>
  </si>
  <si>
    <t>cg03310469</t>
  </si>
  <si>
    <t>cg03310517</t>
  </si>
  <si>
    <t>cg03311606</t>
  </si>
  <si>
    <t>cg03313126</t>
  </si>
  <si>
    <t>cg03313140</t>
  </si>
  <si>
    <t>cg03313643</t>
  </si>
  <si>
    <t>cg03314052</t>
  </si>
  <si>
    <t>cg03315230</t>
  </si>
  <si>
    <t>cg03315459</t>
  </si>
  <si>
    <t>cg03315696</t>
  </si>
  <si>
    <t>cg03316934</t>
  </si>
  <si>
    <t>cg03317826</t>
  </si>
  <si>
    <t>cg03318593</t>
  </si>
  <si>
    <t>cg03318654</t>
  </si>
  <si>
    <t>cg03320037</t>
  </si>
  <si>
    <t>cg03322328</t>
  </si>
  <si>
    <t>cg03323067</t>
  </si>
  <si>
    <t>cg03327468</t>
  </si>
  <si>
    <t>cg03327899</t>
  </si>
  <si>
    <t>cg03329539</t>
  </si>
  <si>
    <t>cg03331300</t>
  </si>
  <si>
    <t>cg03333621</t>
  </si>
  <si>
    <t>cg03339123</t>
  </si>
  <si>
    <t>cg03339537</t>
  </si>
  <si>
    <t>cg03340760</t>
  </si>
  <si>
    <t>cg03342543</t>
  </si>
  <si>
    <t>cg03344672</t>
  </si>
  <si>
    <t>cg03345454</t>
  </si>
  <si>
    <t>cg03345805</t>
  </si>
  <si>
    <t>cg03347671</t>
  </si>
  <si>
    <t>cg03350299</t>
  </si>
  <si>
    <t>cg03350326</t>
  </si>
  <si>
    <t>cg03353926</t>
  </si>
  <si>
    <t>cg03358313</t>
  </si>
  <si>
    <t>cg03361102</t>
  </si>
  <si>
    <t>cg03365520</t>
  </si>
  <si>
    <t>cg03365705</t>
  </si>
  <si>
    <t>cg03369671</t>
  </si>
  <si>
    <t>cg03371669</t>
  </si>
  <si>
    <t>cg03372410</t>
  </si>
  <si>
    <t>cg03375371</t>
  </si>
  <si>
    <t>cg03377610</t>
  </si>
  <si>
    <t>cg03377767</t>
  </si>
  <si>
    <t>cg03380645</t>
  </si>
  <si>
    <t>cg03383158</t>
  </si>
  <si>
    <t>cg03383268</t>
  </si>
  <si>
    <t>cg03387066</t>
  </si>
  <si>
    <t>cg03388247</t>
  </si>
  <si>
    <t>cg03388266</t>
  </si>
  <si>
    <t>cg03389792</t>
  </si>
  <si>
    <t>cg03390569</t>
  </si>
  <si>
    <t>cg03393105</t>
  </si>
  <si>
    <t>cg03394909</t>
  </si>
  <si>
    <t>cg03400942</t>
  </si>
  <si>
    <t>cg03401519</t>
  </si>
  <si>
    <t>cg03402876</t>
  </si>
  <si>
    <t>cg03403093</t>
  </si>
  <si>
    <t>cg03403880</t>
  </si>
  <si>
    <t>cg03422204</t>
  </si>
  <si>
    <t>cg03424478</t>
  </si>
  <si>
    <t>cg03428109</t>
  </si>
  <si>
    <t>cg03428813</t>
  </si>
  <si>
    <t>cg03429348</t>
  </si>
  <si>
    <t>cg03432919</t>
  </si>
  <si>
    <t>cg03433510</t>
  </si>
  <si>
    <t>cg03434262</t>
  </si>
  <si>
    <t>cg03435866</t>
  </si>
  <si>
    <t>cg03437666</t>
  </si>
  <si>
    <t>cg03440414</t>
  </si>
  <si>
    <t>cg03442269</t>
  </si>
  <si>
    <t>cg03443205</t>
  </si>
  <si>
    <t>cg03443331</t>
  </si>
  <si>
    <t>cg03443455</t>
  </si>
  <si>
    <t>cg03443986</t>
  </si>
  <si>
    <t>cg03444566</t>
  </si>
  <si>
    <t>cg03444722</t>
  </si>
  <si>
    <t>cg03445516</t>
  </si>
  <si>
    <t>cg03446502</t>
  </si>
  <si>
    <t>cg03447424</t>
  </si>
  <si>
    <t>cg03447699</t>
  </si>
  <si>
    <t>cg03448016</t>
  </si>
  <si>
    <t>cg03448840</t>
  </si>
  <si>
    <t>cg03453880</t>
  </si>
  <si>
    <t>cg03454425</t>
  </si>
  <si>
    <t>cg03455424</t>
  </si>
  <si>
    <t>cg03455713</t>
  </si>
  <si>
    <t>cg03457195</t>
  </si>
  <si>
    <t>cg03457984</t>
  </si>
  <si>
    <t>cg03459008</t>
  </si>
  <si>
    <t>cg03460682</t>
  </si>
  <si>
    <t>cg03461495</t>
  </si>
  <si>
    <t>cg03462943</t>
  </si>
  <si>
    <t>cg03463641</t>
  </si>
  <si>
    <t>cg03464366</t>
  </si>
  <si>
    <t>cg03464378</t>
  </si>
  <si>
    <t>cg03464392</t>
  </si>
  <si>
    <t>cg03464560</t>
  </si>
  <si>
    <t>cg03464655</t>
  </si>
  <si>
    <t>cg03465652</t>
  </si>
  <si>
    <t>cg03467763</t>
  </si>
  <si>
    <t>cg03467825</t>
  </si>
  <si>
    <t>cg03468249</t>
  </si>
  <si>
    <t>cg03469484</t>
  </si>
  <si>
    <t>cg03472880</t>
  </si>
  <si>
    <t>cg03477904</t>
  </si>
  <si>
    <t>cg03478122</t>
  </si>
  <si>
    <t>cg03479657</t>
  </si>
  <si>
    <t>cg03479694</t>
  </si>
  <si>
    <t>cg03480210</t>
  </si>
  <si>
    <t>cg03482221</t>
  </si>
  <si>
    <t>cg03483330</t>
  </si>
  <si>
    <t>cg03485672</t>
  </si>
  <si>
    <t>cg03487040</t>
  </si>
  <si>
    <t>cg03488422</t>
  </si>
  <si>
    <t>cg03489023</t>
  </si>
  <si>
    <t>cg03489416</t>
  </si>
  <si>
    <t>cg03490564</t>
  </si>
  <si>
    <t>cg03508204</t>
  </si>
  <si>
    <t>cg03508212</t>
  </si>
  <si>
    <t>cg03508786</t>
  </si>
  <si>
    <t>cg03513874</t>
  </si>
  <si>
    <t>cg03514843</t>
  </si>
  <si>
    <t>cg03515380</t>
  </si>
  <si>
    <t>cg03517073</t>
  </si>
  <si>
    <t>cg03517776</t>
  </si>
  <si>
    <t>cg03518512</t>
  </si>
  <si>
    <t>cg03520448</t>
  </si>
  <si>
    <t>cg03521077</t>
  </si>
  <si>
    <t>cg03522067</t>
  </si>
  <si>
    <t>cg03522083</t>
  </si>
  <si>
    <t>cg03522132</t>
  </si>
  <si>
    <t>cg03523426</t>
  </si>
  <si>
    <t>cg03528016</t>
  </si>
  <si>
    <t>cg03528393</t>
  </si>
  <si>
    <t>cg03530967</t>
  </si>
  <si>
    <t>cg03532037</t>
  </si>
  <si>
    <t>cg03532114</t>
  </si>
  <si>
    <t>cg03533294</t>
  </si>
  <si>
    <t>cg03536820</t>
  </si>
  <si>
    <t>cg03537747</t>
  </si>
  <si>
    <t>cg03539474</t>
  </si>
  <si>
    <t>cg03539789</t>
  </si>
  <si>
    <t>cg03543319</t>
  </si>
  <si>
    <t>cg03545227</t>
  </si>
  <si>
    <t>cg03545677</t>
  </si>
  <si>
    <t>cg03545972</t>
  </si>
  <si>
    <t>cg03549127</t>
  </si>
  <si>
    <t>cg03550129</t>
  </si>
  <si>
    <t>cg03552103</t>
  </si>
  <si>
    <t>cg03555914</t>
  </si>
  <si>
    <t>cg03560586</t>
  </si>
  <si>
    <t>cg03560973</t>
  </si>
  <si>
    <t>cg03564730</t>
  </si>
  <si>
    <t>cg03566174</t>
  </si>
  <si>
    <t>cg03566479</t>
  </si>
  <si>
    <t>cg03568507</t>
  </si>
  <si>
    <t>cg03568859</t>
  </si>
  <si>
    <t>cg03573824</t>
  </si>
  <si>
    <t>cg03573984</t>
  </si>
  <si>
    <t>cg03575764</t>
  </si>
  <si>
    <t>cg03576419</t>
  </si>
  <si>
    <t>cg03578473</t>
  </si>
  <si>
    <t>cg03579365</t>
  </si>
  <si>
    <t>cg03580351</t>
  </si>
  <si>
    <t>cg03583016</t>
  </si>
  <si>
    <t>cg03583111</t>
  </si>
  <si>
    <t>cg03585053</t>
  </si>
  <si>
    <t>cg03589296</t>
  </si>
  <si>
    <t>cg03591285</t>
  </si>
  <si>
    <t>cg03594311</t>
  </si>
  <si>
    <t>cg03595487</t>
  </si>
  <si>
    <t>cg03599600</t>
  </si>
  <si>
    <t>cg03601797</t>
  </si>
  <si>
    <t>cg03604731</t>
  </si>
  <si>
    <t>cg03604838</t>
  </si>
  <si>
    <t>cg03606511</t>
  </si>
  <si>
    <t>cg03606774</t>
  </si>
  <si>
    <t>cg03608167</t>
  </si>
  <si>
    <t>cg03618256</t>
  </si>
  <si>
    <t>cg03625261</t>
  </si>
  <si>
    <t>cg03626672</t>
  </si>
  <si>
    <t>cg03627290</t>
  </si>
  <si>
    <t>cg03627300</t>
  </si>
  <si>
    <t>cg03627957</t>
  </si>
  <si>
    <t>cg03627989</t>
  </si>
  <si>
    <t>cg03630015</t>
  </si>
  <si>
    <t>cg03639557</t>
  </si>
  <si>
    <t>cg03640506</t>
  </si>
  <si>
    <t>cg03646261</t>
  </si>
  <si>
    <t>cg03646994</t>
  </si>
  <si>
    <t>cg03647559</t>
  </si>
  <si>
    <t>cg03651680</t>
  </si>
  <si>
    <t>cg03655683</t>
  </si>
  <si>
    <t>cg03661054</t>
  </si>
  <si>
    <t>cg03661458</t>
  </si>
  <si>
    <t>cg03664459</t>
  </si>
  <si>
    <t>cg03666244</t>
  </si>
  <si>
    <t>cg03666350</t>
  </si>
  <si>
    <t>cg03666973</t>
  </si>
  <si>
    <t>cg03667086</t>
  </si>
  <si>
    <t>cg03670115</t>
  </si>
  <si>
    <t>cg03682366</t>
  </si>
  <si>
    <t>cg03685454</t>
  </si>
  <si>
    <t>cg03687700</t>
  </si>
  <si>
    <t>cg03689904</t>
  </si>
  <si>
    <t>cg03690080</t>
  </si>
  <si>
    <t>cg03693553</t>
  </si>
  <si>
    <t>cg03693861</t>
  </si>
  <si>
    <t>cg03698716</t>
  </si>
  <si>
    <t>cg03699623</t>
  </si>
  <si>
    <t>cg03700024</t>
  </si>
  <si>
    <t>cg03700679</t>
  </si>
  <si>
    <t>cg03705718</t>
  </si>
  <si>
    <t>cg03707948</t>
  </si>
  <si>
    <t>cg03708155</t>
  </si>
  <si>
    <t>cg03708463</t>
  </si>
  <si>
    <t>cg03710889</t>
  </si>
  <si>
    <t>cg03711129</t>
  </si>
  <si>
    <t>cg03719070</t>
  </si>
  <si>
    <t>cg03721808</t>
  </si>
  <si>
    <t>cg03724445</t>
  </si>
  <si>
    <t>cg03725444</t>
  </si>
  <si>
    <t>cg03726556</t>
  </si>
  <si>
    <t>cg03726791</t>
  </si>
  <si>
    <t>cg03727500</t>
  </si>
  <si>
    <t>cg03735916</t>
  </si>
  <si>
    <t>cg03741475</t>
  </si>
  <si>
    <t>cg03742286</t>
  </si>
  <si>
    <t>cg03744332</t>
  </si>
  <si>
    <t>cg03744893</t>
  </si>
  <si>
    <t>cg03746136</t>
  </si>
  <si>
    <t>cg03747513</t>
  </si>
  <si>
    <t>cg03750144</t>
  </si>
  <si>
    <t>cg03754074</t>
  </si>
  <si>
    <t>cg03754128</t>
  </si>
  <si>
    <t>cg03755425</t>
  </si>
  <si>
    <t>cg03756814</t>
  </si>
  <si>
    <t>cg03756940</t>
  </si>
  <si>
    <t>cg03757938</t>
  </si>
  <si>
    <t>cg03758732</t>
  </si>
  <si>
    <t>cg03759077</t>
  </si>
  <si>
    <t>cg03760336</t>
  </si>
  <si>
    <t>cg03762237</t>
  </si>
  <si>
    <t>cg03762820</t>
  </si>
  <si>
    <t>cg03763077</t>
  </si>
  <si>
    <t>cg03765885</t>
  </si>
  <si>
    <t>cg03766027</t>
  </si>
  <si>
    <t>cg03766400</t>
  </si>
  <si>
    <t>cg03766620</t>
  </si>
  <si>
    <t>cg03766851</t>
  </si>
  <si>
    <t>cg03767531</t>
  </si>
  <si>
    <t>cg03770593</t>
  </si>
  <si>
    <t>cg03771282</t>
  </si>
  <si>
    <t>cg03773681</t>
  </si>
  <si>
    <t>cg03774040</t>
  </si>
  <si>
    <t>cg03775350</t>
  </si>
  <si>
    <t>cg03776464</t>
  </si>
  <si>
    <t>cg03782584</t>
  </si>
  <si>
    <t>cg03785076</t>
  </si>
  <si>
    <t>cg03785456</t>
  </si>
  <si>
    <t>cg03792055</t>
  </si>
  <si>
    <t>cg03792788</t>
  </si>
  <si>
    <t>cg03795903</t>
  </si>
  <si>
    <t>cg03798217</t>
  </si>
  <si>
    <t>cg03798852</t>
  </si>
  <si>
    <t>cg03800417</t>
  </si>
  <si>
    <t>cg03801871</t>
  </si>
  <si>
    <t>cg03802383</t>
  </si>
  <si>
    <t>cg03802817</t>
  </si>
  <si>
    <t>cg03803211</t>
  </si>
  <si>
    <t>cg03804243</t>
  </si>
  <si>
    <t>cg03804847</t>
  </si>
  <si>
    <t>cg03805618</t>
  </si>
  <si>
    <t>cg03810768</t>
  </si>
  <si>
    <t>cg03817476</t>
  </si>
  <si>
    <t>cg03817727</t>
  </si>
  <si>
    <t>cg03819783</t>
  </si>
  <si>
    <t>cg03820024</t>
  </si>
  <si>
    <t>cg03825255</t>
  </si>
  <si>
    <t>cg03831502</t>
  </si>
  <si>
    <t>cg03832162</t>
  </si>
  <si>
    <t>cg03839291</t>
  </si>
  <si>
    <t>cg03839341</t>
  </si>
  <si>
    <t>cg03845301</t>
  </si>
  <si>
    <t>cg03850035</t>
  </si>
  <si>
    <t>cg03851975</t>
  </si>
  <si>
    <t>cg03852018</t>
  </si>
  <si>
    <t>cg03852091</t>
  </si>
  <si>
    <t>cg03852847</t>
  </si>
  <si>
    <t>cg03856178</t>
  </si>
  <si>
    <t>cg03856714</t>
  </si>
  <si>
    <t>cg03858047</t>
  </si>
  <si>
    <t>cg03862705</t>
  </si>
  <si>
    <t>cg03869928</t>
  </si>
  <si>
    <t>cg03870370</t>
  </si>
  <si>
    <t>cg03874199</t>
  </si>
  <si>
    <t>cg03875632</t>
  </si>
  <si>
    <t>cg03877506</t>
  </si>
  <si>
    <t>cg03878133</t>
  </si>
  <si>
    <t>cg03878190</t>
  </si>
  <si>
    <t>cg03879180</t>
  </si>
  <si>
    <t>cg03880733</t>
  </si>
  <si>
    <t>cg03882167</t>
  </si>
  <si>
    <t>cg03888447</t>
  </si>
  <si>
    <t>cg03889044</t>
  </si>
  <si>
    <t>cg03890195</t>
  </si>
  <si>
    <t>cg03890222</t>
  </si>
  <si>
    <t>cg03891849</t>
  </si>
  <si>
    <t>cg03893913</t>
  </si>
  <si>
    <t>cg03898010</t>
  </si>
  <si>
    <t>cg03901836</t>
  </si>
  <si>
    <t>cg03904220</t>
  </si>
  <si>
    <t>cg03906115</t>
  </si>
  <si>
    <t>cg03913423</t>
  </si>
  <si>
    <t>cg03924805</t>
  </si>
  <si>
    <t>cg03933572</t>
  </si>
  <si>
    <t>cg03934865</t>
  </si>
  <si>
    <t>cg03940153</t>
  </si>
  <si>
    <t>cg03944810</t>
  </si>
  <si>
    <t>cg03947362</t>
  </si>
  <si>
    <t>cg03953709</t>
  </si>
  <si>
    <t>cg03953874</t>
  </si>
  <si>
    <t>cg03954411</t>
  </si>
  <si>
    <t>cg03955927</t>
  </si>
  <si>
    <t>cg03956267</t>
  </si>
  <si>
    <t>cg03956680</t>
  </si>
  <si>
    <t>cg03957108</t>
  </si>
  <si>
    <t>cg03958757</t>
  </si>
  <si>
    <t>cg03959661</t>
  </si>
  <si>
    <t>cg03960220</t>
  </si>
  <si>
    <t>cg03960488</t>
  </si>
  <si>
    <t>cg03960699</t>
  </si>
  <si>
    <t>cg03960874</t>
  </si>
  <si>
    <t>cg03962178</t>
  </si>
  <si>
    <t>cg03962809</t>
  </si>
  <si>
    <t>cg03963219</t>
  </si>
  <si>
    <t>cg03966045</t>
  </si>
  <si>
    <t>cg03969316</t>
  </si>
  <si>
    <t>cg03970176</t>
  </si>
  <si>
    <t>cg03974286</t>
  </si>
  <si>
    <t>cg03976366</t>
  </si>
  <si>
    <t>cg03978514</t>
  </si>
  <si>
    <t>cg03983223</t>
  </si>
  <si>
    <t>cg03985718</t>
  </si>
  <si>
    <t>cg03985874</t>
  </si>
  <si>
    <t>cg03988329</t>
  </si>
  <si>
    <t>cg03989068</t>
  </si>
  <si>
    <t>cg03991534</t>
  </si>
  <si>
    <t>cg03991953</t>
  </si>
  <si>
    <t>cg03992259</t>
  </si>
  <si>
    <t>cg03994908</t>
  </si>
  <si>
    <t>cg03995228</t>
  </si>
  <si>
    <t>cg03997139</t>
  </si>
  <si>
    <t>cg03997390</t>
  </si>
  <si>
    <t>cg03997393</t>
  </si>
  <si>
    <t>cg03998474</t>
  </si>
  <si>
    <t>cg03998493</t>
  </si>
  <si>
    <t>cg03999216</t>
  </si>
  <si>
    <t>cg03999932</t>
  </si>
  <si>
    <t>cg04001714</t>
  </si>
  <si>
    <t>cg04002454</t>
  </si>
  <si>
    <t>cg04005059</t>
  </si>
  <si>
    <t>cg04010122</t>
  </si>
  <si>
    <t>cg04010248</t>
  </si>
  <si>
    <t>cg04011228</t>
  </si>
  <si>
    <t>cg04011435</t>
  </si>
  <si>
    <t>cg04011474</t>
  </si>
  <si>
    <t>cg04013994</t>
  </si>
  <si>
    <t>cg04016113</t>
  </si>
  <si>
    <t>cg04016383</t>
  </si>
  <si>
    <t>cg04019016</t>
  </si>
  <si>
    <t>cg04020412</t>
  </si>
  <si>
    <t>cg04021372</t>
  </si>
  <si>
    <t>cg04021856</t>
  </si>
  <si>
    <t>cg04021887</t>
  </si>
  <si>
    <t>cg04021910</t>
  </si>
  <si>
    <t>cg04026326</t>
  </si>
  <si>
    <t>cg04034577</t>
  </si>
  <si>
    <t>cg04036593</t>
  </si>
  <si>
    <t>cg04037952</t>
  </si>
  <si>
    <t>cg04042861</t>
  </si>
  <si>
    <t>cg04043264</t>
  </si>
  <si>
    <t>cg04045549</t>
  </si>
  <si>
    <t>cg04047127</t>
  </si>
  <si>
    <t>cg04048740</t>
  </si>
  <si>
    <t>cg04049556</t>
  </si>
  <si>
    <t>cg04053045</t>
  </si>
  <si>
    <t>cg04053485</t>
  </si>
  <si>
    <t>cg04053638</t>
  </si>
  <si>
    <t>cg04056179</t>
  </si>
  <si>
    <t>cg04058399</t>
  </si>
  <si>
    <t>cg04059696</t>
  </si>
  <si>
    <t>cg04062040</t>
  </si>
  <si>
    <t>cg04062218</t>
  </si>
  <si>
    <t>cg04062717</t>
  </si>
  <si>
    <t>cg04063216</t>
  </si>
  <si>
    <t>cg04064452</t>
  </si>
  <si>
    <t>cg04065472</t>
  </si>
  <si>
    <t>cg04066824</t>
  </si>
  <si>
    <t>cg04066885</t>
  </si>
  <si>
    <t>cg04067066</t>
  </si>
  <si>
    <t>cg04068248</t>
  </si>
  <si>
    <t>cg04069381</t>
  </si>
  <si>
    <t>cg04072323</t>
  </si>
  <si>
    <t>cg04077047</t>
  </si>
  <si>
    <t>cg04079176</t>
  </si>
  <si>
    <t>cg04082061</t>
  </si>
  <si>
    <t>cg04084892</t>
  </si>
  <si>
    <t>cg04086002</t>
  </si>
  <si>
    <t>cg04088932</t>
  </si>
  <si>
    <t>cg04089693</t>
  </si>
  <si>
    <t>cg04090027</t>
  </si>
  <si>
    <t>cg04091898</t>
  </si>
  <si>
    <t>cg04094641</t>
  </si>
  <si>
    <t>cg04094838</t>
  </si>
  <si>
    <t>cg04095711</t>
  </si>
  <si>
    <t>cg04099238</t>
  </si>
  <si>
    <t>cg04100397</t>
  </si>
  <si>
    <t>cg04101340</t>
  </si>
  <si>
    <t>cg04101806</t>
  </si>
  <si>
    <t>cg04103993</t>
  </si>
  <si>
    <t>cg04105250</t>
  </si>
  <si>
    <t>cg04106877</t>
  </si>
  <si>
    <t>cg04112102</t>
  </si>
  <si>
    <t>cg04112417</t>
  </si>
  <si>
    <t>cg04112866</t>
  </si>
  <si>
    <t>cg04114655</t>
  </si>
  <si>
    <t>cg04118190</t>
  </si>
  <si>
    <t>cg04118884</t>
  </si>
  <si>
    <t>cg04120400</t>
  </si>
  <si>
    <t>cg04122744</t>
  </si>
  <si>
    <t>cg04126261</t>
  </si>
  <si>
    <t>cg04128718</t>
  </si>
  <si>
    <t>cg04129548</t>
  </si>
  <si>
    <t>cg04129946</t>
  </si>
  <si>
    <t>cg04131799</t>
  </si>
  <si>
    <t>cg04131969</t>
  </si>
  <si>
    <t>cg04140212</t>
  </si>
  <si>
    <t>cg04140614</t>
  </si>
  <si>
    <t>cg04140903</t>
  </si>
  <si>
    <t>cg04152675</t>
  </si>
  <si>
    <t>cg04157345</t>
  </si>
  <si>
    <t>cg04164184</t>
  </si>
  <si>
    <t>cg04165683</t>
  </si>
  <si>
    <t>cg04167804</t>
  </si>
  <si>
    <t>cg04169469</t>
  </si>
  <si>
    <t>cg04169774</t>
  </si>
  <si>
    <t>cg04170535</t>
  </si>
  <si>
    <t>cg04172748</t>
  </si>
  <si>
    <t>cg04174211</t>
  </si>
  <si>
    <t>cg04175027</t>
  </si>
  <si>
    <t>cg04180428</t>
  </si>
  <si>
    <t>cg04181401</t>
  </si>
  <si>
    <t>cg04181892</t>
  </si>
  <si>
    <t>cg04183933</t>
  </si>
  <si>
    <t>cg04192018</t>
  </si>
  <si>
    <t>cg04195527</t>
  </si>
  <si>
    <t>cg04196143</t>
  </si>
  <si>
    <t>cg04197631</t>
  </si>
  <si>
    <t>cg04197920</t>
  </si>
  <si>
    <t>cg04198215</t>
  </si>
  <si>
    <t>cg04198323</t>
  </si>
  <si>
    <t>cg04200362</t>
  </si>
  <si>
    <t>cg04201527</t>
  </si>
  <si>
    <t>cg04201744</t>
  </si>
  <si>
    <t>cg04202892</t>
  </si>
  <si>
    <t>cg04204221</t>
  </si>
  <si>
    <t>cg04209035</t>
  </si>
  <si>
    <t>cg04210645</t>
  </si>
  <si>
    <t>cg04211175</t>
  </si>
  <si>
    <t>cg04211198</t>
  </si>
  <si>
    <t>cg04215213</t>
  </si>
  <si>
    <t>cg04217929</t>
  </si>
  <si>
    <t>cg04218124</t>
  </si>
  <si>
    <t>cg04218520</t>
  </si>
  <si>
    <t>cg04222344</t>
  </si>
  <si>
    <t>cg04222876</t>
  </si>
  <si>
    <t>cg04223842</t>
  </si>
  <si>
    <t>cg04223863</t>
  </si>
  <si>
    <t>cg04232816</t>
  </si>
  <si>
    <t>cg04247717</t>
  </si>
  <si>
    <t>cg04251733</t>
  </si>
  <si>
    <t>cg04252915</t>
  </si>
  <si>
    <t>cg04253876</t>
  </si>
  <si>
    <t>cg04254242</t>
  </si>
  <si>
    <t>cg04255879</t>
  </si>
  <si>
    <t>cg04257097</t>
  </si>
  <si>
    <t>cg04258102</t>
  </si>
  <si>
    <t>cg04260236</t>
  </si>
  <si>
    <t>cg04262505</t>
  </si>
  <si>
    <t>cg04266887</t>
  </si>
  <si>
    <t>cg04267953</t>
  </si>
  <si>
    <t>cg04268813</t>
  </si>
  <si>
    <t>cg04269791</t>
  </si>
  <si>
    <t>cg04270736</t>
  </si>
  <si>
    <t>cg04275172</t>
  </si>
  <si>
    <t>cg04275977</t>
  </si>
  <si>
    <t>cg04276301</t>
  </si>
  <si>
    <t>cg04278110</t>
  </si>
  <si>
    <t>cg04279987</t>
  </si>
  <si>
    <t>cg04280772</t>
  </si>
  <si>
    <t>cg04281649</t>
  </si>
  <si>
    <t>cg04284463</t>
  </si>
  <si>
    <t>cg04285318</t>
  </si>
  <si>
    <t>cg04286697</t>
  </si>
  <si>
    <t>cg04286823</t>
  </si>
  <si>
    <t>cg04287116</t>
  </si>
  <si>
    <t>cg04288999</t>
  </si>
  <si>
    <t>cg04289314</t>
  </si>
  <si>
    <t>cg04293526</t>
  </si>
  <si>
    <t>cg04299439</t>
  </si>
  <si>
    <t>cg04304121</t>
  </si>
  <si>
    <t>cg04305599</t>
  </si>
  <si>
    <t>cg04306229</t>
  </si>
  <si>
    <t>cg04309212</t>
  </si>
  <si>
    <t>cg04309437</t>
  </si>
  <si>
    <t>cg04311821</t>
  </si>
  <si>
    <t>cg04313995</t>
  </si>
  <si>
    <t>cg04314130</t>
  </si>
  <si>
    <t>cg04314609</t>
  </si>
  <si>
    <t>cg04316311</t>
  </si>
  <si>
    <t>cg04316429</t>
  </si>
  <si>
    <t>cg04321154</t>
  </si>
  <si>
    <t>cg04325909</t>
  </si>
  <si>
    <t>cg04330546</t>
  </si>
  <si>
    <t>cg04330881</t>
  </si>
  <si>
    <t>cg04333863</t>
  </si>
  <si>
    <t>cg04334243</t>
  </si>
  <si>
    <t>cg04334727</t>
  </si>
  <si>
    <t>cg04335293</t>
  </si>
  <si>
    <t>cg04336159</t>
  </si>
  <si>
    <t>cg04337188</t>
  </si>
  <si>
    <t>cg04337403</t>
  </si>
  <si>
    <t>cg04337651</t>
  </si>
  <si>
    <t>cg04341343</t>
  </si>
  <si>
    <t>cg04341454</t>
  </si>
  <si>
    <t>cg04342863</t>
  </si>
  <si>
    <t>cg04343092</t>
  </si>
  <si>
    <t>cg04345118</t>
  </si>
  <si>
    <t>cg04346861</t>
  </si>
  <si>
    <t>cg04348419</t>
  </si>
  <si>
    <t>cg04348872</t>
  </si>
  <si>
    <t>cg04350237</t>
  </si>
  <si>
    <t>cg04351088</t>
  </si>
  <si>
    <t>cg04351541</t>
  </si>
  <si>
    <t>cg04351776</t>
  </si>
  <si>
    <t>cg04352803</t>
  </si>
  <si>
    <t>cg04361126</t>
  </si>
  <si>
    <t>cg04361556</t>
  </si>
  <si>
    <t>cg04361749</t>
  </si>
  <si>
    <t>cg04362586</t>
  </si>
  <si>
    <t>cg04362989</t>
  </si>
  <si>
    <t>cg04363281</t>
  </si>
  <si>
    <t>cg04363282</t>
  </si>
  <si>
    <t>cg04364973</t>
  </si>
  <si>
    <t>cg04365102</t>
  </si>
  <si>
    <t>cg04366407</t>
  </si>
  <si>
    <t>cg04367427</t>
  </si>
  <si>
    <t>cg04369651</t>
  </si>
  <si>
    <t>cg04369903</t>
  </si>
  <si>
    <t>cg04371726</t>
  </si>
  <si>
    <t>cg04372536</t>
  </si>
  <si>
    <t>cg04373487</t>
  </si>
  <si>
    <t>cg04376092</t>
  </si>
  <si>
    <t>cg04376709</t>
  </si>
  <si>
    <t>cg04376782</t>
  </si>
  <si>
    <t>cg04380228</t>
  </si>
  <si>
    <t>cg04380269</t>
  </si>
  <si>
    <t>cg04380340</t>
  </si>
  <si>
    <t>cg04391048</t>
  </si>
  <si>
    <t>cg04393701</t>
  </si>
  <si>
    <t>cg04393792</t>
  </si>
  <si>
    <t>cg04398171</t>
  </si>
  <si>
    <t>cg04398322</t>
  </si>
  <si>
    <t>cg04398391</t>
  </si>
  <si>
    <t>cg04411541</t>
  </si>
  <si>
    <t>cg04412116</t>
  </si>
  <si>
    <t>cg04415270</t>
  </si>
  <si>
    <t>cg04415689</t>
  </si>
  <si>
    <t>cg04423209</t>
  </si>
  <si>
    <t>cg04426779</t>
  </si>
  <si>
    <t>cg04431946</t>
  </si>
  <si>
    <t>cg04432606</t>
  </si>
  <si>
    <t>cg04434339</t>
  </si>
  <si>
    <t>cg04436724</t>
  </si>
  <si>
    <t>cg04437845</t>
  </si>
  <si>
    <t>cg04437956</t>
  </si>
  <si>
    <t>cg04439159</t>
  </si>
  <si>
    <t>cg04440551</t>
  </si>
  <si>
    <t>cg04444936</t>
  </si>
  <si>
    <t>cg04447708</t>
  </si>
  <si>
    <t>cg04449108</t>
  </si>
  <si>
    <t>cg04449249</t>
  </si>
  <si>
    <t>cg04449512</t>
  </si>
  <si>
    <t>cg04449558</t>
  </si>
  <si>
    <t>cg04449562</t>
  </si>
  <si>
    <t>cg04452311</t>
  </si>
  <si>
    <t>cg04457196</t>
  </si>
  <si>
    <t>cg04458567</t>
  </si>
  <si>
    <t>cg04458969</t>
  </si>
  <si>
    <t>cg04461705</t>
  </si>
  <si>
    <t>cg04462652</t>
  </si>
  <si>
    <t>cg04466246</t>
  </si>
  <si>
    <t>cg04468608</t>
  </si>
  <si>
    <t>cg04470085</t>
  </si>
  <si>
    <t>cg04471822</t>
  </si>
  <si>
    <t>cg04477202</t>
  </si>
  <si>
    <t>cg04483548</t>
  </si>
  <si>
    <t>cg04491917</t>
  </si>
  <si>
    <t>cg04500896</t>
  </si>
  <si>
    <t>cg04503297</t>
  </si>
  <si>
    <t>cg04506514</t>
  </si>
  <si>
    <t>cg04511411</t>
  </si>
  <si>
    <t>cg04519775</t>
  </si>
  <si>
    <t>cg04519870</t>
  </si>
  <si>
    <t>cg04521724</t>
  </si>
  <si>
    <t>cg04525491</t>
  </si>
  <si>
    <t>cg04526104</t>
  </si>
  <si>
    <t>cg04526816</t>
  </si>
  <si>
    <t>cg04528477</t>
  </si>
  <si>
    <t>cg04528931</t>
  </si>
  <si>
    <t>cg04531425</t>
  </si>
  <si>
    <t>cg04546181</t>
  </si>
  <si>
    <t>cg04552737</t>
  </si>
  <si>
    <t>cg04554576</t>
  </si>
  <si>
    <t>cg04561332</t>
  </si>
  <si>
    <t>cg04571189</t>
  </si>
  <si>
    <t>cg04571233</t>
  </si>
  <si>
    <t>cg04571418</t>
  </si>
  <si>
    <t>cg04571833</t>
  </si>
  <si>
    <t>cg04573031</t>
  </si>
  <si>
    <t>cg04576203</t>
  </si>
  <si>
    <t>cg04576855</t>
  </si>
  <si>
    <t>cg04578362</t>
  </si>
  <si>
    <t>cg04579254</t>
  </si>
  <si>
    <t>cg04580179</t>
  </si>
  <si>
    <t>cg04582974</t>
  </si>
  <si>
    <t>cg04585787</t>
  </si>
  <si>
    <t>cg04586286</t>
  </si>
  <si>
    <t>cg04587858</t>
  </si>
  <si>
    <t>cg04587910</t>
  </si>
  <si>
    <t>cg04589008</t>
  </si>
  <si>
    <t>cg04589210</t>
  </si>
  <si>
    <t>cg04589649</t>
  </si>
  <si>
    <t>cg04590956</t>
  </si>
  <si>
    <t>cg04593426</t>
  </si>
  <si>
    <t>cg04593880</t>
  </si>
  <si>
    <t>cg04595562</t>
  </si>
  <si>
    <t>cg04608190</t>
  </si>
  <si>
    <t>cg04609635</t>
  </si>
  <si>
    <t>cg04617936</t>
  </si>
  <si>
    <t>cg04618171</t>
  </si>
  <si>
    <t>cg04618386</t>
  </si>
  <si>
    <t>cg04623131</t>
  </si>
  <si>
    <t>cg04640885</t>
  </si>
  <si>
    <t>cg04640971</t>
  </si>
  <si>
    <t>cg04648494</t>
  </si>
  <si>
    <t>cg04655474</t>
  </si>
  <si>
    <t>cg04657183</t>
  </si>
  <si>
    <t>cg04657700</t>
  </si>
  <si>
    <t>cg04659154</t>
  </si>
  <si>
    <t>cg04659537</t>
  </si>
  <si>
    <t>cg04659582</t>
  </si>
  <si>
    <t>cg04662828</t>
  </si>
  <si>
    <t>cg04665637</t>
  </si>
  <si>
    <t>cg04665639</t>
  </si>
  <si>
    <t>cg04670857</t>
  </si>
  <si>
    <t>cg04671367</t>
  </si>
  <si>
    <t>cg04674832</t>
  </si>
  <si>
    <t>cg04678916</t>
  </si>
  <si>
    <t>cg04679072</t>
  </si>
  <si>
    <t>cg04679323</t>
  </si>
  <si>
    <t>cg04682850</t>
  </si>
  <si>
    <t>cg04683740</t>
  </si>
  <si>
    <t>cg04684152</t>
  </si>
  <si>
    <t>cg04685636</t>
  </si>
  <si>
    <t>cg04686481</t>
  </si>
  <si>
    <t>cg04690395</t>
  </si>
  <si>
    <t>cg04690917</t>
  </si>
  <si>
    <t>cg04693256</t>
  </si>
  <si>
    <t>cg04694619</t>
  </si>
  <si>
    <t>cg04695436</t>
  </si>
  <si>
    <t>cg04696149</t>
  </si>
  <si>
    <t>cg04696494</t>
  </si>
  <si>
    <t>cg04696969</t>
  </si>
  <si>
    <t>cg04697299</t>
  </si>
  <si>
    <t>cg04697953</t>
  </si>
  <si>
    <t>cg04699394</t>
  </si>
  <si>
    <t>cg04701596</t>
  </si>
  <si>
    <t>cg04702872</t>
  </si>
  <si>
    <t>cg04706327</t>
  </si>
  <si>
    <t>cg04709655</t>
  </si>
  <si>
    <t>cg04709681</t>
  </si>
  <si>
    <t>cg04709900</t>
  </si>
  <si>
    <t>cg04721934</t>
  </si>
  <si>
    <t>cg04723170</t>
  </si>
  <si>
    <t>cg04729594</t>
  </si>
  <si>
    <t>cg04729655</t>
  </si>
  <si>
    <t>cg04730665</t>
  </si>
  <si>
    <t>cg04730882</t>
  </si>
  <si>
    <t>cg04732357</t>
  </si>
  <si>
    <t>cg04733382</t>
  </si>
  <si>
    <t>cg04733533</t>
  </si>
  <si>
    <t>cg04735129</t>
  </si>
  <si>
    <t>cg04737087</t>
  </si>
  <si>
    <t>cg04737150</t>
  </si>
  <si>
    <t>cg04738237</t>
  </si>
  <si>
    <t>cg04738464</t>
  </si>
  <si>
    <t>cg04738700</t>
  </si>
  <si>
    <t>cg04738827</t>
  </si>
  <si>
    <t>cg04739123</t>
  </si>
  <si>
    <t>cg04742066</t>
  </si>
  <si>
    <t>cg04744156</t>
  </si>
  <si>
    <t>cg04744735</t>
  </si>
  <si>
    <t>cg04746199</t>
  </si>
  <si>
    <t>cg04746945</t>
  </si>
  <si>
    <t>cg04749066</t>
  </si>
  <si>
    <t>cg04749129</t>
  </si>
  <si>
    <t>cg04751089</t>
  </si>
  <si>
    <t>cg04751149</t>
  </si>
  <si>
    <t>cg04755345</t>
  </si>
  <si>
    <t>cg04771206</t>
  </si>
  <si>
    <t>cg04773645</t>
  </si>
  <si>
    <t>cg04775668</t>
  </si>
  <si>
    <t>cg04779211</t>
  </si>
  <si>
    <t>cg04780086</t>
  </si>
  <si>
    <t>cg04783710</t>
  </si>
  <si>
    <t>cg04784535</t>
  </si>
  <si>
    <t>cg04784839</t>
  </si>
  <si>
    <t>cg04787916</t>
  </si>
  <si>
    <t>cg04788769</t>
  </si>
  <si>
    <t>cg04789125</t>
  </si>
  <si>
    <t>cg04789761</t>
  </si>
  <si>
    <t>cg04793015</t>
  </si>
  <si>
    <t>cg04797742</t>
  </si>
  <si>
    <t>cg04799980</t>
  </si>
  <si>
    <t>cg04801003</t>
  </si>
  <si>
    <t>cg04802018</t>
  </si>
  <si>
    <t>cg04802694</t>
  </si>
  <si>
    <t>cg04803956</t>
  </si>
  <si>
    <t>cg04804539</t>
  </si>
  <si>
    <t>cg04804770</t>
  </si>
  <si>
    <t>cg04805229</t>
  </si>
  <si>
    <t>cg04807567</t>
  </si>
  <si>
    <t>cg04809136</t>
  </si>
  <si>
    <t>cg04809904</t>
  </si>
  <si>
    <t>cg04817183</t>
  </si>
  <si>
    <t>cg04835122</t>
  </si>
  <si>
    <t>cg04838191</t>
  </si>
  <si>
    <t>cg04839314</t>
  </si>
  <si>
    <t>cg04839991</t>
  </si>
  <si>
    <t>cg04840356</t>
  </si>
  <si>
    <t>cg04841024</t>
  </si>
  <si>
    <t>cg04841245</t>
  </si>
  <si>
    <t>cg04841997</t>
  </si>
  <si>
    <t>cg04842541</t>
  </si>
  <si>
    <t>cg04843067</t>
  </si>
  <si>
    <t>cg04844016</t>
  </si>
  <si>
    <t>cg04845466</t>
  </si>
  <si>
    <t>cg04848426</t>
  </si>
  <si>
    <t>cg04849129</t>
  </si>
  <si>
    <t>cg04849850</t>
  </si>
  <si>
    <t>cg04850254</t>
  </si>
  <si>
    <t>cg04852339</t>
  </si>
  <si>
    <t>cg04855401</t>
  </si>
  <si>
    <t>cg04856858</t>
  </si>
  <si>
    <t>cg04863950</t>
  </si>
  <si>
    <t>cg04865008</t>
  </si>
  <si>
    <t>cg04869380</t>
  </si>
  <si>
    <t>cg04871472</t>
  </si>
  <si>
    <t>cg04872689</t>
  </si>
  <si>
    <t>cg04873637</t>
  </si>
  <si>
    <t>cg04876407</t>
  </si>
  <si>
    <t>cg04880052</t>
  </si>
  <si>
    <t>cg04881095</t>
  </si>
  <si>
    <t>cg04881228</t>
  </si>
  <si>
    <t>cg04884732</t>
  </si>
  <si>
    <t>cg04884908</t>
  </si>
  <si>
    <t>cg04888030</t>
  </si>
  <si>
    <t>cg04892919</t>
  </si>
  <si>
    <t>cg04898443</t>
  </si>
  <si>
    <t>cg04900785</t>
  </si>
  <si>
    <t>cg04904388</t>
  </si>
  <si>
    <t>cg04905635</t>
  </si>
  <si>
    <t>cg04906879</t>
  </si>
  <si>
    <t>cg04909508</t>
  </si>
  <si>
    <t>cg04913005</t>
  </si>
  <si>
    <t>cg04913078</t>
  </si>
  <si>
    <t>cg04915300</t>
  </si>
  <si>
    <t>cg04916311</t>
  </si>
  <si>
    <t>cg04920474</t>
  </si>
  <si>
    <t>cg04920761</t>
  </si>
  <si>
    <t>cg04928670</t>
  </si>
  <si>
    <t>cg04937594</t>
  </si>
  <si>
    <t>cg04940109</t>
  </si>
  <si>
    <t>cg04942516</t>
  </si>
  <si>
    <t>cg04943225</t>
  </si>
  <si>
    <t>cg04944784</t>
  </si>
  <si>
    <t>cg04946715</t>
  </si>
  <si>
    <t>cg04947084</t>
  </si>
  <si>
    <t>cg04949346</t>
  </si>
  <si>
    <t>cg04950627</t>
  </si>
  <si>
    <t>cg04951293</t>
  </si>
  <si>
    <t>cg04952446</t>
  </si>
  <si>
    <t>cg04953503</t>
  </si>
  <si>
    <t>cg04955914</t>
  </si>
  <si>
    <t>cg04956471</t>
  </si>
  <si>
    <t>cg04956944</t>
  </si>
  <si>
    <t>cg04960603</t>
  </si>
  <si>
    <t>cg04965934</t>
  </si>
  <si>
    <t>cg04970994</t>
  </si>
  <si>
    <t>cg04981619</t>
  </si>
  <si>
    <t>cg04986236</t>
  </si>
  <si>
    <t>cg05001691</t>
  </si>
  <si>
    <t>cg05007992</t>
  </si>
  <si>
    <t>cg05007997</t>
  </si>
  <si>
    <t>cg05010058</t>
  </si>
  <si>
    <t>cg05010548</t>
  </si>
  <si>
    <t>cg05010623</t>
  </si>
  <si>
    <t>cg05014499</t>
  </si>
  <si>
    <t>cg05015185</t>
  </si>
  <si>
    <t>cg05020203</t>
  </si>
  <si>
    <t>cg05025046</t>
  </si>
  <si>
    <t>cg05025332</t>
  </si>
  <si>
    <t>cg05026785</t>
  </si>
  <si>
    <t>cg05027085</t>
  </si>
  <si>
    <t>cg05029089</t>
  </si>
  <si>
    <t>cg05031435</t>
  </si>
  <si>
    <t>cg05038216</t>
  </si>
  <si>
    <t>cg05039065</t>
  </si>
  <si>
    <t>cg05039432</t>
  </si>
  <si>
    <t>cg05041871</t>
  </si>
  <si>
    <t>cg05043287</t>
  </si>
  <si>
    <t>cg05043774</t>
  </si>
  <si>
    <t>cg05043910</t>
  </si>
  <si>
    <t>cg05044639</t>
  </si>
  <si>
    <t>cg05044706</t>
  </si>
  <si>
    <t>cg05053689</t>
  </si>
  <si>
    <t>cg05056133</t>
  </si>
  <si>
    <t>cg05056823</t>
  </si>
  <si>
    <t>cg05056825</t>
  </si>
  <si>
    <t>cg05057534</t>
  </si>
  <si>
    <t>cg05065078</t>
  </si>
  <si>
    <t>cg05065583</t>
  </si>
  <si>
    <t>cg05074946</t>
  </si>
  <si>
    <t>cg05075562</t>
  </si>
  <si>
    <t>cg05081346</t>
  </si>
  <si>
    <t>cg05081352</t>
  </si>
  <si>
    <t>cg05085267</t>
  </si>
  <si>
    <t>cg05085631</t>
  </si>
  <si>
    <t>cg05087455</t>
  </si>
  <si>
    <t>cg05087909</t>
  </si>
  <si>
    <t>cg05091817</t>
  </si>
  <si>
    <t>cg05092308</t>
  </si>
  <si>
    <t>cg05094081</t>
  </si>
  <si>
    <t>cg05096637</t>
  </si>
  <si>
    <t>cg05097197</t>
  </si>
  <si>
    <t>cg05098471</t>
  </si>
  <si>
    <t>cg05100067</t>
  </si>
  <si>
    <t>cg05100419</t>
  </si>
  <si>
    <t>cg05104080</t>
  </si>
  <si>
    <t>cg05105207</t>
  </si>
  <si>
    <t>cg05105477</t>
  </si>
  <si>
    <t>cg05106191</t>
  </si>
  <si>
    <t>cg05106359</t>
  </si>
  <si>
    <t>cg05114739</t>
  </si>
  <si>
    <t>cg05127937</t>
  </si>
  <si>
    <t>cg05135846</t>
  </si>
  <si>
    <t>cg05136263</t>
  </si>
  <si>
    <t>cg05141465</t>
  </si>
  <si>
    <t>cg05142833</t>
  </si>
  <si>
    <t>cg05144702</t>
  </si>
  <si>
    <t>cg05146658</t>
  </si>
  <si>
    <t>cg05146922</t>
  </si>
  <si>
    <t>cg05147735</t>
  </si>
  <si>
    <t>cg05155595</t>
  </si>
  <si>
    <t>cg05157961</t>
  </si>
  <si>
    <t>cg05159279</t>
  </si>
  <si>
    <t>cg05164666</t>
  </si>
  <si>
    <t>cg05165689</t>
  </si>
  <si>
    <t>cg05165989</t>
  </si>
  <si>
    <t>cg05166976</t>
  </si>
  <si>
    <t>cg05169454</t>
  </si>
  <si>
    <t>cg05170205</t>
  </si>
  <si>
    <t>cg05170746</t>
  </si>
  <si>
    <t>cg05170759</t>
  </si>
  <si>
    <t>cg05172887</t>
  </si>
  <si>
    <t>cg05172912</t>
  </si>
  <si>
    <t>cg05180985</t>
  </si>
  <si>
    <t>cg05181301</t>
  </si>
  <si>
    <t>cg05185019</t>
  </si>
  <si>
    <t>cg05186036</t>
  </si>
  <si>
    <t>cg05187797</t>
  </si>
  <si>
    <t>cg05191891</t>
  </si>
  <si>
    <t>cg05194412</t>
  </si>
  <si>
    <t>cg05194810</t>
  </si>
  <si>
    <t>cg05203213</t>
  </si>
  <si>
    <t>cg05204310</t>
  </si>
  <si>
    <t>cg05204532</t>
  </si>
  <si>
    <t>cg05204898</t>
  </si>
  <si>
    <t>cg05206661</t>
  </si>
  <si>
    <t>cg05208050</t>
  </si>
  <si>
    <t>cg05208056</t>
  </si>
  <si>
    <t>cg05208178</t>
  </si>
  <si>
    <t>cg05209518</t>
  </si>
  <si>
    <t>cg05210612</t>
  </si>
  <si>
    <t>cg05214874</t>
  </si>
  <si>
    <t>cg05215304</t>
  </si>
  <si>
    <t>cg05218490</t>
  </si>
  <si>
    <t>cg05223158</t>
  </si>
  <si>
    <t>cg05223346</t>
  </si>
  <si>
    <t>cg05223946</t>
  </si>
  <si>
    <t>cg05227078</t>
  </si>
  <si>
    <t>cg05228564</t>
  </si>
  <si>
    <t>cg05230522</t>
  </si>
  <si>
    <t>cg05231542</t>
  </si>
  <si>
    <t>cg05232081</t>
  </si>
  <si>
    <t>cg05233047</t>
  </si>
  <si>
    <t>cg05233629</t>
  </si>
  <si>
    <t>cg05236720</t>
  </si>
  <si>
    <t>cg05236891</t>
  </si>
  <si>
    <t>cg05236941</t>
  </si>
  <si>
    <t>cg05240610</t>
  </si>
  <si>
    <t>cg05241015</t>
  </si>
  <si>
    <t>cg05242065</t>
  </si>
  <si>
    <t>cg05242218</t>
  </si>
  <si>
    <t>cg05243338</t>
  </si>
  <si>
    <t>cg05245416</t>
  </si>
  <si>
    <t>cg05246303</t>
  </si>
  <si>
    <t>cg05247767</t>
  </si>
  <si>
    <t>cg05251755</t>
  </si>
  <si>
    <t>cg05253327</t>
  </si>
  <si>
    <t>cg05255213</t>
  </si>
  <si>
    <t>cg05256269</t>
  </si>
  <si>
    <t>cg05256276</t>
  </si>
  <si>
    <t>cg05256483</t>
  </si>
  <si>
    <t>cg05261289</t>
  </si>
  <si>
    <t>cg05263743</t>
  </si>
  <si>
    <t>cg05268564</t>
  </si>
  <si>
    <t>cg05269451</t>
  </si>
  <si>
    <t>cg05270551</t>
  </si>
  <si>
    <t>cg05270938</t>
  </si>
  <si>
    <t>cg05275752</t>
  </si>
  <si>
    <t>cg05275832</t>
  </si>
  <si>
    <t>cg05276302</t>
  </si>
  <si>
    <t>cg05278186</t>
  </si>
  <si>
    <t>cg05280109</t>
  </si>
  <si>
    <t>cg05280131</t>
  </si>
  <si>
    <t>cg05284927</t>
  </si>
  <si>
    <t>cg05291588</t>
  </si>
  <si>
    <t>cg05295388</t>
  </si>
  <si>
    <t>cg05295703</t>
  </si>
  <si>
    <t>cg05298922</t>
  </si>
  <si>
    <t>cg05300577</t>
  </si>
  <si>
    <t>cg05301057</t>
  </si>
  <si>
    <t>cg05301359</t>
  </si>
  <si>
    <t>cg05301383</t>
  </si>
  <si>
    <t>cg05301866</t>
  </si>
  <si>
    <t>cg05303524</t>
  </si>
  <si>
    <t>cg05303899</t>
  </si>
  <si>
    <t>cg05305444</t>
  </si>
  <si>
    <t>cg05312077</t>
  </si>
  <si>
    <t>cg05314420</t>
  </si>
  <si>
    <t>cg05316703</t>
  </si>
  <si>
    <t>cg05318142</t>
  </si>
  <si>
    <t>cg05318427</t>
  </si>
  <si>
    <t>cg05339727</t>
  </si>
  <si>
    <t>cg05342515</t>
  </si>
  <si>
    <t>cg05348875</t>
  </si>
  <si>
    <t>cg05349601</t>
  </si>
  <si>
    <t>cg05354971</t>
  </si>
  <si>
    <t>cg05358575</t>
  </si>
  <si>
    <t>cg05360477</t>
  </si>
  <si>
    <t>cg05361074</t>
  </si>
  <si>
    <t>cg05361273</t>
  </si>
  <si>
    <t>cg05362467</t>
  </si>
  <si>
    <t>cg05363574</t>
  </si>
  <si>
    <t>cg05363903</t>
  </si>
  <si>
    <t>cg05365735</t>
  </si>
  <si>
    <t>cg05366712</t>
  </si>
  <si>
    <t>cg05368724</t>
  </si>
  <si>
    <t>cg05371791</t>
  </si>
  <si>
    <t>cg05372499</t>
  </si>
  <si>
    <t>cg05374129</t>
  </si>
  <si>
    <t>cg05377193</t>
  </si>
  <si>
    <t>cg05385128</t>
  </si>
  <si>
    <t>cg05385513</t>
  </si>
  <si>
    <t>cg05386769</t>
  </si>
  <si>
    <t>cg05391998</t>
  </si>
  <si>
    <t>cg05392577</t>
  </si>
  <si>
    <t>cg05393149</t>
  </si>
  <si>
    <t>cg05393300</t>
  </si>
  <si>
    <t>cg05394497</t>
  </si>
  <si>
    <t>cg05395210</t>
  </si>
  <si>
    <t>cg05396229</t>
  </si>
  <si>
    <t>cg05402641</t>
  </si>
  <si>
    <t>cg05402793</t>
  </si>
  <si>
    <t>cg05403241</t>
  </si>
  <si>
    <t>cg05403316</t>
  </si>
  <si>
    <t>cg05403433</t>
  </si>
  <si>
    <t>cg05403744</t>
  </si>
  <si>
    <t>cg05404787</t>
  </si>
  <si>
    <t>cg05409038</t>
  </si>
  <si>
    <t>cg05413277</t>
  </si>
  <si>
    <t>cg05414479</t>
  </si>
  <si>
    <t>cg05415606</t>
  </si>
  <si>
    <t>cg05420495</t>
  </si>
  <si>
    <t>cg05422352</t>
  </si>
  <si>
    <t>cg05422883</t>
  </si>
  <si>
    <t>cg05422897</t>
  </si>
  <si>
    <t>cg05423257</t>
  </si>
  <si>
    <t>cg05428978</t>
  </si>
  <si>
    <t>cg05434655</t>
  </si>
  <si>
    <t>cg05443740</t>
  </si>
  <si>
    <t>cg05454076</t>
  </si>
  <si>
    <t>cg05467160</t>
  </si>
  <si>
    <t>cg05469695</t>
  </si>
  <si>
    <t>cg05470203</t>
  </si>
  <si>
    <t>cg05472974</t>
  </si>
  <si>
    <t>cg05477165</t>
  </si>
  <si>
    <t>cg05481257</t>
  </si>
  <si>
    <t>cg05485437</t>
  </si>
  <si>
    <t>cg05486094</t>
  </si>
  <si>
    <t>cg05487424</t>
  </si>
  <si>
    <t>cg05489902</t>
  </si>
  <si>
    <t>cg05490864</t>
  </si>
  <si>
    <t>cg05490924</t>
  </si>
  <si>
    <t>cg05491478</t>
  </si>
  <si>
    <t>cg05492803</t>
  </si>
  <si>
    <t>cg05493679</t>
  </si>
  <si>
    <t>cg05495351</t>
  </si>
  <si>
    <t>cg05499944</t>
  </si>
  <si>
    <t>cg05500549</t>
  </si>
  <si>
    <t>cg05501761</t>
  </si>
  <si>
    <t>cg05502445</t>
  </si>
  <si>
    <t>cg05503465</t>
  </si>
  <si>
    <t>cg05504732</t>
  </si>
  <si>
    <t>cg05505450</t>
  </si>
  <si>
    <t>cg05511924</t>
  </si>
  <si>
    <t>cg05511958</t>
  </si>
  <si>
    <t>cg05513511</t>
  </si>
  <si>
    <t>cg05514932</t>
  </si>
  <si>
    <t>cg05516842</t>
  </si>
  <si>
    <t>cg05517438</t>
  </si>
  <si>
    <t>cg05517527</t>
  </si>
  <si>
    <t>cg05517905</t>
  </si>
  <si>
    <t>cg05527044</t>
  </si>
  <si>
    <t>cg05529249</t>
  </si>
  <si>
    <t>cg05529848</t>
  </si>
  <si>
    <t>cg05530403</t>
  </si>
  <si>
    <t>cg05531689</t>
  </si>
  <si>
    <t>cg05532325</t>
  </si>
  <si>
    <t>cg05532414</t>
  </si>
  <si>
    <t>cg05538887</t>
  </si>
  <si>
    <t>cg05539265</t>
  </si>
  <si>
    <t>cg05544807</t>
  </si>
  <si>
    <t>cg05546878</t>
  </si>
  <si>
    <t>cg05560302</t>
  </si>
  <si>
    <t>cg05564251</t>
  </si>
  <si>
    <t>cg05564412</t>
  </si>
  <si>
    <t>cg05570654</t>
  </si>
  <si>
    <t>cg05572456</t>
  </si>
  <si>
    <t>cg05577810</t>
  </si>
  <si>
    <t>cg05580274</t>
  </si>
  <si>
    <t>cg05584950</t>
  </si>
  <si>
    <t>cg05586854</t>
  </si>
  <si>
    <t>cg05590569</t>
  </si>
  <si>
    <t>cg05591758</t>
  </si>
  <si>
    <t>cg05592292</t>
  </si>
  <si>
    <t>cg05595692</t>
  </si>
  <si>
    <t>cg05603367</t>
  </si>
  <si>
    <t>cg05603944</t>
  </si>
  <si>
    <t>cg05604112</t>
  </si>
  <si>
    <t>cg05606082</t>
  </si>
  <si>
    <t>cg05607127</t>
  </si>
  <si>
    <t>cg05607461</t>
  </si>
  <si>
    <t>cg05608844</t>
  </si>
  <si>
    <t>cg05611723</t>
  </si>
  <si>
    <t>cg05616379</t>
  </si>
  <si>
    <t>cg05616969</t>
  </si>
  <si>
    <t>cg05617873</t>
  </si>
  <si>
    <t>cg05619858</t>
  </si>
  <si>
    <t>cg05627557</t>
  </si>
  <si>
    <t>cg05644574</t>
  </si>
  <si>
    <t>cg05644602</t>
  </si>
  <si>
    <t>cg05645422</t>
  </si>
  <si>
    <t>cg05647720</t>
  </si>
  <si>
    <t>cg05650813</t>
  </si>
  <si>
    <t>cg05652528</t>
  </si>
  <si>
    <t>cg05652569</t>
  </si>
  <si>
    <t>cg05652886</t>
  </si>
  <si>
    <t>cg05656364</t>
  </si>
  <si>
    <t>cg05662664</t>
  </si>
  <si>
    <t>cg05663173</t>
  </si>
  <si>
    <t>cg05664061</t>
  </si>
  <si>
    <t>cg05665093</t>
  </si>
  <si>
    <t>cg05667379</t>
  </si>
  <si>
    <t>cg05670240</t>
  </si>
  <si>
    <t>cg05670275</t>
  </si>
  <si>
    <t>cg05672265</t>
  </si>
  <si>
    <t>cg05673534</t>
  </si>
  <si>
    <t>cg05674692</t>
  </si>
  <si>
    <t>cg05676510</t>
  </si>
  <si>
    <t>cg05678658</t>
  </si>
  <si>
    <t>cg05679093</t>
  </si>
  <si>
    <t>cg05680229</t>
  </si>
  <si>
    <t>cg05682333</t>
  </si>
  <si>
    <t>cg05686889</t>
  </si>
  <si>
    <t>cg05688523</t>
  </si>
  <si>
    <t>cg05688617</t>
  </si>
  <si>
    <t>cg05692127</t>
  </si>
  <si>
    <t>cg05692585</t>
  </si>
  <si>
    <t>cg05692746</t>
  </si>
  <si>
    <t>cg05692819</t>
  </si>
  <si>
    <t>cg05694870</t>
  </si>
  <si>
    <t>cg05695007</t>
  </si>
  <si>
    <t>cg05695925</t>
  </si>
  <si>
    <t>cg05696950</t>
  </si>
  <si>
    <t>cg05702737</t>
  </si>
  <si>
    <t>cg05702952</t>
  </si>
  <si>
    <t>cg05704850</t>
  </si>
  <si>
    <t>cg05707236</t>
  </si>
  <si>
    <t>cg05707506</t>
  </si>
  <si>
    <t>cg05709567</t>
  </si>
  <si>
    <t>cg05711037</t>
  </si>
  <si>
    <t>cg05711047</t>
  </si>
  <si>
    <t>cg05712725</t>
  </si>
  <si>
    <t>cg05715532</t>
  </si>
  <si>
    <t>cg05718160</t>
  </si>
  <si>
    <t>cg05720666</t>
  </si>
  <si>
    <t>cg05720937</t>
  </si>
  <si>
    <t>cg05723825</t>
  </si>
  <si>
    <t>cg05729200</t>
  </si>
  <si>
    <t>cg05729352</t>
  </si>
  <si>
    <t>cg05730099</t>
  </si>
  <si>
    <t>cg05730283</t>
  </si>
  <si>
    <t>cg05731218</t>
  </si>
  <si>
    <t>cg05731870</t>
  </si>
  <si>
    <t>cg05734866</t>
  </si>
  <si>
    <t>cg05736779</t>
  </si>
  <si>
    <t>cg05738152</t>
  </si>
  <si>
    <t>cg05739167</t>
  </si>
  <si>
    <t>cg05739757</t>
  </si>
  <si>
    <t>cg05740427</t>
  </si>
  <si>
    <t>cg05745223</t>
  </si>
  <si>
    <t>cg05758117</t>
  </si>
  <si>
    <t>cg05758467</t>
  </si>
  <si>
    <t>cg05764061</t>
  </si>
  <si>
    <t>cg05772104</t>
  </si>
  <si>
    <t>cg05773628</t>
  </si>
  <si>
    <t>cg05774672</t>
  </si>
  <si>
    <t>cg05776053</t>
  </si>
  <si>
    <t>cg05777919</t>
  </si>
  <si>
    <t>cg05778739</t>
  </si>
  <si>
    <t>cg05778873</t>
  </si>
  <si>
    <t>cg05779746</t>
  </si>
  <si>
    <t>cg05782288</t>
  </si>
  <si>
    <t>cg05782445</t>
  </si>
  <si>
    <t>cg05782966</t>
  </si>
  <si>
    <t>cg05783302</t>
  </si>
  <si>
    <t>cg05785155</t>
  </si>
  <si>
    <t>cg05786348</t>
  </si>
  <si>
    <t>cg05792368</t>
  </si>
  <si>
    <t>cg05797333</t>
  </si>
  <si>
    <t>cg05818854</t>
  </si>
  <si>
    <t>cg05825459</t>
  </si>
  <si>
    <t>cg05826458</t>
  </si>
  <si>
    <t>cg05826944</t>
  </si>
  <si>
    <t>cg05827124</t>
  </si>
  <si>
    <t>cg05833610</t>
  </si>
  <si>
    <t>cg05839767</t>
  </si>
  <si>
    <t>cg05841263</t>
  </si>
  <si>
    <t>cg05842036</t>
  </si>
  <si>
    <t>cg05842420</t>
  </si>
  <si>
    <t>cg05842548</t>
  </si>
  <si>
    <t>cg05847778</t>
  </si>
  <si>
    <t>cg05852452</t>
  </si>
  <si>
    <t>cg05854217</t>
  </si>
  <si>
    <t>cg05854427</t>
  </si>
  <si>
    <t>cg05855689</t>
  </si>
  <si>
    <t>cg05859565</t>
  </si>
  <si>
    <t>cg05861291</t>
  </si>
  <si>
    <t>cg05862356</t>
  </si>
  <si>
    <t>cg05864261</t>
  </si>
  <si>
    <t>cg05871694</t>
  </si>
  <si>
    <t>cg05873085</t>
  </si>
  <si>
    <t>cg05874148</t>
  </si>
  <si>
    <t>cg05874806</t>
  </si>
  <si>
    <t>cg05874913</t>
  </si>
  <si>
    <t>cg05879734</t>
  </si>
  <si>
    <t>cg05880372</t>
  </si>
  <si>
    <t>cg05880452</t>
  </si>
  <si>
    <t>cg05881221</t>
  </si>
  <si>
    <t>cg05883932</t>
  </si>
  <si>
    <t>cg05886087</t>
  </si>
  <si>
    <t>cg05896193</t>
  </si>
  <si>
    <t>cg05900648</t>
  </si>
  <si>
    <t>cg05901357</t>
  </si>
  <si>
    <t>cg05903736</t>
  </si>
  <si>
    <t>cg05904338</t>
  </si>
  <si>
    <t>cg05904901</t>
  </si>
  <si>
    <t>cg05911928</t>
  </si>
  <si>
    <t>cg05924068</t>
  </si>
  <si>
    <t>cg05924212</t>
  </si>
  <si>
    <t>cg05927830</t>
  </si>
  <si>
    <t>cg05929069</t>
  </si>
  <si>
    <t>cg05929192</t>
  </si>
  <si>
    <t>cg05930000</t>
  </si>
  <si>
    <t>cg05933074</t>
  </si>
  <si>
    <t>cg05933219</t>
  </si>
  <si>
    <t>cg05934755</t>
  </si>
  <si>
    <t>cg05935827</t>
  </si>
  <si>
    <t>cg05938001</t>
  </si>
  <si>
    <t>cg05940672</t>
  </si>
  <si>
    <t>cg05941631</t>
  </si>
  <si>
    <t>cg05942128</t>
  </si>
  <si>
    <t>cg05958206</t>
  </si>
  <si>
    <t>cg05960850</t>
  </si>
  <si>
    <t>cg05961176</t>
  </si>
  <si>
    <t>cg05961827</t>
  </si>
  <si>
    <t>cg05962382</t>
  </si>
  <si>
    <t>cg05963740</t>
  </si>
  <si>
    <t>cg05964953</t>
  </si>
  <si>
    <t>cg05965414</t>
  </si>
  <si>
    <t>cg05970021</t>
  </si>
  <si>
    <t>cg05972386</t>
  </si>
  <si>
    <t>cg05973132</t>
  </si>
  <si>
    <t>cg05978707</t>
  </si>
  <si>
    <t>cg05979400</t>
  </si>
  <si>
    <t>cg05979619</t>
  </si>
  <si>
    <t>cg05979741</t>
  </si>
  <si>
    <t>cg05980200</t>
  </si>
  <si>
    <t>cg05981247</t>
  </si>
  <si>
    <t>cg05981785</t>
  </si>
  <si>
    <t>cg05981862</t>
  </si>
  <si>
    <t>cg05983549</t>
  </si>
  <si>
    <t>cg05985303</t>
  </si>
  <si>
    <t>cg05986933</t>
  </si>
  <si>
    <t>cg05987564</t>
  </si>
  <si>
    <t>cg05989861</t>
  </si>
  <si>
    <t>cg05991009</t>
  </si>
  <si>
    <t>cg05991184</t>
  </si>
  <si>
    <t>cg05991609</t>
  </si>
  <si>
    <t>cg05991743</t>
  </si>
  <si>
    <t>cg05991902</t>
  </si>
  <si>
    <t>cg05992412</t>
  </si>
  <si>
    <t>cg05995361</t>
  </si>
  <si>
    <t>cg05997270</t>
  </si>
  <si>
    <t>cg05997941</t>
  </si>
  <si>
    <t>cg06002395</t>
  </si>
  <si>
    <t>cg06002975</t>
  </si>
  <si>
    <t>cg06004564</t>
  </si>
  <si>
    <t>cg06005368</t>
  </si>
  <si>
    <t>cg06005876</t>
  </si>
  <si>
    <t>cg06006907</t>
  </si>
  <si>
    <t>cg06009783</t>
  </si>
  <si>
    <t>cg06010111</t>
  </si>
  <si>
    <t>cg06016439</t>
  </si>
  <si>
    <t>cg06019841</t>
  </si>
  <si>
    <t>cg06020182</t>
  </si>
  <si>
    <t>cg06021088</t>
  </si>
  <si>
    <t>cg06022902</t>
  </si>
  <si>
    <t>cg06023702</t>
  </si>
  <si>
    <t>cg06024411</t>
  </si>
  <si>
    <t>cg06037631</t>
  </si>
  <si>
    <t>cg06037963</t>
  </si>
  <si>
    <t>cg06038864</t>
  </si>
  <si>
    <t>cg06039387</t>
  </si>
  <si>
    <t>cg06039573</t>
  </si>
  <si>
    <t>cg06043640</t>
  </si>
  <si>
    <t>cg06044463</t>
  </si>
  <si>
    <t>cg06046912</t>
  </si>
  <si>
    <t>cg06047195</t>
  </si>
  <si>
    <t>cg06049781</t>
  </si>
  <si>
    <t>cg06057045</t>
  </si>
  <si>
    <t>cg06058597</t>
  </si>
  <si>
    <t>cg06059032</t>
  </si>
  <si>
    <t>cg06060731</t>
  </si>
  <si>
    <t>cg06061408</t>
  </si>
  <si>
    <t>cg06061755</t>
  </si>
  <si>
    <t>cg06062084</t>
  </si>
  <si>
    <t>cg06062147</t>
  </si>
  <si>
    <t>cg06064269</t>
  </si>
  <si>
    <t>cg06077079</t>
  </si>
  <si>
    <t>cg06079106</t>
  </si>
  <si>
    <t>cg06084403</t>
  </si>
  <si>
    <t>cg06085544</t>
  </si>
  <si>
    <t>cg06088314</t>
  </si>
  <si>
    <t>cg06092244</t>
  </si>
  <si>
    <t>cg06092815</t>
  </si>
  <si>
    <t>cg06093355</t>
  </si>
  <si>
    <t>cg06095752</t>
  </si>
  <si>
    <t>cg06096452</t>
  </si>
  <si>
    <t>cg06096853</t>
  </si>
  <si>
    <t>cg06098164</t>
  </si>
  <si>
    <t>cg06098283</t>
  </si>
  <si>
    <t>cg06101180</t>
  </si>
  <si>
    <t>cg06103654</t>
  </si>
  <si>
    <t>cg06104657</t>
  </si>
  <si>
    <t>cg06107159</t>
  </si>
  <si>
    <t>cg06107260</t>
  </si>
  <si>
    <t>cg06109949</t>
  </si>
  <si>
    <t>cg06110575</t>
  </si>
  <si>
    <t>cg06112415</t>
  </si>
  <si>
    <t>cg06112956</t>
  </si>
  <si>
    <t>cg06115535</t>
  </si>
  <si>
    <t>cg06116704</t>
  </si>
  <si>
    <t>cg06117093</t>
  </si>
  <si>
    <t>cg06117243</t>
  </si>
  <si>
    <t>cg06118588</t>
  </si>
  <si>
    <t>cg06122697</t>
  </si>
  <si>
    <t>cg06123358</t>
  </si>
  <si>
    <t>cg06129617</t>
  </si>
  <si>
    <t>cg06131143</t>
  </si>
  <si>
    <t>cg06141123</t>
  </si>
  <si>
    <t>cg06142351</t>
  </si>
  <si>
    <t>cg06142537</t>
  </si>
  <si>
    <t>cg06142740</t>
  </si>
  <si>
    <t>cg06143658</t>
  </si>
  <si>
    <t>cg06145336</t>
  </si>
  <si>
    <t>cg06148607</t>
  </si>
  <si>
    <t>cg06149357</t>
  </si>
  <si>
    <t>cg06150863</t>
  </si>
  <si>
    <t>cg06151432</t>
  </si>
  <si>
    <t>cg06151718</t>
  </si>
  <si>
    <t>cg06155356</t>
  </si>
  <si>
    <t>cg06155979</t>
  </si>
  <si>
    <t>cg06160809</t>
  </si>
  <si>
    <t>cg06160841</t>
  </si>
  <si>
    <t>cg06161414</t>
  </si>
  <si>
    <t>cg06164804</t>
  </si>
  <si>
    <t>cg06168026</t>
  </si>
  <si>
    <t>cg06168324</t>
  </si>
  <si>
    <t>cg06168363</t>
  </si>
  <si>
    <t>cg06175981</t>
  </si>
  <si>
    <t>cg06179469</t>
  </si>
  <si>
    <t>cg06179606</t>
  </si>
  <si>
    <t>cg06181187</t>
  </si>
  <si>
    <t>cg06183267</t>
  </si>
  <si>
    <t>cg06187947</t>
  </si>
  <si>
    <t>cg06191390</t>
  </si>
  <si>
    <t>cg06191495</t>
  </si>
  <si>
    <t>cg06191669</t>
  </si>
  <si>
    <t>cg06193628</t>
  </si>
  <si>
    <t>cg06193838</t>
  </si>
  <si>
    <t>cg06193988</t>
  </si>
  <si>
    <t>cg06194119</t>
  </si>
  <si>
    <t>cg06197616</t>
  </si>
  <si>
    <t>cg06200714</t>
  </si>
  <si>
    <t>cg06202686</t>
  </si>
  <si>
    <t>cg06212631</t>
  </si>
  <si>
    <t>cg06222012</t>
  </si>
  <si>
    <t>cg06222048</t>
  </si>
  <si>
    <t>cg06226256</t>
  </si>
  <si>
    <t>cg06226279</t>
  </si>
  <si>
    <t>cg06231724</t>
  </si>
  <si>
    <t>cg06232130</t>
  </si>
  <si>
    <t>cg06233202</t>
  </si>
  <si>
    <t>cg06240854</t>
  </si>
  <si>
    <t>cg06241374</t>
  </si>
  <si>
    <t>cg06241689</t>
  </si>
  <si>
    <t>cg06242216</t>
  </si>
  <si>
    <t>cg06250108</t>
  </si>
  <si>
    <t>cg06254729</t>
  </si>
  <si>
    <t>cg06260059</t>
  </si>
  <si>
    <t>cg06261926</t>
  </si>
  <si>
    <t>cg06264659</t>
  </si>
  <si>
    <t>cg06264984</t>
  </si>
  <si>
    <t>cg06266189</t>
  </si>
  <si>
    <t>cg06267200</t>
  </si>
  <si>
    <t>cg06269559</t>
  </si>
  <si>
    <t>cg06272010</t>
  </si>
  <si>
    <t>cg06272543</t>
  </si>
  <si>
    <t>cg06274117</t>
  </si>
  <si>
    <t>cg06277137</t>
  </si>
  <si>
    <t>cg06281680</t>
  </si>
  <si>
    <t>cg06282247</t>
  </si>
  <si>
    <t>cg06285439</t>
  </si>
  <si>
    <t>cg06287137</t>
  </si>
  <si>
    <t>cg06288632</t>
  </si>
  <si>
    <t>cg06293611</t>
  </si>
  <si>
    <t>cg06296331</t>
  </si>
  <si>
    <t>cg06299996</t>
  </si>
  <si>
    <t>cg06316886</t>
  </si>
  <si>
    <t>cg06318013</t>
  </si>
  <si>
    <t>cg06320136</t>
  </si>
  <si>
    <t>cg06320277</t>
  </si>
  <si>
    <t>cg06320380</t>
  </si>
  <si>
    <t>cg06332335</t>
  </si>
  <si>
    <t>cg06332859</t>
  </si>
  <si>
    <t>cg06333167</t>
  </si>
  <si>
    <t>cg06335008</t>
  </si>
  <si>
    <t>cg06335869</t>
  </si>
  <si>
    <t>cg06341177</t>
  </si>
  <si>
    <t>cg06342317</t>
  </si>
  <si>
    <t>cg06342490</t>
  </si>
  <si>
    <t>cg06343942</t>
  </si>
  <si>
    <t>cg06346929</t>
  </si>
  <si>
    <t>cg06347928</t>
  </si>
  <si>
    <t>cg06347943</t>
  </si>
  <si>
    <t>cg06348656</t>
  </si>
  <si>
    <t>cg06350345</t>
  </si>
  <si>
    <t>cg06351520</t>
  </si>
  <si>
    <t>cg06351981</t>
  </si>
  <si>
    <t>cg06352750</t>
  </si>
  <si>
    <t>cg06352912</t>
  </si>
  <si>
    <t>cg06353069</t>
  </si>
  <si>
    <t>cg06354392</t>
  </si>
  <si>
    <t>cg06358566</t>
  </si>
  <si>
    <t>cg06359394</t>
  </si>
  <si>
    <t>cg06364159</t>
  </si>
  <si>
    <t>cg06368760</t>
  </si>
  <si>
    <t>cg06369108</t>
  </si>
  <si>
    <t>cg06371280</t>
  </si>
  <si>
    <t>cg06375525</t>
  </si>
  <si>
    <t>cg06376016</t>
  </si>
  <si>
    <t>cg06376500</t>
  </si>
  <si>
    <t>cg06378990</t>
  </si>
  <si>
    <t>cg06380356</t>
  </si>
  <si>
    <t>cg06386983</t>
  </si>
  <si>
    <t>cg06388946</t>
  </si>
  <si>
    <t>cg06389888</t>
  </si>
  <si>
    <t>cg06391199</t>
  </si>
  <si>
    <t>cg06391660</t>
  </si>
  <si>
    <t>cg06392109</t>
  </si>
  <si>
    <t>cg06393879</t>
  </si>
  <si>
    <t>cg06394585</t>
  </si>
  <si>
    <t>cg06395028</t>
  </si>
  <si>
    <t>cg06395988</t>
  </si>
  <si>
    <t>cg06399786</t>
  </si>
  <si>
    <t>cg06402816</t>
  </si>
  <si>
    <t>cg06410510</t>
  </si>
  <si>
    <t>cg06417705</t>
  </si>
  <si>
    <t>cg06419236</t>
  </si>
  <si>
    <t>cg06430029</t>
  </si>
  <si>
    <t>cg06431347</t>
  </si>
  <si>
    <t>cg06432278</t>
  </si>
  <si>
    <t>cg06435786</t>
  </si>
  <si>
    <t>cg06443114</t>
  </si>
  <si>
    <t>cg06451843</t>
  </si>
  <si>
    <t>cg06458698</t>
  </si>
  <si>
    <t>cg06462966</t>
  </si>
  <si>
    <t>cg06466796</t>
  </si>
  <si>
    <t>cg06468108</t>
  </si>
  <si>
    <t>cg06470951</t>
  </si>
  <si>
    <t>cg06473675</t>
  </si>
  <si>
    <t>cg06475673</t>
  </si>
  <si>
    <t>cg06476344</t>
  </si>
  <si>
    <t>cg06480171</t>
  </si>
  <si>
    <t>cg06481517</t>
  </si>
  <si>
    <t>cg06481920</t>
  </si>
  <si>
    <t>cg06486088</t>
  </si>
  <si>
    <t>cg06488443</t>
  </si>
  <si>
    <t>cg06489241</t>
  </si>
  <si>
    <t>cg06492283</t>
  </si>
  <si>
    <t>cg06492287</t>
  </si>
  <si>
    <t>cg06494786</t>
  </si>
  <si>
    <t>cg06496010</t>
  </si>
  <si>
    <t>cg06497668</t>
  </si>
  <si>
    <t>cg06498328</t>
  </si>
  <si>
    <t>cg06498720</t>
  </si>
  <si>
    <t>cg06499484</t>
  </si>
  <si>
    <t>cg06500792</t>
  </si>
  <si>
    <t>cg06501803</t>
  </si>
  <si>
    <t>cg06502755</t>
  </si>
  <si>
    <t>cg06503286</t>
  </si>
  <si>
    <t>cg06504205</t>
  </si>
  <si>
    <t>cg06506156</t>
  </si>
  <si>
    <t>cg06509239</t>
  </si>
  <si>
    <t>cg06514377</t>
  </si>
  <si>
    <t>cg06520300</t>
  </si>
  <si>
    <t>cg06520715</t>
  </si>
  <si>
    <t>cg06521615</t>
  </si>
  <si>
    <t>cg06522063</t>
  </si>
  <si>
    <t>cg06522772</t>
  </si>
  <si>
    <t>cg06522946</t>
  </si>
  <si>
    <t>cg06525750</t>
  </si>
  <si>
    <t>cg06528559</t>
  </si>
  <si>
    <t>cg06528816</t>
  </si>
  <si>
    <t>cg06529027</t>
  </si>
  <si>
    <t>cg06532767</t>
  </si>
  <si>
    <t>cg06534853</t>
  </si>
  <si>
    <t>cg06538003</t>
  </si>
  <si>
    <t>cg06540105</t>
  </si>
  <si>
    <t>cg06541968</t>
  </si>
  <si>
    <t>cg06544369</t>
  </si>
  <si>
    <t>cg06545490</t>
  </si>
  <si>
    <t>cg06546469</t>
  </si>
  <si>
    <t>cg06550057</t>
  </si>
  <si>
    <t>cg06551661</t>
  </si>
  <si>
    <t>cg06552366</t>
  </si>
  <si>
    <t>cg06564069</t>
  </si>
  <si>
    <t>cg06564827</t>
  </si>
  <si>
    <t>cg06568724</t>
  </si>
  <si>
    <t>cg06569117</t>
  </si>
  <si>
    <t>cg06571123</t>
  </si>
  <si>
    <t>cg06571387</t>
  </si>
  <si>
    <t>cg06573398</t>
  </si>
  <si>
    <t>cg06573604</t>
  </si>
  <si>
    <t>cg06574296</t>
  </si>
  <si>
    <t>cg06574769</t>
  </si>
  <si>
    <t>cg06574960</t>
  </si>
  <si>
    <t>cg06576512</t>
  </si>
  <si>
    <t>cg06576873</t>
  </si>
  <si>
    <t>cg06579626</t>
  </si>
  <si>
    <t>cg06580318</t>
  </si>
  <si>
    <t>cg06581825</t>
  </si>
  <si>
    <t>cg06582789</t>
  </si>
  <si>
    <t>cg06583696</t>
  </si>
  <si>
    <t>cg06583873</t>
  </si>
  <si>
    <t>cg06591185</t>
  </si>
  <si>
    <t>cg06596991</t>
  </si>
  <si>
    <t>cg06597466</t>
  </si>
  <si>
    <t>cg06607620</t>
  </si>
  <si>
    <t>cg06607919</t>
  </si>
  <si>
    <t>cg06609498</t>
  </si>
  <si>
    <t>cg06611076</t>
  </si>
  <si>
    <t>cg06611310</t>
  </si>
  <si>
    <t>cg06619766</t>
  </si>
  <si>
    <t>cg06621452</t>
  </si>
  <si>
    <t>cg06621900</t>
  </si>
  <si>
    <t>cg06623562</t>
  </si>
  <si>
    <t>cg06624310</t>
  </si>
  <si>
    <t>cg06624418</t>
  </si>
  <si>
    <t>cg06627916</t>
  </si>
  <si>
    <t>cg06629713</t>
  </si>
  <si>
    <t>cg06629775</t>
  </si>
  <si>
    <t>cg06634179</t>
  </si>
  <si>
    <t>cg06635952</t>
  </si>
  <si>
    <t>cg06636463</t>
  </si>
  <si>
    <t>cg06639320</t>
  </si>
  <si>
    <t>cg06639874</t>
  </si>
  <si>
    <t>cg06640584</t>
  </si>
  <si>
    <t>cg06640593</t>
  </si>
  <si>
    <t>cg06641013</t>
  </si>
  <si>
    <t>cg06642397</t>
  </si>
  <si>
    <t>cg06643951</t>
  </si>
  <si>
    <t>cg06651273</t>
  </si>
  <si>
    <t>cg06651351</t>
  </si>
  <si>
    <t>cg06651508</t>
  </si>
  <si>
    <t>cg06651878</t>
  </si>
  <si>
    <t>cg06654134</t>
  </si>
  <si>
    <t>cg06655539</t>
  </si>
  <si>
    <t>cg06655665</t>
  </si>
  <si>
    <t>cg06658391</t>
  </si>
  <si>
    <t>cg06675496</t>
  </si>
  <si>
    <t>cg06675538</t>
  </si>
  <si>
    <t>cg06681532</t>
  </si>
  <si>
    <t>cg06683177</t>
  </si>
  <si>
    <t>cg06683480</t>
  </si>
  <si>
    <t>cg06684939</t>
  </si>
  <si>
    <t>cg06694869</t>
  </si>
  <si>
    <t>cg06697522</t>
  </si>
  <si>
    <t>cg06697829</t>
  </si>
  <si>
    <t>cg06698844</t>
  </si>
  <si>
    <t>cg06699195</t>
  </si>
  <si>
    <t>cg06699491</t>
  </si>
  <si>
    <t>cg06701500</t>
  </si>
  <si>
    <t>cg06703054</t>
  </si>
  <si>
    <t>cg06704170</t>
  </si>
  <si>
    <t>cg06704567</t>
  </si>
  <si>
    <t>cg06707338</t>
  </si>
  <si>
    <t>cg06710741</t>
  </si>
  <si>
    <t>cg06713968</t>
  </si>
  <si>
    <t>cg06715008</t>
  </si>
  <si>
    <t>cg06715977</t>
  </si>
  <si>
    <t>cg06716437</t>
  </si>
  <si>
    <t>cg06716959</t>
  </si>
  <si>
    <t>cg06717460</t>
  </si>
  <si>
    <t>cg06718920</t>
  </si>
  <si>
    <t>cg06719604</t>
  </si>
  <si>
    <t>cg06721411</t>
  </si>
  <si>
    <t>cg06723287</t>
  </si>
  <si>
    <t>cg06723310</t>
  </si>
  <si>
    <t>cg06725957</t>
  </si>
  <si>
    <t>cg06726490</t>
  </si>
  <si>
    <t>cg06727065</t>
  </si>
  <si>
    <t>cg06728658</t>
  </si>
  <si>
    <t>cg06732439</t>
  </si>
  <si>
    <t>cg06732666</t>
  </si>
  <si>
    <t>cg06735200</t>
  </si>
  <si>
    <t>cg06735243</t>
  </si>
  <si>
    <t>cg06742228</t>
  </si>
  <si>
    <t>cg06745566</t>
  </si>
  <si>
    <t>cg06747888</t>
  </si>
  <si>
    <t>cg06748978</t>
  </si>
  <si>
    <t>cg06749316</t>
  </si>
  <si>
    <t>cg06750294</t>
  </si>
  <si>
    <t>cg06753787</t>
  </si>
  <si>
    <t>cg06753901</t>
  </si>
  <si>
    <t>cg06755413</t>
  </si>
  <si>
    <t>cg06755427</t>
  </si>
  <si>
    <t>cg06755438</t>
  </si>
  <si>
    <t>cg06757775</t>
  </si>
  <si>
    <t>cg06757796</t>
  </si>
  <si>
    <t>cg06758077</t>
  </si>
  <si>
    <t>cg06758448</t>
  </si>
  <si>
    <t>cg06759314</t>
  </si>
  <si>
    <t>cg06760077</t>
  </si>
  <si>
    <t>cg06760518</t>
  </si>
  <si>
    <t>cg06764302</t>
  </si>
  <si>
    <t>cg06765321</t>
  </si>
  <si>
    <t>cg06768010</t>
  </si>
  <si>
    <t>cg06773122</t>
  </si>
  <si>
    <t>cg06783668</t>
  </si>
  <si>
    <t>cg06792366</t>
  </si>
  <si>
    <t>cg06795233</t>
  </si>
  <si>
    <t>cg06796713</t>
  </si>
  <si>
    <t>cg06797244</t>
  </si>
  <si>
    <t>cg06797661</t>
  </si>
  <si>
    <t>cg06797800</t>
  </si>
  <si>
    <t>cg06799605</t>
  </si>
  <si>
    <t>cg06800942</t>
  </si>
  <si>
    <t>cg06804210</t>
  </si>
  <si>
    <t>cg06805572</t>
  </si>
  <si>
    <t>cg06816106</t>
  </si>
  <si>
    <t>cg06816651</t>
  </si>
  <si>
    <t>cg06819718</t>
  </si>
  <si>
    <t>cg06820388</t>
  </si>
  <si>
    <t>cg06824134</t>
  </si>
  <si>
    <t>cg06826886</t>
  </si>
  <si>
    <t>cg06826975</t>
  </si>
  <si>
    <t>cg06827611</t>
  </si>
  <si>
    <t>cg06828393</t>
  </si>
  <si>
    <t>cg06828936</t>
  </si>
  <si>
    <t>cg06829154</t>
  </si>
  <si>
    <t>cg06829760</t>
  </si>
  <si>
    <t>cg06833721</t>
  </si>
  <si>
    <t>cg06834901</t>
  </si>
  <si>
    <t>cg06835125</t>
  </si>
  <si>
    <t>cg06836181</t>
  </si>
  <si>
    <t>cg06836544</t>
  </si>
  <si>
    <t>cg06836725</t>
  </si>
  <si>
    <t>cg06842071</t>
  </si>
  <si>
    <t>cg06843871</t>
  </si>
  <si>
    <t>cg06846833</t>
  </si>
  <si>
    <t>cg06850467</t>
  </si>
  <si>
    <t>cg06854842</t>
  </si>
  <si>
    <t>cg06856155</t>
  </si>
  <si>
    <t>cg06856528</t>
  </si>
  <si>
    <t>cg06857921</t>
  </si>
  <si>
    <t>cg06860600</t>
  </si>
  <si>
    <t>cg06861572</t>
  </si>
  <si>
    <t>cg06861880</t>
  </si>
  <si>
    <t>cg06862545</t>
  </si>
  <si>
    <t>cg06863239</t>
  </si>
  <si>
    <t>cg06865612</t>
  </si>
  <si>
    <t>cg06866103</t>
  </si>
  <si>
    <t>cg06867089</t>
  </si>
  <si>
    <t>cg06868758</t>
  </si>
  <si>
    <t>cg06869641</t>
  </si>
  <si>
    <t>cg06873564</t>
  </si>
  <si>
    <t>cg06874144</t>
  </si>
  <si>
    <t>cg06875255</t>
  </si>
  <si>
    <t>cg06876354</t>
  </si>
  <si>
    <t>cg06880612</t>
  </si>
  <si>
    <t>cg06889481</t>
  </si>
  <si>
    <t>cg06896987</t>
  </si>
  <si>
    <t>cg06897686</t>
  </si>
  <si>
    <t>cg06901526</t>
  </si>
  <si>
    <t>cg06905471</t>
  </si>
  <si>
    <t>cg06909228</t>
  </si>
  <si>
    <t>cg06909469</t>
  </si>
  <si>
    <t>cg06911519</t>
  </si>
  <si>
    <t>cg06912918</t>
  </si>
  <si>
    <t>cg06913287</t>
  </si>
  <si>
    <t>cg06913388</t>
  </si>
  <si>
    <t>cg06913600</t>
  </si>
  <si>
    <t>cg06915343</t>
  </si>
  <si>
    <t>cg06915570</t>
  </si>
  <si>
    <t>cg06915722</t>
  </si>
  <si>
    <t>cg06916012</t>
  </si>
  <si>
    <t>cg06916591</t>
  </si>
  <si>
    <t>cg06918898</t>
  </si>
  <si>
    <t>cg06919414</t>
  </si>
  <si>
    <t>cg06921464</t>
  </si>
  <si>
    <t>cg06922305</t>
  </si>
  <si>
    <t>cg06924873</t>
  </si>
  <si>
    <t>cg06934572</t>
  </si>
  <si>
    <t>cg06940110</t>
  </si>
  <si>
    <t>cg06942852</t>
  </si>
  <si>
    <t>cg06943668</t>
  </si>
  <si>
    <t>cg06943845</t>
  </si>
  <si>
    <t>cg06944559</t>
  </si>
  <si>
    <t>cg06949933</t>
  </si>
  <si>
    <t>cg06951477</t>
  </si>
  <si>
    <t>cg06954481</t>
  </si>
  <si>
    <t>cg06959232</t>
  </si>
  <si>
    <t>cg06961086</t>
  </si>
  <si>
    <t>cg06961147</t>
  </si>
  <si>
    <t>cg06962121</t>
  </si>
  <si>
    <t>cg06966462</t>
  </si>
  <si>
    <t>cg06969410</t>
  </si>
  <si>
    <t>cg06970082</t>
  </si>
  <si>
    <t>cg06970461</t>
  </si>
  <si>
    <t>cg06971096</t>
  </si>
  <si>
    <t>cg06971577</t>
  </si>
  <si>
    <t>cg06971903</t>
  </si>
  <si>
    <t>cg06972972</t>
  </si>
  <si>
    <t>cg06974672</t>
  </si>
  <si>
    <t>cg06975196</t>
  </si>
  <si>
    <t>cg06978067</t>
  </si>
  <si>
    <t>cg06980380</t>
  </si>
  <si>
    <t>cg06983551</t>
  </si>
  <si>
    <t>cg06993099</t>
  </si>
  <si>
    <t>cg06996609</t>
  </si>
  <si>
    <t>cg06997259</t>
  </si>
  <si>
    <t>cg06999653</t>
  </si>
  <si>
    <t>cg07001447</t>
  </si>
  <si>
    <t>cg07004820</t>
  </si>
  <si>
    <t>cg07007118</t>
  </si>
  <si>
    <t>cg07010075</t>
  </si>
  <si>
    <t>cg07011538</t>
  </si>
  <si>
    <t>cg07011913</t>
  </si>
  <si>
    <t>cg07013787</t>
  </si>
  <si>
    <t>cg07015629</t>
  </si>
  <si>
    <t>cg07015663</t>
  </si>
  <si>
    <t>cg07016356</t>
  </si>
  <si>
    <t>cg07017331</t>
  </si>
  <si>
    <t>cg07018853</t>
  </si>
  <si>
    <t>cg07022640</t>
  </si>
  <si>
    <t>cg07023704</t>
  </si>
  <si>
    <t>cg07030287</t>
  </si>
  <si>
    <t>cg07030727</t>
  </si>
  <si>
    <t>cg07032930</t>
  </si>
  <si>
    <t>cg07034269</t>
  </si>
  <si>
    <t>cg07034315</t>
  </si>
  <si>
    <t>cg07034632</t>
  </si>
  <si>
    <t>cg07036460</t>
  </si>
  <si>
    <t>cg07039975</t>
  </si>
  <si>
    <t>cg07040894</t>
  </si>
  <si>
    <t>cg07046426</t>
  </si>
  <si>
    <t>cg07047197</t>
  </si>
  <si>
    <t>cg07048592</t>
  </si>
  <si>
    <t>cg07052737</t>
  </si>
  <si>
    <t>cg07052880</t>
  </si>
  <si>
    <t>cg07054292</t>
  </si>
  <si>
    <t>cg07057636</t>
  </si>
  <si>
    <t>cg07058882</t>
  </si>
  <si>
    <t>cg07058971</t>
  </si>
  <si>
    <t>cg07062456</t>
  </si>
  <si>
    <t>cg07062885</t>
  </si>
  <si>
    <t>cg07063082</t>
  </si>
  <si>
    <t>cg07063870</t>
  </si>
  <si>
    <t>cg07065054</t>
  </si>
  <si>
    <t>cg07068258</t>
  </si>
  <si>
    <t>cg07070824</t>
  </si>
  <si>
    <t>cg07072391</t>
  </si>
  <si>
    <t>cg07074666</t>
  </si>
  <si>
    <t>cg07076009</t>
  </si>
  <si>
    <t>cg07077013</t>
  </si>
  <si>
    <t>cg07078732</t>
  </si>
  <si>
    <t>cg07079314</t>
  </si>
  <si>
    <t>cg07083023</t>
  </si>
  <si>
    <t>cg07085361</t>
  </si>
  <si>
    <t>cg07090138</t>
  </si>
  <si>
    <t>cg07091529</t>
  </si>
  <si>
    <t>cg07094440</t>
  </si>
  <si>
    <t>cg07101579</t>
  </si>
  <si>
    <t>cg07105412</t>
  </si>
  <si>
    <t>cg07106169</t>
  </si>
  <si>
    <t>cg07112473</t>
  </si>
  <si>
    <t>cg07116337</t>
  </si>
  <si>
    <t>cg07119001</t>
  </si>
  <si>
    <t>cg07119829</t>
  </si>
  <si>
    <t>cg07129696</t>
  </si>
  <si>
    <t>cg07130890</t>
  </si>
  <si>
    <t>cg07131274</t>
  </si>
  <si>
    <t>cg07138437</t>
  </si>
  <si>
    <t>cg07138585</t>
  </si>
  <si>
    <t>cg07140194</t>
  </si>
  <si>
    <t>cg07142377</t>
  </si>
  <si>
    <t>cg07150045</t>
  </si>
  <si>
    <t>cg07150430</t>
  </si>
  <si>
    <t>cg07152098</t>
  </si>
  <si>
    <t>cg07152196</t>
  </si>
  <si>
    <t>cg07153098</t>
  </si>
  <si>
    <t>cg07154063</t>
  </si>
  <si>
    <t>cg07159587</t>
  </si>
  <si>
    <t>cg07163173</t>
  </si>
  <si>
    <t>cg07163640</t>
  </si>
  <si>
    <t>cg07166291</t>
  </si>
  <si>
    <t>cg07166409</t>
  </si>
  <si>
    <t>cg07166800</t>
  </si>
  <si>
    <t>cg07167063</t>
  </si>
  <si>
    <t>cg07167396</t>
  </si>
  <si>
    <t>cg07167933</t>
  </si>
  <si>
    <t>cg07171867</t>
  </si>
  <si>
    <t>cg07175883</t>
  </si>
  <si>
    <t>cg07177115</t>
  </si>
  <si>
    <t>cg07177860</t>
  </si>
  <si>
    <t>cg07178563</t>
  </si>
  <si>
    <t>cg07181395</t>
  </si>
  <si>
    <t>cg07181565</t>
  </si>
  <si>
    <t>cg07181754</t>
  </si>
  <si>
    <t>cg07182705</t>
  </si>
  <si>
    <t>cg07186417</t>
  </si>
  <si>
    <t>cg07196462</t>
  </si>
  <si>
    <t>cg07200623</t>
  </si>
  <si>
    <t>cg07207923</t>
  </si>
  <si>
    <t>cg07208057</t>
  </si>
  <si>
    <t>cg07208825</t>
  </si>
  <si>
    <t>cg07209709</t>
  </si>
  <si>
    <t>cg07210261</t>
  </si>
  <si>
    <t>cg07210996</t>
  </si>
  <si>
    <t>cg07213181</t>
  </si>
  <si>
    <t>cg07214715</t>
  </si>
  <si>
    <t>cg07215236</t>
  </si>
  <si>
    <t>cg07215695</t>
  </si>
  <si>
    <t>cg07221635</t>
  </si>
  <si>
    <t>cg07222022</t>
  </si>
  <si>
    <t>cg07223090</t>
  </si>
  <si>
    <t>cg07224914</t>
  </si>
  <si>
    <t>cg07225241</t>
  </si>
  <si>
    <t>cg07225547</t>
  </si>
  <si>
    <t>cg07226171</t>
  </si>
  <si>
    <t>cg07226679</t>
  </si>
  <si>
    <t>cg07230446</t>
  </si>
  <si>
    <t>cg07232033</t>
  </si>
  <si>
    <t>cg07234911</t>
  </si>
  <si>
    <t>cg07246225</t>
  </si>
  <si>
    <t>cg07258149</t>
  </si>
  <si>
    <t>cg07262620</t>
  </si>
  <si>
    <t>cg07263322</t>
  </si>
  <si>
    <t>cg07263981</t>
  </si>
  <si>
    <t>cg07267857</t>
  </si>
  <si>
    <t>cg07276962</t>
  </si>
  <si>
    <t>cg07279070</t>
  </si>
  <si>
    <t>cg07281781</t>
  </si>
  <si>
    <t>cg07285673</t>
  </si>
  <si>
    <t>cg07288447</t>
  </si>
  <si>
    <t>cg07289618</t>
  </si>
  <si>
    <t>cg07290257</t>
  </si>
  <si>
    <t>cg07290273</t>
  </si>
  <si>
    <t>cg07292606</t>
  </si>
  <si>
    <t>cg07294263</t>
  </si>
  <si>
    <t>cg07295669</t>
  </si>
  <si>
    <t>cg07296926</t>
  </si>
  <si>
    <t>cg07297111</t>
  </si>
  <si>
    <t>cg07297242</t>
  </si>
  <si>
    <t>cg07303496</t>
  </si>
  <si>
    <t>cg07304692</t>
  </si>
  <si>
    <t>cg07305463</t>
  </si>
  <si>
    <t>cg07307994</t>
  </si>
  <si>
    <t>cg07308943</t>
  </si>
  <si>
    <t>cg07310500</t>
  </si>
  <si>
    <t>cg07310916</t>
  </si>
  <si>
    <t>cg07311250</t>
  </si>
  <si>
    <t>cg07312610</t>
  </si>
  <si>
    <t>cg07312854</t>
  </si>
  <si>
    <t>cg07313441</t>
  </si>
  <si>
    <t>cg07313504</t>
  </si>
  <si>
    <t>cg07315234</t>
  </si>
  <si>
    <t>cg07316556</t>
  </si>
  <si>
    <t>cg07317449</t>
  </si>
  <si>
    <t>cg07317802</t>
  </si>
  <si>
    <t>cg07322512</t>
  </si>
  <si>
    <t>cg07328664</t>
  </si>
  <si>
    <t>cg07328699</t>
  </si>
  <si>
    <t>cg07328796</t>
  </si>
  <si>
    <t>cg07329769</t>
  </si>
  <si>
    <t>cg07337120</t>
  </si>
  <si>
    <t>cg07337544</t>
  </si>
  <si>
    <t>cg07337793</t>
  </si>
  <si>
    <t>cg07338476</t>
  </si>
  <si>
    <t>cg07338715</t>
  </si>
  <si>
    <t>cg07341022</t>
  </si>
  <si>
    <t>cg07342545</t>
  </si>
  <si>
    <t>cg07357987</t>
  </si>
  <si>
    <t>cg07358267</t>
  </si>
  <si>
    <t>cg07362512</t>
  </si>
  <si>
    <t>cg07363270</t>
  </si>
  <si>
    <t>cg07363307</t>
  </si>
  <si>
    <t>cg07363857</t>
  </si>
  <si>
    <t>cg07364433</t>
  </si>
  <si>
    <t>cg07370516</t>
  </si>
  <si>
    <t>cg07389749</t>
  </si>
  <si>
    <t>cg07390459</t>
  </si>
  <si>
    <t>cg07390791</t>
  </si>
  <si>
    <t>cg07393255</t>
  </si>
  <si>
    <t>cg07394898</t>
  </si>
  <si>
    <t>cg07412254</t>
  </si>
  <si>
    <t>cg07414097</t>
  </si>
  <si>
    <t>cg07414544</t>
  </si>
  <si>
    <t>cg07419575</t>
  </si>
  <si>
    <t>cg07420827</t>
  </si>
  <si>
    <t>cg07421075</t>
  </si>
  <si>
    <t>cg07421368</t>
  </si>
  <si>
    <t>cg07432687</t>
  </si>
  <si>
    <t>cg07433110</t>
  </si>
  <si>
    <t>cg07434465</t>
  </si>
  <si>
    <t>cg07442657</t>
  </si>
  <si>
    <t>cg07443217</t>
  </si>
  <si>
    <t>cg07452306</t>
  </si>
  <si>
    <t>cg07454556</t>
  </si>
  <si>
    <t>cg07455975</t>
  </si>
  <si>
    <t>cg07457305</t>
  </si>
  <si>
    <t>cg07460010</t>
  </si>
  <si>
    <t>cg07462838</t>
  </si>
  <si>
    <t>cg07464408</t>
  </si>
  <si>
    <t>cg07469815</t>
  </si>
  <si>
    <t>cg07469838</t>
  </si>
  <si>
    <t>cg07470341</t>
  </si>
  <si>
    <t>cg07475654</t>
  </si>
  <si>
    <t>cg07475692</t>
  </si>
  <si>
    <t>cg07476617</t>
  </si>
  <si>
    <t>cg07478107</t>
  </si>
  <si>
    <t>cg07480373</t>
  </si>
  <si>
    <t>cg07481538</t>
  </si>
  <si>
    <t>cg07481928</t>
  </si>
  <si>
    <t>cg07484739</t>
  </si>
  <si>
    <t>cg07485181</t>
  </si>
  <si>
    <t>cg07485554</t>
  </si>
  <si>
    <t>cg07486732</t>
  </si>
  <si>
    <t>cg07488381</t>
  </si>
  <si>
    <t>cg07490650</t>
  </si>
  <si>
    <t>cg07490699</t>
  </si>
  <si>
    <t>cg07490719</t>
  </si>
  <si>
    <t>cg07493704</t>
  </si>
  <si>
    <t>cg07494248</t>
  </si>
  <si>
    <t>cg07494614</t>
  </si>
  <si>
    <t>cg07496861</t>
  </si>
  <si>
    <t>cg07502050</t>
  </si>
  <si>
    <t>cg07502661</t>
  </si>
  <si>
    <t>cg07506744</t>
  </si>
  <si>
    <t>cg07510423</t>
  </si>
  <si>
    <t>cg07512290</t>
  </si>
  <si>
    <t>cg07513814</t>
  </si>
  <si>
    <t>cg07514207</t>
  </si>
  <si>
    <t>cg07523788</t>
  </si>
  <si>
    <t>cg07524679</t>
  </si>
  <si>
    <t>cg07531343</t>
  </si>
  <si>
    <t>cg07533729</t>
  </si>
  <si>
    <t>cg07539108</t>
  </si>
  <si>
    <t>cg07543711</t>
  </si>
  <si>
    <t>cg07544392</t>
  </si>
  <si>
    <t>cg07545140</t>
  </si>
  <si>
    <t>cg07546943</t>
  </si>
  <si>
    <t>cg07547403</t>
  </si>
  <si>
    <t>cg07547695</t>
  </si>
  <si>
    <t>cg07548213</t>
  </si>
  <si>
    <t>cg07548255</t>
  </si>
  <si>
    <t>cg07554041</t>
  </si>
  <si>
    <t>cg07554474</t>
  </si>
  <si>
    <t>cg07554496</t>
  </si>
  <si>
    <t>cg07554871</t>
  </si>
  <si>
    <t>cg07571117</t>
  </si>
  <si>
    <t>cg07580038</t>
  </si>
  <si>
    <t>cg07580831</t>
  </si>
  <si>
    <t>cg07584077</t>
  </si>
  <si>
    <t>cg07584789</t>
  </si>
  <si>
    <t>cg07586956</t>
  </si>
  <si>
    <t>cg07588439</t>
  </si>
  <si>
    <t>cg07588819</t>
  </si>
  <si>
    <t>cg07589202</t>
  </si>
  <si>
    <t>cg07589899</t>
  </si>
  <si>
    <t>cg07596106</t>
  </si>
  <si>
    <t>cg07596494</t>
  </si>
  <si>
    <t>cg07603744</t>
  </si>
  <si>
    <t>cg07603794</t>
  </si>
  <si>
    <t>cg07604043</t>
  </si>
  <si>
    <t>cg07605135</t>
  </si>
  <si>
    <t>cg07605236</t>
  </si>
  <si>
    <t>cg07609703</t>
  </si>
  <si>
    <t>cg07610192</t>
  </si>
  <si>
    <t>cg07611247</t>
  </si>
  <si>
    <t>cg07614486</t>
  </si>
  <si>
    <t>cg07616374</t>
  </si>
  <si>
    <t>cg07617207</t>
  </si>
  <si>
    <t>cg07617338</t>
  </si>
  <si>
    <t>cg07618258</t>
  </si>
  <si>
    <t>cg07622245</t>
  </si>
  <si>
    <t>cg07622996</t>
  </si>
  <si>
    <t>cg07628138</t>
  </si>
  <si>
    <t>cg07629187</t>
  </si>
  <si>
    <t>cg07636176</t>
  </si>
  <si>
    <t>cg07636846</t>
  </si>
  <si>
    <t>cg07637365</t>
  </si>
  <si>
    <t>cg07640666</t>
  </si>
  <si>
    <t>cg07640800</t>
  </si>
  <si>
    <t>cg07642035</t>
  </si>
  <si>
    <t>cg07644939</t>
  </si>
  <si>
    <t>cg07646377</t>
  </si>
  <si>
    <t>cg07653647</t>
  </si>
  <si>
    <t>cg07653695</t>
  </si>
  <si>
    <t>cg07654712</t>
  </si>
  <si>
    <t>cg07655965</t>
  </si>
  <si>
    <t>cg07660494</t>
  </si>
  <si>
    <t>cg07668802</t>
  </si>
  <si>
    <t>cg07673376</t>
  </si>
  <si>
    <t>cg07678517</t>
  </si>
  <si>
    <t>cg07679725</t>
  </si>
  <si>
    <t>cg07681696</t>
  </si>
  <si>
    <t>cg07687349</t>
  </si>
  <si>
    <t>cg07687548</t>
  </si>
  <si>
    <t>cg07687899</t>
  </si>
  <si>
    <t>cg07688988</t>
  </si>
  <si>
    <t>cg07690441</t>
  </si>
  <si>
    <t>cg07694621</t>
  </si>
  <si>
    <t>cg07695590</t>
  </si>
  <si>
    <t>cg07707599</t>
  </si>
  <si>
    <t>cg07708198</t>
  </si>
  <si>
    <t>cg07713008</t>
  </si>
  <si>
    <t>cg07715387</t>
  </si>
  <si>
    <t>cg07717588</t>
  </si>
  <si>
    <t>cg07719512</t>
  </si>
  <si>
    <t>cg07720856</t>
  </si>
  <si>
    <t>cg07721866</t>
  </si>
  <si>
    <t>cg07724466</t>
  </si>
  <si>
    <t>cg07724816</t>
  </si>
  <si>
    <t>cg07728793</t>
  </si>
  <si>
    <t>cg07728865</t>
  </si>
  <si>
    <t>cg07729527</t>
  </si>
  <si>
    <t>cg07734961</t>
  </si>
  <si>
    <t>cg07736658</t>
  </si>
  <si>
    <t>cg07737964</t>
  </si>
  <si>
    <t>cg07749613</t>
  </si>
  <si>
    <t>cg07750784</t>
  </si>
  <si>
    <t>cg07753384</t>
  </si>
  <si>
    <t>cg07753598</t>
  </si>
  <si>
    <t>cg07755203</t>
  </si>
  <si>
    <t>cg07755689</t>
  </si>
  <si>
    <t>cg07756108</t>
  </si>
  <si>
    <t>cg07758790</t>
  </si>
  <si>
    <t>cg07769732</t>
  </si>
  <si>
    <t>cg07771321</t>
  </si>
  <si>
    <t>cg07772617</t>
  </si>
  <si>
    <t>cg07776049</t>
  </si>
  <si>
    <t>cg07779313</t>
  </si>
  <si>
    <t>cg07779387</t>
  </si>
  <si>
    <t>cg07783477</t>
  </si>
  <si>
    <t>cg07785936</t>
  </si>
  <si>
    <t>cg07789367</t>
  </si>
  <si>
    <t>cg07791468</t>
  </si>
  <si>
    <t>cg07793203</t>
  </si>
  <si>
    <t>cg07793537</t>
  </si>
  <si>
    <t>cg07794384</t>
  </si>
  <si>
    <t>cg07797231</t>
  </si>
  <si>
    <t>cg07799947</t>
  </si>
  <si>
    <t>cg07800384</t>
  </si>
  <si>
    <t>cg07804276</t>
  </si>
  <si>
    <t>cg07806421</t>
  </si>
  <si>
    <t>cg07810806</t>
  </si>
  <si>
    <t>cg07811074</t>
  </si>
  <si>
    <t>cg07811931</t>
  </si>
  <si>
    <t>cg07814910</t>
  </si>
  <si>
    <t>cg07815386</t>
  </si>
  <si>
    <t>cg07820064</t>
  </si>
  <si>
    <t>cg07823935</t>
  </si>
  <si>
    <t>cg07826574</t>
  </si>
  <si>
    <t>cg07828741</t>
  </si>
  <si>
    <t>cg07833644</t>
  </si>
  <si>
    <t>cg07834170</t>
  </si>
  <si>
    <t>cg07841014</t>
  </si>
  <si>
    <t>cg07842862</t>
  </si>
  <si>
    <t>cg07847030</t>
  </si>
  <si>
    <t>cg07849384</t>
  </si>
  <si>
    <t>cg07851008</t>
  </si>
  <si>
    <t>cg07851290</t>
  </si>
  <si>
    <t>cg07866909</t>
  </si>
  <si>
    <t>cg07868195</t>
  </si>
  <si>
    <t>cg07868273</t>
  </si>
  <si>
    <t>cg07872868</t>
  </si>
  <si>
    <t>cg07873848</t>
  </si>
  <si>
    <t>cg07891081</t>
  </si>
  <si>
    <t>cg07892413</t>
  </si>
  <si>
    <t>cg07893252</t>
  </si>
  <si>
    <t>cg07893471</t>
  </si>
  <si>
    <t>cg07894391</t>
  </si>
  <si>
    <t>cg07894586</t>
  </si>
  <si>
    <t>cg07895807</t>
  </si>
  <si>
    <t>cg07897193</t>
  </si>
  <si>
    <t>cg07897690</t>
  </si>
  <si>
    <t>cg07898651</t>
  </si>
  <si>
    <t>cg07899983</t>
  </si>
  <si>
    <t>cg07900344</t>
  </si>
  <si>
    <t>cg07900766</t>
  </si>
  <si>
    <t>cg07902785</t>
  </si>
  <si>
    <t>cg07903001</t>
  </si>
  <si>
    <t>cg07903023</t>
  </si>
  <si>
    <t>cg07905836</t>
  </si>
  <si>
    <t>cg07909265</t>
  </si>
  <si>
    <t>cg07909749</t>
  </si>
  <si>
    <t>cg07910488</t>
  </si>
  <si>
    <t>cg07911844</t>
  </si>
  <si>
    <t>cg07912003</t>
  </si>
  <si>
    <t>cg07912647</t>
  </si>
  <si>
    <t>cg07913197</t>
  </si>
  <si>
    <t>cg07915542</t>
  </si>
  <si>
    <t>cg07919955</t>
  </si>
  <si>
    <t>cg07923325</t>
  </si>
  <si>
    <t>cg07923809</t>
  </si>
  <si>
    <t>cg07924507</t>
  </si>
  <si>
    <t>cg07926996</t>
  </si>
  <si>
    <t>cg07927072</t>
  </si>
  <si>
    <t>cg07929078</t>
  </si>
  <si>
    <t>cg07929264</t>
  </si>
  <si>
    <t>cg07929629</t>
  </si>
  <si>
    <t>cg07929763</t>
  </si>
  <si>
    <t>cg07929768</t>
  </si>
  <si>
    <t>cg07934818</t>
  </si>
  <si>
    <t>cg07935987</t>
  </si>
  <si>
    <t>cg07936541</t>
  </si>
  <si>
    <t>cg07936585</t>
  </si>
  <si>
    <t>cg07944060</t>
  </si>
  <si>
    <t>cg07947490</t>
  </si>
  <si>
    <t>cg07948480</t>
  </si>
  <si>
    <t>cg07949516</t>
  </si>
  <si>
    <t>cg07952391</t>
  </si>
  <si>
    <t>cg07952672</t>
  </si>
  <si>
    <t>cg07956897</t>
  </si>
  <si>
    <t>cg07961416</t>
  </si>
  <si>
    <t>cg07964244</t>
  </si>
  <si>
    <t>cg07966910</t>
  </si>
  <si>
    <t>cg07974891</t>
  </si>
  <si>
    <t>cg07979316</t>
  </si>
  <si>
    <t>cg07981822</t>
  </si>
  <si>
    <t>cg07986907</t>
  </si>
  <si>
    <t>cg07988466</t>
  </si>
  <si>
    <t>cg07988979</t>
  </si>
  <si>
    <t>cg07988989</t>
  </si>
  <si>
    <t>cg07990489</t>
  </si>
  <si>
    <t>cg07992484</t>
  </si>
  <si>
    <t>cg07992500</t>
  </si>
  <si>
    <t>cg07994485</t>
  </si>
  <si>
    <t>cg07997434</t>
  </si>
  <si>
    <t>cg08001824</t>
  </si>
  <si>
    <t>cg08006957</t>
  </si>
  <si>
    <t>cg08007899</t>
  </si>
  <si>
    <t>cg08008105</t>
  </si>
  <si>
    <t>cg08010094</t>
  </si>
  <si>
    <t>cg08011844</t>
  </si>
  <si>
    <t>cg08017756</t>
  </si>
  <si>
    <t>cg08021348</t>
  </si>
  <si>
    <t>cg08022436</t>
  </si>
  <si>
    <t>cg08022524</t>
  </si>
  <si>
    <t>cg08026195</t>
  </si>
  <si>
    <t>cg08026464</t>
  </si>
  <si>
    <t>cg08026618</t>
  </si>
  <si>
    <t>cg08026735</t>
  </si>
  <si>
    <t>cg08030082</t>
  </si>
  <si>
    <t>cg08031810</t>
  </si>
  <si>
    <t>cg08033284</t>
  </si>
  <si>
    <t>cg08035323</t>
  </si>
  <si>
    <t>cg08042220</t>
  </si>
  <si>
    <t>cg08043048</t>
  </si>
  <si>
    <t>cg08043781</t>
  </si>
  <si>
    <t>cg08047338</t>
  </si>
  <si>
    <t>cg08051575</t>
  </si>
  <si>
    <t>cg08053523</t>
  </si>
  <si>
    <t>cg08057136</t>
  </si>
  <si>
    <t>cg08065063</t>
  </si>
  <si>
    <t>cg08065733</t>
  </si>
  <si>
    <t>cg08066875</t>
  </si>
  <si>
    <t>cg08073003</t>
  </si>
  <si>
    <t>cg08074907</t>
  </si>
  <si>
    <t>cg08075308</t>
  </si>
  <si>
    <t>cg08077071</t>
  </si>
  <si>
    <t>cg08078648</t>
  </si>
  <si>
    <t>cg08079596</t>
  </si>
  <si>
    <t>cg08080195</t>
  </si>
  <si>
    <t>cg08081424</t>
  </si>
  <si>
    <t>cg08083435</t>
  </si>
  <si>
    <t>cg08084799</t>
  </si>
  <si>
    <t>cg08086177</t>
  </si>
  <si>
    <t>cg08089671</t>
  </si>
  <si>
    <t>cg08092258</t>
  </si>
  <si>
    <t>cg08092637</t>
  </si>
  <si>
    <t>cg08095437</t>
  </si>
  <si>
    <t>cg08096010</t>
  </si>
  <si>
    <t>cg08097121</t>
  </si>
  <si>
    <t>cg08098128</t>
  </si>
  <si>
    <t>cg08098457</t>
  </si>
  <si>
    <t>cg08098951</t>
  </si>
  <si>
    <t>cg08107354</t>
  </si>
  <si>
    <t>cg08107701</t>
  </si>
  <si>
    <t>cg08110337</t>
  </si>
  <si>
    <t>cg08110610</t>
  </si>
  <si>
    <t>cg08113913</t>
  </si>
  <si>
    <t>cg08117126</t>
  </si>
  <si>
    <t>cg08118747</t>
  </si>
  <si>
    <t>cg08120986</t>
  </si>
  <si>
    <t>cg08121172</t>
  </si>
  <si>
    <t>cg08121523</t>
  </si>
  <si>
    <t>cg08121594</t>
  </si>
  <si>
    <t>cg08122831</t>
  </si>
  <si>
    <t>cg08129583</t>
  </si>
  <si>
    <t>cg08129953</t>
  </si>
  <si>
    <t>cg08132931</t>
  </si>
  <si>
    <t>cg08134053</t>
  </si>
  <si>
    <t>cg08134681</t>
  </si>
  <si>
    <t>cg08139509</t>
  </si>
  <si>
    <t>cg08145144</t>
  </si>
  <si>
    <t>cg08147886</t>
  </si>
  <si>
    <t>cg08149838</t>
  </si>
  <si>
    <t>cg08153335</t>
  </si>
  <si>
    <t>cg08154280</t>
  </si>
  <si>
    <t>cg08165221</t>
  </si>
  <si>
    <t>cg08166272</t>
  </si>
  <si>
    <t>cg08168141</t>
  </si>
  <si>
    <t>cg08168897</t>
  </si>
  <si>
    <t>cg08173649</t>
  </si>
  <si>
    <t>cg08178072</t>
  </si>
  <si>
    <t>cg08180070</t>
  </si>
  <si>
    <t>cg08187110</t>
  </si>
  <si>
    <t>cg08187687</t>
  </si>
  <si>
    <t>cg08193085</t>
  </si>
  <si>
    <t>cg08195247</t>
  </si>
  <si>
    <t>cg08196128</t>
  </si>
  <si>
    <t>cg08198228</t>
  </si>
  <si>
    <t>cg08199235</t>
  </si>
  <si>
    <t>cg08201735</t>
  </si>
  <si>
    <t>cg08202720</t>
  </si>
  <si>
    <t>cg08203192</t>
  </si>
  <si>
    <t>cg08203850</t>
  </si>
  <si>
    <t>cg08209294</t>
  </si>
  <si>
    <t>cg08209614</t>
  </si>
  <si>
    <t>cg08210297</t>
  </si>
  <si>
    <t>cg08210322</t>
  </si>
  <si>
    <t>cg08210688</t>
  </si>
  <si>
    <t>cg08212913</t>
  </si>
  <si>
    <t>cg08216808</t>
  </si>
  <si>
    <t>cg08225529</t>
  </si>
  <si>
    <t>cg08225642</t>
  </si>
  <si>
    <t>cg08229627</t>
  </si>
  <si>
    <t>cg08238215</t>
  </si>
  <si>
    <t>cg08239041</t>
  </si>
  <si>
    <t>cg08239282</t>
  </si>
  <si>
    <t>cg08239899</t>
  </si>
  <si>
    <t>cg08240529</t>
  </si>
  <si>
    <t>cg08242323</t>
  </si>
  <si>
    <t>cg08248176</t>
  </si>
  <si>
    <t>cg08250506</t>
  </si>
  <si>
    <t>cg08251399</t>
  </si>
  <si>
    <t>cg08251815</t>
  </si>
  <si>
    <t>cg08252325</t>
  </si>
  <si>
    <t>cg08252804</t>
  </si>
  <si>
    <t>cg08263507</t>
  </si>
  <si>
    <t>cg08263571</t>
  </si>
  <si>
    <t>cg08266286</t>
  </si>
  <si>
    <t>cg08267002</t>
  </si>
  <si>
    <t>cg08267047</t>
  </si>
  <si>
    <t>cg08267300</t>
  </si>
  <si>
    <t>cg08274552</t>
  </si>
  <si>
    <t>cg08277694</t>
  </si>
  <si>
    <t>cg08278748</t>
  </si>
  <si>
    <t>cg08279008</t>
  </si>
  <si>
    <t>cg08280392</t>
  </si>
  <si>
    <t>cg08286599</t>
  </si>
  <si>
    <t>cg08286738</t>
  </si>
  <si>
    <t>cg08286791</t>
  </si>
  <si>
    <t>cg08294017</t>
  </si>
  <si>
    <t>cg08297393</t>
  </si>
  <si>
    <t>cg08298447</t>
  </si>
  <si>
    <t>cg08302913</t>
  </si>
  <si>
    <t>cg08303370</t>
  </si>
  <si>
    <t>cg08305778</t>
  </si>
  <si>
    <t>cg08308032</t>
  </si>
  <si>
    <t>cg08312191</t>
  </si>
  <si>
    <t>cg08312198</t>
  </si>
  <si>
    <t>cg08312371</t>
  </si>
  <si>
    <t>cg08313393</t>
  </si>
  <si>
    <t>cg08313757</t>
  </si>
  <si>
    <t>cg08316074</t>
  </si>
  <si>
    <t>cg08318365</t>
  </si>
  <si>
    <t>cg08322528</t>
  </si>
  <si>
    <t>cg08327903</t>
  </si>
  <si>
    <t>cg08347226</t>
  </si>
  <si>
    <t>cg08348461</t>
  </si>
  <si>
    <t>cg08351004</t>
  </si>
  <si>
    <t>cg08351105</t>
  </si>
  <si>
    <t>cg08355702</t>
  </si>
  <si>
    <t>cg08373610</t>
  </si>
  <si>
    <t>cg08377526</t>
  </si>
  <si>
    <t>cg08378442</t>
  </si>
  <si>
    <t>cg08379158</t>
  </si>
  <si>
    <t>cg08379897</t>
  </si>
  <si>
    <t>cg08380379</t>
  </si>
  <si>
    <t>cg08382497</t>
  </si>
  <si>
    <t>cg08383863</t>
  </si>
  <si>
    <t>cg08383930</t>
  </si>
  <si>
    <t>cg08384239</t>
  </si>
  <si>
    <t>cg08386537</t>
  </si>
  <si>
    <t>cg08388802</t>
  </si>
  <si>
    <t>cg08390172</t>
  </si>
  <si>
    <t>cg08390877</t>
  </si>
  <si>
    <t>cg08390901</t>
  </si>
  <si>
    <t>cg08392125</t>
  </si>
  <si>
    <t>cg08396677</t>
  </si>
  <si>
    <t>cg08396863</t>
  </si>
  <si>
    <t>cg08400563</t>
  </si>
  <si>
    <t>cg08401872</t>
  </si>
  <si>
    <t>cg08402572</t>
  </si>
  <si>
    <t>cg08403885</t>
  </si>
  <si>
    <t>cg08408563</t>
  </si>
  <si>
    <t>cg08408937</t>
  </si>
  <si>
    <t>cg08409074</t>
  </si>
  <si>
    <t>cg08409165</t>
  </si>
  <si>
    <t>cg08409687</t>
  </si>
  <si>
    <t>cg08416569</t>
  </si>
  <si>
    <t>cg08432583</t>
  </si>
  <si>
    <t>cg08432727</t>
  </si>
  <si>
    <t>cg08434152</t>
  </si>
  <si>
    <t>cg08435936</t>
  </si>
  <si>
    <t>cg08435945</t>
  </si>
  <si>
    <t>cg08438392</t>
  </si>
  <si>
    <t>cg08440077</t>
  </si>
  <si>
    <t>cg08444004</t>
  </si>
  <si>
    <t>cg08449164</t>
  </si>
  <si>
    <t>cg08451957</t>
  </si>
  <si>
    <t>cg08453096</t>
  </si>
  <si>
    <t>cg08453483</t>
  </si>
  <si>
    <t>cg08455099</t>
  </si>
  <si>
    <t>cg08456817</t>
  </si>
  <si>
    <t>cg08457169</t>
  </si>
  <si>
    <t>cg08457980</t>
  </si>
  <si>
    <t>cg08461339</t>
  </si>
  <si>
    <t>cg08461546</t>
  </si>
  <si>
    <t>cg08462247</t>
  </si>
  <si>
    <t>cg08464673</t>
  </si>
  <si>
    <t>cg08466320</t>
  </si>
  <si>
    <t>cg08466982</t>
  </si>
  <si>
    <t>cg08468732</t>
  </si>
  <si>
    <t>cg08471896</t>
  </si>
  <si>
    <t>cg08472795</t>
  </si>
  <si>
    <t>cg08473330</t>
  </si>
  <si>
    <t>cg08475827</t>
  </si>
  <si>
    <t>cg08478189</t>
  </si>
  <si>
    <t>cg08479629</t>
  </si>
  <si>
    <t>cg08485186</t>
  </si>
  <si>
    <t>cg08485187</t>
  </si>
  <si>
    <t>cg08489674</t>
  </si>
  <si>
    <t>cg08492875</t>
  </si>
  <si>
    <t>cg08493051</t>
  </si>
  <si>
    <t>cg08493294</t>
  </si>
  <si>
    <t>cg08493581</t>
  </si>
  <si>
    <t>cg08494812</t>
  </si>
  <si>
    <t>cg08506127</t>
  </si>
  <si>
    <t>cg08506931</t>
  </si>
  <si>
    <t>cg08508041</t>
  </si>
  <si>
    <t>cg08508775</t>
  </si>
  <si>
    <t>cg08517455</t>
  </si>
  <si>
    <t>cg08518348</t>
  </si>
  <si>
    <t>cg08520746</t>
  </si>
  <si>
    <t>cg08521046</t>
  </si>
  <si>
    <t>cg08521187</t>
  </si>
  <si>
    <t>cg08523865</t>
  </si>
  <si>
    <t>cg08525207</t>
  </si>
  <si>
    <t>cg08528626</t>
  </si>
  <si>
    <t>cg08529333</t>
  </si>
  <si>
    <t>cg08530000</t>
  </si>
  <si>
    <t>cg08530484</t>
  </si>
  <si>
    <t>cg08530978</t>
  </si>
  <si>
    <t>cg08536167</t>
  </si>
  <si>
    <t>cg08540943</t>
  </si>
  <si>
    <t>cg08542804</t>
  </si>
  <si>
    <t>cg08546494</t>
  </si>
  <si>
    <t>cg08557523</t>
  </si>
  <si>
    <t>cg08559219</t>
  </si>
  <si>
    <t>cg08561286</t>
  </si>
  <si>
    <t>cg08563601</t>
  </si>
  <si>
    <t>cg08565056</t>
  </si>
  <si>
    <t>cg08565197</t>
  </si>
  <si>
    <t>cg08569180</t>
  </si>
  <si>
    <t>cg08569850</t>
  </si>
  <si>
    <t>cg08569992</t>
  </si>
  <si>
    <t>cg08570243</t>
  </si>
  <si>
    <t>cg08570458</t>
  </si>
  <si>
    <t>cg08571287</t>
  </si>
  <si>
    <t>cg08574364</t>
  </si>
  <si>
    <t>cg08576304</t>
  </si>
  <si>
    <t>cg08578136</t>
  </si>
  <si>
    <t>cg08578317</t>
  </si>
  <si>
    <t>cg08578510</t>
  </si>
  <si>
    <t>cg08579540</t>
  </si>
  <si>
    <t>cg08580308</t>
  </si>
  <si>
    <t>cg08580870</t>
  </si>
  <si>
    <t>cg08581518</t>
  </si>
  <si>
    <t>cg08582599</t>
  </si>
  <si>
    <t>cg08584627</t>
  </si>
  <si>
    <t>cg08589214</t>
  </si>
  <si>
    <t>cg08602604</t>
  </si>
  <si>
    <t>cg08605458</t>
  </si>
  <si>
    <t>cg08606075</t>
  </si>
  <si>
    <t>cg08612138</t>
  </si>
  <si>
    <t>cg08614562</t>
  </si>
  <si>
    <t>cg08620474</t>
  </si>
  <si>
    <t>cg08621773</t>
  </si>
  <si>
    <t>cg08623091</t>
  </si>
  <si>
    <t>cg08625382</t>
  </si>
  <si>
    <t>cg08629043</t>
  </si>
  <si>
    <t>cg08638928</t>
  </si>
  <si>
    <t>cg08641090</t>
  </si>
  <si>
    <t>cg08643007</t>
  </si>
  <si>
    <t>cg08644598</t>
  </si>
  <si>
    <t>cg08645207</t>
  </si>
  <si>
    <t>cg08645889</t>
  </si>
  <si>
    <t>cg08649286</t>
  </si>
  <si>
    <t>cg08651064</t>
  </si>
  <si>
    <t>cg08663425</t>
  </si>
  <si>
    <t>cg08665810</t>
  </si>
  <si>
    <t>cg08668909</t>
  </si>
  <si>
    <t>cg08687025</t>
  </si>
  <si>
    <t>cg08690336</t>
  </si>
  <si>
    <t>cg08690379</t>
  </si>
  <si>
    <t>cg08692374</t>
  </si>
  <si>
    <t>cg08694418</t>
  </si>
  <si>
    <t>cg08694578</t>
  </si>
  <si>
    <t>cg08695416</t>
  </si>
  <si>
    <t>cg08697297</t>
  </si>
  <si>
    <t>cg08697503</t>
  </si>
  <si>
    <t>cg08698718</t>
  </si>
  <si>
    <t>cg08714960</t>
  </si>
  <si>
    <t>cg08716976</t>
  </si>
  <si>
    <t>cg08717402</t>
  </si>
  <si>
    <t>cg08717880</t>
  </si>
  <si>
    <t>cg08719380</t>
  </si>
  <si>
    <t>cg08719777</t>
  </si>
  <si>
    <t>cg08721908</t>
  </si>
  <si>
    <t>cg08722115</t>
  </si>
  <si>
    <t>cg08724891</t>
  </si>
  <si>
    <t>cg08725083</t>
  </si>
  <si>
    <t>cg08726338</t>
  </si>
  <si>
    <t>cg08726863</t>
  </si>
  <si>
    <t>cg08727428</t>
  </si>
  <si>
    <t>cg08728285</t>
  </si>
  <si>
    <t>cg08729279</t>
  </si>
  <si>
    <t>cg08729839</t>
  </si>
  <si>
    <t>cg08733774</t>
  </si>
  <si>
    <t>cg08735716</t>
  </si>
  <si>
    <t>cg08735990</t>
  </si>
  <si>
    <t>cg08736225</t>
  </si>
  <si>
    <t>cg08741214</t>
  </si>
  <si>
    <t>cg08744769</t>
  </si>
  <si>
    <t>cg08748368</t>
  </si>
  <si>
    <t>cg08750440</t>
  </si>
  <si>
    <t>cg08750534</t>
  </si>
  <si>
    <t>cg08753706</t>
  </si>
  <si>
    <t>cg08755026</t>
  </si>
  <si>
    <t>cg08756441</t>
  </si>
  <si>
    <t>cg08756898</t>
  </si>
  <si>
    <t>cg08759186</t>
  </si>
  <si>
    <t>cg08765991</t>
  </si>
  <si>
    <t>cg08767286</t>
  </si>
  <si>
    <t>cg08773314</t>
  </si>
  <si>
    <t>cg08775629</t>
  </si>
  <si>
    <t>cg08781549</t>
  </si>
  <si>
    <t>cg08782158</t>
  </si>
  <si>
    <t>cg08789696</t>
  </si>
  <si>
    <t>cg08790890</t>
  </si>
  <si>
    <t>cg08800777</t>
  </si>
  <si>
    <t>cg08802533</t>
  </si>
  <si>
    <t>cg08802933</t>
  </si>
  <si>
    <t>cg08803144</t>
  </si>
  <si>
    <t>cg08806153</t>
  </si>
  <si>
    <t>cg08807496</t>
  </si>
  <si>
    <t>cg08818385</t>
  </si>
  <si>
    <t>cg08831034</t>
  </si>
  <si>
    <t>cg08834152</t>
  </si>
  <si>
    <t>cg08834401</t>
  </si>
  <si>
    <t>cg08834989</t>
  </si>
  <si>
    <t>cg08836904</t>
  </si>
  <si>
    <t>cg08837355</t>
  </si>
  <si>
    <t>cg08839055</t>
  </si>
  <si>
    <t>cg08840017</t>
  </si>
  <si>
    <t>cg08842508</t>
  </si>
  <si>
    <t>cg08843298</t>
  </si>
  <si>
    <t>cg08845685</t>
  </si>
  <si>
    <t>cg08845722</t>
  </si>
  <si>
    <t>cg08847512</t>
  </si>
  <si>
    <t>cg08847775</t>
  </si>
  <si>
    <t>cg08852759</t>
  </si>
  <si>
    <t>cg08856033</t>
  </si>
  <si>
    <t>cg08856772</t>
  </si>
  <si>
    <t>cg08858245</t>
  </si>
  <si>
    <t>cg08859278</t>
  </si>
  <si>
    <t>cg08861115</t>
  </si>
  <si>
    <t>cg08862291</t>
  </si>
  <si>
    <t>cg08862717</t>
  </si>
  <si>
    <t>cg08863440</t>
  </si>
  <si>
    <t>cg08864042</t>
  </si>
  <si>
    <t>cg08866865</t>
  </si>
  <si>
    <t>cg08867399</t>
  </si>
  <si>
    <t>cg08871101</t>
  </si>
  <si>
    <t>cg08871711</t>
  </si>
  <si>
    <t>cg08873746</t>
  </si>
  <si>
    <t>cg08875535</t>
  </si>
  <si>
    <t>cg08884624</t>
  </si>
  <si>
    <t>cg08884950</t>
  </si>
  <si>
    <t>cg08885556</t>
  </si>
  <si>
    <t>cg08891424</t>
  </si>
  <si>
    <t>cg08894761</t>
  </si>
  <si>
    <t>cg08900316</t>
  </si>
  <si>
    <t>cg08903069</t>
  </si>
  <si>
    <t>cg08905358</t>
  </si>
  <si>
    <t>cg08913719</t>
  </si>
  <si>
    <t>cg08937729</t>
  </si>
  <si>
    <t>cg08938475</t>
  </si>
  <si>
    <t>cg08940001</t>
  </si>
  <si>
    <t>cg08940378</t>
  </si>
  <si>
    <t>cg08940490</t>
  </si>
  <si>
    <t>cg08946720</t>
  </si>
  <si>
    <t>cg08947831</t>
  </si>
  <si>
    <t>cg08950745</t>
  </si>
  <si>
    <t>cg08952506</t>
  </si>
  <si>
    <t>cg08952844</t>
  </si>
  <si>
    <t>cg08954476</t>
  </si>
  <si>
    <t>cg08955006</t>
  </si>
  <si>
    <t>cg08955754</t>
  </si>
  <si>
    <t>cg08957605</t>
  </si>
  <si>
    <t>cg08965143</t>
  </si>
  <si>
    <t>cg08965464</t>
  </si>
  <si>
    <t>cg08969328</t>
  </si>
  <si>
    <t>cg08971637</t>
  </si>
  <si>
    <t>cg08972756</t>
  </si>
  <si>
    <t>cg08972867</t>
  </si>
  <si>
    <t>cg08973102</t>
  </si>
  <si>
    <t>cg08973382</t>
  </si>
  <si>
    <t>cg08977627</t>
  </si>
  <si>
    <t>cg08981537</t>
  </si>
  <si>
    <t>cg08983217</t>
  </si>
  <si>
    <t>cg08984836</t>
  </si>
  <si>
    <t>cg08987387</t>
  </si>
  <si>
    <t>cg08989942</t>
  </si>
  <si>
    <t>cg08995061</t>
  </si>
  <si>
    <t>cg08998212</t>
  </si>
  <si>
    <t>cg09001591</t>
  </si>
  <si>
    <t>cg09004241</t>
  </si>
  <si>
    <t>cg09006159</t>
  </si>
  <si>
    <t>cg09012544</t>
  </si>
  <si>
    <t>cg09014716</t>
  </si>
  <si>
    <t>cg09019635</t>
  </si>
  <si>
    <t>cg09019916</t>
  </si>
  <si>
    <t>cg09019936</t>
  </si>
  <si>
    <t>cg09022325</t>
  </si>
  <si>
    <t>cg09022430</t>
  </si>
  <si>
    <t>cg09028445</t>
  </si>
  <si>
    <t>cg09031938</t>
  </si>
  <si>
    <t>cg09033376</t>
  </si>
  <si>
    <t>cg09033638</t>
  </si>
  <si>
    <t>cg09039163</t>
  </si>
  <si>
    <t>cg09040174</t>
  </si>
  <si>
    <t>cg09040922</t>
  </si>
  <si>
    <t>cg09042733</t>
  </si>
  <si>
    <t>cg09042791</t>
  </si>
  <si>
    <t>cg09054412</t>
  </si>
  <si>
    <t>cg09058748</t>
  </si>
  <si>
    <t>cg09058955</t>
  </si>
  <si>
    <t>cg09059822</t>
  </si>
  <si>
    <t>cg09062961</t>
  </si>
  <si>
    <t>cg09063765</t>
  </si>
  <si>
    <t>cg09064252</t>
  </si>
  <si>
    <t>cg09065714</t>
  </si>
  <si>
    <t>cg09066338</t>
  </si>
  <si>
    <t>cg09067818</t>
  </si>
  <si>
    <t>cg09068198</t>
  </si>
  <si>
    <t>cg09068528</t>
  </si>
  <si>
    <t>cg09071834</t>
  </si>
  <si>
    <t>cg09072291</t>
  </si>
  <si>
    <t>cg09073080</t>
  </si>
  <si>
    <t>cg09086380</t>
  </si>
  <si>
    <t>cg09088437</t>
  </si>
  <si>
    <t>cg09109450</t>
  </si>
  <si>
    <t>cg09110634</t>
  </si>
  <si>
    <t>cg09110945</t>
  </si>
  <si>
    <t>cg09112476</t>
  </si>
  <si>
    <t>cg09113420</t>
  </si>
  <si>
    <t>cg09113530</t>
  </si>
  <si>
    <t>cg09113915</t>
  </si>
  <si>
    <t>cg09125723</t>
  </si>
  <si>
    <t>cg09126024</t>
  </si>
  <si>
    <t>cg09128529</t>
  </si>
  <si>
    <t>cg09131135</t>
  </si>
  <si>
    <t>cg09138627</t>
  </si>
  <si>
    <t>cg09140444</t>
  </si>
  <si>
    <t>cg09142020</t>
  </si>
  <si>
    <t>cg09144004</t>
  </si>
  <si>
    <t>cg09151613</t>
  </si>
  <si>
    <t>cg09152259</t>
  </si>
  <si>
    <t>cg09153930</t>
  </si>
  <si>
    <t>cg09154309</t>
  </si>
  <si>
    <t>cg09158026</t>
  </si>
  <si>
    <t>cg09164040</t>
  </si>
  <si>
    <t>cg09164426</t>
  </si>
  <si>
    <t>cg09165678</t>
  </si>
  <si>
    <t>cg09167632</t>
  </si>
  <si>
    <t>cg09169117</t>
  </si>
  <si>
    <t>cg09169132</t>
  </si>
  <si>
    <t>cg09169839</t>
  </si>
  <si>
    <t>cg09171253</t>
  </si>
  <si>
    <t>cg09174690</t>
  </si>
  <si>
    <t>cg09183072</t>
  </si>
  <si>
    <t>cg09189896</t>
  </si>
  <si>
    <t>cg09197279</t>
  </si>
  <si>
    <t>cg09197965</t>
  </si>
  <si>
    <t>cg09198200</t>
  </si>
  <si>
    <t>cg09199330</t>
  </si>
  <si>
    <t>cg09204187</t>
  </si>
  <si>
    <t>cg09211265</t>
  </si>
  <si>
    <t>cg09211494</t>
  </si>
  <si>
    <t>cg09217644</t>
  </si>
  <si>
    <t>cg09218462</t>
  </si>
  <si>
    <t>cg09223071</t>
  </si>
  <si>
    <t>cg09237070</t>
  </si>
  <si>
    <t>cg09240515</t>
  </si>
  <si>
    <t>cg09240693</t>
  </si>
  <si>
    <t>cg09242192</t>
  </si>
  <si>
    <t>cg09242343</t>
  </si>
  <si>
    <t>cg09243445</t>
  </si>
  <si>
    <t>cg09244100</t>
  </si>
  <si>
    <t>cg09246520</t>
  </si>
  <si>
    <t>cg09247696</t>
  </si>
  <si>
    <t>cg09250087</t>
  </si>
  <si>
    <t>cg09250933</t>
  </si>
  <si>
    <t>cg09255493</t>
  </si>
  <si>
    <t>cg09256201</t>
  </si>
  <si>
    <t>cg09256862</t>
  </si>
  <si>
    <t>cg09257178</t>
  </si>
  <si>
    <t>cg09258553</t>
  </si>
  <si>
    <t>cg09270272</t>
  </si>
  <si>
    <t>cg09273030</t>
  </si>
  <si>
    <t>cg09280429</t>
  </si>
  <si>
    <t>cg09281220</t>
  </si>
  <si>
    <t>cg09283396</t>
  </si>
  <si>
    <t>cg09285213</t>
  </si>
  <si>
    <t>cg09285418</t>
  </si>
  <si>
    <t>cg09286090</t>
  </si>
  <si>
    <t>cg09287629</t>
  </si>
  <si>
    <t>cg09287938</t>
  </si>
  <si>
    <t>cg09287977</t>
  </si>
  <si>
    <t>cg09294937</t>
  </si>
  <si>
    <t>cg09296270</t>
  </si>
  <si>
    <t>cg09297288</t>
  </si>
  <si>
    <t>cg09297636</t>
  </si>
  <si>
    <t>cg09302848</t>
  </si>
  <si>
    <t>cg09303161</t>
  </si>
  <si>
    <t>cg09303312</t>
  </si>
  <si>
    <t>cg09304047</t>
  </si>
  <si>
    <t>cg09304397</t>
  </si>
  <si>
    <t>cg09305687</t>
  </si>
  <si>
    <t>cg09306194</t>
  </si>
  <si>
    <t>cg09308336</t>
  </si>
  <si>
    <t>cg09308580</t>
  </si>
  <si>
    <t>cg09310564</t>
  </si>
  <si>
    <t>cg09312809</t>
  </si>
  <si>
    <t>cg09316703</t>
  </si>
  <si>
    <t>cg09317899</t>
  </si>
  <si>
    <t>cg09318840</t>
  </si>
  <si>
    <t>cg09319639</t>
  </si>
  <si>
    <t>cg09329587</t>
  </si>
  <si>
    <t>cg09331106</t>
  </si>
  <si>
    <t>cg09333522</t>
  </si>
  <si>
    <t>cg09336406</t>
  </si>
  <si>
    <t>cg09337254</t>
  </si>
  <si>
    <t>cg09339841</t>
  </si>
  <si>
    <t>cg09341848</t>
  </si>
  <si>
    <t>cg09342325</t>
  </si>
  <si>
    <t>cg09344183</t>
  </si>
  <si>
    <t>cg09353251</t>
  </si>
  <si>
    <t>cg09353931</t>
  </si>
  <si>
    <t>cg09355771</t>
  </si>
  <si>
    <t>cg09356401</t>
  </si>
  <si>
    <t>cg09357934</t>
  </si>
  <si>
    <t>cg09358454</t>
  </si>
  <si>
    <t>cg09359751</t>
  </si>
  <si>
    <t>cg09360931</t>
  </si>
  <si>
    <t>cg09363443</t>
  </si>
  <si>
    <t>cg09364770</t>
  </si>
  <si>
    <t>cg09366118</t>
  </si>
  <si>
    <t>cg09368486</t>
  </si>
  <si>
    <t>cg09378111</t>
  </si>
  <si>
    <t>cg09386620</t>
  </si>
  <si>
    <t>cg09388489</t>
  </si>
  <si>
    <t>cg09389557</t>
  </si>
  <si>
    <t>cg09390137</t>
  </si>
  <si>
    <t>cg09390932</t>
  </si>
  <si>
    <t>cg09391761</t>
  </si>
  <si>
    <t>cg09392173</t>
  </si>
  <si>
    <t>cg09392499</t>
  </si>
  <si>
    <t>cg09394306</t>
  </si>
  <si>
    <t>cg09396959</t>
  </si>
  <si>
    <t>cg09399716</t>
  </si>
  <si>
    <t>cg09400272</t>
  </si>
  <si>
    <t>cg09404516</t>
  </si>
  <si>
    <t>cg09404981</t>
  </si>
  <si>
    <t>cg09405340</t>
  </si>
  <si>
    <t>cg09406107</t>
  </si>
  <si>
    <t>cg09406631</t>
  </si>
  <si>
    <t>cg09406846</t>
  </si>
  <si>
    <t>cg09408384</t>
  </si>
  <si>
    <t>cg09409209</t>
  </si>
  <si>
    <t>cg09409539</t>
  </si>
  <si>
    <t>cg09410845</t>
  </si>
  <si>
    <t>cg09415272</t>
  </si>
  <si>
    <t>cg09416096</t>
  </si>
  <si>
    <t>cg09416271</t>
  </si>
  <si>
    <t>cg09416717</t>
  </si>
  <si>
    <t>cg09417299</t>
  </si>
  <si>
    <t>cg09427374</t>
  </si>
  <si>
    <t>cg09428884</t>
  </si>
  <si>
    <t>cg09429847</t>
  </si>
  <si>
    <t>cg09437783</t>
  </si>
  <si>
    <t>cg09439348</t>
  </si>
  <si>
    <t>cg09446465</t>
  </si>
  <si>
    <t>cg09446583</t>
  </si>
  <si>
    <t>cg09446896</t>
  </si>
  <si>
    <t>cg09448058</t>
  </si>
  <si>
    <t>cg09448707</t>
  </si>
  <si>
    <t>cg09450367</t>
  </si>
  <si>
    <t>cg09452692</t>
  </si>
  <si>
    <t>cg09452911</t>
  </si>
  <si>
    <t>cg09453252</t>
  </si>
  <si>
    <t>cg09454676</t>
  </si>
  <si>
    <t>cg09454925</t>
  </si>
  <si>
    <t>cg09455096</t>
  </si>
  <si>
    <t>cg09455823</t>
  </si>
  <si>
    <t>cg09456216</t>
  </si>
  <si>
    <t>cg09456289</t>
  </si>
  <si>
    <t>cg09462936</t>
  </si>
  <si>
    <t>cg09464028</t>
  </si>
  <si>
    <t>cg09464137</t>
  </si>
  <si>
    <t>cg09464206</t>
  </si>
  <si>
    <t>cg09464263</t>
  </si>
  <si>
    <t>cg09464466</t>
  </si>
  <si>
    <t>cg09464488</t>
  </si>
  <si>
    <t>cg09469079</t>
  </si>
  <si>
    <t>cg09469394</t>
  </si>
  <si>
    <t>cg09471343</t>
  </si>
  <si>
    <t>cg09473180</t>
  </si>
  <si>
    <t>cg09473495</t>
  </si>
  <si>
    <t>cg09473969</t>
  </si>
  <si>
    <t>cg09474442</t>
  </si>
  <si>
    <t>cg09474589</t>
  </si>
  <si>
    <t>cg09478002</t>
  </si>
  <si>
    <t>cg09480054</t>
  </si>
  <si>
    <t>cg09483270</t>
  </si>
  <si>
    <t>cg09486406</t>
  </si>
  <si>
    <t>cg09487245</t>
  </si>
  <si>
    <t>cg09488200</t>
  </si>
  <si>
    <t>cg09490371</t>
  </si>
  <si>
    <t>cg09493857</t>
  </si>
  <si>
    <t>cg09494379</t>
  </si>
  <si>
    <t>cg09496748</t>
  </si>
  <si>
    <t>cg09497276</t>
  </si>
  <si>
    <t>cg09497769</t>
  </si>
  <si>
    <t>cg09498007</t>
  </si>
  <si>
    <t>cg09499849</t>
  </si>
  <si>
    <t>cg09500672</t>
  </si>
  <si>
    <t>cg09505117</t>
  </si>
  <si>
    <t>cg09506183</t>
  </si>
  <si>
    <t>cg09509863</t>
  </si>
  <si>
    <t>cg09518715</t>
  </si>
  <si>
    <t>cg09519273</t>
  </si>
  <si>
    <t>cg09520554</t>
  </si>
  <si>
    <t>cg09521647</t>
  </si>
  <si>
    <t>cg09521719</t>
  </si>
  <si>
    <t>cg09522131</t>
  </si>
  <si>
    <t>cg09522571</t>
  </si>
  <si>
    <t>cg09523909</t>
  </si>
  <si>
    <t>cg09525835</t>
  </si>
  <si>
    <t>cg09527561</t>
  </si>
  <si>
    <t>cg09528747</t>
  </si>
  <si>
    <t>cg09533205</t>
  </si>
  <si>
    <t>cg09538682</t>
  </si>
  <si>
    <t>cg09541740</t>
  </si>
  <si>
    <t>cg09548780</t>
  </si>
  <si>
    <t>cg09550083</t>
  </si>
  <si>
    <t>cg09552548</t>
  </si>
  <si>
    <t>cg09553380</t>
  </si>
  <si>
    <t>cg09558414</t>
  </si>
  <si>
    <t>cg09560096</t>
  </si>
  <si>
    <t>cg09560533</t>
  </si>
  <si>
    <t>cg09563102</t>
  </si>
  <si>
    <t>cg09564448</t>
  </si>
  <si>
    <t>cg09564509</t>
  </si>
  <si>
    <t>cg09565597</t>
  </si>
  <si>
    <t>cg09565806</t>
  </si>
  <si>
    <t>cg09568355</t>
  </si>
  <si>
    <t>cg09570614</t>
  </si>
  <si>
    <t>cg09571314</t>
  </si>
  <si>
    <t>cg09579953</t>
  </si>
  <si>
    <t>cg09581060</t>
  </si>
  <si>
    <t>cg09588360</t>
  </si>
  <si>
    <t>cg09588961</t>
  </si>
  <si>
    <t>cg09596131</t>
  </si>
  <si>
    <t>cg09596336</t>
  </si>
  <si>
    <t>cg09597470</t>
  </si>
  <si>
    <t>cg09601175</t>
  </si>
  <si>
    <t>cg09601514</t>
  </si>
  <si>
    <t>cg09604283</t>
  </si>
  <si>
    <t>cg09605636</t>
  </si>
  <si>
    <t>cg09606208</t>
  </si>
  <si>
    <t>cg09606973</t>
  </si>
  <si>
    <t>cg09612655</t>
  </si>
  <si>
    <t>cg09613130</t>
  </si>
  <si>
    <t>cg09613747</t>
  </si>
  <si>
    <t>cg09614210</t>
  </si>
  <si>
    <t>cg09615101</t>
  </si>
  <si>
    <t>cg09615505</t>
  </si>
  <si>
    <t>cg09616117</t>
  </si>
  <si>
    <t>cg09618309</t>
  </si>
  <si>
    <t>cg09622982</t>
  </si>
  <si>
    <t>cg09623056</t>
  </si>
  <si>
    <t>cg09623986</t>
  </si>
  <si>
    <t>cg09631309</t>
  </si>
  <si>
    <t>cg09634019</t>
  </si>
  <si>
    <t>cg09636849</t>
  </si>
  <si>
    <t>cg09640202</t>
  </si>
  <si>
    <t>cg09642640</t>
  </si>
  <si>
    <t>cg09643136</t>
  </si>
  <si>
    <t>cg09643151</t>
  </si>
  <si>
    <t>cg09643312</t>
  </si>
  <si>
    <t>cg09646946</t>
  </si>
  <si>
    <t>cg09648243</t>
  </si>
  <si>
    <t>cg09649266</t>
  </si>
  <si>
    <t>cg09664216</t>
  </si>
  <si>
    <t>cg09664492</t>
  </si>
  <si>
    <t>cg09666654</t>
  </si>
  <si>
    <t>cg09666977</t>
  </si>
  <si>
    <t>cg09669874</t>
  </si>
  <si>
    <t>cg09670127</t>
  </si>
  <si>
    <t>cg09671962</t>
  </si>
  <si>
    <t>cg09672383</t>
  </si>
  <si>
    <t>cg09678035</t>
  </si>
  <si>
    <t>cg09678539</t>
  </si>
  <si>
    <t>cg09680012</t>
  </si>
  <si>
    <t>cg09681043</t>
  </si>
  <si>
    <t>cg09681977</t>
  </si>
  <si>
    <t>cg09682913</t>
  </si>
  <si>
    <t>cg09683413</t>
  </si>
  <si>
    <t>cg09686236</t>
  </si>
  <si>
    <t>cg09686333</t>
  </si>
  <si>
    <t>cg09690215</t>
  </si>
  <si>
    <t>cg09692695</t>
  </si>
  <si>
    <t>cg09692771</t>
  </si>
  <si>
    <t>cg09694782</t>
  </si>
  <si>
    <t>cg09695033</t>
  </si>
  <si>
    <t>cg09696120</t>
  </si>
  <si>
    <t>cg09699787</t>
  </si>
  <si>
    <t>cg09701000</t>
  </si>
  <si>
    <t>cg09701233</t>
  </si>
  <si>
    <t>cg09701582</t>
  </si>
  <si>
    <t>cg09704109</t>
  </si>
  <si>
    <t>cg09704217</t>
  </si>
  <si>
    <t>cg09704401</t>
  </si>
  <si>
    <t>cg09705748</t>
  </si>
  <si>
    <t>cg09708044</t>
  </si>
  <si>
    <t>cg09712683</t>
  </si>
  <si>
    <t>cg09712962</t>
  </si>
  <si>
    <t>cg09715285</t>
  </si>
  <si>
    <t>cg09717987</t>
  </si>
  <si>
    <t>cg09721047</t>
  </si>
  <si>
    <t>cg09726804</t>
  </si>
  <si>
    <t>cg09730407</t>
  </si>
  <si>
    <t>cg09734080</t>
  </si>
  <si>
    <t>cg09736239</t>
  </si>
  <si>
    <t>cg09736361</t>
  </si>
  <si>
    <t>cg09740554</t>
  </si>
  <si>
    <t>cg09741342</t>
  </si>
  <si>
    <t>cg09741917</t>
  </si>
  <si>
    <t>cg09742465</t>
  </si>
  <si>
    <t>cg09745087</t>
  </si>
  <si>
    <t>cg09747827</t>
  </si>
  <si>
    <t>cg09749703</t>
  </si>
  <si>
    <t>cg09753772</t>
  </si>
  <si>
    <t>cg09754269</t>
  </si>
  <si>
    <t>cg09755666</t>
  </si>
  <si>
    <t>cg09756855</t>
  </si>
  <si>
    <t>cg09757158</t>
  </si>
  <si>
    <t>cg09757250</t>
  </si>
  <si>
    <t>cg09757581</t>
  </si>
  <si>
    <t>cg09759808</t>
  </si>
  <si>
    <t>cg09760422</t>
  </si>
  <si>
    <t>cg09761740</t>
  </si>
  <si>
    <t>cg09762115</t>
  </si>
  <si>
    <t>cg09762752</t>
  </si>
  <si>
    <t>cg09772299</t>
  </si>
  <si>
    <t>cg09772316</t>
  </si>
  <si>
    <t>cg09774565</t>
  </si>
  <si>
    <t>cg09777256</t>
  </si>
  <si>
    <t>cg09786321</t>
  </si>
  <si>
    <t>cg09787394</t>
  </si>
  <si>
    <t>cg09803758</t>
  </si>
  <si>
    <t>cg09805055</t>
  </si>
  <si>
    <t>cg09833737</t>
  </si>
  <si>
    <t>cg09833789</t>
  </si>
  <si>
    <t>cg09835085</t>
  </si>
  <si>
    <t>cg09835801</t>
  </si>
  <si>
    <t>cg09837245</t>
  </si>
  <si>
    <t>cg09839443</t>
  </si>
  <si>
    <t>cg09842053</t>
  </si>
  <si>
    <t>cg09845946</t>
  </si>
  <si>
    <t>cg09859293</t>
  </si>
  <si>
    <t>cg09859492</t>
  </si>
  <si>
    <t>cg09862200</t>
  </si>
  <si>
    <t>cg09863248</t>
  </si>
  <si>
    <t>cg09867869</t>
  </si>
  <si>
    <t>cg09868768</t>
  </si>
  <si>
    <t>cg09887415</t>
  </si>
  <si>
    <t>cg09890200</t>
  </si>
  <si>
    <t>cg09894655</t>
  </si>
  <si>
    <t>cg09894746</t>
  </si>
  <si>
    <t>cg09897737</t>
  </si>
  <si>
    <t>cg09902029</t>
  </si>
  <si>
    <t>cg09903779</t>
  </si>
  <si>
    <t>cg09904111</t>
  </si>
  <si>
    <t>cg09905973</t>
  </si>
  <si>
    <t>cg09906382</t>
  </si>
  <si>
    <t>cg09907521</t>
  </si>
  <si>
    <t>cg09914581</t>
  </si>
  <si>
    <t>cg09916336</t>
  </si>
  <si>
    <t>cg09916783</t>
  </si>
  <si>
    <t>cg09919917</t>
  </si>
  <si>
    <t>cg09920072</t>
  </si>
  <si>
    <t>cg09924165</t>
  </si>
  <si>
    <t>cg09925014</t>
  </si>
  <si>
    <t>cg09927842</t>
  </si>
  <si>
    <t>cg09932405</t>
  </si>
  <si>
    <t>cg09935088</t>
  </si>
  <si>
    <t>cg09935994</t>
  </si>
  <si>
    <t>cg09942448</t>
  </si>
  <si>
    <t>cg09949845</t>
  </si>
  <si>
    <t>cg09959718</t>
  </si>
  <si>
    <t>cg09968620</t>
  </si>
  <si>
    <t>cg09969806</t>
  </si>
  <si>
    <t>cg09971591</t>
  </si>
  <si>
    <t>cg09976369</t>
  </si>
  <si>
    <t>cg09978735</t>
  </si>
  <si>
    <t>cg09983051</t>
  </si>
  <si>
    <t>cg09985078</t>
  </si>
  <si>
    <t>cg09985832</t>
  </si>
  <si>
    <t>cg09986894</t>
  </si>
  <si>
    <t>cg09987562</t>
  </si>
  <si>
    <t>cg09987740</t>
  </si>
  <si>
    <t>cg09987993</t>
  </si>
  <si>
    <t>cg09988805</t>
  </si>
  <si>
    <t>cg09990539</t>
  </si>
  <si>
    <t>cg09994035</t>
  </si>
  <si>
    <t>cg09995320</t>
  </si>
  <si>
    <t>cg09999348</t>
  </si>
  <si>
    <t>cg09999582</t>
  </si>
  <si>
    <t>cg10004780</t>
  </si>
  <si>
    <t>cg10005565</t>
  </si>
  <si>
    <t>cg10006582</t>
  </si>
  <si>
    <t>cg10011199</t>
  </si>
  <si>
    <t>cg10013531</t>
  </si>
  <si>
    <t>cg10014308</t>
  </si>
  <si>
    <t>cg10015830</t>
  </si>
  <si>
    <t>cg10017626</t>
  </si>
  <si>
    <t>cg10018519</t>
  </si>
  <si>
    <t>cg10018615</t>
  </si>
  <si>
    <t>cg10018933</t>
  </si>
  <si>
    <t>cg10019123</t>
  </si>
  <si>
    <t>cg10020373</t>
  </si>
  <si>
    <t>cg10025300</t>
  </si>
  <si>
    <t>cg10029130</t>
  </si>
  <si>
    <t>cg10034184</t>
  </si>
  <si>
    <t>cg10034572</t>
  </si>
  <si>
    <t>cg10034588</t>
  </si>
  <si>
    <t>cg10037068</t>
  </si>
  <si>
    <t>cg10039988</t>
  </si>
  <si>
    <t>cg10040131</t>
  </si>
  <si>
    <t>cg10041216</t>
  </si>
  <si>
    <t>cg10043663</t>
  </si>
  <si>
    <t>cg10057601</t>
  </si>
  <si>
    <t>cg10063845</t>
  </si>
  <si>
    <t>cg10066188</t>
  </si>
  <si>
    <t>cg10068996</t>
  </si>
  <si>
    <t>cg10070688</t>
  </si>
  <si>
    <t>cg10071113</t>
  </si>
  <si>
    <t>cg10071550</t>
  </si>
  <si>
    <t>cg10075819</t>
  </si>
  <si>
    <t>cg10077706</t>
  </si>
  <si>
    <t>cg10081941</t>
  </si>
  <si>
    <t>cg10083236</t>
  </si>
  <si>
    <t>cg10084110</t>
  </si>
  <si>
    <t>cg10089413</t>
  </si>
  <si>
    <t>cg10090279</t>
  </si>
  <si>
    <t>cg10091487</t>
  </si>
  <si>
    <t>cg10093934</t>
  </si>
  <si>
    <t>cg10094994</t>
  </si>
  <si>
    <t>cg10095539</t>
  </si>
  <si>
    <t>cg10098888</t>
  </si>
  <si>
    <t>cg10101143</t>
  </si>
  <si>
    <t>cg10101600</t>
  </si>
  <si>
    <t>cg10103266</t>
  </si>
  <si>
    <t>cg10104542</t>
  </si>
  <si>
    <t>cg10105699</t>
  </si>
  <si>
    <t>cg10106284</t>
  </si>
  <si>
    <t>cg10106561</t>
  </si>
  <si>
    <t>cg10107473</t>
  </si>
  <si>
    <t>cg10107725</t>
  </si>
  <si>
    <t>cg10112391</t>
  </si>
  <si>
    <t>cg10112407</t>
  </si>
  <si>
    <t>cg10114877</t>
  </si>
  <si>
    <t>cg10115387</t>
  </si>
  <si>
    <t>cg10118717</t>
  </si>
  <si>
    <t>cg10121518</t>
  </si>
  <si>
    <t>cg10124201</t>
  </si>
  <si>
    <t>cg10129041</t>
  </si>
  <si>
    <t>cg10132588</t>
  </si>
  <si>
    <t>cg10136738</t>
  </si>
  <si>
    <t>cg10138494</t>
  </si>
  <si>
    <t>cg10138970</t>
  </si>
  <si>
    <t>cg10138977</t>
  </si>
  <si>
    <t>cg10142452</t>
  </si>
  <si>
    <t>cg10146146</t>
  </si>
  <si>
    <t>cg10149296</t>
  </si>
  <si>
    <t>cg10149870</t>
  </si>
  <si>
    <t>cg10155101</t>
  </si>
  <si>
    <t>cg10157266</t>
  </si>
  <si>
    <t>cg10162251</t>
  </si>
  <si>
    <t>cg10166609</t>
  </si>
  <si>
    <t>cg10168635</t>
  </si>
  <si>
    <t>cg10173774</t>
  </si>
  <si>
    <t>cg10173787</t>
  </si>
  <si>
    <t>cg10177056</t>
  </si>
  <si>
    <t>cg10182355</t>
  </si>
  <si>
    <t>cg10184289</t>
  </si>
  <si>
    <t>cg10185638</t>
  </si>
  <si>
    <t>cg10186395</t>
  </si>
  <si>
    <t>cg10187167</t>
  </si>
  <si>
    <t>cg10189362</t>
  </si>
  <si>
    <t>cg10193763</t>
  </si>
  <si>
    <t>cg10195787</t>
  </si>
  <si>
    <t>cg10201608</t>
  </si>
  <si>
    <t>cg10203483</t>
  </si>
  <si>
    <t>cg10204868</t>
  </si>
  <si>
    <t>cg10208034</t>
  </si>
  <si>
    <t>cg10208461</t>
  </si>
  <si>
    <t>cg10208934</t>
  </si>
  <si>
    <t>cg10209223</t>
  </si>
  <si>
    <t>cg10210371</t>
  </si>
  <si>
    <t>cg10210789</t>
  </si>
  <si>
    <t>cg10215032</t>
  </si>
  <si>
    <t>cg10216414</t>
  </si>
  <si>
    <t>cg10236239</t>
  </si>
  <si>
    <t>cg10236528</t>
  </si>
  <si>
    <t>cg10239098</t>
  </si>
  <si>
    <t>cg10239941</t>
  </si>
  <si>
    <t>cg10241341</t>
  </si>
  <si>
    <t>cg10244525</t>
  </si>
  <si>
    <t>cg10252059</t>
  </si>
  <si>
    <t>cg10256255</t>
  </si>
  <si>
    <t>cg10259265</t>
  </si>
  <si>
    <t>cg10259518</t>
  </si>
  <si>
    <t>cg10259803</t>
  </si>
  <si>
    <t>cg10260334</t>
  </si>
  <si>
    <t>cg10265016</t>
  </si>
  <si>
    <t>cg10267872</t>
  </si>
  <si>
    <t>cg10271192</t>
  </si>
  <si>
    <t>cg10275183</t>
  </si>
  <si>
    <t>cg10275973</t>
  </si>
  <si>
    <t>cg10276333</t>
  </si>
  <si>
    <t>cg10276650</t>
  </si>
  <si>
    <t>cg10277146</t>
  </si>
  <si>
    <t>cg10277175</t>
  </si>
  <si>
    <t>cg10277646</t>
  </si>
  <si>
    <t>cg10278162</t>
  </si>
  <si>
    <t>cg10278318</t>
  </si>
  <si>
    <t>cg10279685</t>
  </si>
  <si>
    <t>cg10281509</t>
  </si>
  <si>
    <t>cg10282902</t>
  </si>
  <si>
    <t>cg10288578</t>
  </si>
  <si>
    <t>cg10305451</t>
  </si>
  <si>
    <t>cg10310616</t>
  </si>
  <si>
    <t>cg10317387</t>
  </si>
  <si>
    <t>cg10318080</t>
  </si>
  <si>
    <t>cg10318368</t>
  </si>
  <si>
    <t>cg10319048</t>
  </si>
  <si>
    <t>cg10319512</t>
  </si>
  <si>
    <t>cg10324116</t>
  </si>
  <si>
    <t>cg10329022</t>
  </si>
  <si>
    <t>cg10329928</t>
  </si>
  <si>
    <t>cg10331637</t>
  </si>
  <si>
    <t>cg10334385</t>
  </si>
  <si>
    <t>cg10334703</t>
  </si>
  <si>
    <t>cg10335659</t>
  </si>
  <si>
    <t>cg10353870</t>
  </si>
  <si>
    <t>cg10355623</t>
  </si>
  <si>
    <t>cg10356210</t>
  </si>
  <si>
    <t>cg10356455</t>
  </si>
  <si>
    <t>cg10363926</t>
  </si>
  <si>
    <t>cg10364945</t>
  </si>
  <si>
    <t>cg10366053</t>
  </si>
  <si>
    <t>cg10372548</t>
  </si>
  <si>
    <t>cg10373645</t>
  </si>
  <si>
    <t>cg10383839</t>
  </si>
  <si>
    <t>cg10386445</t>
  </si>
  <si>
    <t>cg10388667</t>
  </si>
  <si>
    <t>cg10389032</t>
  </si>
  <si>
    <t>cg10390177</t>
  </si>
  <si>
    <t>cg10391522</t>
  </si>
  <si>
    <t>cg10395317</t>
  </si>
  <si>
    <t>cg10396701</t>
  </si>
  <si>
    <t>cg10398455</t>
  </si>
  <si>
    <t>cg10399165</t>
  </si>
  <si>
    <t>cg10403518</t>
  </si>
  <si>
    <t>cg10403784</t>
  </si>
  <si>
    <t>cg10404010</t>
  </si>
  <si>
    <t>cg10413688</t>
  </si>
  <si>
    <t>cg10414026</t>
  </si>
  <si>
    <t>cg10421194</t>
  </si>
  <si>
    <t>cg10423227</t>
  </si>
  <si>
    <t>cg10429747</t>
  </si>
  <si>
    <t>cg10436014</t>
  </si>
  <si>
    <t>cg10446968</t>
  </si>
  <si>
    <t>cg10455413</t>
  </si>
  <si>
    <t>cg10458446</t>
  </si>
  <si>
    <t>cg10459029</t>
  </si>
  <si>
    <t>cg10459425</t>
  </si>
  <si>
    <t>cg10460001</t>
  </si>
  <si>
    <t>cg10464312</t>
  </si>
  <si>
    <t>cg10476112</t>
  </si>
  <si>
    <t>cg10477905</t>
  </si>
  <si>
    <t>cg10478199</t>
  </si>
  <si>
    <t>cg10479234</t>
  </si>
  <si>
    <t>cg10479672</t>
  </si>
  <si>
    <t>cg10480329</t>
  </si>
  <si>
    <t>cg10480506</t>
  </si>
  <si>
    <t>cg10481134</t>
  </si>
  <si>
    <t>cg10483333</t>
  </si>
  <si>
    <t>cg10491648</t>
  </si>
  <si>
    <t>cg10493506</t>
  </si>
  <si>
    <t>cg10494615</t>
  </si>
  <si>
    <t>cg10495160</t>
  </si>
  <si>
    <t>cg10496846</t>
  </si>
  <si>
    <t>cg10498097</t>
  </si>
  <si>
    <t>cg10498814</t>
  </si>
  <si>
    <t>cg10498926</t>
  </si>
  <si>
    <t>cg10500391</t>
  </si>
  <si>
    <t>cg10502303</t>
  </si>
  <si>
    <t>cg10502431</t>
  </si>
  <si>
    <t>cg10503007</t>
  </si>
  <si>
    <t>cg10504150</t>
  </si>
  <si>
    <t>cg10506212</t>
  </si>
  <si>
    <t>cg10508185</t>
  </si>
  <si>
    <t>cg10508783</t>
  </si>
  <si>
    <t>cg10515232</t>
  </si>
  <si>
    <t>cg10515948</t>
  </si>
  <si>
    <t>cg10517014</t>
  </si>
  <si>
    <t>cg10517814</t>
  </si>
  <si>
    <t>cg10521706</t>
  </si>
  <si>
    <t>cg10522607</t>
  </si>
  <si>
    <t>cg10523019</t>
  </si>
  <si>
    <t>cg10525105</t>
  </si>
  <si>
    <t>cg10530085</t>
  </si>
  <si>
    <t>cg10530164</t>
  </si>
  <si>
    <t>cg10531167</t>
  </si>
  <si>
    <t>cg10531568</t>
  </si>
  <si>
    <t>cg10534490</t>
  </si>
  <si>
    <t>cg10535143</t>
  </si>
  <si>
    <t>cg10536276</t>
  </si>
  <si>
    <t>cg10536369</t>
  </si>
  <si>
    <t>cg10536955</t>
  </si>
  <si>
    <t>cg10537176</t>
  </si>
  <si>
    <t>cg10538797</t>
  </si>
  <si>
    <t>cg10540573</t>
  </si>
  <si>
    <t>cg10540754</t>
  </si>
  <si>
    <t>cg10543450</t>
  </si>
  <si>
    <t>cg10547641</t>
  </si>
  <si>
    <t>cg10549071</t>
  </si>
  <si>
    <t>cg10550182</t>
  </si>
  <si>
    <t>cg10552446</t>
  </si>
  <si>
    <t>cg10553672</t>
  </si>
  <si>
    <t>cg10553983</t>
  </si>
  <si>
    <t>cg10556330</t>
  </si>
  <si>
    <t>cg10557312</t>
  </si>
  <si>
    <t>cg10557351</t>
  </si>
  <si>
    <t>cg10560420</t>
  </si>
  <si>
    <t>cg10561983</t>
  </si>
  <si>
    <t>cg10564013</t>
  </si>
  <si>
    <t>cg10573190</t>
  </si>
  <si>
    <t>cg10577511</t>
  </si>
  <si>
    <t>cg10577819</t>
  </si>
  <si>
    <t>cg10579530</t>
  </si>
  <si>
    <t>cg10580269</t>
  </si>
  <si>
    <t>cg10580686</t>
  </si>
  <si>
    <t>cg10582371</t>
  </si>
  <si>
    <t>cg10588340</t>
  </si>
  <si>
    <t>cg10588617</t>
  </si>
  <si>
    <t>cg10590964</t>
  </si>
  <si>
    <t>cg10591797</t>
  </si>
  <si>
    <t>cg10593047</t>
  </si>
  <si>
    <t>cg10594245</t>
  </si>
  <si>
    <t>cg10594414</t>
  </si>
  <si>
    <t>cg10600647</t>
  </si>
  <si>
    <t>cg10604002</t>
  </si>
  <si>
    <t>cg10610181</t>
  </si>
  <si>
    <t>cg10611444</t>
  </si>
  <si>
    <t>cg10617784</t>
  </si>
  <si>
    <t>cg10625533</t>
  </si>
  <si>
    <t>cg10625666</t>
  </si>
  <si>
    <t>cg10631097</t>
  </si>
  <si>
    <t>cg10633958</t>
  </si>
  <si>
    <t>cg10634136</t>
  </si>
  <si>
    <t>cg10634568</t>
  </si>
  <si>
    <t>cg10634922</t>
  </si>
  <si>
    <t>cg10635061</t>
  </si>
  <si>
    <t>cg10639428</t>
  </si>
  <si>
    <t>cg10641018</t>
  </si>
  <si>
    <t>cg10642423</t>
  </si>
  <si>
    <t>cg10646145</t>
  </si>
  <si>
    <t>cg10646491</t>
  </si>
  <si>
    <t>cg10647547</t>
  </si>
  <si>
    <t>cg10648179</t>
  </si>
  <si>
    <t>cg10651537</t>
  </si>
  <si>
    <t>cg10653297</t>
  </si>
  <si>
    <t>cg10658666</t>
  </si>
  <si>
    <t>cg10663628</t>
  </si>
  <si>
    <t>cg10664272</t>
  </si>
  <si>
    <t>cg10665960</t>
  </si>
  <si>
    <t>cg10666081</t>
  </si>
  <si>
    <t>cg10667895</t>
  </si>
  <si>
    <t>cg10672884</t>
  </si>
  <si>
    <t>cg10673467</t>
  </si>
  <si>
    <t>cg10687131</t>
  </si>
  <si>
    <t>cg10688941</t>
  </si>
  <si>
    <t>cg10692870</t>
  </si>
  <si>
    <t>cg10711022</t>
  </si>
  <si>
    <t>cg10714111</t>
  </si>
  <si>
    <t>cg10717189</t>
  </si>
  <si>
    <t>cg10717610</t>
  </si>
  <si>
    <t>cg10718991</t>
  </si>
  <si>
    <t>cg10723020</t>
  </si>
  <si>
    <t>cg10726312</t>
  </si>
  <si>
    <t>cg10736654</t>
  </si>
  <si>
    <t>cg10738041</t>
  </si>
  <si>
    <t>cg10738368</t>
  </si>
  <si>
    <t>cg10749011</t>
  </si>
  <si>
    <t>cg10752516</t>
  </si>
  <si>
    <t>cg10754341</t>
  </si>
  <si>
    <t>cg10755016</t>
  </si>
  <si>
    <t>cg10755516</t>
  </si>
  <si>
    <t>cg10756051</t>
  </si>
  <si>
    <t>cg10757065</t>
  </si>
  <si>
    <t>cg10758530</t>
  </si>
  <si>
    <t>cg10761085</t>
  </si>
  <si>
    <t>cg10766866</t>
  </si>
  <si>
    <t>cg10768548</t>
  </si>
  <si>
    <t>cg10769201</t>
  </si>
  <si>
    <t>cg10769615</t>
  </si>
  <si>
    <t>cg10773203</t>
  </si>
  <si>
    <t>cg10775488</t>
  </si>
  <si>
    <t>cg10780517</t>
  </si>
  <si>
    <t>cg10780981</t>
  </si>
  <si>
    <t>cg10800620</t>
  </si>
  <si>
    <t>cg10801607</t>
  </si>
  <si>
    <t>cg10803577</t>
  </si>
  <si>
    <t>cg10803767</t>
  </si>
  <si>
    <t>cg10809134</t>
  </si>
  <si>
    <t>cg10809282</t>
  </si>
  <si>
    <t>cg10810819</t>
  </si>
  <si>
    <t>cg10812236</t>
  </si>
  <si>
    <t>cg10813980</t>
  </si>
  <si>
    <t>cg10816903</t>
  </si>
  <si>
    <t>cg10817554</t>
  </si>
  <si>
    <t>cg10818566</t>
  </si>
  <si>
    <t>cg10819050</t>
  </si>
  <si>
    <t>cg10819244</t>
  </si>
  <si>
    <t>cg10820936</t>
  </si>
  <si>
    <t>cg10823785</t>
  </si>
  <si>
    <t>cg10824705</t>
  </si>
  <si>
    <t>cg10854158</t>
  </si>
  <si>
    <t>cg10855081</t>
  </si>
  <si>
    <t>cg10855531</t>
  </si>
  <si>
    <t>cg10858103</t>
  </si>
  <si>
    <t>cg10859358</t>
  </si>
  <si>
    <t>cg10862587</t>
  </si>
  <si>
    <t>cg10863038</t>
  </si>
  <si>
    <t>cg10866755</t>
  </si>
  <si>
    <t>cg10879722</t>
  </si>
  <si>
    <t>cg10881306</t>
  </si>
  <si>
    <t>cg10881615</t>
  </si>
  <si>
    <t>cg10881774</t>
  </si>
  <si>
    <t>cg10883621</t>
  </si>
  <si>
    <t>cg10885338</t>
  </si>
  <si>
    <t>cg10887392</t>
  </si>
  <si>
    <t>cg10888811</t>
  </si>
  <si>
    <t>cg10890199</t>
  </si>
  <si>
    <t>cg10895452</t>
  </si>
  <si>
    <t>cg10898730</t>
  </si>
  <si>
    <t>cg10899637</t>
  </si>
  <si>
    <t>cg10902340</t>
  </si>
  <si>
    <t>cg10902693</t>
  </si>
  <si>
    <t>cg10903916</t>
  </si>
  <si>
    <t>cg10906826</t>
  </si>
  <si>
    <t>cg10907356</t>
  </si>
  <si>
    <t>cg10908369</t>
  </si>
  <si>
    <t>cg10917899</t>
  </si>
  <si>
    <t>cg10926413</t>
  </si>
  <si>
    <t>cg10927449</t>
  </si>
  <si>
    <t>cg10927461</t>
  </si>
  <si>
    <t>cg10927555</t>
  </si>
  <si>
    <t>cg10927727</t>
  </si>
  <si>
    <t>cg10929210</t>
  </si>
  <si>
    <t>cg10929758</t>
  </si>
  <si>
    <t>cg10933529</t>
  </si>
  <si>
    <t>cg10934807</t>
  </si>
  <si>
    <t>cg10937776</t>
  </si>
  <si>
    <t>cg10938446</t>
  </si>
  <si>
    <t>cg10939691</t>
  </si>
  <si>
    <t>cg10939966</t>
  </si>
  <si>
    <t>cg10940914</t>
  </si>
  <si>
    <t>cg10941484</t>
  </si>
  <si>
    <t>cg10945079</t>
  </si>
  <si>
    <t>cg10945539</t>
  </si>
  <si>
    <t>cg10946295</t>
  </si>
  <si>
    <t>cg10948220</t>
  </si>
  <si>
    <t>cg10954392</t>
  </si>
  <si>
    <t>cg10957151</t>
  </si>
  <si>
    <t>cg10959651</t>
  </si>
  <si>
    <t>cg10966876</t>
  </si>
  <si>
    <t>cg10970045</t>
  </si>
  <si>
    <t>cg10973720</t>
  </si>
  <si>
    <t>cg10980911</t>
  </si>
  <si>
    <t>cg10982590</t>
  </si>
  <si>
    <t>cg10984017</t>
  </si>
  <si>
    <t>cg10984625</t>
  </si>
  <si>
    <t>cg10988164</t>
  </si>
  <si>
    <t>cg10989763</t>
  </si>
  <si>
    <t>cg10991454</t>
  </si>
  <si>
    <t>cg10994870</t>
  </si>
  <si>
    <t>cg10997718</t>
  </si>
  <si>
    <t>cg11001247</t>
  </si>
  <si>
    <t>cg11002208</t>
  </si>
  <si>
    <t>cg11002653</t>
  </si>
  <si>
    <t>cg11007406</t>
  </si>
  <si>
    <t>cg11010432</t>
  </si>
  <si>
    <t>cg11012584</t>
  </si>
  <si>
    <t>cg11014382</t>
  </si>
  <si>
    <t>cg11014740</t>
  </si>
  <si>
    <t>cg11016293</t>
  </si>
  <si>
    <t>cg11023668</t>
  </si>
  <si>
    <t>cg11024603</t>
  </si>
  <si>
    <t>cg11025743</t>
  </si>
  <si>
    <t>cg11025974</t>
  </si>
  <si>
    <t>cg11031412</t>
  </si>
  <si>
    <t>cg11031976</t>
  </si>
  <si>
    <t>cg11036279</t>
  </si>
  <si>
    <t>cg11040329</t>
  </si>
  <si>
    <t>cg11044724</t>
  </si>
  <si>
    <t>cg11046593</t>
  </si>
  <si>
    <t>cg11052081</t>
  </si>
  <si>
    <t>cg11052143</t>
  </si>
  <si>
    <t>cg11053128</t>
  </si>
  <si>
    <t>cg11056435</t>
  </si>
  <si>
    <t>cg11058366</t>
  </si>
  <si>
    <t>cg11059159</t>
  </si>
  <si>
    <t>cg11062387</t>
  </si>
  <si>
    <t>cg11063495</t>
  </si>
  <si>
    <t>cg11065518</t>
  </si>
  <si>
    <t>cg11072498</t>
  </si>
  <si>
    <t>cg11074746</t>
  </si>
  <si>
    <t>cg11074834</t>
  </si>
  <si>
    <t>cg11084611</t>
  </si>
  <si>
    <t>cg11097717</t>
  </si>
  <si>
    <t>cg11104474</t>
  </si>
  <si>
    <t>cg11107560</t>
  </si>
  <si>
    <t>cg11108060</t>
  </si>
  <si>
    <t>cg11108890</t>
  </si>
  <si>
    <t>cg11109510</t>
  </si>
  <si>
    <t>cg11109684</t>
  </si>
  <si>
    <t>cg11111214</t>
  </si>
  <si>
    <t>cg11111835</t>
  </si>
  <si>
    <t>cg11113753</t>
  </si>
  <si>
    <t>cg11114141</t>
  </si>
  <si>
    <t>cg11114487</t>
  </si>
  <si>
    <t>cg11115063</t>
  </si>
  <si>
    <t>cg11115143</t>
  </si>
  <si>
    <t>cg11117896</t>
  </si>
  <si>
    <t>cg11124652</t>
  </si>
  <si>
    <t>cg11133410</t>
  </si>
  <si>
    <t>cg11135381</t>
  </si>
  <si>
    <t>cg11142466</t>
  </si>
  <si>
    <t>cg11143063</t>
  </si>
  <si>
    <t>cg11143092</t>
  </si>
  <si>
    <t>cg11147193</t>
  </si>
  <si>
    <t>cg11148381</t>
  </si>
  <si>
    <t>cg11149930</t>
  </si>
  <si>
    <t>cg11158729</t>
  </si>
  <si>
    <t>cg11161550</t>
  </si>
  <si>
    <t>cg11169461</t>
  </si>
  <si>
    <t>cg11170044</t>
  </si>
  <si>
    <t>cg11175192</t>
  </si>
  <si>
    <t>cg11177693</t>
  </si>
  <si>
    <t>cg11197066</t>
  </si>
  <si>
    <t>cg11199399</t>
  </si>
  <si>
    <t>cg11206634</t>
  </si>
  <si>
    <t>cg11206667</t>
  </si>
  <si>
    <t>cg11213241</t>
  </si>
  <si>
    <t>cg11217840</t>
  </si>
  <si>
    <t>cg11220623</t>
  </si>
  <si>
    <t>cg11221200</t>
  </si>
  <si>
    <t>cg11222440</t>
  </si>
  <si>
    <t>cg11222933</t>
  </si>
  <si>
    <t>cg11226148</t>
  </si>
  <si>
    <t>cg11228250</t>
  </si>
  <si>
    <t>cg11231249</t>
  </si>
  <si>
    <t>cg11232947</t>
  </si>
  <si>
    <t>cg11233236</t>
  </si>
  <si>
    <t>cg11234688</t>
  </si>
  <si>
    <t>cg11236296</t>
  </si>
  <si>
    <t>cg11236727</t>
  </si>
  <si>
    <t>cg11238542</t>
  </si>
  <si>
    <t>cg11239111</t>
  </si>
  <si>
    <t>cg11239489</t>
  </si>
  <si>
    <t>cg11246222</t>
  </si>
  <si>
    <t>cg11248254</t>
  </si>
  <si>
    <t>cg11248896</t>
  </si>
  <si>
    <t>cg11249313</t>
  </si>
  <si>
    <t>cg11251086</t>
  </si>
  <si>
    <t>cg11251378</t>
  </si>
  <si>
    <t>cg11253886</t>
  </si>
  <si>
    <t>cg11269166</t>
  </si>
  <si>
    <t>cg11269254</t>
  </si>
  <si>
    <t>cg11269533</t>
  </si>
  <si>
    <t>cg11270917</t>
  </si>
  <si>
    <t>cg11271129</t>
  </si>
  <si>
    <t>cg11272200</t>
  </si>
  <si>
    <t>cg11272349</t>
  </si>
  <si>
    <t>cg11272491</t>
  </si>
  <si>
    <t>cg11273176</t>
  </si>
  <si>
    <t>cg11274940</t>
  </si>
  <si>
    <t>cg11275750</t>
  </si>
  <si>
    <t>cg11286618</t>
  </si>
  <si>
    <t>cg11292593</t>
  </si>
  <si>
    <t>cg11296405</t>
  </si>
  <si>
    <t>cg11298724</t>
  </si>
  <si>
    <t>cg11299873</t>
  </si>
  <si>
    <t>cg11300809</t>
  </si>
  <si>
    <t>cg11305121</t>
  </si>
  <si>
    <t>cg11308319</t>
  </si>
  <si>
    <t>cg11308371</t>
  </si>
  <si>
    <t>cg11309696</t>
  </si>
  <si>
    <t>cg11311289</t>
  </si>
  <si>
    <t>cg11311499</t>
  </si>
  <si>
    <t>cg11324054</t>
  </si>
  <si>
    <t>cg11324999</t>
  </si>
  <si>
    <t>cg11330941</t>
  </si>
  <si>
    <t>cg11332950</t>
  </si>
  <si>
    <t>cg11342046</t>
  </si>
  <si>
    <t>cg11343449</t>
  </si>
  <si>
    <t>cg11343941</t>
  </si>
  <si>
    <t>cg11344744</t>
  </si>
  <si>
    <t>cg11345976</t>
  </si>
  <si>
    <t>cg11346754</t>
  </si>
  <si>
    <t>cg11347730</t>
  </si>
  <si>
    <t>cg11348293</t>
  </si>
  <si>
    <t>cg11348389</t>
  </si>
  <si>
    <t>cg11349429</t>
  </si>
  <si>
    <t>cg11353300</t>
  </si>
  <si>
    <t>cg11355135</t>
  </si>
  <si>
    <t>cg11355849</t>
  </si>
  <si>
    <t>cg11355975</t>
  </si>
  <si>
    <t>cg11358114</t>
  </si>
  <si>
    <t>cg11358199</t>
  </si>
  <si>
    <t>cg11362955</t>
  </si>
  <si>
    <t>cg11369761</t>
  </si>
  <si>
    <t>cg11371394</t>
  </si>
  <si>
    <t>cg11374596</t>
  </si>
  <si>
    <t>cg11378575</t>
  </si>
  <si>
    <t>cg11378979</t>
  </si>
  <si>
    <t>cg11379337</t>
  </si>
  <si>
    <t>cg11380128</t>
  </si>
  <si>
    <t>cg11385353</t>
  </si>
  <si>
    <t>cg11385684</t>
  </si>
  <si>
    <t>cg11391828</t>
  </si>
  <si>
    <t>cg11398136</t>
  </si>
  <si>
    <t>cg11407215</t>
  </si>
  <si>
    <t>cg11410912</t>
  </si>
  <si>
    <t>cg11413862</t>
  </si>
  <si>
    <t>cg11415491</t>
  </si>
  <si>
    <t>cg11416620</t>
  </si>
  <si>
    <t>cg11419575</t>
  </si>
  <si>
    <t>cg11420827</t>
  </si>
  <si>
    <t>cg11422521</t>
  </si>
  <si>
    <t>cg11424198</t>
  </si>
  <si>
    <t>cg11426229</t>
  </si>
  <si>
    <t>cg11428546</t>
  </si>
  <si>
    <t>cg11430353</t>
  </si>
  <si>
    <t>cg11432960</t>
  </si>
  <si>
    <t>cg11447551</t>
  </si>
  <si>
    <t>cg11451506</t>
  </si>
  <si>
    <t>cg11452043</t>
  </si>
  <si>
    <t>cg11454547</t>
  </si>
  <si>
    <t>cg11455444</t>
  </si>
  <si>
    <t>cg11456513</t>
  </si>
  <si>
    <t>cg11457044</t>
  </si>
  <si>
    <t>cg11457119</t>
  </si>
  <si>
    <t>cg11462315</t>
  </si>
  <si>
    <t>cg11462499</t>
  </si>
  <si>
    <t>cg11463170</t>
  </si>
  <si>
    <t>cg11464160</t>
  </si>
  <si>
    <t>cg11464842</t>
  </si>
  <si>
    <t>cg11465769</t>
  </si>
  <si>
    <t>cg11466832</t>
  </si>
  <si>
    <t>cg11469308</t>
  </si>
  <si>
    <t>cg11469778</t>
  </si>
  <si>
    <t>cg11475332</t>
  </si>
  <si>
    <t>cg11476211</t>
  </si>
  <si>
    <t>cg11479811</t>
  </si>
  <si>
    <t>cg11483915</t>
  </si>
  <si>
    <t>cg11487967</t>
  </si>
  <si>
    <t>cg11503661</t>
  </si>
  <si>
    <t>cg11504408</t>
  </si>
  <si>
    <t>cg11508714</t>
  </si>
  <si>
    <t>cg11509669</t>
  </si>
  <si>
    <t>cg11509907</t>
  </si>
  <si>
    <t>cg11511777</t>
  </si>
  <si>
    <t>cg11513884</t>
  </si>
  <si>
    <t>cg11517928</t>
  </si>
  <si>
    <t>cg11518570</t>
  </si>
  <si>
    <t>cg11518826</t>
  </si>
  <si>
    <t>cg11523712</t>
  </si>
  <si>
    <t>cg11523905</t>
  </si>
  <si>
    <t>cg11525409</t>
  </si>
  <si>
    <t>cg11526455</t>
  </si>
  <si>
    <t>cg11528832</t>
  </si>
  <si>
    <t>cg11529787</t>
  </si>
  <si>
    <t>cg11531339</t>
  </si>
  <si>
    <t>cg11532131</t>
  </si>
  <si>
    <t>cg11533098</t>
  </si>
  <si>
    <t>cg11534215</t>
  </si>
  <si>
    <t>cg11534680</t>
  </si>
  <si>
    <t>cg11537614</t>
  </si>
  <si>
    <t>cg11539351</t>
  </si>
  <si>
    <t>cg11540534</t>
  </si>
  <si>
    <t>cg11544116</t>
  </si>
  <si>
    <t>cg11544285</t>
  </si>
  <si>
    <t>cg11545854</t>
  </si>
  <si>
    <t>cg11550064</t>
  </si>
  <si>
    <t>cg11552853</t>
  </si>
  <si>
    <t>cg11552903</t>
  </si>
  <si>
    <t>cg11555067</t>
  </si>
  <si>
    <t>cg11556846</t>
  </si>
  <si>
    <t>cg11557618</t>
  </si>
  <si>
    <t>cg11559198</t>
  </si>
  <si>
    <t>cg11564239</t>
  </si>
  <si>
    <t>cg11572675</t>
  </si>
  <si>
    <t>cg11574092</t>
  </si>
  <si>
    <t>cg11575238</t>
  </si>
  <si>
    <t>cg11575738</t>
  </si>
  <si>
    <t>cg11577355</t>
  </si>
  <si>
    <t>cg11582100</t>
  </si>
  <si>
    <t>cg11585425</t>
  </si>
  <si>
    <t>cg11588844</t>
  </si>
  <si>
    <t>cg11592230</t>
  </si>
  <si>
    <t>cg11592631</t>
  </si>
  <si>
    <t>cg11594131</t>
  </si>
  <si>
    <t>cg11599469</t>
  </si>
  <si>
    <t>cg11600596</t>
  </si>
  <si>
    <t>cg11608958</t>
  </si>
  <si>
    <t>cg11611448</t>
  </si>
  <si>
    <t>cg11612266</t>
  </si>
  <si>
    <t>cg11612905</t>
  </si>
  <si>
    <t>cg11613383</t>
  </si>
  <si>
    <t>cg11618577</t>
  </si>
  <si>
    <t>cg11626791</t>
  </si>
  <si>
    <t>cg11636504</t>
  </si>
  <si>
    <t>cg11638842</t>
  </si>
  <si>
    <t>cg11644052</t>
  </si>
  <si>
    <t>cg11646638</t>
  </si>
  <si>
    <t>cg11651106</t>
  </si>
  <si>
    <t>cg11651615</t>
  </si>
  <si>
    <t>cg11651936</t>
  </si>
  <si>
    <t>cg11652636</t>
  </si>
  <si>
    <t>cg11653134</t>
  </si>
  <si>
    <t>cg11654325</t>
  </si>
  <si>
    <t>cg11659317</t>
  </si>
  <si>
    <t>cg11659391</t>
  </si>
  <si>
    <t>cg11659942</t>
  </si>
  <si>
    <t>cg11660398</t>
  </si>
  <si>
    <t>cg11661042</t>
  </si>
  <si>
    <t>cg11664652</t>
  </si>
  <si>
    <t>cg11666343</t>
  </si>
  <si>
    <t>cg11666555</t>
  </si>
  <si>
    <t>cg11667823</t>
  </si>
  <si>
    <t>cg11668529</t>
  </si>
  <si>
    <t>cg11672879</t>
  </si>
  <si>
    <t>cg11674355</t>
  </si>
  <si>
    <t>cg11674763</t>
  </si>
  <si>
    <t>cg11677744</t>
  </si>
  <si>
    <t>cg11685162</t>
  </si>
  <si>
    <t>cg11686069</t>
  </si>
  <si>
    <t>cg11687746</t>
  </si>
  <si>
    <t>cg11690884</t>
  </si>
  <si>
    <t>cg11691189</t>
  </si>
  <si>
    <t>cg11692852</t>
  </si>
  <si>
    <t>cg11698762</t>
  </si>
  <si>
    <t>cg11703011</t>
  </si>
  <si>
    <t>cg11708690</t>
  </si>
  <si>
    <t>cg11709211</t>
  </si>
  <si>
    <t>cg11712936</t>
  </si>
  <si>
    <t>cg11713619</t>
  </si>
  <si>
    <t>cg11714752</t>
  </si>
  <si>
    <t>cg11715474</t>
  </si>
  <si>
    <t>cg11716272</t>
  </si>
  <si>
    <t>cg11718677</t>
  </si>
  <si>
    <t>cg11722376</t>
  </si>
  <si>
    <t>cg11723713</t>
  </si>
  <si>
    <t>cg11726701</t>
  </si>
  <si>
    <t>cg11728519</t>
  </si>
  <si>
    <t>cg11728867</t>
  </si>
  <si>
    <t>cg11729251</t>
  </si>
  <si>
    <t>cg11729679</t>
  </si>
  <si>
    <t>cg11731892</t>
  </si>
  <si>
    <t>cg11732925</t>
  </si>
  <si>
    <t>cg11736869</t>
  </si>
  <si>
    <t>cg11746464</t>
  </si>
  <si>
    <t>cg11749284</t>
  </si>
  <si>
    <t>cg11751613</t>
  </si>
  <si>
    <t>cg11752152</t>
  </si>
  <si>
    <t>cg11752275</t>
  </si>
  <si>
    <t>cg11752586</t>
  </si>
  <si>
    <t>cg11754318</t>
  </si>
  <si>
    <t>cg11761200</t>
  </si>
  <si>
    <t>cg11761821</t>
  </si>
  <si>
    <t>cg11762807</t>
  </si>
  <si>
    <t>cg11763458</t>
  </si>
  <si>
    <t>cg11765003</t>
  </si>
  <si>
    <t>cg11765312</t>
  </si>
  <si>
    <t>cg11774367</t>
  </si>
  <si>
    <t>cg11774850</t>
  </si>
  <si>
    <t>cg11775291</t>
  </si>
  <si>
    <t>cg11775828</t>
  </si>
  <si>
    <t>cg11778001</t>
  </si>
  <si>
    <t>cg11779362</t>
  </si>
  <si>
    <t>cg11780096</t>
  </si>
  <si>
    <t>cg11783497</t>
  </si>
  <si>
    <t>cg11784281</t>
  </si>
  <si>
    <t>cg11785176</t>
  </si>
  <si>
    <t>cg11785240</t>
  </si>
  <si>
    <t>cg11791452</t>
  </si>
  <si>
    <t>cg11792671</t>
  </si>
  <si>
    <t>cg11793168</t>
  </si>
  <si>
    <t>cg11795899</t>
  </si>
  <si>
    <t>cg11797365</t>
  </si>
  <si>
    <t>cg11806703</t>
  </si>
  <si>
    <t>cg11808423</t>
  </si>
  <si>
    <t>cg11808459</t>
  </si>
  <si>
    <t>cg11808874</t>
  </si>
  <si>
    <t>cg11810272</t>
  </si>
  <si>
    <t>cg11810888</t>
  </si>
  <si>
    <t>cg11811212</t>
  </si>
  <si>
    <t>cg11811513</t>
  </si>
  <si>
    <t>cg11811840</t>
  </si>
  <si>
    <t>cg11818193</t>
  </si>
  <si>
    <t>cg11820734</t>
  </si>
  <si>
    <t>cg11823034</t>
  </si>
  <si>
    <t>cg11827097</t>
  </si>
  <si>
    <t>cg11837864</t>
  </si>
  <si>
    <t>cg11838475</t>
  </si>
  <si>
    <t>cg11838898</t>
  </si>
  <si>
    <t>cg11840104</t>
  </si>
  <si>
    <t>cg11841231</t>
  </si>
  <si>
    <t>cg11841522</t>
  </si>
  <si>
    <t>cg11844769</t>
  </si>
  <si>
    <t>cg11852218</t>
  </si>
  <si>
    <t>cg11854777</t>
  </si>
  <si>
    <t>cg11856334</t>
  </si>
  <si>
    <t>cg11865223</t>
  </si>
  <si>
    <t>cg11866527</t>
  </si>
  <si>
    <t>cg11871813</t>
  </si>
  <si>
    <t>cg11872478</t>
  </si>
  <si>
    <t>cg11877270</t>
  </si>
  <si>
    <t>cg11878712</t>
  </si>
  <si>
    <t>cg11884792</t>
  </si>
  <si>
    <t>cg11899891</t>
  </si>
  <si>
    <t>cg11901362</t>
  </si>
  <si>
    <t>cg11902543</t>
  </si>
  <si>
    <t>cg11902554</t>
  </si>
  <si>
    <t>cg11902863</t>
  </si>
  <si>
    <t>cg11903188</t>
  </si>
  <si>
    <t>cg11905061</t>
  </si>
  <si>
    <t>cg11907102</t>
  </si>
  <si>
    <t>cg11908453</t>
  </si>
  <si>
    <t>cg11909975</t>
  </si>
  <si>
    <t>cg11912215</t>
  </si>
  <si>
    <t>cg11915205</t>
  </si>
  <si>
    <t>cg11915641</t>
  </si>
  <si>
    <t>cg11915812</t>
  </si>
  <si>
    <t>cg11918172</t>
  </si>
  <si>
    <t>cg11918450</t>
  </si>
  <si>
    <t>cg11919558</t>
  </si>
  <si>
    <t>cg11921473</t>
  </si>
  <si>
    <t>cg11921538</t>
  </si>
  <si>
    <t>cg11925066</t>
  </si>
  <si>
    <t>cg11926460</t>
  </si>
  <si>
    <t>cg11935853</t>
  </si>
  <si>
    <t>cg11938718</t>
  </si>
  <si>
    <t>cg11939193</t>
  </si>
  <si>
    <t>cg11939300</t>
  </si>
  <si>
    <t>cg11940804</t>
  </si>
  <si>
    <t>cg11942086</t>
  </si>
  <si>
    <t>cg11942181</t>
  </si>
  <si>
    <t>cg11942603</t>
  </si>
  <si>
    <t>cg11943209</t>
  </si>
  <si>
    <t>cg11945095</t>
  </si>
  <si>
    <t>cg11947960</t>
  </si>
  <si>
    <t>cg11947981</t>
  </si>
  <si>
    <t>cg11951600</t>
  </si>
  <si>
    <t>cg11952478</t>
  </si>
  <si>
    <t>cg11955344</t>
  </si>
  <si>
    <t>cg11955727</t>
  </si>
  <si>
    <t>cg11956908</t>
  </si>
  <si>
    <t>cg11957382</t>
  </si>
  <si>
    <t>cg11957777</t>
  </si>
  <si>
    <t>cg11958221</t>
  </si>
  <si>
    <t>cg11958876</t>
  </si>
  <si>
    <t>cg11961275</t>
  </si>
  <si>
    <t>cg11965409</t>
  </si>
  <si>
    <t>cg11969913</t>
  </si>
  <si>
    <t>cg11972305</t>
  </si>
  <si>
    <t>cg11980898</t>
  </si>
  <si>
    <t>cg11982293</t>
  </si>
  <si>
    <t>cg11982564</t>
  </si>
  <si>
    <t>cg11983363</t>
  </si>
  <si>
    <t>cg11984566</t>
  </si>
  <si>
    <t>cg11985116</t>
  </si>
  <si>
    <t>cg11986760</t>
  </si>
  <si>
    <t>cg11987534</t>
  </si>
  <si>
    <t>cg11988733</t>
  </si>
  <si>
    <t>cg11989407</t>
  </si>
  <si>
    <t>cg11989421</t>
  </si>
  <si>
    <t>cg11989576</t>
  </si>
  <si>
    <t>cg11991058</t>
  </si>
  <si>
    <t>cg11994229</t>
  </si>
  <si>
    <t>cg11999002</t>
  </si>
  <si>
    <t>cg11999255</t>
  </si>
  <si>
    <t>cg12001120</t>
  </si>
  <si>
    <t>cg12002119</t>
  </si>
  <si>
    <t>cg12004641</t>
  </si>
  <si>
    <t>cg12007362</t>
  </si>
  <si>
    <t>cg12009697</t>
  </si>
  <si>
    <t>cg12010413</t>
  </si>
  <si>
    <t>cg12011522</t>
  </si>
  <si>
    <t>cg12013930</t>
  </si>
  <si>
    <t>cg12014818</t>
  </si>
  <si>
    <t>cg12016039</t>
  </si>
  <si>
    <t>cg12018969</t>
  </si>
  <si>
    <t>cg12021814</t>
  </si>
  <si>
    <t>cg12026538</t>
  </si>
  <si>
    <t>cg12031375</t>
  </si>
  <si>
    <t>cg12031896</t>
  </si>
  <si>
    <t>cg12033029</t>
  </si>
  <si>
    <t>cg12035699</t>
  </si>
  <si>
    <t>cg12035782</t>
  </si>
  <si>
    <t>cg12037784</t>
  </si>
  <si>
    <t>cg12039184</t>
  </si>
  <si>
    <t>cg12039197</t>
  </si>
  <si>
    <t>cg12040278</t>
  </si>
  <si>
    <t>cg12042332</t>
  </si>
  <si>
    <t>cg12042952</t>
  </si>
  <si>
    <t>cg12043793</t>
  </si>
  <si>
    <t>cg12045030</t>
  </si>
  <si>
    <t>cg12045528</t>
  </si>
  <si>
    <t>cg12046414</t>
  </si>
  <si>
    <t>cg12046564</t>
  </si>
  <si>
    <t>cg12047086</t>
  </si>
  <si>
    <t>cg12050497</t>
  </si>
  <si>
    <t>cg12051116</t>
  </si>
  <si>
    <t>cg12052896</t>
  </si>
  <si>
    <t>cg12053532</t>
  </si>
  <si>
    <t>cg12054421</t>
  </si>
  <si>
    <t>cg12055316</t>
  </si>
  <si>
    <t>cg12055421</t>
  </si>
  <si>
    <t>cg12055459</t>
  </si>
  <si>
    <t>cg12057158</t>
  </si>
  <si>
    <t>cg12057242</t>
  </si>
  <si>
    <t>cg12072524</t>
  </si>
  <si>
    <t>cg12074182</t>
  </si>
  <si>
    <t>cg12076147</t>
  </si>
  <si>
    <t>cg12078958</t>
  </si>
  <si>
    <t>cg12079115</t>
  </si>
  <si>
    <t>cg12079904</t>
  </si>
  <si>
    <t>cg12080369</t>
  </si>
  <si>
    <t>cg12080566</t>
  </si>
  <si>
    <t>cg12080687</t>
  </si>
  <si>
    <t>cg12082609</t>
  </si>
  <si>
    <t>cg12086773</t>
  </si>
  <si>
    <t>cg12088387</t>
  </si>
  <si>
    <t>cg12092201</t>
  </si>
  <si>
    <t>cg12100344</t>
  </si>
  <si>
    <t>cg12105450</t>
  </si>
  <si>
    <t>cg12108912</t>
  </si>
  <si>
    <t>cg12109291</t>
  </si>
  <si>
    <t>cg12110911</t>
  </si>
  <si>
    <t>cg12110929</t>
  </si>
  <si>
    <t>cg12122034</t>
  </si>
  <si>
    <t>cg12126990</t>
  </si>
  <si>
    <t>cg12127282</t>
  </si>
  <si>
    <t>cg12130211</t>
  </si>
  <si>
    <t>cg12131007</t>
  </si>
  <si>
    <t>cg12140595</t>
  </si>
  <si>
    <t>cg12148775</t>
  </si>
  <si>
    <t>cg12148979</t>
  </si>
  <si>
    <t>cg12149189</t>
  </si>
  <si>
    <t>cg12156672</t>
  </si>
  <si>
    <t>cg12158889</t>
  </si>
  <si>
    <t>cg12161067</t>
  </si>
  <si>
    <t>cg12162450</t>
  </si>
  <si>
    <t>cg12162724</t>
  </si>
  <si>
    <t>cg12163952</t>
  </si>
  <si>
    <t>cg12164282</t>
  </si>
  <si>
    <t>cg12203072</t>
  </si>
  <si>
    <t>cg12209937</t>
  </si>
  <si>
    <t>cg12210305</t>
  </si>
  <si>
    <t>cg12214003</t>
  </si>
  <si>
    <t>cg12216688</t>
  </si>
  <si>
    <t>cg12218368</t>
  </si>
  <si>
    <t>cg12219134</t>
  </si>
  <si>
    <t>cg12224394</t>
  </si>
  <si>
    <t>cg12224508</t>
  </si>
  <si>
    <t>cg12227341</t>
  </si>
  <si>
    <t>cg12243333</t>
  </si>
  <si>
    <t>cg12246996</t>
  </si>
  <si>
    <t>cg12250062</t>
  </si>
  <si>
    <t>cg12250513</t>
  </si>
  <si>
    <t>cg12250807</t>
  </si>
  <si>
    <t>cg12252328</t>
  </si>
  <si>
    <t>cg12252868</t>
  </si>
  <si>
    <t>cg12256309</t>
  </si>
  <si>
    <t>cg12257439</t>
  </si>
  <si>
    <t>cg12258344</t>
  </si>
  <si>
    <t>cg12260435</t>
  </si>
  <si>
    <t>cg12266287</t>
  </si>
  <si>
    <t>cg12267107</t>
  </si>
  <si>
    <t>cg12268637</t>
  </si>
  <si>
    <t>cg12269972</t>
  </si>
  <si>
    <t>cg12270717</t>
  </si>
  <si>
    <t>cg12275370</t>
  </si>
  <si>
    <t>cg12276535</t>
  </si>
  <si>
    <t>cg12282311</t>
  </si>
  <si>
    <t>cg12283119</t>
  </si>
  <si>
    <t>cg12285409</t>
  </si>
  <si>
    <t>cg12293634</t>
  </si>
  <si>
    <t>cg12294208</t>
  </si>
  <si>
    <t>cg12298688</t>
  </si>
  <si>
    <t>cg12300939</t>
  </si>
  <si>
    <t>cg12302070</t>
  </si>
  <si>
    <t>cg12303261</t>
  </si>
  <si>
    <t>cg12308675</t>
  </si>
  <si>
    <t>cg12308746</t>
  </si>
  <si>
    <t>cg12309420</t>
  </si>
  <si>
    <t>cg12311930</t>
  </si>
  <si>
    <t>cg12312988</t>
  </si>
  <si>
    <t>cg12315466</t>
  </si>
  <si>
    <t>cg12323894</t>
  </si>
  <si>
    <t>cg12331004</t>
  </si>
  <si>
    <t>cg12332902</t>
  </si>
  <si>
    <t>cg12334247</t>
  </si>
  <si>
    <t>cg12334488</t>
  </si>
  <si>
    <t>cg12334990</t>
  </si>
  <si>
    <t>cg12340974</t>
  </si>
  <si>
    <t>cg12343591</t>
  </si>
  <si>
    <t>cg12345526</t>
  </si>
  <si>
    <t>cg12346504</t>
  </si>
  <si>
    <t>cg12346874</t>
  </si>
  <si>
    <t>cg12351433</t>
  </si>
  <si>
    <t>cg12361925</t>
  </si>
  <si>
    <t>cg12366772</t>
  </si>
  <si>
    <t>cg12367520</t>
  </si>
  <si>
    <t>cg12368169</t>
  </si>
  <si>
    <t>cg12385643</t>
  </si>
  <si>
    <t>cg12387205</t>
  </si>
  <si>
    <t>cg12388064</t>
  </si>
  <si>
    <t>cg12391643</t>
  </si>
  <si>
    <t>cg12392225</t>
  </si>
  <si>
    <t>cg12404182</t>
  </si>
  <si>
    <t>cg12405341</t>
  </si>
  <si>
    <t>cg12407784</t>
  </si>
  <si>
    <t>cg12411965</t>
  </si>
  <si>
    <t>cg12415590</t>
  </si>
  <si>
    <t>cg12417871</t>
  </si>
  <si>
    <t>cg12418535</t>
  </si>
  <si>
    <t>cg12421966</t>
  </si>
  <si>
    <t>cg12427896</t>
  </si>
  <si>
    <t>cg12429610</t>
  </si>
  <si>
    <t>cg12431299</t>
  </si>
  <si>
    <t>cg12432635</t>
  </si>
  <si>
    <t>cg12434257</t>
  </si>
  <si>
    <t>cg12437012</t>
  </si>
  <si>
    <t>cg12438392</t>
  </si>
  <si>
    <t>cg12440105</t>
  </si>
  <si>
    <t>cg12445658</t>
  </si>
  <si>
    <t>cg12447709</t>
  </si>
  <si>
    <t>cg12447832</t>
  </si>
  <si>
    <t>cg12449528</t>
  </si>
  <si>
    <t>cg12449916</t>
  </si>
  <si>
    <t>cg12452788</t>
  </si>
  <si>
    <t>cg12453288</t>
  </si>
  <si>
    <t>cg12453300</t>
  </si>
  <si>
    <t>cg12456269</t>
  </si>
  <si>
    <t>cg12458485</t>
  </si>
  <si>
    <t>cg12458932</t>
  </si>
  <si>
    <t>cg12459514</t>
  </si>
  <si>
    <t>cg12462224</t>
  </si>
  <si>
    <t>cg12462771</t>
  </si>
  <si>
    <t>cg12478290</t>
  </si>
  <si>
    <t>cg12480658</t>
  </si>
  <si>
    <t>cg12484193</t>
  </si>
  <si>
    <t>cg12485219</t>
  </si>
  <si>
    <t>cg12485794</t>
  </si>
  <si>
    <t>cg12495591</t>
  </si>
  <si>
    <t>cg12496657</t>
  </si>
  <si>
    <t>cg12498094</t>
  </si>
  <si>
    <t>cg12500949</t>
  </si>
  <si>
    <t>cg12501142</t>
  </si>
  <si>
    <t>cg12503267</t>
  </si>
  <si>
    <t>cg12503643</t>
  </si>
  <si>
    <t>cg12506373</t>
  </si>
  <si>
    <t>cg12507795</t>
  </si>
  <si>
    <t>cg12508715</t>
  </si>
  <si>
    <t>cg12511356</t>
  </si>
  <si>
    <t>cg12515366</t>
  </si>
  <si>
    <t>cg12519236</t>
  </si>
  <si>
    <t>cg12522144</t>
  </si>
  <si>
    <t>cg12525474</t>
  </si>
  <si>
    <t>cg12528229</t>
  </si>
  <si>
    <t>cg12535109</t>
  </si>
  <si>
    <t>cg12539415</t>
  </si>
  <si>
    <t>cg12542656</t>
  </si>
  <si>
    <t>cg12542933</t>
  </si>
  <si>
    <t>cg12544106</t>
  </si>
  <si>
    <t>cg12548022</t>
  </si>
  <si>
    <t>cg12554819</t>
  </si>
  <si>
    <t>cg12559827</t>
  </si>
  <si>
    <t>cg12559925</t>
  </si>
  <si>
    <t>cg12559939</t>
  </si>
  <si>
    <t>cg12561497</t>
  </si>
  <si>
    <t>cg12562660</t>
  </si>
  <si>
    <t>cg12563269</t>
  </si>
  <si>
    <t>cg12565788</t>
  </si>
  <si>
    <t>cg12567521</t>
  </si>
  <si>
    <t>cg12569835</t>
  </si>
  <si>
    <t>cg12571570</t>
  </si>
  <si>
    <t>cg12571928</t>
  </si>
  <si>
    <t>cg12573935</t>
  </si>
  <si>
    <t>cg12591323</t>
  </si>
  <si>
    <t>cg12593303</t>
  </si>
  <si>
    <t>cg12594615</t>
  </si>
  <si>
    <t>cg12595293</t>
  </si>
  <si>
    <t>cg12595461</t>
  </si>
  <si>
    <t>cg12596243</t>
  </si>
  <si>
    <t>cg12597169</t>
  </si>
  <si>
    <t>cg12598581</t>
  </si>
  <si>
    <t>cg12599569</t>
  </si>
  <si>
    <t>cg12603369</t>
  </si>
  <si>
    <t>cg12604794</t>
  </si>
  <si>
    <t>cg12606409</t>
  </si>
  <si>
    <t>cg12608132</t>
  </si>
  <si>
    <t>cg12608433</t>
  </si>
  <si>
    <t>cg12608703</t>
  </si>
  <si>
    <t>cg12611527</t>
  </si>
  <si>
    <t>cg12616434</t>
  </si>
  <si>
    <t>cg12618251</t>
  </si>
  <si>
    <t>cg12620461</t>
  </si>
  <si>
    <t>cg12624031</t>
  </si>
  <si>
    <t>cg12627071</t>
  </si>
  <si>
    <t>cg12627583</t>
  </si>
  <si>
    <t>cg12629349</t>
  </si>
  <si>
    <t>cg12629925</t>
  </si>
  <si>
    <t>cg12634591</t>
  </si>
  <si>
    <t>cg12639422</t>
  </si>
  <si>
    <t>cg12644353</t>
  </si>
  <si>
    <t>cg12645075</t>
  </si>
  <si>
    <t>cg12645858</t>
  </si>
  <si>
    <t>cg12647574</t>
  </si>
  <si>
    <t>cg12647821</t>
  </si>
  <si>
    <t>cg12649232</t>
  </si>
  <si>
    <t>cg12653796</t>
  </si>
  <si>
    <t>cg12655921</t>
  </si>
  <si>
    <t>cg12661217</t>
  </si>
  <si>
    <t>cg12666279</t>
  </si>
  <si>
    <t>cg12671030</t>
  </si>
  <si>
    <t>cg12671082</t>
  </si>
  <si>
    <t>cg12672050</t>
  </si>
  <si>
    <t>cg12678667</t>
  </si>
  <si>
    <t>cg12681727</t>
  </si>
  <si>
    <t>cg12686344</t>
  </si>
  <si>
    <t>cg12686478</t>
  </si>
  <si>
    <t>cg12699190</t>
  </si>
  <si>
    <t>cg12717533</t>
  </si>
  <si>
    <t>cg12718641</t>
  </si>
  <si>
    <t>cg12726663</t>
  </si>
  <si>
    <t>cg12726994</t>
  </si>
  <si>
    <t>cg12728240</t>
  </si>
  <si>
    <t>cg12731010</t>
  </si>
  <si>
    <t>cg12736501</t>
  </si>
  <si>
    <t>cg12737110</t>
  </si>
  <si>
    <t>cg12738764</t>
  </si>
  <si>
    <t>cg12738913</t>
  </si>
  <si>
    <t>cg12740757</t>
  </si>
  <si>
    <t>cg12742937</t>
  </si>
  <si>
    <t>cg12747657</t>
  </si>
  <si>
    <t>cg12747823</t>
  </si>
  <si>
    <t>cg12748607</t>
  </si>
  <si>
    <t>cg12748639</t>
  </si>
  <si>
    <t>cg12750378</t>
  </si>
  <si>
    <t>cg12757011</t>
  </si>
  <si>
    <t>cg12757676</t>
  </si>
  <si>
    <t>cg12761572</t>
  </si>
  <si>
    <t>cg12761732</t>
  </si>
  <si>
    <t>cg12769138</t>
  </si>
  <si>
    <t>cg12783491</t>
  </si>
  <si>
    <t>cg12784598</t>
  </si>
  <si>
    <t>cg12785228</t>
  </si>
  <si>
    <t>cg12785993</t>
  </si>
  <si>
    <t>cg12789935</t>
  </si>
  <si>
    <t>cg12791327</t>
  </si>
  <si>
    <t>cg12793681</t>
  </si>
  <si>
    <t>cg12796383</t>
  </si>
  <si>
    <t>cg12800200</t>
  </si>
  <si>
    <t>cg12800781</t>
  </si>
  <si>
    <t>cg12801256</t>
  </si>
  <si>
    <t>cg12802310</t>
  </si>
  <si>
    <t>cg12804104</t>
  </si>
  <si>
    <t>cg12805629</t>
  </si>
  <si>
    <t>cg12809766</t>
  </si>
  <si>
    <t>cg12811135</t>
  </si>
  <si>
    <t>cg12813711</t>
  </si>
  <si>
    <t>cg12813922</t>
  </si>
  <si>
    <t>cg12819781</t>
  </si>
  <si>
    <t>cg12820310</t>
  </si>
  <si>
    <t>cg12825252</t>
  </si>
  <si>
    <t>cg12832145</t>
  </si>
  <si>
    <t>cg12832449</t>
  </si>
  <si>
    <t>cg12833508</t>
  </si>
  <si>
    <t>cg12833765</t>
  </si>
  <si>
    <t>cg12834730</t>
  </si>
  <si>
    <t>cg12850242</t>
  </si>
  <si>
    <t>cg12863169</t>
  </si>
  <si>
    <t>cg12867037</t>
  </si>
  <si>
    <t>cg12885432</t>
  </si>
  <si>
    <t>cg12886676</t>
  </si>
  <si>
    <t>cg12889510</t>
  </si>
  <si>
    <t>cg12891160</t>
  </si>
  <si>
    <t>cg12896751</t>
  </si>
  <si>
    <t>cg12899842</t>
  </si>
  <si>
    <t>cg12901182</t>
  </si>
  <si>
    <t>cg12904114</t>
  </si>
  <si>
    <t>cg12905410</t>
  </si>
  <si>
    <t>cg12906859</t>
  </si>
  <si>
    <t>cg12907060</t>
  </si>
  <si>
    <t>cg12908899</t>
  </si>
  <si>
    <t>cg12909012</t>
  </si>
  <si>
    <t>cg12909060</t>
  </si>
  <si>
    <t>cg12909445</t>
  </si>
  <si>
    <t>cg12910810</t>
  </si>
  <si>
    <t>cg12910851</t>
  </si>
  <si>
    <t>cg12910906</t>
  </si>
  <si>
    <t>cg12911589</t>
  </si>
  <si>
    <t>cg12914965</t>
  </si>
  <si>
    <t>cg12915819</t>
  </si>
  <si>
    <t>cg12919006</t>
  </si>
  <si>
    <t>cg12920882</t>
  </si>
  <si>
    <t>cg12921196</t>
  </si>
  <si>
    <t>cg12923745</t>
  </si>
  <si>
    <t>cg12924525</t>
  </si>
  <si>
    <t>cg12925962</t>
  </si>
  <si>
    <t>cg12926357</t>
  </si>
  <si>
    <t>cg12927277</t>
  </si>
  <si>
    <t>cg12927730</t>
  </si>
  <si>
    <t>cg12928759</t>
  </si>
  <si>
    <t>cg12931620</t>
  </si>
  <si>
    <t>cg12937501</t>
  </si>
  <si>
    <t>cg12938020</t>
  </si>
  <si>
    <t>cg12940557</t>
  </si>
  <si>
    <t>cg12941249</t>
  </si>
  <si>
    <t>cg12942038</t>
  </si>
  <si>
    <t>cg12942932</t>
  </si>
  <si>
    <t>cg12943634</t>
  </si>
  <si>
    <t>cg12944530</t>
  </si>
  <si>
    <t>cg12948059</t>
  </si>
  <si>
    <t>cg12949431</t>
  </si>
  <si>
    <t>cg12952271</t>
  </si>
  <si>
    <t>cg12952273</t>
  </si>
  <si>
    <t>cg12964929</t>
  </si>
  <si>
    <t>cg12965426</t>
  </si>
  <si>
    <t>cg12967093</t>
  </si>
  <si>
    <t>cg12968077</t>
  </si>
  <si>
    <t>cg12972686</t>
  </si>
  <si>
    <t>cg12974733</t>
  </si>
  <si>
    <t>cg12975220</t>
  </si>
  <si>
    <t>cg12976501</t>
  </si>
  <si>
    <t>cg12982277</t>
  </si>
  <si>
    <t>cg12987799</t>
  </si>
  <si>
    <t>cg12990639</t>
  </si>
  <si>
    <t>cg12990915</t>
  </si>
  <si>
    <t>cg12999579</t>
  </si>
  <si>
    <t>cg13000082</t>
  </si>
  <si>
    <t>cg13000125</t>
  </si>
  <si>
    <t>cg13004609</t>
  </si>
  <si>
    <t>cg13007481</t>
  </si>
  <si>
    <t>cg13010161</t>
  </si>
  <si>
    <t>cg13010785</t>
  </si>
  <si>
    <t>cg13016408</t>
  </si>
  <si>
    <t>cg13016619</t>
  </si>
  <si>
    <t>cg13018278</t>
  </si>
  <si>
    <t>cg13021841</t>
  </si>
  <si>
    <t>cg13024117</t>
  </si>
  <si>
    <t>cg13028376</t>
  </si>
  <si>
    <t>cg13028481</t>
  </si>
  <si>
    <t>cg13030331</t>
  </si>
  <si>
    <t>cg13038560</t>
  </si>
  <si>
    <t>cg13041597</t>
  </si>
  <si>
    <t>cg13045045</t>
  </si>
  <si>
    <t>cg13046296</t>
  </si>
  <si>
    <t>cg13048171</t>
  </si>
  <si>
    <t>cg13048285</t>
  </si>
  <si>
    <t>cg13049247</t>
  </si>
  <si>
    <t>cg13052887</t>
  </si>
  <si>
    <t>cg13052965</t>
  </si>
  <si>
    <t>cg13053653</t>
  </si>
  <si>
    <t>cg13053817</t>
  </si>
  <si>
    <t>cg13055278</t>
  </si>
  <si>
    <t>cg13056269</t>
  </si>
  <si>
    <t>cg13061249</t>
  </si>
  <si>
    <t>cg13062396</t>
  </si>
  <si>
    <t>cg13064555</t>
  </si>
  <si>
    <t>cg13066889</t>
  </si>
  <si>
    <t>cg13076778</t>
  </si>
  <si>
    <t>cg13077340</t>
  </si>
  <si>
    <t>cg13088568</t>
  </si>
  <si>
    <t>cg13095300</t>
  </si>
  <si>
    <t>cg13097816</t>
  </si>
  <si>
    <t>cg13099839</t>
  </si>
  <si>
    <t>cg13109216</t>
  </si>
  <si>
    <t>cg13109482</t>
  </si>
  <si>
    <t>cg13111747</t>
  </si>
  <si>
    <t>cg13112407</t>
  </si>
  <si>
    <t>cg13112525</t>
  </si>
  <si>
    <t>cg13131095</t>
  </si>
  <si>
    <t>cg13134604</t>
  </si>
  <si>
    <t>cg13135455</t>
  </si>
  <si>
    <t>cg13136510</t>
  </si>
  <si>
    <t>cg13137381</t>
  </si>
  <si>
    <t>cg13137891</t>
  </si>
  <si>
    <t>cg13140943</t>
  </si>
  <si>
    <t>cg13145289</t>
  </si>
  <si>
    <t>cg13149147</t>
  </si>
  <si>
    <t>cg13149744</t>
  </si>
  <si>
    <t>cg13151361</t>
  </si>
  <si>
    <t>cg13154614</t>
  </si>
  <si>
    <t>cg13155106</t>
  </si>
  <si>
    <t>cg13156014</t>
  </si>
  <si>
    <t>cg13156207</t>
  </si>
  <si>
    <t>cg13156589</t>
  </si>
  <si>
    <t>cg13158291</t>
  </si>
  <si>
    <t>cg13158481</t>
  </si>
  <si>
    <t>cg13160874</t>
  </si>
  <si>
    <t>cg13163729</t>
  </si>
  <si>
    <t>cg13165472</t>
  </si>
  <si>
    <t>cg13165753</t>
  </si>
  <si>
    <t>cg13167052</t>
  </si>
  <si>
    <t>cg13167562</t>
  </si>
  <si>
    <t>cg13168117</t>
  </si>
  <si>
    <t>cg13168187</t>
  </si>
  <si>
    <t>cg13170076</t>
  </si>
  <si>
    <t>cg13170443</t>
  </si>
  <si>
    <t>cg13173536</t>
  </si>
  <si>
    <t>cg13173909</t>
  </si>
  <si>
    <t>cg13174083</t>
  </si>
  <si>
    <t>cg13174337</t>
  </si>
  <si>
    <t>cg13176012</t>
  </si>
  <si>
    <t>cg13180844</t>
  </si>
  <si>
    <t>cg13182541</t>
  </si>
  <si>
    <t>cg13184448</t>
  </si>
  <si>
    <t>cg13196962</t>
  </si>
  <si>
    <t>cg13204236</t>
  </si>
  <si>
    <t>cg13214504</t>
  </si>
  <si>
    <t>cg13216088</t>
  </si>
  <si>
    <t>cg13217260</t>
  </si>
  <si>
    <t>cg13217419</t>
  </si>
  <si>
    <t>cg13217590</t>
  </si>
  <si>
    <t>cg13218903</t>
  </si>
  <si>
    <t>cg13221363</t>
  </si>
  <si>
    <t>cg13226457</t>
  </si>
  <si>
    <t>cg13228576</t>
  </si>
  <si>
    <t>cg13229084</t>
  </si>
  <si>
    <t>cg13232118</t>
  </si>
  <si>
    <t>cg13232424</t>
  </si>
  <si>
    <t>cg13240332</t>
  </si>
  <si>
    <t>cg13255216</t>
  </si>
  <si>
    <t>cg13262212</t>
  </si>
  <si>
    <t>cg13263057</t>
  </si>
  <si>
    <t>cg13263576</t>
  </si>
  <si>
    <t>cg13263904</t>
  </si>
  <si>
    <t>cg13264341</t>
  </si>
  <si>
    <t>cg13265524</t>
  </si>
  <si>
    <t>cg13265607</t>
  </si>
  <si>
    <t>cg13272742</t>
  </si>
  <si>
    <t>cg13272839</t>
  </si>
  <si>
    <t>cg13273136</t>
  </si>
  <si>
    <t>cg13273610</t>
  </si>
  <si>
    <t>cg13274107</t>
  </si>
  <si>
    <t>cg13274254</t>
  </si>
  <si>
    <t>cg13277160</t>
  </si>
  <si>
    <t>cg13277337</t>
  </si>
  <si>
    <t>cg13278004</t>
  </si>
  <si>
    <t>cg13278052</t>
  </si>
  <si>
    <t>cg13278267</t>
  </si>
  <si>
    <t>cg13278833</t>
  </si>
  <si>
    <t>cg13281195</t>
  </si>
  <si>
    <t>cg13284470</t>
  </si>
  <si>
    <t>cg13284741</t>
  </si>
  <si>
    <t>cg13284981</t>
  </si>
  <si>
    <t>cg13285968</t>
  </si>
  <si>
    <t>cg13289755</t>
  </si>
  <si>
    <t>cg13289869</t>
  </si>
  <si>
    <t>cg13290163</t>
  </si>
  <si>
    <t>cg13293246</t>
  </si>
  <si>
    <t>cg13293266</t>
  </si>
  <si>
    <t>cg13293721</t>
  </si>
  <si>
    <t>cg13294084</t>
  </si>
  <si>
    <t>cg13295262</t>
  </si>
  <si>
    <t>cg13295852</t>
  </si>
  <si>
    <t>cg13298632</t>
  </si>
  <si>
    <t>cg13301733</t>
  </si>
  <si>
    <t>cg13302559</t>
  </si>
  <si>
    <t>cg13302869</t>
  </si>
  <si>
    <t>cg13312337</t>
  </si>
  <si>
    <t>cg13313498</t>
  </si>
  <si>
    <t>cg13314310</t>
  </si>
  <si>
    <t>cg13314979</t>
  </si>
  <si>
    <t>cg13315450</t>
  </si>
  <si>
    <t>cg13315471</t>
  </si>
  <si>
    <t>cg13315744</t>
  </si>
  <si>
    <t>cg13316470</t>
  </si>
  <si>
    <t>cg13317079</t>
  </si>
  <si>
    <t>cg13324934</t>
  </si>
  <si>
    <t>cg13339454</t>
  </si>
  <si>
    <t>cg13339791</t>
  </si>
  <si>
    <t>cg13339825</t>
  </si>
  <si>
    <t>cg13340085</t>
  </si>
  <si>
    <t>cg13340245</t>
  </si>
  <si>
    <t>cg13343818</t>
  </si>
  <si>
    <t>cg13346459</t>
  </si>
  <si>
    <t>cg13347044</t>
  </si>
  <si>
    <t>cg13347071</t>
  </si>
  <si>
    <t>cg13347452</t>
  </si>
  <si>
    <t>cg13349472</t>
  </si>
  <si>
    <t>cg13352256</t>
  </si>
  <si>
    <t>cg13354241</t>
  </si>
  <si>
    <t>cg13355233</t>
  </si>
  <si>
    <t>cg13355542</t>
  </si>
  <si>
    <t>cg13358873</t>
  </si>
  <si>
    <t>cg13359772</t>
  </si>
  <si>
    <t>cg13363138</t>
  </si>
  <si>
    <t>cg13367169</t>
  </si>
  <si>
    <t>cg13368480</t>
  </si>
  <si>
    <t>cg13370977</t>
  </si>
  <si>
    <t>cg13376120</t>
  </si>
  <si>
    <t>cg13376998</t>
  </si>
  <si>
    <t>cg13377839</t>
  </si>
  <si>
    <t>cg13378563</t>
  </si>
  <si>
    <t>cg13379763</t>
  </si>
  <si>
    <t>cg13381486</t>
  </si>
  <si>
    <t>cg13384498</t>
  </si>
  <si>
    <t>cg13385744</t>
  </si>
  <si>
    <t>cg13385881</t>
  </si>
  <si>
    <t>cg13388731</t>
  </si>
  <si>
    <t>cg13389684</t>
  </si>
  <si>
    <t>cg13391455</t>
  </si>
  <si>
    <t>cg13392385</t>
  </si>
  <si>
    <t>cg13393601</t>
  </si>
  <si>
    <t>cg13399714</t>
  </si>
  <si>
    <t>cg13400710</t>
  </si>
  <si>
    <t>cg13401212</t>
  </si>
  <si>
    <t>cg13406605</t>
  </si>
  <si>
    <t>cg13406797</t>
  </si>
  <si>
    <t>cg13412063</t>
  </si>
  <si>
    <t>cg13414270</t>
  </si>
  <si>
    <t>cg13414834</t>
  </si>
  <si>
    <t>cg13415850</t>
  </si>
  <si>
    <t>cg13416249</t>
  </si>
  <si>
    <t>cg13416517</t>
  </si>
  <si>
    <t>cg13419390</t>
  </si>
  <si>
    <t>cg13419986</t>
  </si>
  <si>
    <t>cg13424923</t>
  </si>
  <si>
    <t>cg13427717</t>
  </si>
  <si>
    <t>cg13427834</t>
  </si>
  <si>
    <t>cg13430552</t>
  </si>
  <si>
    <t>cg13431009</t>
  </si>
  <si>
    <t>cg13431028</t>
  </si>
  <si>
    <t>cg13433250</t>
  </si>
  <si>
    <t>cg13436799</t>
  </si>
  <si>
    <t>cg13439914</t>
  </si>
  <si>
    <t>cg13441058</t>
  </si>
  <si>
    <t>cg13443116</t>
  </si>
  <si>
    <t>cg13443385</t>
  </si>
  <si>
    <t>cg13448906</t>
  </si>
  <si>
    <t>cg13452994</t>
  </si>
  <si>
    <t>cg13460121</t>
  </si>
  <si>
    <t>cg13461192</t>
  </si>
  <si>
    <t>cg13463465</t>
  </si>
  <si>
    <t>cg13464573</t>
  </si>
  <si>
    <t>cg13465631</t>
  </si>
  <si>
    <t>cg13469320</t>
  </si>
  <si>
    <t>cg13481359</t>
  </si>
  <si>
    <t>cg13481776</t>
  </si>
  <si>
    <t>cg13482142</t>
  </si>
  <si>
    <t>cg13482326</t>
  </si>
  <si>
    <t>cg13484324</t>
  </si>
  <si>
    <t>cg13485564</t>
  </si>
  <si>
    <t>cg13486528</t>
  </si>
  <si>
    <t>cg13491317</t>
  </si>
  <si>
    <t>cg13491662</t>
  </si>
  <si>
    <t>cg13495369</t>
  </si>
  <si>
    <t>cg13496838</t>
  </si>
  <si>
    <t>cg13497301</t>
  </si>
  <si>
    <t>cg13501202</t>
  </si>
  <si>
    <t>cg13503143</t>
  </si>
  <si>
    <t>cg13504105</t>
  </si>
  <si>
    <t>cg13507506</t>
  </si>
  <si>
    <t>cg13519373</t>
  </si>
  <si>
    <t>cg13523068</t>
  </si>
  <si>
    <t>cg13525064</t>
  </si>
  <si>
    <t>cg13526756</t>
  </si>
  <si>
    <t>cg13530377</t>
  </si>
  <si>
    <t>cg13531460</t>
  </si>
  <si>
    <t>cg13531637</t>
  </si>
  <si>
    <t>cg13534954</t>
  </si>
  <si>
    <t>cg13535212</t>
  </si>
  <si>
    <t>cg13539203</t>
  </si>
  <si>
    <t>cg13547518</t>
  </si>
  <si>
    <t>cg13550311</t>
  </si>
  <si>
    <t>cg13556639</t>
  </si>
  <si>
    <t>cg13568348</t>
  </si>
  <si>
    <t>cg13571852</t>
  </si>
  <si>
    <t>cg13572145</t>
  </si>
  <si>
    <t>cg13572511</t>
  </si>
  <si>
    <t>cg13576290</t>
  </si>
  <si>
    <t>cg13579428</t>
  </si>
  <si>
    <t>cg13580336</t>
  </si>
  <si>
    <t>cg13581036</t>
  </si>
  <si>
    <t>cg13581582</t>
  </si>
  <si>
    <t>cg13582371</t>
  </si>
  <si>
    <t>cg13582542</t>
  </si>
  <si>
    <t>cg13583115</t>
  </si>
  <si>
    <t>cg13588645</t>
  </si>
  <si>
    <t>cg13591352</t>
  </si>
  <si>
    <t>cg13596085</t>
  </si>
  <si>
    <t>cg13596200</t>
  </si>
  <si>
    <t>cg13601855</t>
  </si>
  <si>
    <t>cg13602816</t>
  </si>
  <si>
    <t>cg13603203</t>
  </si>
  <si>
    <t>cg13605690</t>
  </si>
  <si>
    <t>cg13607230</t>
  </si>
  <si>
    <t>cg13608629</t>
  </si>
  <si>
    <t>cg13609973</t>
  </si>
  <si>
    <t>cg13611499</t>
  </si>
  <si>
    <t>cg13612106</t>
  </si>
  <si>
    <t>cg13613174</t>
  </si>
  <si>
    <t>cg13618372</t>
  </si>
  <si>
    <t>cg13632713</t>
  </si>
  <si>
    <t>cg13650484</t>
  </si>
  <si>
    <t>cg13650856</t>
  </si>
  <si>
    <t>cg13651908</t>
  </si>
  <si>
    <t>cg13652008</t>
  </si>
  <si>
    <t>cg13655245</t>
  </si>
  <si>
    <t>cg13657659</t>
  </si>
  <si>
    <t>cg13659542</t>
  </si>
  <si>
    <t>cg13659933</t>
  </si>
  <si>
    <t>cg13662225</t>
  </si>
  <si>
    <t>cg13663769</t>
  </si>
  <si>
    <t>cg13666267</t>
  </si>
  <si>
    <t>cg13667638</t>
  </si>
  <si>
    <t>cg13668005</t>
  </si>
  <si>
    <t>cg13681655</t>
  </si>
  <si>
    <t>cg13685329</t>
  </si>
  <si>
    <t>cg13686143</t>
  </si>
  <si>
    <t>cg13687837</t>
  </si>
  <si>
    <t>cg13690241</t>
  </si>
  <si>
    <t>cg13699558</t>
  </si>
  <si>
    <t>cg13701159</t>
  </si>
  <si>
    <t>cg13702421</t>
  </si>
  <si>
    <t>cg13703948</t>
  </si>
  <si>
    <t>cg13704086</t>
  </si>
  <si>
    <t>cg13710037</t>
  </si>
  <si>
    <t>cg13713922</t>
  </si>
  <si>
    <t>cg13716409</t>
  </si>
  <si>
    <t>cg13716566</t>
  </si>
  <si>
    <t>cg13721560</t>
  </si>
  <si>
    <t>cg13724820</t>
  </si>
  <si>
    <t>cg13725590</t>
  </si>
  <si>
    <t>cg13726814</t>
  </si>
  <si>
    <t>cg13726962</t>
  </si>
  <si>
    <t>cg13742610</t>
  </si>
  <si>
    <t>cg13744304</t>
  </si>
  <si>
    <t>cg13745525</t>
  </si>
  <si>
    <t>cg13750219</t>
  </si>
  <si>
    <t>cg13751267</t>
  </si>
  <si>
    <t>cg13756075</t>
  </si>
  <si>
    <t>cg13757409</t>
  </si>
  <si>
    <t>cg13758186</t>
  </si>
  <si>
    <t>cg13758331</t>
  </si>
  <si>
    <t>cg13765685</t>
  </si>
  <si>
    <t>cg13766043</t>
  </si>
  <si>
    <t>cg13768137</t>
  </si>
  <si>
    <t>cg13768290</t>
  </si>
  <si>
    <t>cg13774015</t>
  </si>
  <si>
    <t>cg13774987</t>
  </si>
  <si>
    <t>cg13775870</t>
  </si>
  <si>
    <t>cg13781718</t>
  </si>
  <si>
    <t>cg13782090</t>
  </si>
  <si>
    <t>cg13784237</t>
  </si>
  <si>
    <t>cg13787356</t>
  </si>
  <si>
    <t>cg13790879</t>
  </si>
  <si>
    <t>cg13795819</t>
  </si>
  <si>
    <t>cg13797580</t>
  </si>
  <si>
    <t>cg13800586</t>
  </si>
  <si>
    <t>cg13805112</t>
  </si>
  <si>
    <t>cg13805654</t>
  </si>
  <si>
    <t>cg13808011</t>
  </si>
  <si>
    <t>cg13808420</t>
  </si>
  <si>
    <t>cg13810628</t>
  </si>
  <si>
    <t>cg13810664</t>
  </si>
  <si>
    <t>cg13811808</t>
  </si>
  <si>
    <t>cg13814654</t>
  </si>
  <si>
    <t>cg13820434</t>
  </si>
  <si>
    <t>cg13820899</t>
  </si>
  <si>
    <t>cg13821433</t>
  </si>
  <si>
    <t>cg13821577</t>
  </si>
  <si>
    <t>cg13822123</t>
  </si>
  <si>
    <t>cg13833437</t>
  </si>
  <si>
    <t>cg13839964</t>
  </si>
  <si>
    <t>cg13843483</t>
  </si>
  <si>
    <t>cg13847640</t>
  </si>
  <si>
    <t>cg13847701</t>
  </si>
  <si>
    <t>cg13848379</t>
  </si>
  <si>
    <t>cg13848989</t>
  </si>
  <si>
    <t>cg13853141</t>
  </si>
  <si>
    <t>cg13853953</t>
  </si>
  <si>
    <t>cg13855674</t>
  </si>
  <si>
    <t>cg13855715</t>
  </si>
  <si>
    <t>cg13857947</t>
  </si>
  <si>
    <t>cg13858455</t>
  </si>
  <si>
    <t>cg13859511</t>
  </si>
  <si>
    <t>cg13861527</t>
  </si>
  <si>
    <t>cg13869872</t>
  </si>
  <si>
    <t>cg13874040</t>
  </si>
  <si>
    <t>cg13874838</t>
  </si>
  <si>
    <t>cg13874979</t>
  </si>
  <si>
    <t>cg13875111</t>
  </si>
  <si>
    <t>cg13876776</t>
  </si>
  <si>
    <t>cg13877260</t>
  </si>
  <si>
    <t>cg13877916</t>
  </si>
  <si>
    <t>cg13880193</t>
  </si>
  <si>
    <t>cg13884879</t>
  </si>
  <si>
    <t>cg13885320</t>
  </si>
  <si>
    <t>cg13886334</t>
  </si>
  <si>
    <t>cg13886799</t>
  </si>
  <si>
    <t>cg13888593</t>
  </si>
  <si>
    <t>cg13892514</t>
  </si>
  <si>
    <t>cg13899529</t>
  </si>
  <si>
    <t>cg13901526</t>
  </si>
  <si>
    <t>cg13903421</t>
  </si>
  <si>
    <t>cg13904006</t>
  </si>
  <si>
    <t>cg13908635</t>
  </si>
  <si>
    <t>cg13908827</t>
  </si>
  <si>
    <t>cg13910174</t>
  </si>
  <si>
    <t>cg13910990</t>
  </si>
  <si>
    <t>cg13911052</t>
  </si>
  <si>
    <t>cg13913933</t>
  </si>
  <si>
    <t>cg13915702</t>
  </si>
  <si>
    <t>cg13915892</t>
  </si>
  <si>
    <t>cg13919369</t>
  </si>
  <si>
    <t>cg13920336</t>
  </si>
  <si>
    <t>cg13920644</t>
  </si>
  <si>
    <t>cg13921570</t>
  </si>
  <si>
    <t>cg13921858</t>
  </si>
  <si>
    <t>cg13921903</t>
  </si>
  <si>
    <t>cg13922970</t>
  </si>
  <si>
    <t>cg13925895</t>
  </si>
  <si>
    <t>cg13941508</t>
  </si>
  <si>
    <t>cg13941760</t>
  </si>
  <si>
    <t>cg13942922</t>
  </si>
  <si>
    <t>cg13945301</t>
  </si>
  <si>
    <t>cg13948082</t>
  </si>
  <si>
    <t>cg13948784</t>
  </si>
  <si>
    <t>cg13948934</t>
  </si>
  <si>
    <t>cg13956932</t>
  </si>
  <si>
    <t>cg13957377</t>
  </si>
  <si>
    <t>cg13967646</t>
  </si>
  <si>
    <t>cg13971543</t>
  </si>
  <si>
    <t>cg13971574</t>
  </si>
  <si>
    <t>cg13972054</t>
  </si>
  <si>
    <t>cg13972171</t>
  </si>
  <si>
    <t>cg13973124</t>
  </si>
  <si>
    <t>cg13999106</t>
  </si>
  <si>
    <t>cg14000519</t>
  </si>
  <si>
    <t>cg14002622</t>
  </si>
  <si>
    <t>cg14003211</t>
  </si>
  <si>
    <t>cg14005611</t>
  </si>
  <si>
    <t>cg14006096</t>
  </si>
  <si>
    <t>cg14011419</t>
  </si>
  <si>
    <t>cg14012686</t>
  </si>
  <si>
    <t>cg14013195</t>
  </si>
  <si>
    <t>cg14015561</t>
  </si>
  <si>
    <t>cg14017402</t>
  </si>
  <si>
    <t>cg14021880</t>
  </si>
  <si>
    <t>cg14022057</t>
  </si>
  <si>
    <t>cg14024209</t>
  </si>
  <si>
    <t>cg14035238</t>
  </si>
  <si>
    <t>cg14037665</t>
  </si>
  <si>
    <t>cg14040868</t>
  </si>
  <si>
    <t>cg14042396</t>
  </si>
  <si>
    <t>cg14044057</t>
  </si>
  <si>
    <t>cg14044375</t>
  </si>
  <si>
    <t>cg14045814</t>
  </si>
  <si>
    <t>cg14046302</t>
  </si>
  <si>
    <t>cg14047656</t>
  </si>
  <si>
    <t>cg14051367</t>
  </si>
  <si>
    <t>cg14053828</t>
  </si>
  <si>
    <t>cg14054343</t>
  </si>
  <si>
    <t>cg14054376</t>
  </si>
  <si>
    <t>cg14055004</t>
  </si>
  <si>
    <t>cg14060020</t>
  </si>
  <si>
    <t>cg14060441</t>
  </si>
  <si>
    <t>cg14061619</t>
  </si>
  <si>
    <t>cg14061886</t>
  </si>
  <si>
    <t>cg14064356</t>
  </si>
  <si>
    <t>cg14067062</t>
  </si>
  <si>
    <t>cg14069673</t>
  </si>
  <si>
    <t>cg14070755</t>
  </si>
  <si>
    <t>cg14071307</t>
  </si>
  <si>
    <t>cg14073058</t>
  </si>
  <si>
    <t>cg14074251</t>
  </si>
  <si>
    <t>cg14080155</t>
  </si>
  <si>
    <t>cg14087209</t>
  </si>
  <si>
    <t>cg14087319</t>
  </si>
  <si>
    <t>cg14091223</t>
  </si>
  <si>
    <t>cg14093610</t>
  </si>
  <si>
    <t>cg14096415</t>
  </si>
  <si>
    <t>cg14096899</t>
  </si>
  <si>
    <t>cg14101501</t>
  </si>
  <si>
    <t>cg14101940</t>
  </si>
  <si>
    <t>cg14102437</t>
  </si>
  <si>
    <t>cg14105566</t>
  </si>
  <si>
    <t>cg14106298</t>
  </si>
  <si>
    <t>cg14107328</t>
  </si>
  <si>
    <t>cg14113035</t>
  </si>
  <si>
    <t>cg14118453</t>
  </si>
  <si>
    <t>cg14118523</t>
  </si>
  <si>
    <t>cg14118850</t>
  </si>
  <si>
    <t>cg14120088</t>
  </si>
  <si>
    <t>cg14121772</t>
  </si>
  <si>
    <t>cg14122696</t>
  </si>
  <si>
    <t>cg14123232</t>
  </si>
  <si>
    <t>cg14125542</t>
  </si>
  <si>
    <t>cg14126583</t>
  </si>
  <si>
    <t>cg14127046</t>
  </si>
  <si>
    <t>cg14127910</t>
  </si>
  <si>
    <t>cg14132916</t>
  </si>
  <si>
    <t>cg14141458</t>
  </si>
  <si>
    <t>cg14144469</t>
  </si>
  <si>
    <t>cg14148370</t>
  </si>
  <si>
    <t>cg14150199</t>
  </si>
  <si>
    <t>cg14151166</t>
  </si>
  <si>
    <t>cg14151477</t>
  </si>
  <si>
    <t>cg14155976</t>
  </si>
  <si>
    <t>cg14157048</t>
  </si>
  <si>
    <t>cg14157244</t>
  </si>
  <si>
    <t>cg14157824</t>
  </si>
  <si>
    <t>cg14158558</t>
  </si>
  <si>
    <t>cg14166053</t>
  </si>
  <si>
    <t>cg14166212</t>
  </si>
  <si>
    <t>cg14166453</t>
  </si>
  <si>
    <t>cg14166735</t>
  </si>
  <si>
    <t>cg14166832</t>
  </si>
  <si>
    <t>cg14170547</t>
  </si>
  <si>
    <t>cg14174055</t>
  </si>
  <si>
    <t>cg14174204</t>
  </si>
  <si>
    <t>cg14174946</t>
  </si>
  <si>
    <t>cg14175617</t>
  </si>
  <si>
    <t>cg14176450</t>
  </si>
  <si>
    <t>cg14182758</t>
  </si>
  <si>
    <t>cg14183864</t>
  </si>
  <si>
    <t>cg14184873</t>
  </si>
  <si>
    <t>cg14187678</t>
  </si>
  <si>
    <t>cg14189551</t>
  </si>
  <si>
    <t>cg14190674</t>
  </si>
  <si>
    <t>cg14192174</t>
  </si>
  <si>
    <t>cg14201617</t>
  </si>
  <si>
    <t>cg14207954</t>
  </si>
  <si>
    <t>cg14208133</t>
  </si>
  <si>
    <t>cg14209730</t>
  </si>
  <si>
    <t>cg14210094</t>
  </si>
  <si>
    <t>cg14210681</t>
  </si>
  <si>
    <t>cg14210694</t>
  </si>
  <si>
    <t>cg14210811</t>
  </si>
  <si>
    <t>cg14212314</t>
  </si>
  <si>
    <t>cg14212402</t>
  </si>
  <si>
    <t>cg14212447</t>
  </si>
  <si>
    <t>cg14214353</t>
  </si>
  <si>
    <t>cg14217102</t>
  </si>
  <si>
    <t>cg14221636</t>
  </si>
  <si>
    <t>cg14225021</t>
  </si>
  <si>
    <t>cg14225485</t>
  </si>
  <si>
    <t>cg14228146</t>
  </si>
  <si>
    <t>cg14229668</t>
  </si>
  <si>
    <t>cg14230647</t>
  </si>
  <si>
    <t>cg14230696</t>
  </si>
  <si>
    <t>cg14233568</t>
  </si>
  <si>
    <t>cg14236413</t>
  </si>
  <si>
    <t>cg14236524</t>
  </si>
  <si>
    <t>cg14236662</t>
  </si>
  <si>
    <t>cg14237567</t>
  </si>
  <si>
    <t>cg14239329</t>
  </si>
  <si>
    <t>cg14240490</t>
  </si>
  <si>
    <t>cg14247287</t>
  </si>
  <si>
    <t>cg14247635</t>
  </si>
  <si>
    <t>cg14254080</t>
  </si>
  <si>
    <t>cg14254480</t>
  </si>
  <si>
    <t>cg14254999</t>
  </si>
  <si>
    <t>cg14256643</t>
  </si>
  <si>
    <t>cg14258877</t>
  </si>
  <si>
    <t>cg14272706</t>
  </si>
  <si>
    <t>cg14273083</t>
  </si>
  <si>
    <t>cg14274621</t>
  </si>
  <si>
    <t>cg14274991</t>
  </si>
  <si>
    <t>cg14276025</t>
  </si>
  <si>
    <t>cg14281092</t>
  </si>
  <si>
    <t>cg14283647</t>
  </si>
  <si>
    <t>cg14287443</t>
  </si>
  <si>
    <t>cg14287603</t>
  </si>
  <si>
    <t>cg14288066</t>
  </si>
  <si>
    <t>cg14289923</t>
  </si>
  <si>
    <t>cg14290291</t>
  </si>
  <si>
    <t>cg14296255</t>
  </si>
  <si>
    <t>cg14297332</t>
  </si>
  <si>
    <t>cg14298457</t>
  </si>
  <si>
    <t>cg14299961</t>
  </si>
  <si>
    <t>cg14300636</t>
  </si>
  <si>
    <t>cg14300730</t>
  </si>
  <si>
    <t>cg14302612</t>
  </si>
  <si>
    <t>cg14302625</t>
  </si>
  <si>
    <t>cg14305763</t>
  </si>
  <si>
    <t>cg14306819</t>
  </si>
  <si>
    <t>cg14307223</t>
  </si>
  <si>
    <t>cg14311362</t>
  </si>
  <si>
    <t>cg14318093</t>
  </si>
  <si>
    <t>cg14318370</t>
  </si>
  <si>
    <t>cg14321837</t>
  </si>
  <si>
    <t>cg14325025</t>
  </si>
  <si>
    <t>cg14327359</t>
  </si>
  <si>
    <t>cg14327989</t>
  </si>
  <si>
    <t>cg14330593</t>
  </si>
  <si>
    <t>cg14339650</t>
  </si>
  <si>
    <t>cg14344110</t>
  </si>
  <si>
    <t>cg14345131</t>
  </si>
  <si>
    <t>cg14348849</t>
  </si>
  <si>
    <t>cg14349871</t>
  </si>
  <si>
    <t>cg14353516</t>
  </si>
  <si>
    <t>cg14355622</t>
  </si>
  <si>
    <t>cg14356440</t>
  </si>
  <si>
    <t>cg14357535</t>
  </si>
  <si>
    <t>cg14359606</t>
  </si>
  <si>
    <t>cg14361132</t>
  </si>
  <si>
    <t>cg14361474</t>
  </si>
  <si>
    <t>cg14361641</t>
  </si>
  <si>
    <t>cg14366939</t>
  </si>
  <si>
    <t>cg14375807</t>
  </si>
  <si>
    <t>cg14377922</t>
  </si>
  <si>
    <t>cg14382249</t>
  </si>
  <si>
    <t>cg14384416</t>
  </si>
  <si>
    <t>cg14385804</t>
  </si>
  <si>
    <t>cg14386850</t>
  </si>
  <si>
    <t>cg14387656</t>
  </si>
  <si>
    <t>cg14393114</t>
  </si>
  <si>
    <t>cg14395787</t>
  </si>
  <si>
    <t>cg14396306</t>
  </si>
  <si>
    <t>cg14398243</t>
  </si>
  <si>
    <t>cg14399060</t>
  </si>
  <si>
    <t>cg14402217</t>
  </si>
  <si>
    <t>cg14406138</t>
  </si>
  <si>
    <t>cg14406727</t>
  </si>
  <si>
    <t>cg14406878</t>
  </si>
  <si>
    <t>cg14409166</t>
  </si>
  <si>
    <t>cg14409746</t>
  </si>
  <si>
    <t>cg14410476</t>
  </si>
  <si>
    <t>cg14411804</t>
  </si>
  <si>
    <t>cg14414944</t>
  </si>
  <si>
    <t>cg14416014</t>
  </si>
  <si>
    <t>cg14418176</t>
  </si>
  <si>
    <t>cg14420123</t>
  </si>
  <si>
    <t>cg14421309</t>
  </si>
  <si>
    <t>cg14424579</t>
  </si>
  <si>
    <t>cg14425722</t>
  </si>
  <si>
    <t>cg14425914</t>
  </si>
  <si>
    <t>cg14427243</t>
  </si>
  <si>
    <t>cg14430115</t>
  </si>
  <si>
    <t>cg14435073</t>
  </si>
  <si>
    <t>cg14435444</t>
  </si>
  <si>
    <t>cg14440787</t>
  </si>
  <si>
    <t>cg14444297</t>
  </si>
  <si>
    <t>cg14446494</t>
  </si>
  <si>
    <t>cg14450238</t>
  </si>
  <si>
    <t>cg14452789</t>
  </si>
  <si>
    <t>cg14453565</t>
  </si>
  <si>
    <t>cg14453704</t>
  </si>
  <si>
    <t>cg14454907</t>
  </si>
  <si>
    <t>cg14455925</t>
  </si>
  <si>
    <t>cg14458575</t>
  </si>
  <si>
    <t>cg14459420</t>
  </si>
  <si>
    <t>cg14459716</t>
  </si>
  <si>
    <t>cg14461650</t>
  </si>
  <si>
    <t>cg14464052</t>
  </si>
  <si>
    <t>cg14471560</t>
  </si>
  <si>
    <t>cg14478422</t>
  </si>
  <si>
    <t>cg14478610</t>
  </si>
  <si>
    <t>cg14482595</t>
  </si>
  <si>
    <t>cg14485214</t>
  </si>
  <si>
    <t>cg14486346</t>
  </si>
  <si>
    <t>cg14486905</t>
  </si>
  <si>
    <t>cg14489933</t>
  </si>
  <si>
    <t>cg14494451</t>
  </si>
  <si>
    <t>cg14497869</t>
  </si>
  <si>
    <t>cg14499385</t>
  </si>
  <si>
    <t>cg14502659</t>
  </si>
  <si>
    <t>cg14508405</t>
  </si>
  <si>
    <t>cg14512425</t>
  </si>
  <si>
    <t>cg14513781</t>
  </si>
  <si>
    <t>cg14526688</t>
  </si>
  <si>
    <t>cg14528537</t>
  </si>
  <si>
    <t>cg14537639</t>
  </si>
  <si>
    <t>cg14537825</t>
  </si>
  <si>
    <t>cg14538944</t>
  </si>
  <si>
    <t>cg14545305</t>
  </si>
  <si>
    <t>cg14546466</t>
  </si>
  <si>
    <t>cg14552010</t>
  </si>
  <si>
    <t>cg14552376</t>
  </si>
  <si>
    <t>cg14552508</t>
  </si>
  <si>
    <t>cg14553243</t>
  </si>
  <si>
    <t>cg14553549</t>
  </si>
  <si>
    <t>cg14554519</t>
  </si>
  <si>
    <t>cg14556391</t>
  </si>
  <si>
    <t>cg14557487</t>
  </si>
  <si>
    <t>cg14557510</t>
  </si>
  <si>
    <t>cg14558812</t>
  </si>
  <si>
    <t>cg14559259</t>
  </si>
  <si>
    <t>cg14566801</t>
  </si>
  <si>
    <t>cg14569415</t>
  </si>
  <si>
    <t>cg14573099</t>
  </si>
  <si>
    <t>cg14574037</t>
  </si>
  <si>
    <t>cg14575255</t>
  </si>
  <si>
    <t>cg14575484</t>
  </si>
  <si>
    <t>cg14576681</t>
  </si>
  <si>
    <t>cg14577670</t>
  </si>
  <si>
    <t>cg14580982</t>
  </si>
  <si>
    <t>cg14583675</t>
  </si>
  <si>
    <t>cg14584448</t>
  </si>
  <si>
    <t>cg14585611</t>
  </si>
  <si>
    <t>cg14591854</t>
  </si>
  <si>
    <t>cg14592092</t>
  </si>
  <si>
    <t>cg14595617</t>
  </si>
  <si>
    <t>cg14595915</t>
  </si>
  <si>
    <t>cg14597586</t>
  </si>
  <si>
    <t>cg14601444</t>
  </si>
  <si>
    <t>cg14601560</t>
  </si>
  <si>
    <t>cg14604681</t>
  </si>
  <si>
    <t>cg14604871</t>
  </si>
  <si>
    <t>cg14606286</t>
  </si>
  <si>
    <t>cg14606431</t>
  </si>
  <si>
    <t>cg14612417</t>
  </si>
  <si>
    <t>cg14613979</t>
  </si>
  <si>
    <t>cg14628889</t>
  </si>
  <si>
    <t>cg14628982</t>
  </si>
  <si>
    <t>cg14629348</t>
  </si>
  <si>
    <t>cg14630357</t>
  </si>
  <si>
    <t>cg14630361</t>
  </si>
  <si>
    <t>cg14634842</t>
  </si>
  <si>
    <t>cg14635303</t>
  </si>
  <si>
    <t>cg14637553</t>
  </si>
  <si>
    <t>cg14638209</t>
  </si>
  <si>
    <t>cg14638272</t>
  </si>
  <si>
    <t>cg14639163</t>
  </si>
  <si>
    <t>cg14644898</t>
  </si>
  <si>
    <t>cg14645545</t>
  </si>
  <si>
    <t>cg14646075</t>
  </si>
  <si>
    <t>cg14649965</t>
  </si>
  <si>
    <t>cg14651742</t>
  </si>
  <si>
    <t>cg14652549</t>
  </si>
  <si>
    <t>cg14653043</t>
  </si>
  <si>
    <t>cg14654773</t>
  </si>
  <si>
    <t>cg14655837</t>
  </si>
  <si>
    <t>cg14657532</t>
  </si>
  <si>
    <t>cg14659606</t>
  </si>
  <si>
    <t>cg14659978</t>
  </si>
  <si>
    <t>cg14662379</t>
  </si>
  <si>
    <t>cg14663177</t>
  </si>
  <si>
    <t>cg14663607</t>
  </si>
  <si>
    <t>cg14664302</t>
  </si>
  <si>
    <t>cg14665028</t>
  </si>
  <si>
    <t>cg14665951</t>
  </si>
  <si>
    <t>cg14667175</t>
  </si>
  <si>
    <t>cg14667406</t>
  </si>
  <si>
    <t>cg14670266</t>
  </si>
  <si>
    <t>cg14670435</t>
  </si>
  <si>
    <t>cg14671000</t>
  </si>
  <si>
    <t>cg14672622</t>
  </si>
  <si>
    <t>cg14674720</t>
  </si>
  <si>
    <t>cg14675881</t>
  </si>
  <si>
    <t>cg14675963</t>
  </si>
  <si>
    <t>cg14684854</t>
  </si>
  <si>
    <t>cg14685946</t>
  </si>
  <si>
    <t>cg14686012</t>
  </si>
  <si>
    <t>cg14686555</t>
  </si>
  <si>
    <t>cg14687660</t>
  </si>
  <si>
    <t>cg14687949</t>
  </si>
  <si>
    <t>cg14689355</t>
  </si>
  <si>
    <t>cg14691596</t>
  </si>
  <si>
    <t>cg14692453</t>
  </si>
  <si>
    <t>cg14692768</t>
  </si>
  <si>
    <t>cg14693391</t>
  </si>
  <si>
    <t>cg14694441</t>
  </si>
  <si>
    <t>cg14706575</t>
  </si>
  <si>
    <t>cg14707638</t>
  </si>
  <si>
    <t>cg14709239</t>
  </si>
  <si>
    <t>cg14709837</t>
  </si>
  <si>
    <t>cg14710529</t>
  </si>
  <si>
    <t>cg14714922</t>
  </si>
  <si>
    <t>cg14716323</t>
  </si>
  <si>
    <t>cg14718065</t>
  </si>
  <si>
    <t>cg14718170</t>
  </si>
  <si>
    <t>cg14730449</t>
  </si>
  <si>
    <t>cg14731570</t>
  </si>
  <si>
    <t>cg14734529</t>
  </si>
  <si>
    <t>cg14734994</t>
  </si>
  <si>
    <t>cg14735242</t>
  </si>
  <si>
    <t>cg14736172</t>
  </si>
  <si>
    <t>cg14737125</t>
  </si>
  <si>
    <t>cg14755699</t>
  </si>
  <si>
    <t>cg14756878</t>
  </si>
  <si>
    <t>cg14756999</t>
  </si>
  <si>
    <t>cg14758072</t>
  </si>
  <si>
    <t>cg14758976</t>
  </si>
  <si>
    <t>cg14760355</t>
  </si>
  <si>
    <t>cg14762973</t>
  </si>
  <si>
    <t>cg14766148</t>
  </si>
  <si>
    <t>cg14768164</t>
  </si>
  <si>
    <t>cg14769962</t>
  </si>
  <si>
    <t>cg14771658</t>
  </si>
  <si>
    <t>cg14772458</t>
  </si>
  <si>
    <t>cg14775207</t>
  </si>
  <si>
    <t>cg14776201</t>
  </si>
  <si>
    <t>cg14778622</t>
  </si>
  <si>
    <t>cg14780600</t>
  </si>
  <si>
    <t>cg14784820</t>
  </si>
  <si>
    <t>cg14789259</t>
  </si>
  <si>
    <t>cg14789551</t>
  </si>
  <si>
    <t>cg14793844</t>
  </si>
  <si>
    <t>cg14793891</t>
  </si>
  <si>
    <t>cg14794133</t>
  </si>
  <si>
    <t>cg14794350</t>
  </si>
  <si>
    <t>cg14794655</t>
  </si>
  <si>
    <t>cg14795968</t>
  </si>
  <si>
    <t>cg14800197</t>
  </si>
  <si>
    <t>cg14802742</t>
  </si>
  <si>
    <t>cg14802771</t>
  </si>
  <si>
    <t>cg14804903</t>
  </si>
  <si>
    <t>cg14805932</t>
  </si>
  <si>
    <t>cg14806288</t>
  </si>
  <si>
    <t>cg14807945</t>
  </si>
  <si>
    <t>cg14811030</t>
  </si>
  <si>
    <t>cg14811105</t>
  </si>
  <si>
    <t>cg14811872</t>
  </si>
  <si>
    <t>cg14812448</t>
  </si>
  <si>
    <t>cg14813458</t>
  </si>
  <si>
    <t>cg14813485</t>
  </si>
  <si>
    <t>cg14817906</t>
  </si>
  <si>
    <t>cg14820213</t>
  </si>
  <si>
    <t>cg14820415</t>
  </si>
  <si>
    <t>cg14825372</t>
  </si>
  <si>
    <t>cg14831838</t>
  </si>
  <si>
    <t>cg14832358</t>
  </si>
  <si>
    <t>cg14836450</t>
  </si>
  <si>
    <t>cg14837955</t>
  </si>
  <si>
    <t>cg14838801</t>
  </si>
  <si>
    <t>cg14840416</t>
  </si>
  <si>
    <t>cg14842376</t>
  </si>
  <si>
    <t>cg14843496</t>
  </si>
  <si>
    <t>cg14844194</t>
  </si>
  <si>
    <t>cg14845812</t>
  </si>
  <si>
    <t>cg14849262</t>
  </si>
  <si>
    <t>cg14849556</t>
  </si>
  <si>
    <t>cg14851742</t>
  </si>
  <si>
    <t>cg14852394</t>
  </si>
  <si>
    <t>cg14853771</t>
  </si>
  <si>
    <t>cg14853772</t>
  </si>
  <si>
    <t>cg14865868</t>
  </si>
  <si>
    <t>cg14868994</t>
  </si>
  <si>
    <t>cg14869721</t>
  </si>
  <si>
    <t>cg14873739</t>
  </si>
  <si>
    <t>cg14875081</t>
  </si>
  <si>
    <t>cg14877755</t>
  </si>
  <si>
    <t>cg14878009</t>
  </si>
  <si>
    <t>cg14878852</t>
  </si>
  <si>
    <t>cg14880257</t>
  </si>
  <si>
    <t>cg14883980</t>
  </si>
  <si>
    <t>cg14895876</t>
  </si>
  <si>
    <t>cg14899547</t>
  </si>
  <si>
    <t>cg14900124</t>
  </si>
  <si>
    <t>cg14901920</t>
  </si>
  <si>
    <t>cg14902204</t>
  </si>
  <si>
    <t>cg14903707</t>
  </si>
  <si>
    <t>cg14905577</t>
  </si>
  <si>
    <t>cg14909250</t>
  </si>
  <si>
    <t>cg14910406</t>
  </si>
  <si>
    <t>cg14910854</t>
  </si>
  <si>
    <t>cg14912644</t>
  </si>
  <si>
    <t>cg14912896</t>
  </si>
  <si>
    <t>cg14915462</t>
  </si>
  <si>
    <t>cg14917100</t>
  </si>
  <si>
    <t>cg14918442</t>
  </si>
  <si>
    <t>cg14918548</t>
  </si>
  <si>
    <t>cg14919082</t>
  </si>
  <si>
    <t>cg14923435</t>
  </si>
  <si>
    <t>cg14925328</t>
  </si>
  <si>
    <t>cg14926093</t>
  </si>
  <si>
    <t>cg14927712</t>
  </si>
  <si>
    <t>cg14929421</t>
  </si>
  <si>
    <t>cg14930396</t>
  </si>
  <si>
    <t>cg14930754</t>
  </si>
  <si>
    <t>cg14931348</t>
  </si>
  <si>
    <t>cg14932133</t>
  </si>
  <si>
    <t>cg14932468</t>
  </si>
  <si>
    <t>cg14932645</t>
  </si>
  <si>
    <t>cg14934533</t>
  </si>
  <si>
    <t>cg14940165</t>
  </si>
  <si>
    <t>cg14941457</t>
  </si>
  <si>
    <t>cg14943749</t>
  </si>
  <si>
    <t>cg14947846</t>
  </si>
  <si>
    <t>cg14948230</t>
  </si>
  <si>
    <t>cg14950303</t>
  </si>
  <si>
    <t>cg14951734</t>
  </si>
  <si>
    <t>cg14951953</t>
  </si>
  <si>
    <t>cg14957841</t>
  </si>
  <si>
    <t>cg14958017</t>
  </si>
  <si>
    <t>cg14958154</t>
  </si>
  <si>
    <t>cg14962548</t>
  </si>
  <si>
    <t>cg14966174</t>
  </si>
  <si>
    <t>cg14966782</t>
  </si>
  <si>
    <t>cg14973797</t>
  </si>
  <si>
    <t>cg14974056</t>
  </si>
  <si>
    <t>cg14974782</t>
  </si>
  <si>
    <t>cg14975429</t>
  </si>
  <si>
    <t>cg14975547</t>
  </si>
  <si>
    <t>cg14984257</t>
  </si>
  <si>
    <t>cg14985606</t>
  </si>
  <si>
    <t>cg14986476</t>
  </si>
  <si>
    <t>cg14987112</t>
  </si>
  <si>
    <t>cg14987309</t>
  </si>
  <si>
    <t>cg14987534</t>
  </si>
  <si>
    <t>cg14987769</t>
  </si>
  <si>
    <t>cg14987922</t>
  </si>
  <si>
    <t>cg14988214</t>
  </si>
  <si>
    <t>cg14991487</t>
  </si>
  <si>
    <t>cg14993140</t>
  </si>
  <si>
    <t>cg14994404</t>
  </si>
  <si>
    <t>cg14996143</t>
  </si>
  <si>
    <t>cg14998651</t>
  </si>
  <si>
    <t>cg15001131</t>
  </si>
  <si>
    <t>cg15002163</t>
  </si>
  <si>
    <t>cg15002250</t>
  </si>
  <si>
    <t>cg15004389</t>
  </si>
  <si>
    <t>cg15006748</t>
  </si>
  <si>
    <t>cg15014006</t>
  </si>
  <si>
    <t>cg15017156</t>
  </si>
  <si>
    <t>cg15021224</t>
  </si>
  <si>
    <t>cg15021439</t>
  </si>
  <si>
    <t>cg15021525</t>
  </si>
  <si>
    <t>cg15022671</t>
  </si>
  <si>
    <t>cg15023006</t>
  </si>
  <si>
    <t>cg15024130</t>
  </si>
  <si>
    <t>cg15025248</t>
  </si>
  <si>
    <t>cg15026998</t>
  </si>
  <si>
    <t>cg15028047</t>
  </si>
  <si>
    <t>cg15034300</t>
  </si>
  <si>
    <t>cg15035324</t>
  </si>
  <si>
    <t>cg15039182</t>
  </si>
  <si>
    <t>cg15044760</t>
  </si>
  <si>
    <t>cg15049402</t>
  </si>
  <si>
    <t>cg15052330</t>
  </si>
  <si>
    <t>cg15053019</t>
  </si>
  <si>
    <t>cg15054972</t>
  </si>
  <si>
    <t>cg15055128</t>
  </si>
  <si>
    <t>cg15056205</t>
  </si>
  <si>
    <t>cg15056288</t>
  </si>
  <si>
    <t>cg15057440</t>
  </si>
  <si>
    <t>cg15058210</t>
  </si>
  <si>
    <t>cg15058605</t>
  </si>
  <si>
    <t>cg15059639</t>
  </si>
  <si>
    <t>cg15060270</t>
  </si>
  <si>
    <t>cg15060346</t>
  </si>
  <si>
    <t>cg15062470</t>
  </si>
  <si>
    <t>cg15064873</t>
  </si>
  <si>
    <t>cg15065627</t>
  </si>
  <si>
    <t>cg15066463</t>
  </si>
  <si>
    <t>cg15066967</t>
  </si>
  <si>
    <t>cg15068641</t>
  </si>
  <si>
    <t>cg15073625</t>
  </si>
  <si>
    <t>cg15074047</t>
  </si>
  <si>
    <t>cg15077643</t>
  </si>
  <si>
    <t>cg15079981</t>
  </si>
  <si>
    <t>cg15089219</t>
  </si>
  <si>
    <t>cg15096140</t>
  </si>
  <si>
    <t>cg15099037</t>
  </si>
  <si>
    <t>cg15102473</t>
  </si>
  <si>
    <t>cg15106082</t>
  </si>
  <si>
    <t>cg15111330</t>
  </si>
  <si>
    <t>cg15111360</t>
  </si>
  <si>
    <t>cg15112747</t>
  </si>
  <si>
    <t>cg15114522</t>
  </si>
  <si>
    <t>cg15118503</t>
  </si>
  <si>
    <t>cg15122966</t>
  </si>
  <si>
    <t>cg15123104</t>
  </si>
  <si>
    <t>cg15123428</t>
  </si>
  <si>
    <t>cg15123519</t>
  </si>
  <si>
    <t>cg15125981</t>
  </si>
  <si>
    <t>cg15127613</t>
  </si>
  <si>
    <t>cg15127661</t>
  </si>
  <si>
    <t>cg15128555</t>
  </si>
  <si>
    <t>cg15131282</t>
  </si>
  <si>
    <t>cg15133265</t>
  </si>
  <si>
    <t>cg15133540</t>
  </si>
  <si>
    <t>cg15133719</t>
  </si>
  <si>
    <t>cg15136850</t>
  </si>
  <si>
    <t>cg15138396</t>
  </si>
  <si>
    <t>cg15139182</t>
  </si>
  <si>
    <t>cg15141204</t>
  </si>
  <si>
    <t>cg15142485</t>
  </si>
  <si>
    <t>cg15144453</t>
  </si>
  <si>
    <t>cg15144697</t>
  </si>
  <si>
    <t>cg15144793</t>
  </si>
  <si>
    <t>cg15145873</t>
  </si>
  <si>
    <t>cg15146122</t>
  </si>
  <si>
    <t>cg15146125</t>
  </si>
  <si>
    <t>cg15150064</t>
  </si>
  <si>
    <t>cg15150970</t>
  </si>
  <si>
    <t>cg15153175</t>
  </si>
  <si>
    <t>cg15156469</t>
  </si>
  <si>
    <t>cg15160524</t>
  </si>
  <si>
    <t>cg15161171</t>
  </si>
  <si>
    <t>cg15161785</t>
  </si>
  <si>
    <t>cg15164180</t>
  </si>
  <si>
    <t>cg15170715</t>
  </si>
  <si>
    <t>cg15172484</t>
  </si>
  <si>
    <t>cg15174552</t>
  </si>
  <si>
    <t>cg15175143</t>
  </si>
  <si>
    <t>cg15176895</t>
  </si>
  <si>
    <t>cg15177003</t>
  </si>
  <si>
    <t>cg15177195</t>
  </si>
  <si>
    <t>cg15195538</t>
  </si>
  <si>
    <t>cg15196820</t>
  </si>
  <si>
    <t>cg15228671</t>
  </si>
  <si>
    <t>cg15233681</t>
  </si>
  <si>
    <t>cg15235832</t>
  </si>
  <si>
    <t>cg15236866</t>
  </si>
  <si>
    <t>cg15237047</t>
  </si>
  <si>
    <t>cg15237857</t>
  </si>
  <si>
    <t>cg15240455</t>
  </si>
  <si>
    <t>cg15241316</t>
  </si>
  <si>
    <t>cg15241758</t>
  </si>
  <si>
    <t>cg15242330</t>
  </si>
  <si>
    <t>cg15243454</t>
  </si>
  <si>
    <t>cg15243721</t>
  </si>
  <si>
    <t>cg15248979</t>
  </si>
  <si>
    <t>cg15250797</t>
  </si>
  <si>
    <t>cg15253243</t>
  </si>
  <si>
    <t>cg15253672</t>
  </si>
  <si>
    <t>cg15254786</t>
  </si>
  <si>
    <t>cg15259060</t>
  </si>
  <si>
    <t>cg15259986</t>
  </si>
  <si>
    <t>cg15261462</t>
  </si>
  <si>
    <t>cg15262336</t>
  </si>
  <si>
    <t>cg15270150</t>
  </si>
  <si>
    <t>cg15278948</t>
  </si>
  <si>
    <t>cg15291170</t>
  </si>
  <si>
    <t>cg15295253</t>
  </si>
  <si>
    <t>cg15296858</t>
  </si>
  <si>
    <t>cg15297650</t>
  </si>
  <si>
    <t>cg15298594</t>
  </si>
  <si>
    <t>cg15299997</t>
  </si>
  <si>
    <t>cg15302376</t>
  </si>
  <si>
    <t>cg15305732</t>
  </si>
  <si>
    <t>cg15310568</t>
  </si>
  <si>
    <t>cg15312261</t>
  </si>
  <si>
    <t>cg15326297</t>
  </si>
  <si>
    <t>cg15328328</t>
  </si>
  <si>
    <t>cg15336686</t>
  </si>
  <si>
    <t>cg15339720</t>
  </si>
  <si>
    <t>cg15340640</t>
  </si>
  <si>
    <t>cg15344192</t>
  </si>
  <si>
    <t>cg15348839</t>
  </si>
  <si>
    <t>cg15350455</t>
  </si>
  <si>
    <t>cg15353418</t>
  </si>
  <si>
    <t>cg15353597</t>
  </si>
  <si>
    <t>cg15355118</t>
  </si>
  <si>
    <t>cg15355967</t>
  </si>
  <si>
    <t>cg15359180</t>
  </si>
  <si>
    <t>cg15360478</t>
  </si>
  <si>
    <t>cg15361661</t>
  </si>
  <si>
    <t>cg15365426</t>
  </si>
  <si>
    <t>cg15366555</t>
  </si>
  <si>
    <t>cg15367150</t>
  </si>
  <si>
    <t>cg15369144</t>
  </si>
  <si>
    <t>cg15371418</t>
  </si>
  <si>
    <t>cg15375488</t>
  </si>
  <si>
    <t>cg15377586</t>
  </si>
  <si>
    <t>cg15380473</t>
  </si>
  <si>
    <t>cg15391491</t>
  </si>
  <si>
    <t>cg15393275</t>
  </si>
  <si>
    <t>cg15398497</t>
  </si>
  <si>
    <t>cg15403517</t>
  </si>
  <si>
    <t>cg15408734</t>
  </si>
  <si>
    <t>cg15412446</t>
  </si>
  <si>
    <t>cg15415160</t>
  </si>
  <si>
    <t>cg15415787</t>
  </si>
  <si>
    <t>cg15438506</t>
  </si>
  <si>
    <t>cg15440661</t>
  </si>
  <si>
    <t>cg15440868</t>
  </si>
  <si>
    <t>cg15442811</t>
  </si>
  <si>
    <t>cg15447669</t>
  </si>
  <si>
    <t>cg15448372</t>
  </si>
  <si>
    <t>cg15457217</t>
  </si>
  <si>
    <t>cg15471519</t>
  </si>
  <si>
    <t>cg15473092</t>
  </si>
  <si>
    <t>cg15474859</t>
  </si>
  <si>
    <t>cg15476790</t>
  </si>
  <si>
    <t>cg15477048</t>
  </si>
  <si>
    <t>cg15477363</t>
  </si>
  <si>
    <t>cg15478930</t>
  </si>
  <si>
    <t>cg15488963</t>
  </si>
  <si>
    <t>cg15489196</t>
  </si>
  <si>
    <t>cg15496063</t>
  </si>
  <si>
    <t>cg15506477</t>
  </si>
  <si>
    <t>cg15508401</t>
  </si>
  <si>
    <t>cg15515320</t>
  </si>
  <si>
    <t>cg15517836</t>
  </si>
  <si>
    <t>cg15520279</t>
  </si>
  <si>
    <t>cg15522719</t>
  </si>
  <si>
    <t>cg15523958</t>
  </si>
  <si>
    <t>cg15540144</t>
  </si>
  <si>
    <t>cg15541040</t>
  </si>
  <si>
    <t>cg15545942</t>
  </si>
  <si>
    <t>cg15546353</t>
  </si>
  <si>
    <t>cg15550136</t>
  </si>
  <si>
    <t>cg15550398</t>
  </si>
  <si>
    <t>cg15552493</t>
  </si>
  <si>
    <t>cg15553342</t>
  </si>
  <si>
    <t>cg15554875</t>
  </si>
  <si>
    <t>cg15555875</t>
  </si>
  <si>
    <t>cg15556558</t>
  </si>
  <si>
    <t>cg15566222</t>
  </si>
  <si>
    <t>cg15577126</t>
  </si>
  <si>
    <t>cg15577373</t>
  </si>
  <si>
    <t>cg15581269</t>
  </si>
  <si>
    <t>cg15582376</t>
  </si>
  <si>
    <t>cg15584070</t>
  </si>
  <si>
    <t>cg15584401</t>
  </si>
  <si>
    <t>cg15584989</t>
  </si>
  <si>
    <t>cg15586679</t>
  </si>
  <si>
    <t>cg15587603</t>
  </si>
  <si>
    <t>cg15589126</t>
  </si>
  <si>
    <t>cg15597770</t>
  </si>
  <si>
    <t>cg15602548</t>
  </si>
  <si>
    <t>cg15603130</t>
  </si>
  <si>
    <t>cg15605897</t>
  </si>
  <si>
    <t>cg15608483</t>
  </si>
  <si>
    <t>cg15609308</t>
  </si>
  <si>
    <t>cg15609321</t>
  </si>
  <si>
    <t>cg15611897</t>
  </si>
  <si>
    <t>cg15612257</t>
  </si>
  <si>
    <t>cg15613292</t>
  </si>
  <si>
    <t>cg15613465</t>
  </si>
  <si>
    <t>cg15613917</t>
  </si>
  <si>
    <t>cg15614653</t>
  </si>
  <si>
    <t>cg15615968</t>
  </si>
  <si>
    <t>cg15617019</t>
  </si>
  <si>
    <t>cg15623359</t>
  </si>
  <si>
    <t>cg15634735</t>
  </si>
  <si>
    <t>cg15635368</t>
  </si>
  <si>
    <t>cg15636480</t>
  </si>
  <si>
    <t>cg15636519</t>
  </si>
  <si>
    <t>cg15637420</t>
  </si>
  <si>
    <t>cg15638366</t>
  </si>
  <si>
    <t>cg15638768</t>
  </si>
  <si>
    <t>cg15645220</t>
  </si>
  <si>
    <t>cg15645605</t>
  </si>
  <si>
    <t>cg15650058</t>
  </si>
  <si>
    <t>cg15651394</t>
  </si>
  <si>
    <t>cg15652532</t>
  </si>
  <si>
    <t>cg15654136</t>
  </si>
  <si>
    <t>cg15654594</t>
  </si>
  <si>
    <t>cg15656310</t>
  </si>
  <si>
    <t>cg15657330</t>
  </si>
  <si>
    <t>cg15657888</t>
  </si>
  <si>
    <t>cg15659527</t>
  </si>
  <si>
    <t>cg15660517</t>
  </si>
  <si>
    <t>cg15661865</t>
  </si>
  <si>
    <t>cg15665385</t>
  </si>
  <si>
    <t>cg15665400</t>
  </si>
  <si>
    <t>cg15673110</t>
  </si>
  <si>
    <t>cg15677985</t>
  </si>
  <si>
    <t>cg15678169</t>
  </si>
  <si>
    <t>cg15679219</t>
  </si>
  <si>
    <t>cg15679665</t>
  </si>
  <si>
    <t>cg15679981</t>
  </si>
  <si>
    <t>cg15681466</t>
  </si>
  <si>
    <t>cg15692837</t>
  </si>
  <si>
    <t>cg15696973</t>
  </si>
  <si>
    <t>cg15699099</t>
  </si>
  <si>
    <t>cg15699971</t>
  </si>
  <si>
    <t>cg15701122</t>
  </si>
  <si>
    <t>cg15701317</t>
  </si>
  <si>
    <t>cg15701714</t>
  </si>
  <si>
    <t>cg15703357</t>
  </si>
  <si>
    <t>cg15703632</t>
  </si>
  <si>
    <t>cg15704155</t>
  </si>
  <si>
    <t>cg15705746</t>
  </si>
  <si>
    <t>cg15705813</t>
  </si>
  <si>
    <t>cg15706424</t>
  </si>
  <si>
    <t>cg15706621</t>
  </si>
  <si>
    <t>cg15706936</t>
  </si>
  <si>
    <t>cg15706973</t>
  </si>
  <si>
    <t>cg15708424</t>
  </si>
  <si>
    <t>cg15711973</t>
  </si>
  <si>
    <t>cg15713391</t>
  </si>
  <si>
    <t>cg15715965</t>
  </si>
  <si>
    <t>cg15717719</t>
  </si>
  <si>
    <t>cg15719599</t>
  </si>
  <si>
    <t>cg15725078</t>
  </si>
  <si>
    <t>cg15730860</t>
  </si>
  <si>
    <t>cg15731772</t>
  </si>
  <si>
    <t>cg15736127</t>
  </si>
  <si>
    <t>cg15736743</t>
  </si>
  <si>
    <t>cg15737319</t>
  </si>
  <si>
    <t>cg15738916</t>
  </si>
  <si>
    <t>cg15741935</t>
  </si>
  <si>
    <t>cg15742737</t>
  </si>
  <si>
    <t>cg15742758</t>
  </si>
  <si>
    <t>cg15746583</t>
  </si>
  <si>
    <t>cg15747156</t>
  </si>
  <si>
    <t>cg15747190</t>
  </si>
  <si>
    <t>cg15748192</t>
  </si>
  <si>
    <t>cg15749260</t>
  </si>
  <si>
    <t>cg15751090</t>
  </si>
  <si>
    <t>cg15753593</t>
  </si>
  <si>
    <t>cg15753746</t>
  </si>
  <si>
    <t>cg15754153</t>
  </si>
  <si>
    <t>cg15756114</t>
  </si>
  <si>
    <t>cg15756525</t>
  </si>
  <si>
    <t>cg15757615</t>
  </si>
  <si>
    <t>cg15761233</t>
  </si>
  <si>
    <t>cg15761814</t>
  </si>
  <si>
    <t>cg15766075</t>
  </si>
  <si>
    <t>cg15767908</t>
  </si>
  <si>
    <t>cg15767955</t>
  </si>
  <si>
    <t>cg15768103</t>
  </si>
  <si>
    <t>cg15768886</t>
  </si>
  <si>
    <t>cg15768933</t>
  </si>
  <si>
    <t>cg15769184</t>
  </si>
  <si>
    <t>cg15770553</t>
  </si>
  <si>
    <t>cg15770933</t>
  </si>
  <si>
    <t>cg15771336</t>
  </si>
  <si>
    <t>cg15775779</t>
  </si>
  <si>
    <t>cg15777261</t>
  </si>
  <si>
    <t>cg15777323</t>
  </si>
  <si>
    <t>cg15779295</t>
  </si>
  <si>
    <t>cg15780361</t>
  </si>
  <si>
    <t>cg15792957</t>
  </si>
  <si>
    <t>cg15796417</t>
  </si>
  <si>
    <t>cg15797218</t>
  </si>
  <si>
    <t>cg15804908</t>
  </si>
  <si>
    <t>cg15804975</t>
  </si>
  <si>
    <t>cg15807143</t>
  </si>
  <si>
    <t>cg15808558</t>
  </si>
  <si>
    <t>cg15810578</t>
  </si>
  <si>
    <t>cg15820432</t>
  </si>
  <si>
    <t>cg15820451</t>
  </si>
  <si>
    <t>cg15821214</t>
  </si>
  <si>
    <t>cg15821816</t>
  </si>
  <si>
    <t>cg15826444</t>
  </si>
  <si>
    <t>cg15827508</t>
  </si>
  <si>
    <t>cg15832311</t>
  </si>
  <si>
    <t>cg15832957</t>
  </si>
  <si>
    <t>cg15835463</t>
  </si>
  <si>
    <t>cg15841711</t>
  </si>
  <si>
    <t>cg15843818</t>
  </si>
  <si>
    <t>cg15844871</t>
  </si>
  <si>
    <t>cg15845118</t>
  </si>
  <si>
    <t>cg15845653</t>
  </si>
  <si>
    <t>cg15845746</t>
  </si>
  <si>
    <t>cg15846641</t>
  </si>
  <si>
    <t>cg15850520</t>
  </si>
  <si>
    <t>cg15850851</t>
  </si>
  <si>
    <t>cg15853169</t>
  </si>
  <si>
    <t>cg15854022</t>
  </si>
  <si>
    <t>cg15863707</t>
  </si>
  <si>
    <t>cg15864491</t>
  </si>
  <si>
    <t>cg15867307</t>
  </si>
  <si>
    <t>cg15867711</t>
  </si>
  <si>
    <t>cg15868237</t>
  </si>
  <si>
    <t>cg15871991</t>
  </si>
  <si>
    <t>cg15884411</t>
  </si>
  <si>
    <t>cg15890754</t>
  </si>
  <si>
    <t>cg15895197</t>
  </si>
  <si>
    <t>cg15897423</t>
  </si>
  <si>
    <t>cg15900058</t>
  </si>
  <si>
    <t>cg15900386</t>
  </si>
  <si>
    <t>cg15906181</t>
  </si>
  <si>
    <t>cg15908708</t>
  </si>
  <si>
    <t>cg15909951</t>
  </si>
  <si>
    <t>cg15910001</t>
  </si>
  <si>
    <t>cg15910662</t>
  </si>
  <si>
    <t>cg15914335</t>
  </si>
  <si>
    <t>cg15914340</t>
  </si>
  <si>
    <t>cg15918921</t>
  </si>
  <si>
    <t>cg15920202</t>
  </si>
  <si>
    <t>cg15928347</t>
  </si>
  <si>
    <t>cg15931894</t>
  </si>
  <si>
    <t>cg15932332</t>
  </si>
  <si>
    <t>cg15933451</t>
  </si>
  <si>
    <t>cg15933840</t>
  </si>
  <si>
    <t>cg15934248</t>
  </si>
  <si>
    <t>cg15939633</t>
  </si>
  <si>
    <t>cg15941449</t>
  </si>
  <si>
    <t>cg15943129</t>
  </si>
  <si>
    <t>cg15944856</t>
  </si>
  <si>
    <t>cg15945209</t>
  </si>
  <si>
    <t>cg15945407</t>
  </si>
  <si>
    <t>cg15954792</t>
  </si>
  <si>
    <t>cg15955046</t>
  </si>
  <si>
    <t>cg15956152</t>
  </si>
  <si>
    <t>cg15957413</t>
  </si>
  <si>
    <t>cg15957524</t>
  </si>
  <si>
    <t>cg15959756</t>
  </si>
  <si>
    <t>cg15963002</t>
  </si>
  <si>
    <t>cg15971761</t>
  </si>
  <si>
    <t>cg15971836</t>
  </si>
  <si>
    <t>cg15972544</t>
  </si>
  <si>
    <t>cg15973314</t>
  </si>
  <si>
    <t>cg15978561</t>
  </si>
  <si>
    <t>cg15978565</t>
  </si>
  <si>
    <t>cg15981295</t>
  </si>
  <si>
    <t>cg15981734</t>
  </si>
  <si>
    <t>cg15981982</t>
  </si>
  <si>
    <t>cg15983109</t>
  </si>
  <si>
    <t>cg15983357</t>
  </si>
  <si>
    <t>cg15983626</t>
  </si>
  <si>
    <t>cg15986413</t>
  </si>
  <si>
    <t>cg15987975</t>
  </si>
  <si>
    <t>cg15989068</t>
  </si>
  <si>
    <t>cg15989091</t>
  </si>
  <si>
    <t>cg15990840</t>
  </si>
  <si>
    <t>cg15990972</t>
  </si>
  <si>
    <t>cg15992711</t>
  </si>
  <si>
    <t>cg15994546</t>
  </si>
  <si>
    <t>cg15995935</t>
  </si>
  <si>
    <t>cg15996406</t>
  </si>
  <si>
    <t>cg15998518</t>
  </si>
  <si>
    <t>cg15998962</t>
  </si>
  <si>
    <t>cg16002963</t>
  </si>
  <si>
    <t>cg16003672</t>
  </si>
  <si>
    <t>cg16016036</t>
  </si>
  <si>
    <t>cg16017358</t>
  </si>
  <si>
    <t>cg16022344</t>
  </si>
  <si>
    <t>cg16028986</t>
  </si>
  <si>
    <t>cg16046561</t>
  </si>
  <si>
    <t>cg16053095</t>
  </si>
  <si>
    <t>cg16057262</t>
  </si>
  <si>
    <t>cg16057598</t>
  </si>
  <si>
    <t>cg16062558</t>
  </si>
  <si>
    <t>cg16063474</t>
  </si>
  <si>
    <t>cg16071359</t>
  </si>
  <si>
    <t>cg16076569</t>
  </si>
  <si>
    <t>cg16083447</t>
  </si>
  <si>
    <t>cg16085374</t>
  </si>
  <si>
    <t>cg16085695</t>
  </si>
  <si>
    <t>cg16089796</t>
  </si>
  <si>
    <t>cg16097349</t>
  </si>
  <si>
    <t>cg16097858</t>
  </si>
  <si>
    <t>cg16098304</t>
  </si>
  <si>
    <t>cg16098955</t>
  </si>
  <si>
    <t>cg16099404</t>
  </si>
  <si>
    <t>cg16100120</t>
  </si>
  <si>
    <t>cg16101601</t>
  </si>
  <si>
    <t>cg16105870</t>
  </si>
  <si>
    <t>cg16111791</t>
  </si>
  <si>
    <t>cg16116321</t>
  </si>
  <si>
    <t>cg16116407</t>
  </si>
  <si>
    <t>cg16116752</t>
  </si>
  <si>
    <t>cg16117070</t>
  </si>
  <si>
    <t>cg16118678</t>
  </si>
  <si>
    <t>cg16122707</t>
  </si>
  <si>
    <t>cg16123090</t>
  </si>
  <si>
    <t>cg16134718</t>
  </si>
  <si>
    <t>cg16146322</t>
  </si>
  <si>
    <t>cg16149226</t>
  </si>
  <si>
    <t>cg16151636</t>
  </si>
  <si>
    <t>cg16153547</t>
  </si>
  <si>
    <t>cg16155081</t>
  </si>
  <si>
    <t>cg16158220</t>
  </si>
  <si>
    <t>cg16163382</t>
  </si>
  <si>
    <t>cg16163981</t>
  </si>
  <si>
    <t>cg16165943</t>
  </si>
  <si>
    <t>cg16169604</t>
  </si>
  <si>
    <t>cg16173577</t>
  </si>
  <si>
    <t>cg16174348</t>
  </si>
  <si>
    <t>cg16175599</t>
  </si>
  <si>
    <t>cg16175703</t>
  </si>
  <si>
    <t>cg16177585</t>
  </si>
  <si>
    <t>cg16177805</t>
  </si>
  <si>
    <t>cg16177922</t>
  </si>
  <si>
    <t>cg16178141</t>
  </si>
  <si>
    <t>cg16179720</t>
  </si>
  <si>
    <t>cg16185956</t>
  </si>
  <si>
    <t>cg16188379</t>
  </si>
  <si>
    <t>cg16190888</t>
  </si>
  <si>
    <t>cg16192916</t>
  </si>
  <si>
    <t>cg16198087</t>
  </si>
  <si>
    <t>cg16198908</t>
  </si>
  <si>
    <t>cg16202615</t>
  </si>
  <si>
    <t>cg16203271</t>
  </si>
  <si>
    <t>cg16206125</t>
  </si>
  <si>
    <t>cg16209652</t>
  </si>
  <si>
    <t>cg16210375</t>
  </si>
  <si>
    <t>cg16213787</t>
  </si>
  <si>
    <t>cg16214269</t>
  </si>
  <si>
    <t>cg16218221</t>
  </si>
  <si>
    <t>cg16218715</t>
  </si>
  <si>
    <t>cg16218998</t>
  </si>
  <si>
    <t>cg16222568</t>
  </si>
  <si>
    <t>cg16233311</t>
  </si>
  <si>
    <t>cg16234068</t>
  </si>
  <si>
    <t>cg16234966</t>
  </si>
  <si>
    <t>cg16236960</t>
  </si>
  <si>
    <t>cg16238207</t>
  </si>
  <si>
    <t>cg16240781</t>
  </si>
  <si>
    <t>cg16240816</t>
  </si>
  <si>
    <t>cg16245174</t>
  </si>
  <si>
    <t>cg16246488</t>
  </si>
  <si>
    <t>cg16246747</t>
  </si>
  <si>
    <t>cg16248554</t>
  </si>
  <si>
    <t>cg16253790</t>
  </si>
  <si>
    <t>cg16256243</t>
  </si>
  <si>
    <t>cg16256504</t>
  </si>
  <si>
    <t>cg16258545</t>
  </si>
  <si>
    <t>cg16259571</t>
  </si>
  <si>
    <t>cg16263943</t>
  </si>
  <si>
    <t>cg16268848</t>
  </si>
  <si>
    <t>cg16273133</t>
  </si>
  <si>
    <t>cg16276199</t>
  </si>
  <si>
    <t>cg16296797</t>
  </si>
  <si>
    <t>cg16297938</t>
  </si>
  <si>
    <t>cg16297948</t>
  </si>
  <si>
    <t>cg16298760</t>
  </si>
  <si>
    <t>cg16299685</t>
  </si>
  <si>
    <t>cg16302441</t>
  </si>
  <si>
    <t>cg16303918</t>
  </si>
  <si>
    <t>cg16314401</t>
  </si>
  <si>
    <t>cg16321975</t>
  </si>
  <si>
    <t>cg16325502</t>
  </si>
  <si>
    <t>cg16325984</t>
  </si>
  <si>
    <t>cg16326590</t>
  </si>
  <si>
    <t>cg16328548</t>
  </si>
  <si>
    <t>cg16329901</t>
  </si>
  <si>
    <t>cg16330786</t>
  </si>
  <si>
    <t>cg16331051</t>
  </si>
  <si>
    <t>cg16331482</t>
  </si>
  <si>
    <t>cg16334840</t>
  </si>
  <si>
    <t>cg16338239</t>
  </si>
  <si>
    <t>cg16346591</t>
  </si>
  <si>
    <t>cg16347858</t>
  </si>
  <si>
    <t>cg16353628</t>
  </si>
  <si>
    <t>cg16354207</t>
  </si>
  <si>
    <t>cg16354502</t>
  </si>
  <si>
    <t>cg16356045</t>
  </si>
  <si>
    <t>cg16358738</t>
  </si>
  <si>
    <t>cg16362481</t>
  </si>
  <si>
    <t>cg16365421</t>
  </si>
  <si>
    <t>cg16366749</t>
  </si>
  <si>
    <t>cg16368750</t>
  </si>
  <si>
    <t>cg16382047</t>
  </si>
  <si>
    <t>cg16388829</t>
  </si>
  <si>
    <t>cg16399751</t>
  </si>
  <si>
    <t>cg16401608</t>
  </si>
  <si>
    <t>cg16404937</t>
  </si>
  <si>
    <t>cg16407924</t>
  </si>
  <si>
    <t>cg16408555</t>
  </si>
  <si>
    <t>cg16410796</t>
  </si>
  <si>
    <t>cg16411361</t>
  </si>
  <si>
    <t>cg16412000</t>
  </si>
  <si>
    <t>cg16412986</t>
  </si>
  <si>
    <t>cg16414660</t>
  </si>
  <si>
    <t>cg16416261</t>
  </si>
  <si>
    <t>cg16419638</t>
  </si>
  <si>
    <t>cg16421616</t>
  </si>
  <si>
    <t>cg16426459</t>
  </si>
  <si>
    <t>cg16428240</t>
  </si>
  <si>
    <t>cg16429080</t>
  </si>
  <si>
    <t>cg16429887</t>
  </si>
  <si>
    <t>cg16430332</t>
  </si>
  <si>
    <t>cg16431352</t>
  </si>
  <si>
    <t>cg16434205</t>
  </si>
  <si>
    <t>cg16435910</t>
  </si>
  <si>
    <t>cg16437385</t>
  </si>
  <si>
    <t>cg16437908</t>
  </si>
  <si>
    <t>cg16442050</t>
  </si>
  <si>
    <t>cg16442859</t>
  </si>
  <si>
    <t>cg16444607</t>
  </si>
  <si>
    <t>cg16444641</t>
  </si>
  <si>
    <t>cg16444826</t>
  </si>
  <si>
    <t>cg16445423</t>
  </si>
  <si>
    <t>cg16446408</t>
  </si>
  <si>
    <t>cg16446721</t>
  </si>
  <si>
    <t>cg16449464</t>
  </si>
  <si>
    <t>cg16450654</t>
  </si>
  <si>
    <t>cg16451365</t>
  </si>
  <si>
    <t>cg16463697</t>
  </si>
  <si>
    <t>cg16465560</t>
  </si>
  <si>
    <t>cg16468346</t>
  </si>
  <si>
    <t>cg16472834</t>
  </si>
  <si>
    <t>cg16473117</t>
  </si>
  <si>
    <t>cg16474118</t>
  </si>
  <si>
    <t>cg16477975</t>
  </si>
  <si>
    <t>cg16483490</t>
  </si>
  <si>
    <t>cg16504661</t>
  </si>
  <si>
    <t>cg16510278</t>
  </si>
  <si>
    <t>cg16511086</t>
  </si>
  <si>
    <t>cg16516691</t>
  </si>
  <si>
    <t>cg16518266</t>
  </si>
  <si>
    <t>cg16520759</t>
  </si>
  <si>
    <t>cg16521516</t>
  </si>
  <si>
    <t>cg16525606</t>
  </si>
  <si>
    <t>cg16527805</t>
  </si>
  <si>
    <t>cg16533767</t>
  </si>
  <si>
    <t>cg16541075</t>
  </si>
  <si>
    <t>cg16548254</t>
  </si>
  <si>
    <t>cg16570455</t>
  </si>
  <si>
    <t>cg16576000</t>
  </si>
  <si>
    <t>cg16586970</t>
  </si>
  <si>
    <t>cg16587066</t>
  </si>
  <si>
    <t>cg16589887</t>
  </si>
  <si>
    <t>cg16593556</t>
  </si>
  <si>
    <t>cg16597102</t>
  </si>
  <si>
    <t>cg16597412</t>
  </si>
  <si>
    <t>cg16597778</t>
  </si>
  <si>
    <t>cg16598292</t>
  </si>
  <si>
    <t>cg16601461</t>
  </si>
  <si>
    <t>cg16608617</t>
  </si>
  <si>
    <t>cg16615776</t>
  </si>
  <si>
    <t>cg16627346</t>
  </si>
  <si>
    <t>cg16627650</t>
  </si>
  <si>
    <t>cg16631007</t>
  </si>
  <si>
    <t>cg16631682</t>
  </si>
  <si>
    <t>cg16632715</t>
  </si>
  <si>
    <t>cg16635948</t>
  </si>
  <si>
    <t>cg16637467</t>
  </si>
  <si>
    <t>cg16639766</t>
  </si>
  <si>
    <t>cg16639998</t>
  </si>
  <si>
    <t>cg16640027</t>
  </si>
  <si>
    <t>cg16640096</t>
  </si>
  <si>
    <t>cg16640358</t>
  </si>
  <si>
    <t>cg16650561</t>
  </si>
  <si>
    <t>cg16651262</t>
  </si>
  <si>
    <t>cg16652259</t>
  </si>
  <si>
    <t>cg16652617</t>
  </si>
  <si>
    <t>cg16653495</t>
  </si>
  <si>
    <t>cg16653620</t>
  </si>
  <si>
    <t>cg16660274</t>
  </si>
  <si>
    <t>cg16667845</t>
  </si>
  <si>
    <t>cg16669607</t>
  </si>
  <si>
    <t>cg16671674</t>
  </si>
  <si>
    <t>cg16671862</t>
  </si>
  <si>
    <t>cg16673768</t>
  </si>
  <si>
    <t>cg16677528</t>
  </si>
  <si>
    <t>cg16681246</t>
  </si>
  <si>
    <t>cg16688437</t>
  </si>
  <si>
    <t>cg16691616</t>
  </si>
  <si>
    <t>cg16703390</t>
  </si>
  <si>
    <t>cg16704560</t>
  </si>
  <si>
    <t>cg16705245</t>
  </si>
  <si>
    <t>cg16705395</t>
  </si>
  <si>
    <t>cg16705594</t>
  </si>
  <si>
    <t>cg16705929</t>
  </si>
  <si>
    <t>cg16719560</t>
  </si>
  <si>
    <t>cg16719845</t>
  </si>
  <si>
    <t>cg16720616</t>
  </si>
  <si>
    <t>cg16720807</t>
  </si>
  <si>
    <t>cg16720946</t>
  </si>
  <si>
    <t>cg16721427</t>
  </si>
  <si>
    <t>cg16723362</t>
  </si>
  <si>
    <t>cg16723381</t>
  </si>
  <si>
    <t>cg16725094</t>
  </si>
  <si>
    <t>cg16726435</t>
  </si>
  <si>
    <t>cg16727906</t>
  </si>
  <si>
    <t>cg16741128</t>
  </si>
  <si>
    <t>cg16745604</t>
  </si>
  <si>
    <t>cg16750177</t>
  </si>
  <si>
    <t>cg16750914</t>
  </si>
  <si>
    <t>cg16751203</t>
  </si>
  <si>
    <t>cg16752876</t>
  </si>
  <si>
    <t>cg16756620</t>
  </si>
  <si>
    <t>cg16756631</t>
  </si>
  <si>
    <t>cg16756757</t>
  </si>
  <si>
    <t>cg16759745</t>
  </si>
  <si>
    <t>cg16764274</t>
  </si>
  <si>
    <t>cg16767916</t>
  </si>
  <si>
    <t>cg16773799</t>
  </si>
  <si>
    <t>cg16777057</t>
  </si>
  <si>
    <t>cg16778809</t>
  </si>
  <si>
    <t>cg16780603</t>
  </si>
  <si>
    <t>cg16785840</t>
  </si>
  <si>
    <t>cg16786136</t>
  </si>
  <si>
    <t>cg16787624</t>
  </si>
  <si>
    <t>cg16790844</t>
  </si>
  <si>
    <t>cg16791210</t>
  </si>
  <si>
    <t>cg16792258</t>
  </si>
  <si>
    <t>cg16792548</t>
  </si>
  <si>
    <t>cg16793199</t>
  </si>
  <si>
    <t>cg16793781</t>
  </si>
  <si>
    <t>cg16794961</t>
  </si>
  <si>
    <t>cg16795804</t>
  </si>
  <si>
    <t>cg16796127</t>
  </si>
  <si>
    <t>cg16796381</t>
  </si>
  <si>
    <t>cg16797009</t>
  </si>
  <si>
    <t>cg16797514</t>
  </si>
  <si>
    <t>cg16799961</t>
  </si>
  <si>
    <t>cg16814399</t>
  </si>
  <si>
    <t>cg16819369</t>
  </si>
  <si>
    <t>cg16829809</t>
  </si>
  <si>
    <t>cg16839353</t>
  </si>
  <si>
    <t>cg16842187</t>
  </si>
  <si>
    <t>cg16844818</t>
  </si>
  <si>
    <t>cg16844872</t>
  </si>
  <si>
    <t>cg16845126</t>
  </si>
  <si>
    <t>cg16845172</t>
  </si>
  <si>
    <t>cg16845265</t>
  </si>
  <si>
    <t>cg16845548</t>
  </si>
  <si>
    <t>cg16846765</t>
  </si>
  <si>
    <t>cg16849609</t>
  </si>
  <si>
    <t>cg16850254</t>
  </si>
  <si>
    <t>cg16851385</t>
  </si>
  <si>
    <t>cg16851423</t>
  </si>
  <si>
    <t>cg16852440</t>
  </si>
  <si>
    <t>cg16852704</t>
  </si>
  <si>
    <t>cg16862102</t>
  </si>
  <si>
    <t>cg16863673</t>
  </si>
  <si>
    <t>cg16863783</t>
  </si>
  <si>
    <t>cg16864063</t>
  </si>
  <si>
    <t>cg16864938</t>
  </si>
  <si>
    <t>cg16866678</t>
  </si>
  <si>
    <t>cg16873443</t>
  </si>
  <si>
    <t>cg16873684</t>
  </si>
  <si>
    <t>cg16874347</t>
  </si>
  <si>
    <t>cg16875057</t>
  </si>
  <si>
    <t>cg16884042</t>
  </si>
  <si>
    <t>cg16884847</t>
  </si>
  <si>
    <t>cg16884854</t>
  </si>
  <si>
    <t>cg16888658</t>
  </si>
  <si>
    <t>cg16891298</t>
  </si>
  <si>
    <t>cg16901302</t>
  </si>
  <si>
    <t>cg16901402</t>
  </si>
  <si>
    <t>cg16901991</t>
  </si>
  <si>
    <t>cg16905255</t>
  </si>
  <si>
    <t>cg16907167</t>
  </si>
  <si>
    <t>cg16909084</t>
  </si>
  <si>
    <t>cg16909579</t>
  </si>
  <si>
    <t>cg16909733</t>
  </si>
  <si>
    <t>cg16911810</t>
  </si>
  <si>
    <t>cg16912319</t>
  </si>
  <si>
    <t>cg16917058</t>
  </si>
  <si>
    <t>cg16918801</t>
  </si>
  <si>
    <t>cg16919579</t>
  </si>
  <si>
    <t>cg16928994</t>
  </si>
  <si>
    <t>cg16929802</t>
  </si>
  <si>
    <t>cg16930880</t>
  </si>
  <si>
    <t>cg16935065</t>
  </si>
  <si>
    <t>cg16937168</t>
  </si>
  <si>
    <t>cg16938369</t>
  </si>
  <si>
    <t>cg16938613</t>
  </si>
  <si>
    <t>cg16944093</t>
  </si>
  <si>
    <t>cg16944159</t>
  </si>
  <si>
    <t>cg16944977</t>
  </si>
  <si>
    <t>cg16945615</t>
  </si>
  <si>
    <t>cg16945982</t>
  </si>
  <si>
    <t>cg16956133</t>
  </si>
  <si>
    <t>cg16958775</t>
  </si>
  <si>
    <t>cg16959941</t>
  </si>
  <si>
    <t>cg16964117</t>
  </si>
  <si>
    <t>cg16964535</t>
  </si>
  <si>
    <t>cg16967583</t>
  </si>
  <si>
    <t>cg16970702</t>
  </si>
  <si>
    <t>cg16971745</t>
  </si>
  <si>
    <t>cg16973203</t>
  </si>
  <si>
    <t>cg16973520</t>
  </si>
  <si>
    <t>cg16975959</t>
  </si>
  <si>
    <t>cg16977520</t>
  </si>
  <si>
    <t>cg16982199</t>
  </si>
  <si>
    <t>cg16984812</t>
  </si>
  <si>
    <t>cg16988637</t>
  </si>
  <si>
    <t>cg16988976</t>
  </si>
  <si>
    <t>cg17007161</t>
  </si>
  <si>
    <t>cg17009069</t>
  </si>
  <si>
    <t>cg17009717</t>
  </si>
  <si>
    <t>cg17010118</t>
  </si>
  <si>
    <t>cg17013513</t>
  </si>
  <si>
    <t>cg17016867</t>
  </si>
  <si>
    <t>cg17020726</t>
  </si>
  <si>
    <t>cg17021436</t>
  </si>
  <si>
    <t>cg17021907</t>
  </si>
  <si>
    <t>cg17021949</t>
  </si>
  <si>
    <t>cg17030233</t>
  </si>
  <si>
    <t>cg17032858</t>
  </si>
  <si>
    <t>cg17032990</t>
  </si>
  <si>
    <t>cg17033080</t>
  </si>
  <si>
    <t>cg17040753</t>
  </si>
  <si>
    <t>cg17046650</t>
  </si>
  <si>
    <t>cg17048169</t>
  </si>
  <si>
    <t>cg17050100</t>
  </si>
  <si>
    <t>cg17050941</t>
  </si>
  <si>
    <t>cg17051239</t>
  </si>
  <si>
    <t>cg17052675</t>
  </si>
  <si>
    <t>cg17053285</t>
  </si>
  <si>
    <t>cg17054386</t>
  </si>
  <si>
    <t>cg17054825</t>
  </si>
  <si>
    <t>cg17055734</t>
  </si>
  <si>
    <t>cg17056553</t>
  </si>
  <si>
    <t>cg17057892</t>
  </si>
  <si>
    <t>cg17059694</t>
  </si>
  <si>
    <t>cg17066470</t>
  </si>
  <si>
    <t>cg17075459</t>
  </si>
  <si>
    <t>cg17078686</t>
  </si>
  <si>
    <t>cg17079026</t>
  </si>
  <si>
    <t>cg17081976</t>
  </si>
  <si>
    <t>cg17081998</t>
  </si>
  <si>
    <t>cg17082598</t>
  </si>
  <si>
    <t>cg17083099</t>
  </si>
  <si>
    <t>cg17086219</t>
  </si>
  <si>
    <t>cg17095377</t>
  </si>
  <si>
    <t>cg17095958</t>
  </si>
  <si>
    <t>cg17096356</t>
  </si>
  <si>
    <t>cg17098979</t>
  </si>
  <si>
    <t>cg17101703</t>
  </si>
  <si>
    <t>cg17104824</t>
  </si>
  <si>
    <t>cg17105014</t>
  </si>
  <si>
    <t>cg17105139</t>
  </si>
  <si>
    <t>cg17106011</t>
  </si>
  <si>
    <t>cg17107572</t>
  </si>
  <si>
    <t>cg17108819</t>
  </si>
  <si>
    <t>cg17109036</t>
  </si>
  <si>
    <t>cg17110364</t>
  </si>
  <si>
    <t>cg17112958</t>
  </si>
  <si>
    <t>cg17124829</t>
  </si>
  <si>
    <t>cg17127132</t>
  </si>
  <si>
    <t>cg17128646</t>
  </si>
  <si>
    <t>cg17129141</t>
  </si>
  <si>
    <t>cg17130789</t>
  </si>
  <si>
    <t>cg17132501</t>
  </si>
  <si>
    <t>cg17137307</t>
  </si>
  <si>
    <t>cg17137500</t>
  </si>
  <si>
    <t>cg17141115</t>
  </si>
  <si>
    <t>cg17142183</t>
  </si>
  <si>
    <t>cg17143606</t>
  </si>
  <si>
    <t>cg17145370</t>
  </si>
  <si>
    <t>cg17146526</t>
  </si>
  <si>
    <t>cg17147638</t>
  </si>
  <si>
    <t>cg17147909</t>
  </si>
  <si>
    <t>cg17154057</t>
  </si>
  <si>
    <t>cg17157893</t>
  </si>
  <si>
    <t>cg17158059</t>
  </si>
  <si>
    <t>cg17159242</t>
  </si>
  <si>
    <t>cg17162260</t>
  </si>
  <si>
    <t>cg17165432</t>
  </si>
  <si>
    <t>cg17165695</t>
  </si>
  <si>
    <t>cg17165841</t>
  </si>
  <si>
    <t>cg17167253</t>
  </si>
  <si>
    <t>cg17168863</t>
  </si>
  <si>
    <t>cg17169613</t>
  </si>
  <si>
    <t>cg17170442</t>
  </si>
  <si>
    <t>cg17172683</t>
  </si>
  <si>
    <t>cg17180873</t>
  </si>
  <si>
    <t>cg17181966</t>
  </si>
  <si>
    <t>cg17186087</t>
  </si>
  <si>
    <t>cg17187048</t>
  </si>
  <si>
    <t>cg17187163</t>
  </si>
  <si>
    <t>cg17187755</t>
  </si>
  <si>
    <t>cg17192247</t>
  </si>
  <si>
    <t>cg17204275</t>
  </si>
  <si>
    <t>cg17204557</t>
  </si>
  <si>
    <t>cg17204652</t>
  </si>
  <si>
    <t>cg17206420</t>
  </si>
  <si>
    <t>cg17206978</t>
  </si>
  <si>
    <t>cg17207690</t>
  </si>
  <si>
    <t>cg17209284</t>
  </si>
  <si>
    <t>cg17212388</t>
  </si>
  <si>
    <t>cg17214023</t>
  </si>
  <si>
    <t>cg17214383</t>
  </si>
  <si>
    <t>cg17215170</t>
  </si>
  <si>
    <t>cg17240135</t>
  </si>
  <si>
    <t>cg17240528</t>
  </si>
  <si>
    <t>cg17249452</t>
  </si>
  <si>
    <t>cg17250262</t>
  </si>
  <si>
    <t>cg17253709</t>
  </si>
  <si>
    <t>cg17254229</t>
  </si>
  <si>
    <t>cg17258387</t>
  </si>
  <si>
    <t>cg17263053</t>
  </si>
  <si>
    <t>cg17272224</t>
  </si>
  <si>
    <t>cg17273588</t>
  </si>
  <si>
    <t>cg17274215</t>
  </si>
  <si>
    <t>cg17277248</t>
  </si>
  <si>
    <t>cg17278528</t>
  </si>
  <si>
    <t>cg17280350</t>
  </si>
  <si>
    <t>cg17280514</t>
  </si>
  <si>
    <t>cg17285709</t>
  </si>
  <si>
    <t>cg17288471</t>
  </si>
  <si>
    <t>cg17293470</t>
  </si>
  <si>
    <t>cg17296551</t>
  </si>
  <si>
    <t>cg17297628</t>
  </si>
  <si>
    <t>cg17300307</t>
  </si>
  <si>
    <t>cg17304496</t>
  </si>
  <si>
    <t>cg17314180</t>
  </si>
  <si>
    <t>cg17318863</t>
  </si>
  <si>
    <t>cg17320185</t>
  </si>
  <si>
    <t>cg17321385</t>
  </si>
  <si>
    <t>cg17325595</t>
  </si>
  <si>
    <t>cg17325866</t>
  </si>
  <si>
    <t>cg17327171</t>
  </si>
  <si>
    <t>cg17332091</t>
  </si>
  <si>
    <t>cg17332897</t>
  </si>
  <si>
    <t>cg17333242</t>
  </si>
  <si>
    <t>cg17336423</t>
  </si>
  <si>
    <t>cg17337791</t>
  </si>
  <si>
    <t>cg17338834</t>
  </si>
  <si>
    <t>cg17341366</t>
  </si>
  <si>
    <t>cg17342071</t>
  </si>
  <si>
    <t>cg17342709</t>
  </si>
  <si>
    <t>cg17342925</t>
  </si>
  <si>
    <t>cg17346345</t>
  </si>
  <si>
    <t>cg17350689</t>
  </si>
  <si>
    <t>cg17353895</t>
  </si>
  <si>
    <t>cg17355126</t>
  </si>
  <si>
    <t>cg17356718</t>
  </si>
  <si>
    <t>cg17360781</t>
  </si>
  <si>
    <t>cg17362001</t>
  </si>
  <si>
    <t>cg17362661</t>
  </si>
  <si>
    <t>cg17364044</t>
  </si>
  <si>
    <t>cg17364743</t>
  </si>
  <si>
    <t>cg17372745</t>
  </si>
  <si>
    <t>cg17383207</t>
  </si>
  <si>
    <t>cg17384625</t>
  </si>
  <si>
    <t>cg17396797</t>
  </si>
  <si>
    <t>cg17403397</t>
  </si>
  <si>
    <t>cg17406412</t>
  </si>
  <si>
    <t>cg17408923</t>
  </si>
  <si>
    <t>cg17408973</t>
  </si>
  <si>
    <t>cg17410431</t>
  </si>
  <si>
    <t>cg17411016</t>
  </si>
  <si>
    <t>cg17411035</t>
  </si>
  <si>
    <t>cg17411681</t>
  </si>
  <si>
    <t>cg17412560</t>
  </si>
  <si>
    <t>cg17415111</t>
  </si>
  <si>
    <t>cg17415947</t>
  </si>
  <si>
    <t>cg17419329</t>
  </si>
  <si>
    <t>cg17419888</t>
  </si>
  <si>
    <t>cg17420028</t>
  </si>
  <si>
    <t>cg17420218</t>
  </si>
  <si>
    <t>cg17420968</t>
  </si>
  <si>
    <t>cg17422427</t>
  </si>
  <si>
    <t>cg17430393</t>
  </si>
  <si>
    <t>cg17432748</t>
  </si>
  <si>
    <t>cg17444943</t>
  </si>
  <si>
    <t>cg17445212</t>
  </si>
  <si>
    <t>cg17454298</t>
  </si>
  <si>
    <t>cg17454561</t>
  </si>
  <si>
    <t>cg17455088</t>
  </si>
  <si>
    <t>cg17456231</t>
  </si>
  <si>
    <t>cg17458631</t>
  </si>
  <si>
    <t>cg17459182</t>
  </si>
  <si>
    <t>cg17459824</t>
  </si>
  <si>
    <t>cg17471779</t>
  </si>
  <si>
    <t>cg17472664</t>
  </si>
  <si>
    <t>cg17472832</t>
  </si>
  <si>
    <t>cg17475084</t>
  </si>
  <si>
    <t>cg17476389</t>
  </si>
  <si>
    <t>cg17484733</t>
  </si>
  <si>
    <t>cg17484874</t>
  </si>
  <si>
    <t>cg17484993</t>
  </si>
  <si>
    <t>cg17485141</t>
  </si>
  <si>
    <t>cg17485827</t>
  </si>
  <si>
    <t>cg17487439</t>
  </si>
  <si>
    <t>cg17488937</t>
  </si>
  <si>
    <t>cg17489871</t>
  </si>
  <si>
    <t>cg17489939</t>
  </si>
  <si>
    <t>cg17490196</t>
  </si>
  <si>
    <t>cg17490844</t>
  </si>
  <si>
    <t>cg17494408</t>
  </si>
  <si>
    <t>cg17495302</t>
  </si>
  <si>
    <t>cg17495671</t>
  </si>
  <si>
    <t>cg17496336</t>
  </si>
  <si>
    <t>cg17497490</t>
  </si>
  <si>
    <t>cg17500202</t>
  </si>
  <si>
    <t>cg17501380</t>
  </si>
  <si>
    <t>cg17501982</t>
  </si>
  <si>
    <t>cg17509807</t>
  </si>
  <si>
    <t>cg17512187</t>
  </si>
  <si>
    <t>cg17513592</t>
  </si>
  <si>
    <t>cg17515747</t>
  </si>
  <si>
    <t>cg17515760</t>
  </si>
  <si>
    <t>cg17516156</t>
  </si>
  <si>
    <t>cg17517296</t>
  </si>
  <si>
    <t>cg17517458</t>
  </si>
  <si>
    <t>cg17518079</t>
  </si>
  <si>
    <t>cg17518825</t>
  </si>
  <si>
    <t>cg17528245</t>
  </si>
  <si>
    <t>cg17529152</t>
  </si>
  <si>
    <t>cg17530031</t>
  </si>
  <si>
    <t>cg17531430</t>
  </si>
  <si>
    <t>cg17531776</t>
  </si>
  <si>
    <t>cg17533245</t>
  </si>
  <si>
    <t>cg17547399</t>
  </si>
  <si>
    <t>cg17560967</t>
  </si>
  <si>
    <t>cg17568131</t>
  </si>
  <si>
    <t>cg17578196</t>
  </si>
  <si>
    <t>cg17583369</t>
  </si>
  <si>
    <t>cg17583946</t>
  </si>
  <si>
    <t>cg17587385</t>
  </si>
  <si>
    <t>cg17588294</t>
  </si>
  <si>
    <t>cg17600393</t>
  </si>
  <si>
    <t>cg17605847</t>
  </si>
  <si>
    <t>cg17607231</t>
  </si>
  <si>
    <t>cg17608490</t>
  </si>
  <si>
    <t>cg17611093</t>
  </si>
  <si>
    <t>cg17626405</t>
  </si>
  <si>
    <t>cg17639959</t>
  </si>
  <si>
    <t>cg17642554</t>
  </si>
  <si>
    <t>cg17644208</t>
  </si>
  <si>
    <t>cg17644856</t>
  </si>
  <si>
    <t>cg17649815</t>
  </si>
  <si>
    <t>cg17651887</t>
  </si>
  <si>
    <t>cg17653411</t>
  </si>
  <si>
    <t>cg17654747</t>
  </si>
  <si>
    <t>cg17669033</t>
  </si>
  <si>
    <t>cg17669365</t>
  </si>
  <si>
    <t>cg17674725</t>
  </si>
  <si>
    <t>cg17674726</t>
  </si>
  <si>
    <t>cg17678343</t>
  </si>
  <si>
    <t>cg17684523</t>
  </si>
  <si>
    <t>cg17684765</t>
  </si>
  <si>
    <t>cg17685004</t>
  </si>
  <si>
    <t>cg17685622</t>
  </si>
  <si>
    <t>cg17687442</t>
  </si>
  <si>
    <t>cg17689206</t>
  </si>
  <si>
    <t>cg17702024</t>
  </si>
  <si>
    <t>cg17735399</t>
  </si>
  <si>
    <t>cg17736821</t>
  </si>
  <si>
    <t>cg17740434</t>
  </si>
  <si>
    <t>cg17741106</t>
  </si>
  <si>
    <t>cg17742416</t>
  </si>
  <si>
    <t>cg17743732</t>
  </si>
  <si>
    <t>cg17749356</t>
  </si>
  <si>
    <t>cg17750252</t>
  </si>
  <si>
    <t>cg17751550</t>
  </si>
  <si>
    <t>cg17752846</t>
  </si>
  <si>
    <t>cg17753475</t>
  </si>
  <si>
    <t>cg17754914</t>
  </si>
  <si>
    <t>cg17755610</t>
  </si>
  <si>
    <t>cg17764507</t>
  </si>
  <si>
    <t>cg17765025</t>
  </si>
  <si>
    <t>cg17765291</t>
  </si>
  <si>
    <t>cg17766062</t>
  </si>
  <si>
    <t>cg17773660</t>
  </si>
  <si>
    <t>cg17777628</t>
  </si>
  <si>
    <t>cg17778288</t>
  </si>
  <si>
    <t>cg17778556</t>
  </si>
  <si>
    <t>cg17783174</t>
  </si>
  <si>
    <t>cg17787005</t>
  </si>
  <si>
    <t>cg17787161</t>
  </si>
  <si>
    <t>cg17787988</t>
  </si>
  <si>
    <t>cg17788349</t>
  </si>
  <si>
    <t>cg17793354</t>
  </si>
  <si>
    <t>cg17794788</t>
  </si>
  <si>
    <t>cg17801352</t>
  </si>
  <si>
    <t>cg17802847</t>
  </si>
  <si>
    <t>cg17803713</t>
  </si>
  <si>
    <t>cg17804611</t>
  </si>
  <si>
    <t>cg17808746</t>
  </si>
  <si>
    <t>cg17809353</t>
  </si>
  <si>
    <t>cg17810765</t>
  </si>
  <si>
    <t>cg17818308</t>
  </si>
  <si>
    <t>cg17818731</t>
  </si>
  <si>
    <t>cg17819119</t>
  </si>
  <si>
    <t>cg17824690</t>
  </si>
  <si>
    <t>cg17836014</t>
  </si>
  <si>
    <t>cg17837492</t>
  </si>
  <si>
    <t>cg17839366</t>
  </si>
  <si>
    <t>cg17839721</t>
  </si>
  <si>
    <t>cg17841421</t>
  </si>
  <si>
    <t>cg17844035</t>
  </si>
  <si>
    <t>cg17848531</t>
  </si>
  <si>
    <t>cg17848763</t>
  </si>
  <si>
    <t>cg17862135</t>
  </si>
  <si>
    <t>cg17862837</t>
  </si>
  <si>
    <t>cg17862981</t>
  </si>
  <si>
    <t>cg17863076</t>
  </si>
  <si>
    <t>cg17863912</t>
  </si>
  <si>
    <t>cg17863923</t>
  </si>
  <si>
    <t>cg17865717</t>
  </si>
  <si>
    <t>cg17866732</t>
  </si>
  <si>
    <t>cg17867194</t>
  </si>
  <si>
    <t>cg17871621</t>
  </si>
  <si>
    <t>cg17872064</t>
  </si>
  <si>
    <t>cg17873451</t>
  </si>
  <si>
    <t>cg17875028</t>
  </si>
  <si>
    <t>cg17880014</t>
  </si>
  <si>
    <t>cg17891495</t>
  </si>
  <si>
    <t>cg17912513</t>
  </si>
  <si>
    <t>cg17913347</t>
  </si>
  <si>
    <t>cg17918556</t>
  </si>
  <si>
    <t>cg17919570</t>
  </si>
  <si>
    <t>cg17920653</t>
  </si>
  <si>
    <t>cg17924218</t>
  </si>
  <si>
    <t>cg17927926</t>
  </si>
  <si>
    <t>cg17931661</t>
  </si>
  <si>
    <t>cg17932631</t>
  </si>
  <si>
    <t>cg17932849</t>
  </si>
  <si>
    <t>cg17934130</t>
  </si>
  <si>
    <t>cg17934484</t>
  </si>
  <si>
    <t>cg17935536</t>
  </si>
  <si>
    <t>cg17939434</t>
  </si>
  <si>
    <t>cg17940256</t>
  </si>
  <si>
    <t>cg17945976</t>
  </si>
  <si>
    <t>cg17947599</t>
  </si>
  <si>
    <t>cg17951588</t>
  </si>
  <si>
    <t>cg17952075</t>
  </si>
  <si>
    <t>cg17952719</t>
  </si>
  <si>
    <t>cg17960629</t>
  </si>
  <si>
    <t>cg17962671</t>
  </si>
  <si>
    <t>cg17968795</t>
  </si>
  <si>
    <t>cg17974684</t>
  </si>
  <si>
    <t>cg17979068</t>
  </si>
  <si>
    <t>cg17979863</t>
  </si>
  <si>
    <t>cg17980119</t>
  </si>
  <si>
    <t>cg17981790</t>
  </si>
  <si>
    <t>cg17987231</t>
  </si>
  <si>
    <t>cg17988187</t>
  </si>
  <si>
    <t>cg17988524</t>
  </si>
  <si>
    <t>cg17988798</t>
  </si>
  <si>
    <t>cg17992259</t>
  </si>
  <si>
    <t>cg17995197</t>
  </si>
  <si>
    <t>cg17995403</t>
  </si>
  <si>
    <t>cg17997329</t>
  </si>
  <si>
    <t>cg18004235</t>
  </si>
  <si>
    <t>cg18004523</t>
  </si>
  <si>
    <t>cg18006568</t>
  </si>
  <si>
    <t>cg18006626</t>
  </si>
  <si>
    <t>cg18007524</t>
  </si>
  <si>
    <t>cg18008675</t>
  </si>
  <si>
    <t>cg18008766</t>
  </si>
  <si>
    <t>cg18009575</t>
  </si>
  <si>
    <t>cg18010617</t>
  </si>
  <si>
    <t>cg18011517</t>
  </si>
  <si>
    <t>cg18013012</t>
  </si>
  <si>
    <t>cg18014247</t>
  </si>
  <si>
    <t>cg18018313</t>
  </si>
  <si>
    <t>cg18018530</t>
  </si>
  <si>
    <t>cg18019372</t>
  </si>
  <si>
    <t>cg18019659</t>
  </si>
  <si>
    <t>cg18022012</t>
  </si>
  <si>
    <t>cg18022224</t>
  </si>
  <si>
    <t>cg18030787</t>
  </si>
  <si>
    <t>cg18032533</t>
  </si>
  <si>
    <t>cg18041581</t>
  </si>
  <si>
    <t>cg18042229</t>
  </si>
  <si>
    <t>cg18043120</t>
  </si>
  <si>
    <t>cg18045102</t>
  </si>
  <si>
    <t>cg18045195</t>
  </si>
  <si>
    <t>cg18045290</t>
  </si>
  <si>
    <t>cg18046054</t>
  </si>
  <si>
    <t>cg18047082</t>
  </si>
  <si>
    <t>cg18061904</t>
  </si>
  <si>
    <t>cg18064917</t>
  </si>
  <si>
    <t>cg18068854</t>
  </si>
  <si>
    <t>cg18069095</t>
  </si>
  <si>
    <t>cg18081430</t>
  </si>
  <si>
    <t>cg18091167</t>
  </si>
  <si>
    <t>cg18092079</t>
  </si>
  <si>
    <t>cg18093328</t>
  </si>
  <si>
    <t>cg18094076</t>
  </si>
  <si>
    <t>cg18095041</t>
  </si>
  <si>
    <t>cg18096388</t>
  </si>
  <si>
    <t>cg18098004</t>
  </si>
  <si>
    <t>cg18102446</t>
  </si>
  <si>
    <t>cg18105179</t>
  </si>
  <si>
    <t>cg18105675</t>
  </si>
  <si>
    <t>cg18106507</t>
  </si>
  <si>
    <t>cg18110661</t>
  </si>
  <si>
    <t>cg18118660</t>
  </si>
  <si>
    <t>cg18119407</t>
  </si>
  <si>
    <t>cg18119863</t>
  </si>
  <si>
    <t>cg18120807</t>
  </si>
  <si>
    <t>cg18120825</t>
  </si>
  <si>
    <t>cg18121171</t>
  </si>
  <si>
    <t>cg18122411</t>
  </si>
  <si>
    <t>cg18123760</t>
  </si>
  <si>
    <t>cg18131810</t>
  </si>
  <si>
    <t>cg18133263</t>
  </si>
  <si>
    <t>cg18144593</t>
  </si>
  <si>
    <t>cg18144655</t>
  </si>
  <si>
    <t>cg18145105</t>
  </si>
  <si>
    <t>cg18145558</t>
  </si>
  <si>
    <t>cg18145759</t>
  </si>
  <si>
    <t>cg18146074</t>
  </si>
  <si>
    <t>cg18147215</t>
  </si>
  <si>
    <t>cg18148130</t>
  </si>
  <si>
    <t>cg18149307</t>
  </si>
  <si>
    <t>cg18149394</t>
  </si>
  <si>
    <t>cg18149593</t>
  </si>
  <si>
    <t>cg18155032</t>
  </si>
  <si>
    <t>cg18155840</t>
  </si>
  <si>
    <t>cg18156033</t>
  </si>
  <si>
    <t>cg18158391</t>
  </si>
  <si>
    <t>cg18172802</t>
  </si>
  <si>
    <t>cg18174683</t>
  </si>
  <si>
    <t>cg18181070</t>
  </si>
  <si>
    <t>cg18185958</t>
  </si>
  <si>
    <t>cg18185980</t>
  </si>
  <si>
    <t>cg18186672</t>
  </si>
  <si>
    <t>cg18188347</t>
  </si>
  <si>
    <t>cg18190372</t>
  </si>
  <si>
    <t>cg18191209</t>
  </si>
  <si>
    <t>cg18192610</t>
  </si>
  <si>
    <t>cg18193109</t>
  </si>
  <si>
    <t>cg18199208</t>
  </si>
  <si>
    <t>cg18200827</t>
  </si>
  <si>
    <t>cg18201077</t>
  </si>
  <si>
    <t>cg18201351</t>
  </si>
  <si>
    <t>cg18202014</t>
  </si>
  <si>
    <t>cg18202080</t>
  </si>
  <si>
    <t>cg18202627</t>
  </si>
  <si>
    <t>cg18204584</t>
  </si>
  <si>
    <t>cg18204589</t>
  </si>
  <si>
    <t>cg18206459</t>
  </si>
  <si>
    <t>cg18210026</t>
  </si>
  <si>
    <t>cg18219180</t>
  </si>
  <si>
    <t>cg18220103</t>
  </si>
  <si>
    <t>cg18221862</t>
  </si>
  <si>
    <t>cg18221988</t>
  </si>
  <si>
    <t>cg18222526</t>
  </si>
  <si>
    <t>cg18223770</t>
  </si>
  <si>
    <t>cg18224038</t>
  </si>
  <si>
    <t>cg18224468</t>
  </si>
  <si>
    <t>cg18226957</t>
  </si>
  <si>
    <t>cg18227237</t>
  </si>
  <si>
    <t>cg18229422</t>
  </si>
  <si>
    <t>cg18236720</t>
  </si>
  <si>
    <t>cg18244289</t>
  </si>
  <si>
    <t>cg18249149</t>
  </si>
  <si>
    <t>cg18250846</t>
  </si>
  <si>
    <t>cg18254183</t>
  </si>
  <si>
    <t>cg18255764</t>
  </si>
  <si>
    <t>cg18256236</t>
  </si>
  <si>
    <t>cg18258151</t>
  </si>
  <si>
    <t>cg18258916</t>
  </si>
  <si>
    <t>cg18260341</t>
  </si>
  <si>
    <t>cg18261434</t>
  </si>
  <si>
    <t>cg18264210</t>
  </si>
  <si>
    <t>cg18264330</t>
  </si>
  <si>
    <t>cg18264519</t>
  </si>
  <si>
    <t>cg18267081</t>
  </si>
  <si>
    <t>cg18272264</t>
  </si>
  <si>
    <t>cg18272361</t>
  </si>
  <si>
    <t>cg18280962</t>
  </si>
  <si>
    <t>cg18281102</t>
  </si>
  <si>
    <t>cg18282041</t>
  </si>
  <si>
    <t>cg18282441</t>
  </si>
  <si>
    <t>cg18283779</t>
  </si>
  <si>
    <t>cg18289156</t>
  </si>
  <si>
    <t>cg18302933</t>
  </si>
  <si>
    <t>cg18303608</t>
  </si>
  <si>
    <t>cg18305444</t>
  </si>
  <si>
    <t>cg18307838</t>
  </si>
  <si>
    <t>cg18309255</t>
  </si>
  <si>
    <t>cg18310515</t>
  </si>
  <si>
    <t>cg18310774</t>
  </si>
  <si>
    <t>cg18313051</t>
  </si>
  <si>
    <t>cg18325920</t>
  </si>
  <si>
    <t>cg18328334</t>
  </si>
  <si>
    <t>cg18330611</t>
  </si>
  <si>
    <t>cg18335505</t>
  </si>
  <si>
    <t>cg18338460</t>
  </si>
  <si>
    <t>cg18340214</t>
  </si>
  <si>
    <t>cg18346576</t>
  </si>
  <si>
    <t>cg18346707</t>
  </si>
  <si>
    <t>cg18347903</t>
  </si>
  <si>
    <t>cg18349258</t>
  </si>
  <si>
    <t>cg18351329</t>
  </si>
  <si>
    <t>cg18353638</t>
  </si>
  <si>
    <t>cg18357696</t>
  </si>
  <si>
    <t>cg18360347</t>
  </si>
  <si>
    <t>cg18360755</t>
  </si>
  <si>
    <t>cg18361425</t>
  </si>
  <si>
    <t>cg18366249</t>
  </si>
  <si>
    <t>cg18367751</t>
  </si>
  <si>
    <t>cg18371506</t>
  </si>
  <si>
    <t>cg18388084</t>
  </si>
  <si>
    <t>cg18390991</t>
  </si>
  <si>
    <t>cg18395675</t>
  </si>
  <si>
    <t>cg18396042</t>
  </si>
  <si>
    <t>cg18400324</t>
  </si>
  <si>
    <t>cg18400889</t>
  </si>
  <si>
    <t>cg18406285</t>
  </si>
  <si>
    <t>cg18406708</t>
  </si>
  <si>
    <t>cg18406801</t>
  </si>
  <si>
    <t>cg18407095</t>
  </si>
  <si>
    <t>cg18407963</t>
  </si>
  <si>
    <t>cg18408209</t>
  </si>
  <si>
    <t>cg18414033</t>
  </si>
  <si>
    <t>cg18414987</t>
  </si>
  <si>
    <t>cg18418059</t>
  </si>
  <si>
    <t>cg18419276</t>
  </si>
  <si>
    <t>cg18425731</t>
  </si>
  <si>
    <t>cg18427336</t>
  </si>
  <si>
    <t>cg18427905</t>
  </si>
  <si>
    <t>cg18429723</t>
  </si>
  <si>
    <t>cg18431765</t>
  </si>
  <si>
    <t>cg18434354</t>
  </si>
  <si>
    <t>cg18436444</t>
  </si>
  <si>
    <t>cg18440474</t>
  </si>
  <si>
    <t>cg18442986</t>
  </si>
  <si>
    <t>cg18444763</t>
  </si>
  <si>
    <t>cg18446140</t>
  </si>
  <si>
    <t>cg18447587</t>
  </si>
  <si>
    <t>cg18448977</t>
  </si>
  <si>
    <t>cg18449120</t>
  </si>
  <si>
    <t>cg18450054</t>
  </si>
  <si>
    <t>cg18451256</t>
  </si>
  <si>
    <t>cg18455616</t>
  </si>
  <si>
    <t>cg18455650</t>
  </si>
  <si>
    <t>cg18456319</t>
  </si>
  <si>
    <t>cg18456367</t>
  </si>
  <si>
    <t>cg18457962</t>
  </si>
  <si>
    <t>cg18467041</t>
  </si>
  <si>
    <t>cg18478731</t>
  </si>
  <si>
    <t>cg18479068</t>
  </si>
  <si>
    <t>cg18479711</t>
  </si>
  <si>
    <t>cg18481230</t>
  </si>
  <si>
    <t>cg18482960</t>
  </si>
  <si>
    <t>cg18485872</t>
  </si>
  <si>
    <t>cg18499001</t>
  </si>
  <si>
    <t>cg18512092</t>
  </si>
  <si>
    <t>cg18515527</t>
  </si>
  <si>
    <t>cg18518914</t>
  </si>
  <si>
    <t>cg18521536</t>
  </si>
  <si>
    <t>cg18522284</t>
  </si>
  <si>
    <t>cg18523921</t>
  </si>
  <si>
    <t>cg18524739</t>
  </si>
  <si>
    <t>cg18525316</t>
  </si>
  <si>
    <t>cg18526870</t>
  </si>
  <si>
    <t>cg18530075</t>
  </si>
  <si>
    <t>cg18530712</t>
  </si>
  <si>
    <t>cg18545992</t>
  </si>
  <si>
    <t>cg18552520</t>
  </si>
  <si>
    <t>cg18555299</t>
  </si>
  <si>
    <t>cg18556455</t>
  </si>
  <si>
    <t>cg18556792</t>
  </si>
  <si>
    <t>cg18556822</t>
  </si>
  <si>
    <t>cg18560720</t>
  </si>
  <si>
    <t>cg18560965</t>
  </si>
  <si>
    <t>cg18564686</t>
  </si>
  <si>
    <t>cg18572219</t>
  </si>
  <si>
    <t>cg18579327</t>
  </si>
  <si>
    <t>cg18581221</t>
  </si>
  <si>
    <t>cg18581950</t>
  </si>
  <si>
    <t>cg18583728</t>
  </si>
  <si>
    <t>cg18584907</t>
  </si>
  <si>
    <t>cg18586780</t>
  </si>
  <si>
    <t>cg18609783</t>
  </si>
  <si>
    <t>cg18610261</t>
  </si>
  <si>
    <t>cg18610302</t>
  </si>
  <si>
    <t>cg18610978</t>
  </si>
  <si>
    <t>cg18611281</t>
  </si>
  <si>
    <t>cg18611949</t>
  </si>
  <si>
    <t>cg18612167</t>
  </si>
  <si>
    <t>cg18617669</t>
  </si>
  <si>
    <t>cg18619039</t>
  </si>
  <si>
    <t>cg18619591</t>
  </si>
  <si>
    <t>cg18623658</t>
  </si>
  <si>
    <t>cg18623836</t>
  </si>
  <si>
    <t>cg18624016</t>
  </si>
  <si>
    <t>cg18624059</t>
  </si>
  <si>
    <t>cg18625006</t>
  </si>
  <si>
    <t>cg18638253</t>
  </si>
  <si>
    <t>cg18638581</t>
  </si>
  <si>
    <t>cg18639038</t>
  </si>
  <si>
    <t>cg18639125</t>
  </si>
  <si>
    <t>cg18639238</t>
  </si>
  <si>
    <t>cg18646521</t>
  </si>
  <si>
    <t>cg18652923</t>
  </si>
  <si>
    <t>cg18658230</t>
  </si>
  <si>
    <t>cg18658231</t>
  </si>
  <si>
    <t>cg18663033</t>
  </si>
  <si>
    <t>cg18663232</t>
  </si>
  <si>
    <t>cg18664514</t>
  </si>
  <si>
    <t>cg18665334</t>
  </si>
  <si>
    <t>cg18668327</t>
  </si>
  <si>
    <t>cg18668821</t>
  </si>
  <si>
    <t>cg18668836</t>
  </si>
  <si>
    <t>cg18669135</t>
  </si>
  <si>
    <t>cg18670100</t>
  </si>
  <si>
    <t>cg18672716</t>
  </si>
  <si>
    <t>cg18676393</t>
  </si>
  <si>
    <t>cg18676967</t>
  </si>
  <si>
    <t>cg18694780</t>
  </si>
  <si>
    <t>cg18702197</t>
  </si>
  <si>
    <t>cg18703975</t>
  </si>
  <si>
    <t>cg18704543</t>
  </si>
  <si>
    <t>cg18719170</t>
  </si>
  <si>
    <t>cg18720905</t>
  </si>
  <si>
    <t>cg18730926</t>
  </si>
  <si>
    <t>cg18735601</t>
  </si>
  <si>
    <t>cg18736431</t>
  </si>
  <si>
    <t>cg18736835</t>
  </si>
  <si>
    <t>cg18739808</t>
  </si>
  <si>
    <t>cg18750819</t>
  </si>
  <si>
    <t>cg18750960</t>
  </si>
  <si>
    <t>cg18753162</t>
  </si>
  <si>
    <t>cg18753695</t>
  </si>
  <si>
    <t>cg18754555</t>
  </si>
  <si>
    <t>cg18754629</t>
  </si>
  <si>
    <t>cg18755404</t>
  </si>
  <si>
    <t>cg18757066</t>
  </si>
  <si>
    <t>cg18759732</t>
  </si>
  <si>
    <t>cg18760220</t>
  </si>
  <si>
    <t>cg18761223</t>
  </si>
  <si>
    <t>cg18763191</t>
  </si>
  <si>
    <t>cg18763247</t>
  </si>
  <si>
    <t>cg18766080</t>
  </si>
  <si>
    <t>cg18767846</t>
  </si>
  <si>
    <t>cg18771955</t>
  </si>
  <si>
    <t>cg18773591</t>
  </si>
  <si>
    <t>cg18780276</t>
  </si>
  <si>
    <t>cg18782447</t>
  </si>
  <si>
    <t>cg18786374</t>
  </si>
  <si>
    <t>cg18789177</t>
  </si>
  <si>
    <t>cg18790787</t>
  </si>
  <si>
    <t>cg18790856</t>
  </si>
  <si>
    <t>cg18793799</t>
  </si>
  <si>
    <t>cg18793806</t>
  </si>
  <si>
    <t>cg18797053</t>
  </si>
  <si>
    <t>cg18798247</t>
  </si>
  <si>
    <t>cg18802758</t>
  </si>
  <si>
    <t>cg18806140</t>
  </si>
  <si>
    <t>cg18810022</t>
  </si>
  <si>
    <t>cg18814227</t>
  </si>
  <si>
    <t>cg18815025</t>
  </si>
  <si>
    <t>cg18822719</t>
  </si>
  <si>
    <t>cg18824560</t>
  </si>
  <si>
    <t>cg18825430</t>
  </si>
  <si>
    <t>cg18825594</t>
  </si>
  <si>
    <t>cg18827097</t>
  </si>
  <si>
    <t>cg18827934</t>
  </si>
  <si>
    <t>cg18828816</t>
  </si>
  <si>
    <t>cg18830527</t>
  </si>
  <si>
    <t>cg18835090</t>
  </si>
  <si>
    <t>cg18835416</t>
  </si>
  <si>
    <t>cg18835493</t>
  </si>
  <si>
    <t>cg18838133</t>
  </si>
  <si>
    <t>cg18845236</t>
  </si>
  <si>
    <t>cg18845960</t>
  </si>
  <si>
    <t>cg18847009</t>
  </si>
  <si>
    <t>cg18852574</t>
  </si>
  <si>
    <t>cg18854045</t>
  </si>
  <si>
    <t>cg18854666</t>
  </si>
  <si>
    <t>cg18855104</t>
  </si>
  <si>
    <t>cg18857618</t>
  </si>
  <si>
    <t>cg18857767</t>
  </si>
  <si>
    <t>cg18859174</t>
  </si>
  <si>
    <t>cg18861762</t>
  </si>
  <si>
    <t>cg18863234</t>
  </si>
  <si>
    <t>cg18865999</t>
  </si>
  <si>
    <t>cg18866792</t>
  </si>
  <si>
    <t>cg18867375</t>
  </si>
  <si>
    <t>cg18869127</t>
  </si>
  <si>
    <t>cg18869840</t>
  </si>
  <si>
    <t>cg18879198</t>
  </si>
  <si>
    <t>cg18885210</t>
  </si>
  <si>
    <t>cg18887096</t>
  </si>
  <si>
    <t>cg18890556</t>
  </si>
  <si>
    <t>cg18890876</t>
  </si>
  <si>
    <t>cg18891081</t>
  </si>
  <si>
    <t>cg18892722</t>
  </si>
  <si>
    <t>cg18897589</t>
  </si>
  <si>
    <t>cg18900271</t>
  </si>
  <si>
    <t>cg18904855</t>
  </si>
  <si>
    <t>cg18905676</t>
  </si>
  <si>
    <t>cg18905952</t>
  </si>
  <si>
    <t>cg18910630</t>
  </si>
  <si>
    <t>cg18913076</t>
  </si>
  <si>
    <t>cg18913332</t>
  </si>
  <si>
    <t>cg18915287</t>
  </si>
  <si>
    <t>cg18915379</t>
  </si>
  <si>
    <t>cg18915450</t>
  </si>
  <si>
    <t>cg18916488</t>
  </si>
  <si>
    <t>cg18917495</t>
  </si>
  <si>
    <t>cg18918083</t>
  </si>
  <si>
    <t>cg18918418</t>
  </si>
  <si>
    <t>cg18920368</t>
  </si>
  <si>
    <t>cg18922091</t>
  </si>
  <si>
    <t>cg18923479</t>
  </si>
  <si>
    <t>cg18931895</t>
  </si>
  <si>
    <t>cg18940723</t>
  </si>
  <si>
    <t>cg18943289</t>
  </si>
  <si>
    <t>cg18944451</t>
  </si>
  <si>
    <t>cg18946473</t>
  </si>
  <si>
    <t>cg18947209</t>
  </si>
  <si>
    <t>cg18947951</t>
  </si>
  <si>
    <t>cg18948125</t>
  </si>
  <si>
    <t>cg18948788</t>
  </si>
  <si>
    <t>cg18950539</t>
  </si>
  <si>
    <t>cg18950952</t>
  </si>
  <si>
    <t>cg18951332</t>
  </si>
  <si>
    <t>cg18951587</t>
  </si>
  <si>
    <t>cg18956547</t>
  </si>
  <si>
    <t>cg18957751</t>
  </si>
  <si>
    <t>cg18958202</t>
  </si>
  <si>
    <t>cg18959044</t>
  </si>
  <si>
    <t>cg18959052</t>
  </si>
  <si>
    <t>cg18962288</t>
  </si>
  <si>
    <t>cg18964609</t>
  </si>
  <si>
    <t>cg18966265</t>
  </si>
  <si>
    <t>cg18969029</t>
  </si>
  <si>
    <t>cg18969232</t>
  </si>
  <si>
    <t>cg18970338</t>
  </si>
  <si>
    <t>cg18973389</t>
  </si>
  <si>
    <t>cg18981277</t>
  </si>
  <si>
    <t>cg18984211</t>
  </si>
  <si>
    <t>cg18984486</t>
  </si>
  <si>
    <t>cg18987335</t>
  </si>
  <si>
    <t>cg18988685</t>
  </si>
  <si>
    <t>cg18988938</t>
  </si>
  <si>
    <t>cg18989909</t>
  </si>
  <si>
    <t>cg18990157</t>
  </si>
  <si>
    <t>cg18991240</t>
  </si>
  <si>
    <t>cg18992265</t>
  </si>
  <si>
    <t>cg18994033</t>
  </si>
  <si>
    <t>cg18994446</t>
  </si>
  <si>
    <t>cg18995558</t>
  </si>
  <si>
    <t>cg18996274</t>
  </si>
  <si>
    <t>cg18997875</t>
  </si>
  <si>
    <t>cg18998138</t>
  </si>
  <si>
    <t>cg18998670</t>
  </si>
  <si>
    <t>cg19000349</t>
  </si>
  <si>
    <t>cg19006211</t>
  </si>
  <si>
    <t>cg19007167</t>
  </si>
  <si>
    <t>cg19008649</t>
  </si>
  <si>
    <t>cg19015611</t>
  </si>
  <si>
    <t>cg19017581</t>
  </si>
  <si>
    <t>cg19019321</t>
  </si>
  <si>
    <t>cg19024599</t>
  </si>
  <si>
    <t>cg19024632</t>
  </si>
  <si>
    <t>cg19028160</t>
  </si>
  <si>
    <t>cg19029220</t>
  </si>
  <si>
    <t>cg19032144</t>
  </si>
  <si>
    <t>cg19035031</t>
  </si>
  <si>
    <t>cg19035526</t>
  </si>
  <si>
    <t>cg19040077</t>
  </si>
  <si>
    <t>cg19040667</t>
  </si>
  <si>
    <t>cg19045733</t>
  </si>
  <si>
    <t>cg19046253</t>
  </si>
  <si>
    <t>cg19049194</t>
  </si>
  <si>
    <t>cg19050351</t>
  </si>
  <si>
    <t>cg19050596</t>
  </si>
  <si>
    <t>cg19051912</t>
  </si>
  <si>
    <t>cg19058585</t>
  </si>
  <si>
    <t>cg19061982</t>
  </si>
  <si>
    <t>cg19067791</t>
  </si>
  <si>
    <t>cg19071342</t>
  </si>
  <si>
    <t>cg19071879</t>
  </si>
  <si>
    <t>cg19072083</t>
  </si>
  <si>
    <t>cg19074292</t>
  </si>
  <si>
    <t>cg19074496</t>
  </si>
  <si>
    <t>cg19074970</t>
  </si>
  <si>
    <t>cg19075252</t>
  </si>
  <si>
    <t>cg19077400</t>
  </si>
  <si>
    <t>cg19078574</t>
  </si>
  <si>
    <t>cg19081759</t>
  </si>
  <si>
    <t>cg19083407</t>
  </si>
  <si>
    <t>cg19084127</t>
  </si>
  <si>
    <t>cg19089844</t>
  </si>
  <si>
    <t>cg19093890</t>
  </si>
  <si>
    <t>cg19093939</t>
  </si>
  <si>
    <t>cg19098826</t>
  </si>
  <si>
    <t>cg19101417</t>
  </si>
  <si>
    <t>cg19102771</t>
  </si>
  <si>
    <t>cg19106467</t>
  </si>
  <si>
    <t>cg19109762</t>
  </si>
  <si>
    <t>cg19111030</t>
  </si>
  <si>
    <t>cg19115882</t>
  </si>
  <si>
    <t>cg19124151</t>
  </si>
  <si>
    <t>cg19124316</t>
  </si>
  <si>
    <t>cg19124521</t>
  </si>
  <si>
    <t>cg19137671</t>
  </si>
  <si>
    <t>cg19139589</t>
  </si>
  <si>
    <t>cg19141132</t>
  </si>
  <si>
    <t>cg19141556</t>
  </si>
  <si>
    <t>cg19141644</t>
  </si>
  <si>
    <t>cg19145272</t>
  </si>
  <si>
    <t>cg19146119</t>
  </si>
  <si>
    <t>cg19147570</t>
  </si>
  <si>
    <t>cg19148731</t>
  </si>
  <si>
    <t>cg19148866</t>
  </si>
  <si>
    <t>cg19149789</t>
  </si>
  <si>
    <t>cg19153133</t>
  </si>
  <si>
    <t>cg19155789</t>
  </si>
  <si>
    <t>cg19159853</t>
  </si>
  <si>
    <t>cg19160322</t>
  </si>
  <si>
    <t>cg19160878</t>
  </si>
  <si>
    <t>cg19176530</t>
  </si>
  <si>
    <t>cg19180827</t>
  </si>
  <si>
    <t>cg19182557</t>
  </si>
  <si>
    <t>cg19183358</t>
  </si>
  <si>
    <t>cg19183395</t>
  </si>
  <si>
    <t>cg19183742</t>
  </si>
  <si>
    <t>cg19184688</t>
  </si>
  <si>
    <t>cg19185146</t>
  </si>
  <si>
    <t>cg19185846</t>
  </si>
  <si>
    <t>cg19188632</t>
  </si>
  <si>
    <t>cg19193403</t>
  </si>
  <si>
    <t>cg19194448</t>
  </si>
  <si>
    <t>cg19195949</t>
  </si>
  <si>
    <t>cg19197236</t>
  </si>
  <si>
    <t>cg19198794</t>
  </si>
  <si>
    <t>cg19198913</t>
  </si>
  <si>
    <t>cg19202618</t>
  </si>
  <si>
    <t>cg19203504</t>
  </si>
  <si>
    <t>cg19205037</t>
  </si>
  <si>
    <t>cg19211851</t>
  </si>
  <si>
    <t>cg19214097</t>
  </si>
  <si>
    <t>cg19215671</t>
  </si>
  <si>
    <t>cg19217214</t>
  </si>
  <si>
    <t>cg19218722</t>
  </si>
  <si>
    <t>cg19219231</t>
  </si>
  <si>
    <t>cg19220272</t>
  </si>
  <si>
    <t>cg19220282</t>
  </si>
  <si>
    <t>cg19220868</t>
  </si>
  <si>
    <t>cg19221620</t>
  </si>
  <si>
    <t>cg19222712</t>
  </si>
  <si>
    <t>cg19223411</t>
  </si>
  <si>
    <t>cg19223521</t>
  </si>
  <si>
    <t>cg19225422</t>
  </si>
  <si>
    <t>cg19225688</t>
  </si>
  <si>
    <t>cg19226358</t>
  </si>
  <si>
    <t>cg19226872</t>
  </si>
  <si>
    <t>cg19234858</t>
  </si>
  <si>
    <t>cg19235490</t>
  </si>
  <si>
    <t>cg19235893</t>
  </si>
  <si>
    <t>cg19240090</t>
  </si>
  <si>
    <t>cg19240637</t>
  </si>
  <si>
    <t>cg19241305</t>
  </si>
  <si>
    <t>cg19241831</t>
  </si>
  <si>
    <t>cg19242459</t>
  </si>
  <si>
    <t>cg19246065</t>
  </si>
  <si>
    <t>cg19255191</t>
  </si>
  <si>
    <t>cg19256292</t>
  </si>
  <si>
    <t>cg19256400</t>
  </si>
  <si>
    <t>cg19257464</t>
  </si>
  <si>
    <t>cg19263433</t>
  </si>
  <si>
    <t>cg19266265</t>
  </si>
  <si>
    <t>cg19267252</t>
  </si>
  <si>
    <t>cg19267313</t>
  </si>
  <si>
    <t>cg19274871</t>
  </si>
  <si>
    <t>cg19275653</t>
  </si>
  <si>
    <t>cg19275757</t>
  </si>
  <si>
    <t>cg19275978</t>
  </si>
  <si>
    <t>cg19277401</t>
  </si>
  <si>
    <t>cg19280133</t>
  </si>
  <si>
    <t>cg19284751</t>
  </si>
  <si>
    <t>cg19285774</t>
  </si>
  <si>
    <t>cg19286686</t>
  </si>
  <si>
    <t>cg19286687</t>
  </si>
  <si>
    <t>cg19288921</t>
  </si>
  <si>
    <t>cg19290455</t>
  </si>
  <si>
    <t>cg19300632</t>
  </si>
  <si>
    <t>cg19302347</t>
  </si>
  <si>
    <t>cg19302831</t>
  </si>
  <si>
    <t>cg19303865</t>
  </si>
  <si>
    <t>cg19304003</t>
  </si>
  <si>
    <t>cg19306307</t>
  </si>
  <si>
    <t>cg19309079</t>
  </si>
  <si>
    <t>cg19311572</t>
  </si>
  <si>
    <t>cg19323958</t>
  </si>
  <si>
    <t>cg19324027</t>
  </si>
  <si>
    <t>cg19325985</t>
  </si>
  <si>
    <t>cg19326543</t>
  </si>
  <si>
    <t>cg19327341</t>
  </si>
  <si>
    <t>cg19331988</t>
  </si>
  <si>
    <t>cg19350270</t>
  </si>
  <si>
    <t>cg19350970</t>
  </si>
  <si>
    <t>cg19351026</t>
  </si>
  <si>
    <t>cg19351143</t>
  </si>
  <si>
    <t>cg19353377</t>
  </si>
  <si>
    <t>cg19353425</t>
  </si>
  <si>
    <t>cg19360794</t>
  </si>
  <si>
    <t>cg19364635</t>
  </si>
  <si>
    <t>cg19364957</t>
  </si>
  <si>
    <t>cg19368625</t>
  </si>
  <si>
    <t>cg19370054</t>
  </si>
  <si>
    <t>cg19370346</t>
  </si>
  <si>
    <t>cg19371203</t>
  </si>
  <si>
    <t>cg19371706</t>
  </si>
  <si>
    <t>cg19372178</t>
  </si>
  <si>
    <t>cg19372578</t>
  </si>
  <si>
    <t>cg19373813</t>
  </si>
  <si>
    <t>cg19375530</t>
  </si>
  <si>
    <t>cg19375539</t>
  </si>
  <si>
    <t>cg19376851</t>
  </si>
  <si>
    <t>cg19376973</t>
  </si>
  <si>
    <t>cg19379541</t>
  </si>
  <si>
    <t>cg19383853</t>
  </si>
  <si>
    <t>cg19384073</t>
  </si>
  <si>
    <t>cg19384717</t>
  </si>
  <si>
    <t>cg19385265</t>
  </si>
  <si>
    <t>cg19391697</t>
  </si>
  <si>
    <t>cg19394737</t>
  </si>
  <si>
    <t>cg19394756</t>
  </si>
  <si>
    <t>cg19397991</t>
  </si>
  <si>
    <t>cg19401923</t>
  </si>
  <si>
    <t>cg19402853</t>
  </si>
  <si>
    <t>cg19402991</t>
  </si>
  <si>
    <t>cg19403014</t>
  </si>
  <si>
    <t>cg19404138</t>
  </si>
  <si>
    <t>cg19404835</t>
  </si>
  <si>
    <t>cg19407604</t>
  </si>
  <si>
    <t>cg19409229</t>
  </si>
  <si>
    <t>cg19410791</t>
  </si>
  <si>
    <t>cg19410845</t>
  </si>
  <si>
    <t>cg19411272</t>
  </si>
  <si>
    <t>cg19411699</t>
  </si>
  <si>
    <t>cg19429323</t>
  </si>
  <si>
    <t>cg19430414</t>
  </si>
  <si>
    <t>cg19434107</t>
  </si>
  <si>
    <t>cg19435835</t>
  </si>
  <si>
    <t>cg19440928</t>
  </si>
  <si>
    <t>cg19441992</t>
  </si>
  <si>
    <t>cg19442593</t>
  </si>
  <si>
    <t>cg19445690</t>
  </si>
  <si>
    <t>cg19448478</t>
  </si>
  <si>
    <t>cg19450816</t>
  </si>
  <si>
    <t>cg19451698</t>
  </si>
  <si>
    <t>cg19452338</t>
  </si>
  <si>
    <t>cg19455144</t>
  </si>
  <si>
    <t>cg19455189</t>
  </si>
  <si>
    <t>cg19463706</t>
  </si>
  <si>
    <t>cg19465165</t>
  </si>
  <si>
    <t>cg19476053</t>
  </si>
  <si>
    <t>cg19482842</t>
  </si>
  <si>
    <t>cg19485804</t>
  </si>
  <si>
    <t>cg19485911</t>
  </si>
  <si>
    <t>cg19486175</t>
  </si>
  <si>
    <t>cg19488206</t>
  </si>
  <si>
    <t>cg19488874</t>
  </si>
  <si>
    <t>cg19489704</t>
  </si>
  <si>
    <t>cg19490001</t>
  </si>
  <si>
    <t>cg19490561</t>
  </si>
  <si>
    <t>cg19496479</t>
  </si>
  <si>
    <t>cg19497021</t>
  </si>
  <si>
    <t>cg19497511</t>
  </si>
  <si>
    <t>cg19500479</t>
  </si>
  <si>
    <t>cg19502744</t>
  </si>
  <si>
    <t>cg19515035</t>
  </si>
  <si>
    <t>cg19515186</t>
  </si>
  <si>
    <t>cg19515245</t>
  </si>
  <si>
    <t>cg19516374</t>
  </si>
  <si>
    <t>cg19524681</t>
  </si>
  <si>
    <t>cg19530886</t>
  </si>
  <si>
    <t>cg19533582</t>
  </si>
  <si>
    <t>cg19534586</t>
  </si>
  <si>
    <t>cg19536127</t>
  </si>
  <si>
    <t>cg19541916</t>
  </si>
  <si>
    <t>cg19544065</t>
  </si>
  <si>
    <t>cg19545621</t>
  </si>
  <si>
    <t>cg19559392</t>
  </si>
  <si>
    <t>cg19563513</t>
  </si>
  <si>
    <t>cg19564450</t>
  </si>
  <si>
    <t>cg19568591</t>
  </si>
  <si>
    <t>cg19568844</t>
  </si>
  <si>
    <t>cg19570155</t>
  </si>
  <si>
    <t>cg19570640</t>
  </si>
  <si>
    <t>cg19572014</t>
  </si>
  <si>
    <t>cg19572157</t>
  </si>
  <si>
    <t>cg19572637</t>
  </si>
  <si>
    <t>cg19573564</t>
  </si>
  <si>
    <t>cg19575372</t>
  </si>
  <si>
    <t>cg19575883</t>
  </si>
  <si>
    <t>cg19577082</t>
  </si>
  <si>
    <t>cg19579160</t>
  </si>
  <si>
    <t>cg19579344</t>
  </si>
  <si>
    <t>cg19581424</t>
  </si>
  <si>
    <t>cg19583211</t>
  </si>
  <si>
    <t>cg19584871</t>
  </si>
  <si>
    <t>cg19590598</t>
  </si>
  <si>
    <t>cg19592185</t>
  </si>
  <si>
    <t>cg19592231</t>
  </si>
  <si>
    <t>cg19592720</t>
  </si>
  <si>
    <t>cg19594691</t>
  </si>
  <si>
    <t>cg19600494</t>
  </si>
  <si>
    <t>cg19611418</t>
  </si>
  <si>
    <t>cg19613432</t>
  </si>
  <si>
    <t>cg19614748</t>
  </si>
  <si>
    <t>cg19614911</t>
  </si>
  <si>
    <t>cg19615711</t>
  </si>
  <si>
    <t>cg19618438</t>
  </si>
  <si>
    <t>cg19622574</t>
  </si>
  <si>
    <t>cg19626761</t>
  </si>
  <si>
    <t>cg19627006</t>
  </si>
  <si>
    <t>cg19633822</t>
  </si>
  <si>
    <t>cg19635810</t>
  </si>
  <si>
    <t>cg19638398</t>
  </si>
  <si>
    <t>cg19638749</t>
  </si>
  <si>
    <t>cg19640339</t>
  </si>
  <si>
    <t>cg19641958</t>
  </si>
  <si>
    <t>cg19642408</t>
  </si>
  <si>
    <t>cg19651219</t>
  </si>
  <si>
    <t>cg19653117</t>
  </si>
  <si>
    <t>cg19655195</t>
  </si>
  <si>
    <t>cg19656890</t>
  </si>
  <si>
    <t>cg19656974</t>
  </si>
  <si>
    <t>cg19664945</t>
  </si>
  <si>
    <t>cg19671120</t>
  </si>
  <si>
    <t>cg19671650</t>
  </si>
  <si>
    <t>cg19673237</t>
  </si>
  <si>
    <t>cg19675223</t>
  </si>
  <si>
    <t>cg19679281</t>
  </si>
  <si>
    <t>cg19696983</t>
  </si>
  <si>
    <t>cg19697911</t>
  </si>
  <si>
    <t>cg19699170</t>
  </si>
  <si>
    <t>cg19699289</t>
  </si>
  <si>
    <t>cg19701828</t>
  </si>
  <si>
    <t>cg19703946</t>
  </si>
  <si>
    <t>cg19704902</t>
  </si>
  <si>
    <t>cg19705386</t>
  </si>
  <si>
    <t>cg19706534</t>
  </si>
  <si>
    <t>cg19706900</t>
  </si>
  <si>
    <t>cg19709058</t>
  </si>
  <si>
    <t>cg19709354</t>
  </si>
  <si>
    <t>cg19710238</t>
  </si>
  <si>
    <t>cg19711579</t>
  </si>
  <si>
    <t>cg19712391</t>
  </si>
  <si>
    <t>cg19712652</t>
  </si>
  <si>
    <t>cg19713083</t>
  </si>
  <si>
    <t>cg19714454</t>
  </si>
  <si>
    <t>cg19715111</t>
  </si>
  <si>
    <t>cg19715873</t>
  </si>
  <si>
    <t>cg19716462</t>
  </si>
  <si>
    <t>cg19716702</t>
  </si>
  <si>
    <t>cg19716816</t>
  </si>
  <si>
    <t>cg19719678</t>
  </si>
  <si>
    <t>cg19721478</t>
  </si>
  <si>
    <t>cg19723091</t>
  </si>
  <si>
    <t>cg19724461</t>
  </si>
  <si>
    <t>cg19729930</t>
  </si>
  <si>
    <t>cg19731541</t>
  </si>
  <si>
    <t>cg19731602</t>
  </si>
  <si>
    <t>cg19733463</t>
  </si>
  <si>
    <t>cg19734937</t>
  </si>
  <si>
    <t>cg19735533</t>
  </si>
  <si>
    <t>cg19735698</t>
  </si>
  <si>
    <t>cg19736660</t>
  </si>
  <si>
    <t>cg19741167</t>
  </si>
  <si>
    <t>cg19741287</t>
  </si>
  <si>
    <t>cg19743545</t>
  </si>
  <si>
    <t>cg19744173</t>
  </si>
  <si>
    <t>cg19744498</t>
  </si>
  <si>
    <t>cg19744723</t>
  </si>
  <si>
    <t>cg19746754</t>
  </si>
  <si>
    <t>cg19753675</t>
  </si>
  <si>
    <t>cg19753864</t>
  </si>
  <si>
    <t>cg19753877</t>
  </si>
  <si>
    <t>cg19754094</t>
  </si>
  <si>
    <t>cg19754387</t>
  </si>
  <si>
    <t>cg19756789</t>
  </si>
  <si>
    <t>cg19758360</t>
  </si>
  <si>
    <t>cg19758881</t>
  </si>
  <si>
    <t>cg19760941</t>
  </si>
  <si>
    <t>cg19761110</t>
  </si>
  <si>
    <t>cg19762657</t>
  </si>
  <si>
    <t>cg19763814</t>
  </si>
  <si>
    <t>cg19764066</t>
  </si>
  <si>
    <t>cg19768950</t>
  </si>
  <si>
    <t>cg19769520</t>
  </si>
  <si>
    <t>cg19770944</t>
  </si>
  <si>
    <t>cg19771465</t>
  </si>
  <si>
    <t>cg19772092</t>
  </si>
  <si>
    <t>cg19789753</t>
  </si>
  <si>
    <t>cg19795150</t>
  </si>
  <si>
    <t>cg19795793</t>
  </si>
  <si>
    <t>cg19795996</t>
  </si>
  <si>
    <t>cg19797930</t>
  </si>
  <si>
    <t>cg19805943</t>
  </si>
  <si>
    <t>cg19821589</t>
  </si>
  <si>
    <t>cg19821872</t>
  </si>
  <si>
    <t>cg19828537</t>
  </si>
  <si>
    <t>cg19831846</t>
  </si>
  <si>
    <t>cg19839281</t>
  </si>
  <si>
    <t>cg19845136</t>
  </si>
  <si>
    <t>cg19847637</t>
  </si>
  <si>
    <t>cg19848082</t>
  </si>
  <si>
    <t>cg19848140</t>
  </si>
  <si>
    <t>cg19850080</t>
  </si>
  <si>
    <t>cg19850163</t>
  </si>
  <si>
    <t>cg19852827</t>
  </si>
  <si>
    <t>cg19856758</t>
  </si>
  <si>
    <t>cg19859335</t>
  </si>
  <si>
    <t>cg19860515</t>
  </si>
  <si>
    <t>cg19862213</t>
  </si>
  <si>
    <t>cg19862272</t>
  </si>
  <si>
    <t>cg19863773</t>
  </si>
  <si>
    <t>cg19867579</t>
  </si>
  <si>
    <t>cg19868691</t>
  </si>
  <si>
    <t>cg19878911</t>
  </si>
  <si>
    <t>cg19882774</t>
  </si>
  <si>
    <t>cg19885539</t>
  </si>
  <si>
    <t>cg19887502</t>
  </si>
  <si>
    <t>cg19889017</t>
  </si>
  <si>
    <t>cg19889780</t>
  </si>
  <si>
    <t>cg19892115</t>
  </si>
  <si>
    <t>cg19892195</t>
  </si>
  <si>
    <t>cg19895503</t>
  </si>
  <si>
    <t>cg19904411</t>
  </si>
  <si>
    <t>cg19905213</t>
  </si>
  <si>
    <t>cg19905379</t>
  </si>
  <si>
    <t>cg19905587</t>
  </si>
  <si>
    <t>cg19906284</t>
  </si>
  <si>
    <t>cg19907796</t>
  </si>
  <si>
    <t>cg19908028</t>
  </si>
  <si>
    <t>cg19908768</t>
  </si>
  <si>
    <t>cg19913889</t>
  </si>
  <si>
    <t>cg19914238</t>
  </si>
  <si>
    <t>cg19917298</t>
  </si>
  <si>
    <t>cg19918002</t>
  </si>
  <si>
    <t>cg19918230</t>
  </si>
  <si>
    <t>cg19921286</t>
  </si>
  <si>
    <t>cg19922493</t>
  </si>
  <si>
    <t>cg19923683</t>
  </si>
  <si>
    <t>cg19925054</t>
  </si>
  <si>
    <t>cg19927920</t>
  </si>
  <si>
    <t>cg19930884</t>
  </si>
  <si>
    <t>cg19931106</t>
  </si>
  <si>
    <t>cg19931596</t>
  </si>
  <si>
    <t>cg19932515</t>
  </si>
  <si>
    <t>cg19953799</t>
  </si>
  <si>
    <t>cg19957905</t>
  </si>
  <si>
    <t>cg19958021</t>
  </si>
  <si>
    <t>cg19958750</t>
  </si>
  <si>
    <t>cg19960590</t>
  </si>
  <si>
    <t>cg19962902</t>
  </si>
  <si>
    <t>cg19963728</t>
  </si>
  <si>
    <t>cg19965810</t>
  </si>
  <si>
    <t>cg19965941</t>
  </si>
  <si>
    <t>cg19971804</t>
  </si>
  <si>
    <t>cg19982471</t>
  </si>
  <si>
    <t>cg19982557</t>
  </si>
  <si>
    <t>cg19988235</t>
  </si>
  <si>
    <t>cg19991086</t>
  </si>
  <si>
    <t>cg19991899</t>
  </si>
  <si>
    <t>cg19992857</t>
  </si>
  <si>
    <t>cg19995899</t>
  </si>
  <si>
    <t>cg19997916</t>
  </si>
  <si>
    <t>cg19998573</t>
  </si>
  <si>
    <t>cg20002942</t>
  </si>
  <si>
    <t>cg20005056</t>
  </si>
  <si>
    <t>cg20010565</t>
  </si>
  <si>
    <t>cg20012888</t>
  </si>
  <si>
    <t>cg20014207</t>
  </si>
  <si>
    <t>cg20016569</t>
  </si>
  <si>
    <t>cg20018225</t>
  </si>
  <si>
    <t>cg20022122</t>
  </si>
  <si>
    <t>cg20025658</t>
  </si>
  <si>
    <t>cg20028470</t>
  </si>
  <si>
    <t>cg20034202</t>
  </si>
  <si>
    <t>cg20035105</t>
  </si>
  <si>
    <t>cg20050113</t>
  </si>
  <si>
    <t>cg20053454</t>
  </si>
  <si>
    <t>cg20055237</t>
  </si>
  <si>
    <t>cg20055776</t>
  </si>
  <si>
    <t>cg20056908</t>
  </si>
  <si>
    <t>cg20058506</t>
  </si>
  <si>
    <t>cg20058848</t>
  </si>
  <si>
    <t>cg20062057</t>
  </si>
  <si>
    <t>cg20063095</t>
  </si>
  <si>
    <t>cg20064106</t>
  </si>
  <si>
    <t>cg20067049</t>
  </si>
  <si>
    <t>cg20070418</t>
  </si>
  <si>
    <t>cg20070631</t>
  </si>
  <si>
    <t>cg20070985</t>
  </si>
  <si>
    <t>cg20072241</t>
  </si>
  <si>
    <t>cg20074593</t>
  </si>
  <si>
    <t>cg20076240</t>
  </si>
  <si>
    <t>cg20082830</t>
  </si>
  <si>
    <t>cg20097593</t>
  </si>
  <si>
    <t>cg20102034</t>
  </si>
  <si>
    <t>cg20104535</t>
  </si>
  <si>
    <t>cg20113947</t>
  </si>
  <si>
    <t>cg20120070</t>
  </si>
  <si>
    <t>cg20125559</t>
  </si>
  <si>
    <t>cg20128319</t>
  </si>
  <si>
    <t>cg20128773</t>
  </si>
  <si>
    <t>cg20140201</t>
  </si>
  <si>
    <t>cg20140363</t>
  </si>
  <si>
    <t>cg20144002</t>
  </si>
  <si>
    <t>cg20146536</t>
  </si>
  <si>
    <t>cg20147164</t>
  </si>
  <si>
    <t>cg20147389</t>
  </si>
  <si>
    <t>cg20147515</t>
  </si>
  <si>
    <t>cg20149531</t>
  </si>
  <si>
    <t>cg20154206</t>
  </si>
  <si>
    <t>cg20155196</t>
  </si>
  <si>
    <t>cg20158317</t>
  </si>
  <si>
    <t>cg20171624</t>
  </si>
  <si>
    <t>cg20174730</t>
  </si>
  <si>
    <t>cg20175390</t>
  </si>
  <si>
    <t>cg20176194</t>
  </si>
  <si>
    <t>cg20189682</t>
  </si>
  <si>
    <t>cg20191795</t>
  </si>
  <si>
    <t>cg20191959</t>
  </si>
  <si>
    <t>cg20194871</t>
  </si>
  <si>
    <t>cg20195812</t>
  </si>
  <si>
    <t>cg20196910</t>
  </si>
  <si>
    <t>cg20199347</t>
  </si>
  <si>
    <t>cg20199770</t>
  </si>
  <si>
    <t>cg20200080</t>
  </si>
  <si>
    <t>cg20203400</t>
  </si>
  <si>
    <t>cg20203971</t>
  </si>
  <si>
    <t>cg20205284</t>
  </si>
  <si>
    <t>cg20210057</t>
  </si>
  <si>
    <t>cg20213613</t>
  </si>
  <si>
    <t>cg20214973</t>
  </si>
  <si>
    <t>cg20218060</t>
  </si>
  <si>
    <t>cg20219891</t>
  </si>
  <si>
    <t>cg20221591</t>
  </si>
  <si>
    <t>cg20224517</t>
  </si>
  <si>
    <t>cg20227806</t>
  </si>
  <si>
    <t>cg20228495</t>
  </si>
  <si>
    <t>cg20229027</t>
  </si>
  <si>
    <t>cg20229939</t>
  </si>
  <si>
    <t>cg20230416</t>
  </si>
  <si>
    <t>cg20231883</t>
  </si>
  <si>
    <t>cg20231900</t>
  </si>
  <si>
    <t>cg20234855</t>
  </si>
  <si>
    <t>cg20247600</t>
  </si>
  <si>
    <t>cg20247708</t>
  </si>
  <si>
    <t>cg20248082</t>
  </si>
  <si>
    <t>cg20248656</t>
  </si>
  <si>
    <t>cg20249169</t>
  </si>
  <si>
    <t>cg20249877</t>
  </si>
  <si>
    <t>cg20250343</t>
  </si>
  <si>
    <t>cg20254225</t>
  </si>
  <si>
    <t>cg20254231</t>
  </si>
  <si>
    <t>cg20256649</t>
  </si>
  <si>
    <t>cg20260610</t>
  </si>
  <si>
    <t>cg20268018</t>
  </si>
  <si>
    <t>cg20268352</t>
  </si>
  <si>
    <t>cg20268893</t>
  </si>
  <si>
    <t>cg20269797</t>
  </si>
  <si>
    <t>cg20270231</t>
  </si>
  <si>
    <t>cg20275244</t>
  </si>
  <si>
    <t>cg20281264</t>
  </si>
  <si>
    <t>cg20289949</t>
  </si>
  <si>
    <t>cg20291049</t>
  </si>
  <si>
    <t>cg20291846</t>
  </si>
  <si>
    <t>cg20292112</t>
  </si>
  <si>
    <t>cg20294870</t>
  </si>
  <si>
    <t>cg20296298</t>
  </si>
  <si>
    <t>cg20296924</t>
  </si>
  <si>
    <t>cg20297907</t>
  </si>
  <si>
    <t>cg20298668</t>
  </si>
  <si>
    <t>cg20300315</t>
  </si>
  <si>
    <t>cg20300592</t>
  </si>
  <si>
    <t>cg20302069</t>
  </si>
  <si>
    <t>cg20302165</t>
  </si>
  <si>
    <t>cg20302572</t>
  </si>
  <si>
    <t>cg20303033</t>
  </si>
  <si>
    <t>cg20305028</t>
  </si>
  <si>
    <t>cg20307125</t>
  </si>
  <si>
    <t>cg20308679</t>
  </si>
  <si>
    <t>cg20310485</t>
  </si>
  <si>
    <t>cg20311261</t>
  </si>
  <si>
    <t>cg20313969</t>
  </si>
  <si>
    <t>cg20314331</t>
  </si>
  <si>
    <t>cg20315257</t>
  </si>
  <si>
    <t>cg20315796</t>
  </si>
  <si>
    <t>cg20316048</t>
  </si>
  <si>
    <t>cg20316538</t>
  </si>
  <si>
    <t>cg20318662</t>
  </si>
  <si>
    <t>cg20318845</t>
  </si>
  <si>
    <t>cg20321251</t>
  </si>
  <si>
    <t>cg20324777</t>
  </si>
  <si>
    <t>cg20333001</t>
  </si>
  <si>
    <t>cg20333027</t>
  </si>
  <si>
    <t>cg20335008</t>
  </si>
  <si>
    <t>cg20336204</t>
  </si>
  <si>
    <t>cg20338384</t>
  </si>
  <si>
    <t>cg20340242</t>
  </si>
  <si>
    <t>cg20340250</t>
  </si>
  <si>
    <t>cg20340501</t>
  </si>
  <si>
    <t>cg20342255</t>
  </si>
  <si>
    <t>cg20346503</t>
  </si>
  <si>
    <t>cg20348189</t>
  </si>
  <si>
    <t>cg20349687</t>
  </si>
  <si>
    <t>cg20349803</t>
  </si>
  <si>
    <t>cg20351405</t>
  </si>
  <si>
    <t>cg20353465</t>
  </si>
  <si>
    <t>cg20354859</t>
  </si>
  <si>
    <t>cg20363891</t>
  </si>
  <si>
    <t>cg20365451</t>
  </si>
  <si>
    <t>cg20366258</t>
  </si>
  <si>
    <t>cg20370783</t>
  </si>
  <si>
    <t>cg20386303</t>
  </si>
  <si>
    <t>cg20387706</t>
  </si>
  <si>
    <t>cg20388462</t>
  </si>
  <si>
    <t>cg20389678</t>
  </si>
  <si>
    <t>cg20390515</t>
  </si>
  <si>
    <t>cg20391432</t>
  </si>
  <si>
    <t>cg20391793</t>
  </si>
  <si>
    <t>cg20396053</t>
  </si>
  <si>
    <t>cg20398120</t>
  </si>
  <si>
    <t>cg20398418</t>
  </si>
  <si>
    <t>cg20398560</t>
  </si>
  <si>
    <t>cg20401130</t>
  </si>
  <si>
    <t>cg20401252</t>
  </si>
  <si>
    <t>cg20401875</t>
  </si>
  <si>
    <t>cg20401896</t>
  </si>
  <si>
    <t>cg20402064</t>
  </si>
  <si>
    <t>cg20402664</t>
  </si>
  <si>
    <t>cg20402826</t>
  </si>
  <si>
    <t>cg20405384</t>
  </si>
  <si>
    <t>cg20405508</t>
  </si>
  <si>
    <t>cg20406730</t>
  </si>
  <si>
    <t>cg20408276</t>
  </si>
  <si>
    <t>cg20418725</t>
  </si>
  <si>
    <t>cg20419545</t>
  </si>
  <si>
    <t>cg20419724</t>
  </si>
  <si>
    <t>cg20424973</t>
  </si>
  <si>
    <t>cg20428596</t>
  </si>
  <si>
    <t>cg20428989</t>
  </si>
  <si>
    <t>cg20433812</t>
  </si>
  <si>
    <t>cg20435345</t>
  </si>
  <si>
    <t>cg20436533</t>
  </si>
  <si>
    <t>cg20437098</t>
  </si>
  <si>
    <t>cg20437892</t>
  </si>
  <si>
    <t>cg20442078</t>
  </si>
  <si>
    <t>cg20445197</t>
  </si>
  <si>
    <t>cg20453985</t>
  </si>
  <si>
    <t>cg20454887</t>
  </si>
  <si>
    <t>cg20456243</t>
  </si>
  <si>
    <t>cg20458922</t>
  </si>
  <si>
    <t>cg20460227</t>
  </si>
  <si>
    <t>cg20462191</t>
  </si>
  <si>
    <t>cg20469837</t>
  </si>
  <si>
    <t>cg20471298</t>
  </si>
  <si>
    <t>cg20471562</t>
  </si>
  <si>
    <t>cg20475082</t>
  </si>
  <si>
    <t>cg20476058</t>
  </si>
  <si>
    <t>cg20483361</t>
  </si>
  <si>
    <t>cg20489909</t>
  </si>
  <si>
    <t>cg20491726</t>
  </si>
  <si>
    <t>cg20491929</t>
  </si>
  <si>
    <t>cg20492449</t>
  </si>
  <si>
    <t>cg20495418</t>
  </si>
  <si>
    <t>cg20496134</t>
  </si>
  <si>
    <t>cg20497627</t>
  </si>
  <si>
    <t>cg20499685</t>
  </si>
  <si>
    <t>cg20499730</t>
  </si>
  <si>
    <t>cg20507732</t>
  </si>
  <si>
    <t>cg20513777</t>
  </si>
  <si>
    <t>cg20514322</t>
  </si>
  <si>
    <t>cg20514520</t>
  </si>
  <si>
    <t>cg20515672</t>
  </si>
  <si>
    <t>cg20516151</t>
  </si>
  <si>
    <t>cg20516209</t>
  </si>
  <si>
    <t>cg20518810</t>
  </si>
  <si>
    <t>cg20520115</t>
  </si>
  <si>
    <t>cg20535646</t>
  </si>
  <si>
    <t>cg20536469</t>
  </si>
  <si>
    <t>cg20540969</t>
  </si>
  <si>
    <t>cg20541120</t>
  </si>
  <si>
    <t>cg20545976</t>
  </si>
  <si>
    <t>cg20547295</t>
  </si>
  <si>
    <t>cg20549545</t>
  </si>
  <si>
    <t>cg20552012</t>
  </si>
  <si>
    <t>cg20556936</t>
  </si>
  <si>
    <t>cg20561589</t>
  </si>
  <si>
    <t>cg20561632</t>
  </si>
  <si>
    <t>cg20569070</t>
  </si>
  <si>
    <t>cg20570611</t>
  </si>
  <si>
    <t>cg20570797</t>
  </si>
  <si>
    <t>cg20571116</t>
  </si>
  <si>
    <t>cg20571513</t>
  </si>
  <si>
    <t>cg20577538</t>
  </si>
  <si>
    <t>cg20584905</t>
  </si>
  <si>
    <t>cg20585659</t>
  </si>
  <si>
    <t>cg20585676</t>
  </si>
  <si>
    <t>cg20586051</t>
  </si>
  <si>
    <t>cg20587874</t>
  </si>
  <si>
    <t>cg20591120</t>
  </si>
  <si>
    <t>cg20591408</t>
  </si>
  <si>
    <t>cg20591652</t>
  </si>
  <si>
    <t>cg20592766</t>
  </si>
  <si>
    <t>cg20599967</t>
  </si>
  <si>
    <t>cg20604456</t>
  </si>
  <si>
    <t>cg20605061</t>
  </si>
  <si>
    <t>cg20608294</t>
  </si>
  <si>
    <t>cg20623601</t>
  </si>
  <si>
    <t>cg20626840</t>
  </si>
  <si>
    <t>cg20627046</t>
  </si>
  <si>
    <t>cg20627174</t>
  </si>
  <si>
    <t>cg20627572</t>
  </si>
  <si>
    <t>cg20627633</t>
  </si>
  <si>
    <t>cg20630567</t>
  </si>
  <si>
    <t>cg20634573</t>
  </si>
  <si>
    <t>cg20636352</t>
  </si>
  <si>
    <t>cg20647694</t>
  </si>
  <si>
    <t>cg20647799</t>
  </si>
  <si>
    <t>cg20653012</t>
  </si>
  <si>
    <t>cg20656871</t>
  </si>
  <si>
    <t>cg20657709</t>
  </si>
  <si>
    <t>cg20660350</t>
  </si>
  <si>
    <t>cg20661391</t>
  </si>
  <si>
    <t>cg20662616</t>
  </si>
  <si>
    <t>cg20663365</t>
  </si>
  <si>
    <t>cg20667519</t>
  </si>
  <si>
    <t>cg20667782</t>
  </si>
  <si>
    <t>cg20667949</t>
  </si>
  <si>
    <t>cg20669908</t>
  </si>
  <si>
    <t>cg20673481</t>
  </si>
  <si>
    <t>cg20680798</t>
  </si>
  <si>
    <t>cg20682991</t>
  </si>
  <si>
    <t>cg20683151</t>
  </si>
  <si>
    <t>cg20691283</t>
  </si>
  <si>
    <t>cg20692810</t>
  </si>
  <si>
    <t>cg20693690</t>
  </si>
  <si>
    <t>cg20693854</t>
  </si>
  <si>
    <t>cg20694820</t>
  </si>
  <si>
    <t>cg20699736</t>
  </si>
  <si>
    <t>cg20701689</t>
  </si>
  <si>
    <t>cg20704342</t>
  </si>
  <si>
    <t>cg20705236</t>
  </si>
  <si>
    <t>cg20706438</t>
  </si>
  <si>
    <t>cg20706526</t>
  </si>
  <si>
    <t>cg20706597</t>
  </si>
  <si>
    <t>cg20706776</t>
  </si>
  <si>
    <t>cg20706778</t>
  </si>
  <si>
    <t>cg20707195</t>
  </si>
  <si>
    <t>cg20710902</t>
  </si>
  <si>
    <t>cg20713174</t>
  </si>
  <si>
    <t>cg20713712</t>
  </si>
  <si>
    <t>cg20720697</t>
  </si>
  <si>
    <t>cg20720918</t>
  </si>
  <si>
    <t>cg20722129</t>
  </si>
  <si>
    <t>cg20725334</t>
  </si>
  <si>
    <t>cg20726804</t>
  </si>
  <si>
    <t>cg20728746</t>
  </si>
  <si>
    <t>cg20730198</t>
  </si>
  <si>
    <t>cg20731031</t>
  </si>
  <si>
    <t>cg20739223</t>
  </si>
  <si>
    <t>cg20739504</t>
  </si>
  <si>
    <t>cg20739984</t>
  </si>
  <si>
    <t>cg20740711</t>
  </si>
  <si>
    <t>cg20749185</t>
  </si>
  <si>
    <t>cg20751086</t>
  </si>
  <si>
    <t>cg20754261</t>
  </si>
  <si>
    <t>cg20755820</t>
  </si>
  <si>
    <t>cg20756702</t>
  </si>
  <si>
    <t>cg20761182</t>
  </si>
  <si>
    <t>cg20767936</t>
  </si>
  <si>
    <t>cg20771988</t>
  </si>
  <si>
    <t>cg20775254</t>
  </si>
  <si>
    <t>cg20781140</t>
  </si>
  <si>
    <t>cg20786074</t>
  </si>
  <si>
    <t>cg20786246</t>
  </si>
  <si>
    <t>cg20787648</t>
  </si>
  <si>
    <t>cg20791593</t>
  </si>
  <si>
    <t>cg20793341</t>
  </si>
  <si>
    <t>cg20794334</t>
  </si>
  <si>
    <t>cg20795401</t>
  </si>
  <si>
    <t>cg20795889</t>
  </si>
  <si>
    <t>cg20798460</t>
  </si>
  <si>
    <t>cg20799917</t>
  </si>
  <si>
    <t>cg20800816</t>
  </si>
  <si>
    <t>cg20801532</t>
  </si>
  <si>
    <t>cg20801783</t>
  </si>
  <si>
    <t>cg20803618</t>
  </si>
  <si>
    <t>cg20806130</t>
  </si>
  <si>
    <t>cg20806296</t>
  </si>
  <si>
    <t>cg20807790</t>
  </si>
  <si>
    <t>cg20807948</t>
  </si>
  <si>
    <t>cg20812988</t>
  </si>
  <si>
    <t>cg20814312</t>
  </si>
  <si>
    <t>cg20816104</t>
  </si>
  <si>
    <t>cg20820759</t>
  </si>
  <si>
    <t>cg20820876</t>
  </si>
  <si>
    <t>cg20823742</t>
  </si>
  <si>
    <t>cg20836546</t>
  </si>
  <si>
    <t>cg20836795</t>
  </si>
  <si>
    <t>cg20837626</t>
  </si>
  <si>
    <t>cg20839205</t>
  </si>
  <si>
    <t>cg20841047</t>
  </si>
  <si>
    <t>cg20841134</t>
  </si>
  <si>
    <t>cg20841588</t>
  </si>
  <si>
    <t>cg20843052</t>
  </si>
  <si>
    <t>cg20853361</t>
  </si>
  <si>
    <t>cg20854286</t>
  </si>
  <si>
    <t>cg20854539</t>
  </si>
  <si>
    <t>cg20856436</t>
  </si>
  <si>
    <t>cg20858224</t>
  </si>
  <si>
    <t>cg20859099</t>
  </si>
  <si>
    <t>cg20860726</t>
  </si>
  <si>
    <t>cg20863673</t>
  </si>
  <si>
    <t>cg20863949</t>
  </si>
  <si>
    <t>cg20870360</t>
  </si>
  <si>
    <t>cg20870885</t>
  </si>
  <si>
    <t>cg20872072</t>
  </si>
  <si>
    <t>cg20872981</t>
  </si>
  <si>
    <t>cg20873136</t>
  </si>
  <si>
    <t>cg20881175</t>
  </si>
  <si>
    <t>cg20883684</t>
  </si>
  <si>
    <t>cg20884098</t>
  </si>
  <si>
    <t>cg20885078</t>
  </si>
  <si>
    <t>cg20885815</t>
  </si>
  <si>
    <t>cg20888326</t>
  </si>
  <si>
    <t>cg20888386</t>
  </si>
  <si>
    <t>cg20888435</t>
  </si>
  <si>
    <t>cg20890989</t>
  </si>
  <si>
    <t>cg20891558</t>
  </si>
  <si>
    <t>cg20893172</t>
  </si>
  <si>
    <t>cg20896233</t>
  </si>
  <si>
    <t>cg20899383</t>
  </si>
  <si>
    <t>cg20899781</t>
  </si>
  <si>
    <t>cg20900008</t>
  </si>
  <si>
    <t>cg20902958</t>
  </si>
  <si>
    <t>cg20912850</t>
  </si>
  <si>
    <t>cg20913491</t>
  </si>
  <si>
    <t>cg20914725</t>
  </si>
  <si>
    <t>cg20921659</t>
  </si>
  <si>
    <t>cg20923498</t>
  </si>
  <si>
    <t>cg20924136</t>
  </si>
  <si>
    <t>cg20924425</t>
  </si>
  <si>
    <t>cg20924825</t>
  </si>
  <si>
    <t>cg20928986</t>
  </si>
  <si>
    <t>cg20930094</t>
  </si>
  <si>
    <t>cg20930114</t>
  </si>
  <si>
    <t>cg20931474</t>
  </si>
  <si>
    <t>cg20932768</t>
  </si>
  <si>
    <t>cg20939723</t>
  </si>
  <si>
    <t>cg20940661</t>
  </si>
  <si>
    <t>cg20944303</t>
  </si>
  <si>
    <t>cg20948740</t>
  </si>
  <si>
    <t>cg20951334</t>
  </si>
  <si>
    <t>cg20952768</t>
  </si>
  <si>
    <t>cg20954460</t>
  </si>
  <si>
    <t>cg20954977</t>
  </si>
  <si>
    <t>cg20955027</t>
  </si>
  <si>
    <t>cg20955839</t>
  </si>
  <si>
    <t>cg20955989</t>
  </si>
  <si>
    <t>cg20957316</t>
  </si>
  <si>
    <t>cg20959523</t>
  </si>
  <si>
    <t>cg20961425</t>
  </si>
  <si>
    <t>cg20962638</t>
  </si>
  <si>
    <t>cg20964398</t>
  </si>
  <si>
    <t>cg20969148</t>
  </si>
  <si>
    <t>cg20969194</t>
  </si>
  <si>
    <t>cg20969643</t>
  </si>
  <si>
    <t>cg20971623</t>
  </si>
  <si>
    <t>cg20986875</t>
  </si>
  <si>
    <t>cg20988215</t>
  </si>
  <si>
    <t>cg20991102</t>
  </si>
  <si>
    <t>cg20995188</t>
  </si>
  <si>
    <t>cg20995564</t>
  </si>
  <si>
    <t>cg21008684</t>
  </si>
  <si>
    <t>cg21009226</t>
  </si>
  <si>
    <t>cg21010472</t>
  </si>
  <si>
    <t>cg21011350</t>
  </si>
  <si>
    <t>cg21011403</t>
  </si>
  <si>
    <t>cg21011616</t>
  </si>
  <si>
    <t>cg21012647</t>
  </si>
  <si>
    <t>cg21014972</t>
  </si>
  <si>
    <t>cg21019043</t>
  </si>
  <si>
    <t>cg21020082</t>
  </si>
  <si>
    <t>cg21023831</t>
  </si>
  <si>
    <t>cg21027791</t>
  </si>
  <si>
    <t>cg21029591</t>
  </si>
  <si>
    <t>cg21029761</t>
  </si>
  <si>
    <t>cg21032473</t>
  </si>
  <si>
    <t>cg21032628</t>
  </si>
  <si>
    <t>cg21032661</t>
  </si>
  <si>
    <t>cg21034784</t>
  </si>
  <si>
    <t>cg21037570</t>
  </si>
  <si>
    <t>cg21037892</t>
  </si>
  <si>
    <t>cg21038382</t>
  </si>
  <si>
    <t>cg21038418</t>
  </si>
  <si>
    <t>cg21039410</t>
  </si>
  <si>
    <t>cg21040360</t>
  </si>
  <si>
    <t>cg21041181</t>
  </si>
  <si>
    <t>cg21044433</t>
  </si>
  <si>
    <t>cg21044572</t>
  </si>
  <si>
    <t>cg21045604</t>
  </si>
  <si>
    <t>cg21046119</t>
  </si>
  <si>
    <t>cg21047367</t>
  </si>
  <si>
    <t>cg21047823</t>
  </si>
  <si>
    <t>cg21048927</t>
  </si>
  <si>
    <t>cg21054919</t>
  </si>
  <si>
    <t>cg21068480</t>
  </si>
  <si>
    <t>cg21073859</t>
  </si>
  <si>
    <t>cg21076680</t>
  </si>
  <si>
    <t>cg21084456</t>
  </si>
  <si>
    <t>cg21084508</t>
  </si>
  <si>
    <t>cg21085625</t>
  </si>
  <si>
    <t>cg21086083</t>
  </si>
  <si>
    <t>cg21103250</t>
  </si>
  <si>
    <t>cg21113773</t>
  </si>
  <si>
    <t>cg21116021</t>
  </si>
  <si>
    <t>cg21116934</t>
  </si>
  <si>
    <t>cg21118780</t>
  </si>
  <si>
    <t>cg21120063</t>
  </si>
  <si>
    <t>cg21123366</t>
  </si>
  <si>
    <t>cg21124476</t>
  </si>
  <si>
    <t>cg21128415</t>
  </si>
  <si>
    <t>cg21128569</t>
  </si>
  <si>
    <t>cg21129864</t>
  </si>
  <si>
    <t>cg21133613</t>
  </si>
  <si>
    <t>cg21136443</t>
  </si>
  <si>
    <t>cg21137417</t>
  </si>
  <si>
    <t>cg21139003</t>
  </si>
  <si>
    <t>cg21140246</t>
  </si>
  <si>
    <t>cg21144587</t>
  </si>
  <si>
    <t>cg21147890</t>
  </si>
  <si>
    <t>cg21148892</t>
  </si>
  <si>
    <t>cg21149811</t>
  </si>
  <si>
    <t>cg21150026</t>
  </si>
  <si>
    <t>cg21151017</t>
  </si>
  <si>
    <t>cg21151122</t>
  </si>
  <si>
    <t>cg21151163</t>
  </si>
  <si>
    <t>cg21151432</t>
  </si>
  <si>
    <t>cg21151633</t>
  </si>
  <si>
    <t>cg21154079</t>
  </si>
  <si>
    <t>cg21158027</t>
  </si>
  <si>
    <t>cg21165221</t>
  </si>
  <si>
    <t>cg21173221</t>
  </si>
  <si>
    <t>cg21174506</t>
  </si>
  <si>
    <t>cg21177096</t>
  </si>
  <si>
    <t>cg21184281</t>
  </si>
  <si>
    <t>cg21184951</t>
  </si>
  <si>
    <t>cg21187597</t>
  </si>
  <si>
    <t>cg21190228</t>
  </si>
  <si>
    <t>cg21194765</t>
  </si>
  <si>
    <t>cg21195462</t>
  </si>
  <si>
    <t>cg21199165</t>
  </si>
  <si>
    <t>cg21200667</t>
  </si>
  <si>
    <t>cg21202452</t>
  </si>
  <si>
    <t>cg21205320</t>
  </si>
  <si>
    <t>cg21206147</t>
  </si>
  <si>
    <t>cg21207731</t>
  </si>
  <si>
    <t>cg21209911</t>
  </si>
  <si>
    <t>cg21210220</t>
  </si>
  <si>
    <t>cg21215767</t>
  </si>
  <si>
    <t>cg21216118</t>
  </si>
  <si>
    <t>cg21216606</t>
  </si>
  <si>
    <t>cg21218883</t>
  </si>
  <si>
    <t>cg21223159</t>
  </si>
  <si>
    <t>cg21226516</t>
  </si>
  <si>
    <t>cg21232161</t>
  </si>
  <si>
    <t>cg21236182</t>
  </si>
  <si>
    <t>cg21238404</t>
  </si>
  <si>
    <t>cg21238743</t>
  </si>
  <si>
    <t>cg21239997</t>
  </si>
  <si>
    <t>cg21240640</t>
  </si>
  <si>
    <t>cg21240684</t>
  </si>
  <si>
    <t>cg21243589</t>
  </si>
  <si>
    <t>cg21243951</t>
  </si>
  <si>
    <t>cg21245277</t>
  </si>
  <si>
    <t>cg21245652</t>
  </si>
  <si>
    <t>cg21247338</t>
  </si>
  <si>
    <t>cg21247590</t>
  </si>
  <si>
    <t>cg21250164</t>
  </si>
  <si>
    <t>cg21251791</t>
  </si>
  <si>
    <t>cg21253551</t>
  </si>
  <si>
    <t>cg21261027</t>
  </si>
  <si>
    <t>cg21269523</t>
  </si>
  <si>
    <t>cg21273088</t>
  </si>
  <si>
    <t>cg21274067</t>
  </si>
  <si>
    <t>cg21276379</t>
  </si>
  <si>
    <t>cg21292012</t>
  </si>
  <si>
    <t>cg21294960</t>
  </si>
  <si>
    <t>cg21296320</t>
  </si>
  <si>
    <t>cg21299958</t>
  </si>
  <si>
    <t>cg21301879</t>
  </si>
  <si>
    <t>cg21301942</t>
  </si>
  <si>
    <t>cg21302563</t>
  </si>
  <si>
    <t>cg21302622</t>
  </si>
  <si>
    <t>cg21302796</t>
  </si>
  <si>
    <t>cg21302951</t>
  </si>
  <si>
    <t>cg21303039</t>
  </si>
  <si>
    <t>cg21304158</t>
  </si>
  <si>
    <t>cg21311644</t>
  </si>
  <si>
    <t>cg21312144</t>
  </si>
  <si>
    <t>cg21312695</t>
  </si>
  <si>
    <t>cg21313470</t>
  </si>
  <si>
    <t>cg21314106</t>
  </si>
  <si>
    <t>cg21315873</t>
  </si>
  <si>
    <t>cg21319458</t>
  </si>
  <si>
    <t>cg21333033</t>
  </si>
  <si>
    <t>cg21335012</t>
  </si>
  <si>
    <t>cg21335378</t>
  </si>
  <si>
    <t>cg21336456</t>
  </si>
  <si>
    <t>cg21339084</t>
  </si>
  <si>
    <t>cg21340070</t>
  </si>
  <si>
    <t>cg21342994</t>
  </si>
  <si>
    <t>cg21346154</t>
  </si>
  <si>
    <t>cg21346966</t>
  </si>
  <si>
    <t>cg21348357</t>
  </si>
  <si>
    <t>cg21348497</t>
  </si>
  <si>
    <t>cg21350153</t>
  </si>
  <si>
    <t>cg21351994</t>
  </si>
  <si>
    <t>cg21353911</t>
  </si>
  <si>
    <t>cg21356293</t>
  </si>
  <si>
    <t>cg21358380</t>
  </si>
  <si>
    <t>cg21360828</t>
  </si>
  <si>
    <t>cg21360975</t>
  </si>
  <si>
    <t>cg21361856</t>
  </si>
  <si>
    <t>cg21364150</t>
  </si>
  <si>
    <t>cg21364818</t>
  </si>
  <si>
    <t>cg21365298</t>
  </si>
  <si>
    <t>cg21367923</t>
  </si>
  <si>
    <t>cg21368063</t>
  </si>
  <si>
    <t>cg21368566</t>
  </si>
  <si>
    <t>cg21372107</t>
  </si>
  <si>
    <t>cg21378206</t>
  </si>
  <si>
    <t>cg21383284</t>
  </si>
  <si>
    <t>cg21386952</t>
  </si>
  <si>
    <t>cg21387465</t>
  </si>
  <si>
    <t>cg21388029</t>
  </si>
  <si>
    <t>cg21389013</t>
  </si>
  <si>
    <t>cg21389901</t>
  </si>
  <si>
    <t>cg21399079</t>
  </si>
  <si>
    <t>cg21403076</t>
  </si>
  <si>
    <t>cg21404700</t>
  </si>
  <si>
    <t>cg21404933</t>
  </si>
  <si>
    <t>cg21420531</t>
  </si>
  <si>
    <t>cg21425332</t>
  </si>
  <si>
    <t>cg21427464</t>
  </si>
  <si>
    <t>cg21431041</t>
  </si>
  <si>
    <t>cg21431856</t>
  </si>
  <si>
    <t>cg21442603</t>
  </si>
  <si>
    <t>cg21443659</t>
  </si>
  <si>
    <t>cg21443773</t>
  </si>
  <si>
    <t>cg21445398</t>
  </si>
  <si>
    <t>cg21446930</t>
  </si>
  <si>
    <t>cg21449966</t>
  </si>
  <si>
    <t>cg21452219</t>
  </si>
  <si>
    <t>cg21459796</t>
  </si>
  <si>
    <t>cg21462970</t>
  </si>
  <si>
    <t>cg21463740</t>
  </si>
  <si>
    <t>cg21464220</t>
  </si>
  <si>
    <t>cg21465236</t>
  </si>
  <si>
    <t>cg21465360</t>
  </si>
  <si>
    <t>cg21467252</t>
  </si>
  <si>
    <t>cg21467631</t>
  </si>
  <si>
    <t>cg21468035</t>
  </si>
  <si>
    <t>cg21468825</t>
  </si>
  <si>
    <t>cg21469278</t>
  </si>
  <si>
    <t>cg21469370</t>
  </si>
  <si>
    <t>cg21470704</t>
  </si>
  <si>
    <t>cg21473183</t>
  </si>
  <si>
    <t>cg21474133</t>
  </si>
  <si>
    <t>cg21475771</t>
  </si>
  <si>
    <t>cg21475816</t>
  </si>
  <si>
    <t>cg21477638</t>
  </si>
  <si>
    <t>cg21481929</t>
  </si>
  <si>
    <t>cg21482265</t>
  </si>
  <si>
    <t>cg21482635</t>
  </si>
  <si>
    <t>cg21483264</t>
  </si>
  <si>
    <t>cg21484910</t>
  </si>
  <si>
    <t>cg21493483</t>
  </si>
  <si>
    <t>cg21494367</t>
  </si>
  <si>
    <t>cg21495772</t>
  </si>
  <si>
    <t>cg21497607</t>
  </si>
  <si>
    <t>cg21509901</t>
  </si>
  <si>
    <t>cg21511036</t>
  </si>
  <si>
    <t>cg21512179</t>
  </si>
  <si>
    <t>cg21512275</t>
  </si>
  <si>
    <t>cg21513009</t>
  </si>
  <si>
    <t>cg21513352</t>
  </si>
  <si>
    <t>cg21517506</t>
  </si>
  <si>
    <t>cg21521453</t>
  </si>
  <si>
    <t>cg21532103</t>
  </si>
  <si>
    <t>cg21535772</t>
  </si>
  <si>
    <t>cg21535871</t>
  </si>
  <si>
    <t>cg21539903</t>
  </si>
  <si>
    <t>cg21540962</t>
  </si>
  <si>
    <t>cg21541159</t>
  </si>
  <si>
    <t>cg21543640</t>
  </si>
  <si>
    <t>cg21547649</t>
  </si>
  <si>
    <t>cg21550006</t>
  </si>
  <si>
    <t>cg21550785</t>
  </si>
  <si>
    <t>cg21552081</t>
  </si>
  <si>
    <t>cg21552300</t>
  </si>
  <si>
    <t>cg21552867</t>
  </si>
  <si>
    <t>cg21554771</t>
  </si>
  <si>
    <t>cg21555940</t>
  </si>
  <si>
    <t>cg21559155</t>
  </si>
  <si>
    <t>cg21559747</t>
  </si>
  <si>
    <t>cg21560570</t>
  </si>
  <si>
    <t>cg21563960</t>
  </si>
  <si>
    <t>cg21565078</t>
  </si>
  <si>
    <t>cg21565937</t>
  </si>
  <si>
    <t>cg21566771</t>
  </si>
  <si>
    <t>cg21567649</t>
  </si>
  <si>
    <t>cg21569844</t>
  </si>
  <si>
    <t>cg21577049</t>
  </si>
  <si>
    <t>cg21581038</t>
  </si>
  <si>
    <t>cg21584979</t>
  </si>
  <si>
    <t>cg21590967</t>
  </si>
  <si>
    <t>cg21591742</t>
  </si>
  <si>
    <t>cg21595233</t>
  </si>
  <si>
    <t>cg21596825</t>
  </si>
  <si>
    <t>cg21597684</t>
  </si>
  <si>
    <t>cg21598294</t>
  </si>
  <si>
    <t>cg21598631</t>
  </si>
  <si>
    <t>cg21599215</t>
  </si>
  <si>
    <t>cg21599499</t>
  </si>
  <si>
    <t>cg21602955</t>
  </si>
  <si>
    <t>cg21603144</t>
  </si>
  <si>
    <t>cg21603615</t>
  </si>
  <si>
    <t>cg21604741</t>
  </si>
  <si>
    <t>cg21608600</t>
  </si>
  <si>
    <t>cg21609584</t>
  </si>
  <si>
    <t>cg21610090</t>
  </si>
  <si>
    <t>cg21610439</t>
  </si>
  <si>
    <t>cg21616425</t>
  </si>
  <si>
    <t>cg21619325</t>
  </si>
  <si>
    <t>cg21620356</t>
  </si>
  <si>
    <t>cg21624739</t>
  </si>
  <si>
    <t>cg21626540</t>
  </si>
  <si>
    <t>cg21627466</t>
  </si>
  <si>
    <t>cg21629895</t>
  </si>
  <si>
    <t>cg21633449</t>
  </si>
  <si>
    <t>cg21633669</t>
  </si>
  <si>
    <t>cg21637749</t>
  </si>
  <si>
    <t>cg21638035</t>
  </si>
  <si>
    <t>cg21640654</t>
  </si>
  <si>
    <t>cg21642632</t>
  </si>
  <si>
    <t>cg21643503</t>
  </si>
  <si>
    <t>cg21644387</t>
  </si>
  <si>
    <t>cg21644914</t>
  </si>
  <si>
    <t>cg21645113</t>
  </si>
  <si>
    <t>cg21645762</t>
  </si>
  <si>
    <t>cg21646084</t>
  </si>
  <si>
    <t>cg21647532</t>
  </si>
  <si>
    <t>cg21647975</t>
  </si>
  <si>
    <t>cg21648121</t>
  </si>
  <si>
    <t>cg21648823</t>
  </si>
  <si>
    <t>cg21649118</t>
  </si>
  <si>
    <t>cg21650975</t>
  </si>
  <si>
    <t>cg21653464</t>
  </si>
  <si>
    <t>cg21655267</t>
  </si>
  <si>
    <t>cg21657450</t>
  </si>
  <si>
    <t>cg21661768</t>
  </si>
  <si>
    <t>cg21663667</t>
  </si>
  <si>
    <t>cg21667367</t>
  </si>
  <si>
    <t>cg21670983</t>
  </si>
  <si>
    <t>cg21671277</t>
  </si>
  <si>
    <t>cg21672758</t>
  </si>
  <si>
    <t>cg21672829</t>
  </si>
  <si>
    <t>cg21679524</t>
  </si>
  <si>
    <t>cg21682942</t>
  </si>
  <si>
    <t>cg21685387</t>
  </si>
  <si>
    <t>cg21692404</t>
  </si>
  <si>
    <t>cg21693780</t>
  </si>
  <si>
    <t>cg21697667</t>
  </si>
  <si>
    <t>cg21698294</t>
  </si>
  <si>
    <t>cg21699342</t>
  </si>
  <si>
    <t>cg21701531</t>
  </si>
  <si>
    <t>cg21706038</t>
  </si>
  <si>
    <t>cg21708130</t>
  </si>
  <si>
    <t>cg21708738</t>
  </si>
  <si>
    <t>cg21709140</t>
  </si>
  <si>
    <t>cg21709322</t>
  </si>
  <si>
    <t>cg21716299</t>
  </si>
  <si>
    <t>cg21728825</t>
  </si>
  <si>
    <t>cg21735670</t>
  </si>
  <si>
    <t>cg21739754</t>
  </si>
  <si>
    <t>cg21740232</t>
  </si>
  <si>
    <t>cg21740507</t>
  </si>
  <si>
    <t>cg21741679</t>
  </si>
  <si>
    <t>cg21746573</t>
  </si>
  <si>
    <t>cg21748207</t>
  </si>
  <si>
    <t>cg21748836</t>
  </si>
  <si>
    <t>cg21748874</t>
  </si>
  <si>
    <t>cg21750507</t>
  </si>
  <si>
    <t>cg21751085</t>
  </si>
  <si>
    <t>cg21752536</t>
  </si>
  <si>
    <t>cg21753652</t>
  </si>
  <si>
    <t>cg21758140</t>
  </si>
  <si>
    <t>cg21758672</t>
  </si>
  <si>
    <t>cg21759048</t>
  </si>
  <si>
    <t>cg21767952</t>
  </si>
  <si>
    <t>cg21777553</t>
  </si>
  <si>
    <t>cg21777602</t>
  </si>
  <si>
    <t>cg21778644</t>
  </si>
  <si>
    <t>cg21780796</t>
  </si>
  <si>
    <t>cg21781546</t>
  </si>
  <si>
    <t>cg21785260</t>
  </si>
  <si>
    <t>cg21785832</t>
  </si>
  <si>
    <t>cg21789440</t>
  </si>
  <si>
    <t>cg21791662</t>
  </si>
  <si>
    <t>cg21803680</t>
  </si>
  <si>
    <t>cg21811143</t>
  </si>
  <si>
    <t>cg21815667</t>
  </si>
  <si>
    <t>cg21827581</t>
  </si>
  <si>
    <t>cg21827634</t>
  </si>
  <si>
    <t>cg21829675</t>
  </si>
  <si>
    <t>cg21829923</t>
  </si>
  <si>
    <t>cg21838979</t>
  </si>
  <si>
    <t>cg21840041</t>
  </si>
  <si>
    <t>cg21841678</t>
  </si>
  <si>
    <t>cg21842664</t>
  </si>
  <si>
    <t>cg21844291</t>
  </si>
  <si>
    <t>cg21846461</t>
  </si>
  <si>
    <t>cg21849780</t>
  </si>
  <si>
    <t>cg21855041</t>
  </si>
  <si>
    <t>cg21855109</t>
  </si>
  <si>
    <t>cg21855211</t>
  </si>
  <si>
    <t>cg21855286</t>
  </si>
  <si>
    <t>cg21857017</t>
  </si>
  <si>
    <t>cg21858320</t>
  </si>
  <si>
    <t>cg21858899</t>
  </si>
  <si>
    <t>cg21859434</t>
  </si>
  <si>
    <t>cg21859992</t>
  </si>
  <si>
    <t>cg21860968</t>
  </si>
  <si>
    <t>cg21861151</t>
  </si>
  <si>
    <t>cg21862353</t>
  </si>
  <si>
    <t>cg21871154</t>
  </si>
  <si>
    <t>cg21875423</t>
  </si>
  <si>
    <t>cg21875839</t>
  </si>
  <si>
    <t>cg21879157</t>
  </si>
  <si>
    <t>cg21879648</t>
  </si>
  <si>
    <t>cg21887373</t>
  </si>
  <si>
    <t>cg21892708</t>
  </si>
  <si>
    <t>cg21898392</t>
  </si>
  <si>
    <t>cg21905068</t>
  </si>
  <si>
    <t>cg21911868</t>
  </si>
  <si>
    <t>cg21922416</t>
  </si>
  <si>
    <t>cg21929744</t>
  </si>
  <si>
    <t>cg21933859</t>
  </si>
  <si>
    <t>cg21935062</t>
  </si>
  <si>
    <t>cg21935449</t>
  </si>
  <si>
    <t>cg21938694</t>
  </si>
  <si>
    <t>cg21940331</t>
  </si>
  <si>
    <t>cg21946006</t>
  </si>
  <si>
    <t>cg21946195</t>
  </si>
  <si>
    <t>cg21952484</t>
  </si>
  <si>
    <t>cg21953025</t>
  </si>
  <si>
    <t>cg21960191</t>
  </si>
  <si>
    <t>cg21960922</t>
  </si>
  <si>
    <t>cg21961583</t>
  </si>
  <si>
    <t>cg21962600</t>
  </si>
  <si>
    <t>cg21964611</t>
  </si>
  <si>
    <t>cg21972382</t>
  </si>
  <si>
    <t>cg21992238</t>
  </si>
  <si>
    <t>cg21992501</t>
  </si>
  <si>
    <t>cg21996813</t>
  </si>
  <si>
    <t>cg21997141</t>
  </si>
  <si>
    <t>cg21998505</t>
  </si>
  <si>
    <t>cg21998869</t>
  </si>
  <si>
    <t>cg22003435</t>
  </si>
  <si>
    <t>cg22004227</t>
  </si>
  <si>
    <t>cg22007260</t>
  </si>
  <si>
    <t>cg22007486</t>
  </si>
  <si>
    <t>cg22007776</t>
  </si>
  <si>
    <t>cg22009500</t>
  </si>
  <si>
    <t>cg22009751</t>
  </si>
  <si>
    <t>cg22013055</t>
  </si>
  <si>
    <t>cg22014289</t>
  </si>
  <si>
    <t>cg22016779</t>
  </si>
  <si>
    <t>cg22019065</t>
  </si>
  <si>
    <t>cg22022881</t>
  </si>
  <si>
    <t>cg22029587</t>
  </si>
  <si>
    <t>cg22030072</t>
  </si>
  <si>
    <t>cg22032385</t>
  </si>
  <si>
    <t>cg22034269</t>
  </si>
  <si>
    <t>cg22034315</t>
  </si>
  <si>
    <t>cg22034855</t>
  </si>
  <si>
    <t>cg22036605</t>
  </si>
  <si>
    <t>cg22038319</t>
  </si>
  <si>
    <t>cg22039960</t>
  </si>
  <si>
    <t>cg22041590</t>
  </si>
  <si>
    <t>cg22045228</t>
  </si>
  <si>
    <t>cg22046187</t>
  </si>
  <si>
    <t>cg22046535</t>
  </si>
  <si>
    <t>cg22047282</t>
  </si>
  <si>
    <t>cg22049753</t>
  </si>
  <si>
    <t>cg22050792</t>
  </si>
  <si>
    <t>cg22051399</t>
  </si>
  <si>
    <t>cg22053452</t>
  </si>
  <si>
    <t>cg22057050</t>
  </si>
  <si>
    <t>cg22058664</t>
  </si>
  <si>
    <t>cg22063369</t>
  </si>
  <si>
    <t>cg22065526</t>
  </si>
  <si>
    <t>cg22066186</t>
  </si>
  <si>
    <t>cg22067795</t>
  </si>
  <si>
    <t>cg22068464</t>
  </si>
  <si>
    <t>cg22068687</t>
  </si>
  <si>
    <t>cg22069247</t>
  </si>
  <si>
    <t>cg22070232</t>
  </si>
  <si>
    <t>cg22070243</t>
  </si>
  <si>
    <t>cg22071015</t>
  </si>
  <si>
    <t>cg22071224</t>
  </si>
  <si>
    <t>cg22076676</t>
  </si>
  <si>
    <t>cg22078934</t>
  </si>
  <si>
    <t>cg22079019</t>
  </si>
  <si>
    <t>cg22079149</t>
  </si>
  <si>
    <t>cg22079271</t>
  </si>
  <si>
    <t>cg22084806</t>
  </si>
  <si>
    <t>cg22092606</t>
  </si>
  <si>
    <t>cg22094163</t>
  </si>
  <si>
    <t>cg22094306</t>
  </si>
  <si>
    <t>cg22094845</t>
  </si>
  <si>
    <t>cg22102996</t>
  </si>
  <si>
    <t>cg22103909</t>
  </si>
  <si>
    <t>cg22107546</t>
  </si>
  <si>
    <t>cg22111003</t>
  </si>
  <si>
    <t>cg22111694</t>
  </si>
  <si>
    <t>cg22112267</t>
  </si>
  <si>
    <t>cg22112455</t>
  </si>
  <si>
    <t>cg22112832</t>
  </si>
  <si>
    <t>cg22115977</t>
  </si>
  <si>
    <t>cg22116555</t>
  </si>
  <si>
    <t>cg22119676</t>
  </si>
  <si>
    <t>cg22122013</t>
  </si>
  <si>
    <t>cg22122098</t>
  </si>
  <si>
    <t>cg22122603</t>
  </si>
  <si>
    <t>cg22123885</t>
  </si>
  <si>
    <t>cg22124215</t>
  </si>
  <si>
    <t>cg22125110</t>
  </si>
  <si>
    <t>cg22125838</t>
  </si>
  <si>
    <t>cg22126505</t>
  </si>
  <si>
    <t>cg22137471</t>
  </si>
  <si>
    <t>cg22138461</t>
  </si>
  <si>
    <t>cg22143064</t>
  </si>
  <si>
    <t>cg22145666</t>
  </si>
  <si>
    <t>cg22162281</t>
  </si>
  <si>
    <t>cg22162312</t>
  </si>
  <si>
    <t>cg22166290</t>
  </si>
  <si>
    <t>cg22170457</t>
  </si>
  <si>
    <t>cg22177286</t>
  </si>
  <si>
    <t>cg22190705</t>
  </si>
  <si>
    <t>cg22190861</t>
  </si>
  <si>
    <t>cg22192275</t>
  </si>
  <si>
    <t>cg22192412</t>
  </si>
  <si>
    <t>cg22193247</t>
  </si>
  <si>
    <t>cg22193276</t>
  </si>
  <si>
    <t>cg22193436</t>
  </si>
  <si>
    <t>cg22200330</t>
  </si>
  <si>
    <t>cg22202182</t>
  </si>
  <si>
    <t>cg22207171</t>
  </si>
  <si>
    <t>cg22207405</t>
  </si>
  <si>
    <t>cg22207584</t>
  </si>
  <si>
    <t>cg22207732</t>
  </si>
  <si>
    <t>cg22215258</t>
  </si>
  <si>
    <t>cg22224337</t>
  </si>
  <si>
    <t>cg22231902</t>
  </si>
  <si>
    <t>cg22234119</t>
  </si>
  <si>
    <t>cg22234344</t>
  </si>
  <si>
    <t>cg22234368</t>
  </si>
  <si>
    <t>cg22235072</t>
  </si>
  <si>
    <t>cg22235080</t>
  </si>
  <si>
    <t>cg22237735</t>
  </si>
  <si>
    <t>cg22238304</t>
  </si>
  <si>
    <t>cg22241124</t>
  </si>
  <si>
    <t>cg22242207</t>
  </si>
  <si>
    <t>cg22242408</t>
  </si>
  <si>
    <t>cg22242585</t>
  </si>
  <si>
    <t>cg22245096</t>
  </si>
  <si>
    <t>cg22245446</t>
  </si>
  <si>
    <t>cg22245961</t>
  </si>
  <si>
    <t>cg22246344</t>
  </si>
  <si>
    <t>cg22246565</t>
  </si>
  <si>
    <t>cg22248286</t>
  </si>
  <si>
    <t>cg22251879</t>
  </si>
  <si>
    <t>cg22253945</t>
  </si>
  <si>
    <t>cg22265452</t>
  </si>
  <si>
    <t>cg22272545</t>
  </si>
  <si>
    <t>cg22272644</t>
  </si>
  <si>
    <t>cg22276371</t>
  </si>
  <si>
    <t>cg22277567</t>
  </si>
  <si>
    <t>cg22277936</t>
  </si>
  <si>
    <t>cg22278106</t>
  </si>
  <si>
    <t>cg22278296</t>
  </si>
  <si>
    <t>cg22280705</t>
  </si>
  <si>
    <t>cg22281207</t>
  </si>
  <si>
    <t>cg22283195</t>
  </si>
  <si>
    <t>cg22284034</t>
  </si>
  <si>
    <t>cg22284398</t>
  </si>
  <si>
    <t>cg22300806</t>
  </si>
  <si>
    <t>cg22303418</t>
  </si>
  <si>
    <t>cg22303846</t>
  </si>
  <si>
    <t>cg22303930</t>
  </si>
  <si>
    <t>cg22304169</t>
  </si>
  <si>
    <t>cg22304555</t>
  </si>
  <si>
    <t>cg22304799</t>
  </si>
  <si>
    <t>cg22307974</t>
  </si>
  <si>
    <t>cg22309696</t>
  </si>
  <si>
    <t>cg22312996</t>
  </si>
  <si>
    <t>cg22314787</t>
  </si>
  <si>
    <t>cg22314900</t>
  </si>
  <si>
    <t>cg22321558</t>
  </si>
  <si>
    <t>cg22321808</t>
  </si>
  <si>
    <t>cg22323120</t>
  </si>
  <si>
    <t>cg22324022</t>
  </si>
  <si>
    <t>cg22324393</t>
  </si>
  <si>
    <t>cg22324487</t>
  </si>
  <si>
    <t>cg22328901</t>
  </si>
  <si>
    <t>cg22329027</t>
  </si>
  <si>
    <t>cg22329743</t>
  </si>
  <si>
    <t>cg22332049</t>
  </si>
  <si>
    <t>cg22332257</t>
  </si>
  <si>
    <t>cg22344631</t>
  </si>
  <si>
    <t>cg22344841</t>
  </si>
  <si>
    <t>cg22344949</t>
  </si>
  <si>
    <t>cg22346380</t>
  </si>
  <si>
    <t>cg22346476</t>
  </si>
  <si>
    <t>cg22350070</t>
  </si>
  <si>
    <t>cg22353096</t>
  </si>
  <si>
    <t>cg22354234</t>
  </si>
  <si>
    <t>cg22356009</t>
  </si>
  <si>
    <t>cg22359606</t>
  </si>
  <si>
    <t>cg22360016</t>
  </si>
  <si>
    <t>cg22360765</t>
  </si>
  <si>
    <t>cg22360842</t>
  </si>
  <si>
    <t>cg22361914</t>
  </si>
  <si>
    <t>cg22363368</t>
  </si>
  <si>
    <t>cg22365225</t>
  </si>
  <si>
    <t>cg22367310</t>
  </si>
  <si>
    <t>cg22368413</t>
  </si>
  <si>
    <t>cg22368426</t>
  </si>
  <si>
    <t>cg22370480</t>
  </si>
  <si>
    <t>cg22376361</t>
  </si>
  <si>
    <t>cg22376465</t>
  </si>
  <si>
    <t>cg22380663</t>
  </si>
  <si>
    <t>cg22385231</t>
  </si>
  <si>
    <t>cg22385702</t>
  </si>
  <si>
    <t>cg22386343</t>
  </si>
  <si>
    <t>cg22388316</t>
  </si>
  <si>
    <t>cg22388510</t>
  </si>
  <si>
    <t>cg22389308</t>
  </si>
  <si>
    <t>cg22392700</t>
  </si>
  <si>
    <t>cg22392793</t>
  </si>
  <si>
    <t>cg22392809</t>
  </si>
  <si>
    <t>cg22393213</t>
  </si>
  <si>
    <t>cg22396280</t>
  </si>
  <si>
    <t>cg22397783</t>
  </si>
  <si>
    <t>cg22401940</t>
  </si>
  <si>
    <t>cg22404242</t>
  </si>
  <si>
    <t>cg22405774</t>
  </si>
  <si>
    <t>cg22409100</t>
  </si>
  <si>
    <t>cg22410316</t>
  </si>
  <si>
    <t>cg22415472</t>
  </si>
  <si>
    <t>cg22418360</t>
  </si>
  <si>
    <t>cg22425806</t>
  </si>
  <si>
    <t>cg22435335</t>
  </si>
  <si>
    <t>cg22436103</t>
  </si>
  <si>
    <t>cg22441310</t>
  </si>
  <si>
    <t>cg22442732</t>
  </si>
  <si>
    <t>cg22444445</t>
  </si>
  <si>
    <t>cg22445742</t>
  </si>
  <si>
    <t>cg22446208</t>
  </si>
  <si>
    <t>cg22446399</t>
  </si>
  <si>
    <t>cg22449330</t>
  </si>
  <si>
    <t>cg22449698</t>
  </si>
  <si>
    <t>cg22451100</t>
  </si>
  <si>
    <t>cg22455694</t>
  </si>
  <si>
    <t>cg22464182</t>
  </si>
  <si>
    <t>cg22476504</t>
  </si>
  <si>
    <t>cg22478121</t>
  </si>
  <si>
    <t>cg22478317</t>
  </si>
  <si>
    <t>cg22478447</t>
  </si>
  <si>
    <t>cg22480490</t>
  </si>
  <si>
    <t>cg22488486</t>
  </si>
  <si>
    <t>cg22488717</t>
  </si>
  <si>
    <t>cg22489510</t>
  </si>
  <si>
    <t>cg22490454</t>
  </si>
  <si>
    <t>cg22491379</t>
  </si>
  <si>
    <t>cg22495058</t>
  </si>
  <si>
    <t>cg22495921</t>
  </si>
  <si>
    <t>cg22496968</t>
  </si>
  <si>
    <t>cg22496973</t>
  </si>
  <si>
    <t>cg22497008</t>
  </si>
  <si>
    <t>cg22497068</t>
  </si>
  <si>
    <t>cg22509816</t>
  </si>
  <si>
    <t>cg22512663</t>
  </si>
  <si>
    <t>cg22513888</t>
  </si>
  <si>
    <t>cg22515636</t>
  </si>
  <si>
    <t>cg22515885</t>
  </si>
  <si>
    <t>cg22515987</t>
  </si>
  <si>
    <t>cg22521310</t>
  </si>
  <si>
    <t>cg22522926</t>
  </si>
  <si>
    <t>cg22529396</t>
  </si>
  <si>
    <t>cg22532774</t>
  </si>
  <si>
    <t>cg22539420</t>
  </si>
  <si>
    <t>cg22539450</t>
  </si>
  <si>
    <t>cg22540067</t>
  </si>
  <si>
    <t>cg22540115</t>
  </si>
  <si>
    <t>cg22540324</t>
  </si>
  <si>
    <t>cg22541755</t>
  </si>
  <si>
    <t>cg22541905</t>
  </si>
  <si>
    <t>cg22542731</t>
  </si>
  <si>
    <t>cg22545361</t>
  </si>
  <si>
    <t>cg22548000</t>
  </si>
  <si>
    <t>cg22548438</t>
  </si>
  <si>
    <t>cg22548735</t>
  </si>
  <si>
    <t>cg22549086</t>
  </si>
  <si>
    <t>cg22549879</t>
  </si>
  <si>
    <t>cg22563036</t>
  </si>
  <si>
    <t>cg22572908</t>
  </si>
  <si>
    <t>cg22573675</t>
  </si>
  <si>
    <t>cg22575540</t>
  </si>
  <si>
    <t>cg22583333</t>
  </si>
  <si>
    <t>cg22587600</t>
  </si>
  <si>
    <t>cg22591002</t>
  </si>
  <si>
    <t>cg22592643</t>
  </si>
  <si>
    <t>cg22592722</t>
  </si>
  <si>
    <t>cg22595526</t>
  </si>
  <si>
    <t>cg22595870</t>
  </si>
  <si>
    <t>cg22597665</t>
  </si>
  <si>
    <t>cg22603947</t>
  </si>
  <si>
    <t>cg22611163</t>
  </si>
  <si>
    <t>cg22618752</t>
  </si>
  <si>
    <t>cg22628840</t>
  </si>
  <si>
    <t>cg22629987</t>
  </si>
  <si>
    <t>cg22634588</t>
  </si>
  <si>
    <t>cg22640209</t>
  </si>
  <si>
    <t>cg22643867</t>
  </si>
  <si>
    <t>cg22645209</t>
  </si>
  <si>
    <t>cg22648815</t>
  </si>
  <si>
    <t>cg22653139</t>
  </si>
  <si>
    <t>cg22654517</t>
  </si>
  <si>
    <t>cg22657632</t>
  </si>
  <si>
    <t>cg22659356</t>
  </si>
  <si>
    <t>cg22661082</t>
  </si>
  <si>
    <t>cg22662182</t>
  </si>
  <si>
    <t>cg22664064</t>
  </si>
  <si>
    <t>cg22664789</t>
  </si>
  <si>
    <t>cg22666015</t>
  </si>
  <si>
    <t>cg22666373</t>
  </si>
  <si>
    <t>cg22669787</t>
  </si>
  <si>
    <t>cg22670349</t>
  </si>
  <si>
    <t>cg22671903</t>
  </si>
  <si>
    <t>cg22673269</t>
  </si>
  <si>
    <t>cg22677065</t>
  </si>
  <si>
    <t>cg22677124</t>
  </si>
  <si>
    <t>cg22680399</t>
  </si>
  <si>
    <t>cg22681709</t>
  </si>
  <si>
    <t>cg22683010</t>
  </si>
  <si>
    <t>cg22683277</t>
  </si>
  <si>
    <t>cg22687475</t>
  </si>
  <si>
    <t>cg22687748</t>
  </si>
  <si>
    <t>cg22696984</t>
  </si>
  <si>
    <t>cg22697962</t>
  </si>
  <si>
    <t>cg22699314</t>
  </si>
  <si>
    <t>cg22704351</t>
  </si>
  <si>
    <t>cg22705316</t>
  </si>
  <si>
    <t>cg22705918</t>
  </si>
  <si>
    <t>cg22705959</t>
  </si>
  <si>
    <t>cg22708818</t>
  </si>
  <si>
    <t>cg22712920</t>
  </si>
  <si>
    <t>cg22714777</t>
  </si>
  <si>
    <t>cg22725460</t>
  </si>
  <si>
    <t>cg22731525</t>
  </si>
  <si>
    <t>cg22732253</t>
  </si>
  <si>
    <t>cg22732731</t>
  </si>
  <si>
    <t>cg22732770</t>
  </si>
  <si>
    <t>cg22734058</t>
  </si>
  <si>
    <t>cg22737154</t>
  </si>
  <si>
    <t>cg22739610</t>
  </si>
  <si>
    <t>cg22740489</t>
  </si>
  <si>
    <t>cg22740783</t>
  </si>
  <si>
    <t>cg22741653</t>
  </si>
  <si>
    <t>cg22743761</t>
  </si>
  <si>
    <t>cg22755445</t>
  </si>
  <si>
    <t>cg22757472</t>
  </si>
  <si>
    <t>cg22762189</t>
  </si>
  <si>
    <t>cg22762545</t>
  </si>
  <si>
    <t>cg22762992</t>
  </si>
  <si>
    <t>cg22764436</t>
  </si>
  <si>
    <t>cg22764497</t>
  </si>
  <si>
    <t>cg22764535</t>
  </si>
  <si>
    <t>cg22766014</t>
  </si>
  <si>
    <t>cg22768676</t>
  </si>
  <si>
    <t>cg22770705</t>
  </si>
  <si>
    <t>cg22771332</t>
  </si>
  <si>
    <t>cg22772871</t>
  </si>
  <si>
    <t>cg22795590</t>
  </si>
  <si>
    <t>cg22795764</t>
  </si>
  <si>
    <t>cg22797169</t>
  </si>
  <si>
    <t>cg22809047</t>
  </si>
  <si>
    <t>cg22811233</t>
  </si>
  <si>
    <t>cg22825077</t>
  </si>
  <si>
    <t>cg22827063</t>
  </si>
  <si>
    <t>cg22827124</t>
  </si>
  <si>
    <t>cg22827324</t>
  </si>
  <si>
    <t>cg22829375</t>
  </si>
  <si>
    <t>cg22830590</t>
  </si>
  <si>
    <t>cg22830638</t>
  </si>
  <si>
    <t>cg22831953</t>
  </si>
  <si>
    <t>cg22832254</t>
  </si>
  <si>
    <t>cg22834052</t>
  </si>
  <si>
    <t>cg22835712</t>
  </si>
  <si>
    <t>cg22837714</t>
  </si>
  <si>
    <t>cg22853943</t>
  </si>
  <si>
    <t>cg22855764</t>
  </si>
  <si>
    <t>cg22856834</t>
  </si>
  <si>
    <t>cg22858394</t>
  </si>
  <si>
    <t>cg22859422</t>
  </si>
  <si>
    <t>cg22860137</t>
  </si>
  <si>
    <t>cg22860963</t>
  </si>
  <si>
    <t>cg22864015</t>
  </si>
  <si>
    <t>cg22866121</t>
  </si>
  <si>
    <t>cg22867154</t>
  </si>
  <si>
    <t>cg22877230</t>
  </si>
  <si>
    <t>cg22877380</t>
  </si>
  <si>
    <t>cg22877504</t>
  </si>
  <si>
    <t>cg22880420</t>
  </si>
  <si>
    <t>cg22880456</t>
  </si>
  <si>
    <t>cg22881545</t>
  </si>
  <si>
    <t>cg22886005</t>
  </si>
  <si>
    <t>cg22888752</t>
  </si>
  <si>
    <t>cg22891868</t>
  </si>
  <si>
    <t>cg22893791</t>
  </si>
  <si>
    <t>cg22898145</t>
  </si>
  <si>
    <t>cg22900071</t>
  </si>
  <si>
    <t>cg22900206</t>
  </si>
  <si>
    <t>cg22900229</t>
  </si>
  <si>
    <t>cg22900681</t>
  </si>
  <si>
    <t>cg22903402</t>
  </si>
  <si>
    <t>cg22905292</t>
  </si>
  <si>
    <t>cg22912834</t>
  </si>
  <si>
    <t>cg22923154</t>
  </si>
  <si>
    <t>cg22923487</t>
  </si>
  <si>
    <t>cg22924840</t>
  </si>
  <si>
    <t>cg22928386</t>
  </si>
  <si>
    <t>cg22929506</t>
  </si>
  <si>
    <t>cg22929840</t>
  </si>
  <si>
    <t>cg22930888</t>
  </si>
  <si>
    <t>cg22931002</t>
  </si>
  <si>
    <t>cg22934308</t>
  </si>
  <si>
    <t>cg22937804</t>
  </si>
  <si>
    <t>cg22938837</t>
  </si>
  <si>
    <t>cg22939866</t>
  </si>
  <si>
    <t>cg22944062</t>
  </si>
  <si>
    <t>cg22944122</t>
  </si>
  <si>
    <t>cg22945872</t>
  </si>
  <si>
    <t>cg22946159</t>
  </si>
  <si>
    <t>cg22953017</t>
  </si>
  <si>
    <t>cg22956023</t>
  </si>
  <si>
    <t>cg22970357</t>
  </si>
  <si>
    <t>cg22971939</t>
  </si>
  <si>
    <t>cg22973026</t>
  </si>
  <si>
    <t>cg22974452</t>
  </si>
  <si>
    <t>cg22975521</t>
  </si>
  <si>
    <t>cg22976419</t>
  </si>
  <si>
    <t>cg22979368</t>
  </si>
  <si>
    <t>cg22981993</t>
  </si>
  <si>
    <t>cg22989958</t>
  </si>
  <si>
    <t>cg22991596</t>
  </si>
  <si>
    <t>cg22992137</t>
  </si>
  <si>
    <t>cg22993878</t>
  </si>
  <si>
    <t>cg22995114</t>
  </si>
  <si>
    <t>cg22996440</t>
  </si>
  <si>
    <t>cg22999502</t>
  </si>
  <si>
    <t>cg23004099</t>
  </si>
  <si>
    <t>cg23005057</t>
  </si>
  <si>
    <t>cg23006519</t>
  </si>
  <si>
    <t>cg23008083</t>
  </si>
  <si>
    <t>cg23009780</t>
  </si>
  <si>
    <t>cg23013850</t>
  </si>
  <si>
    <t>cg23022574</t>
  </si>
  <si>
    <t>cg23032416</t>
  </si>
  <si>
    <t>cg23033785</t>
  </si>
  <si>
    <t>cg23035024</t>
  </si>
  <si>
    <t>cg23038014</t>
  </si>
  <si>
    <t>cg23038392</t>
  </si>
  <si>
    <t>cg23039807</t>
  </si>
  <si>
    <t>cg23042148</t>
  </si>
  <si>
    <t>cg23044079</t>
  </si>
  <si>
    <t>cg23046629</t>
  </si>
  <si>
    <t>cg23051411</t>
  </si>
  <si>
    <t>cg23053825</t>
  </si>
  <si>
    <t>cg23055707</t>
  </si>
  <si>
    <t>cg23058755</t>
  </si>
  <si>
    <t>cg23059725</t>
  </si>
  <si>
    <t>cg23059946</t>
  </si>
  <si>
    <t>cg23060456</t>
  </si>
  <si>
    <t>cg23060801</t>
  </si>
  <si>
    <t>cg23065715</t>
  </si>
  <si>
    <t>cg23068499</t>
  </si>
  <si>
    <t>cg23068712</t>
  </si>
  <si>
    <t>cg23070073</t>
  </si>
  <si>
    <t>cg23072029</t>
  </si>
  <si>
    <t>cg23072408</t>
  </si>
  <si>
    <t>cg23072629</t>
  </si>
  <si>
    <t>cg23075026</t>
  </si>
  <si>
    <t>cg23075335</t>
  </si>
  <si>
    <t>cg23076987</t>
  </si>
  <si>
    <t>cg23078928</t>
  </si>
  <si>
    <t>cg23081527</t>
  </si>
  <si>
    <t>cg23087358</t>
  </si>
  <si>
    <t>cg23089298</t>
  </si>
  <si>
    <t>cg23093016</t>
  </si>
  <si>
    <t>cg23093217</t>
  </si>
  <si>
    <t>cg23093404</t>
  </si>
  <si>
    <t>cg23094961</t>
  </si>
  <si>
    <t>cg23095192</t>
  </si>
  <si>
    <t>cg23097033</t>
  </si>
  <si>
    <t>cg23100626</t>
  </si>
  <si>
    <t>cg23100863</t>
  </si>
  <si>
    <t>cg23101632</t>
  </si>
  <si>
    <t>cg23101776</t>
  </si>
  <si>
    <t>cg23102514</t>
  </si>
  <si>
    <t>cg23103346</t>
  </si>
  <si>
    <t>cg23105419</t>
  </si>
  <si>
    <t>cg23105697</t>
  </si>
  <si>
    <t>cg23106940</t>
  </si>
  <si>
    <t>cg23108728</t>
  </si>
  <si>
    <t>cg23109721</t>
  </si>
  <si>
    <t>cg23116322</t>
  </si>
  <si>
    <t>cg23118151</t>
  </si>
  <si>
    <t>cg23119026</t>
  </si>
  <si>
    <t>cg23123262</t>
  </si>
  <si>
    <t>cg23127249</t>
  </si>
  <si>
    <t>cg23129170</t>
  </si>
  <si>
    <t>cg23130254</t>
  </si>
  <si>
    <t>cg23131909</t>
  </si>
  <si>
    <t>cg23136554</t>
  </si>
  <si>
    <t>cg23137597</t>
  </si>
  <si>
    <t>cg23137666</t>
  </si>
  <si>
    <t>cg23144899</t>
  </si>
  <si>
    <t>cg23149881</t>
  </si>
  <si>
    <t>cg23150604</t>
  </si>
  <si>
    <t>cg23153655</t>
  </si>
  <si>
    <t>cg23153730</t>
  </si>
  <si>
    <t>cg23155010</t>
  </si>
  <si>
    <t>cg23155767</t>
  </si>
  <si>
    <t>cg23156509</t>
  </si>
  <si>
    <t>cg23156781</t>
  </si>
  <si>
    <t>cg23157190</t>
  </si>
  <si>
    <t>cg23158663</t>
  </si>
  <si>
    <t>cg23163573</t>
  </si>
  <si>
    <t>cg23168603</t>
  </si>
  <si>
    <t>cg23173910</t>
  </si>
  <si>
    <t>cg23176483</t>
  </si>
  <si>
    <t>cg23176577</t>
  </si>
  <si>
    <t>cg23177576</t>
  </si>
  <si>
    <t>cg23178364</t>
  </si>
  <si>
    <t>cg23180841</t>
  </si>
  <si>
    <t>cg23192479</t>
  </si>
  <si>
    <t>cg23192899</t>
  </si>
  <si>
    <t>cg23194295</t>
  </si>
  <si>
    <t>cg23196129</t>
  </si>
  <si>
    <t>cg23198623</t>
  </si>
  <si>
    <t>cg23210881</t>
  </si>
  <si>
    <t>cg23211960</t>
  </si>
  <si>
    <t>cg23212364</t>
  </si>
  <si>
    <t>cg23214755</t>
  </si>
  <si>
    <t>cg23217025</t>
  </si>
  <si>
    <t>cg23218363</t>
  </si>
  <si>
    <t>cg23219762</t>
  </si>
  <si>
    <t>cg23221866</t>
  </si>
  <si>
    <t>cg23224619</t>
  </si>
  <si>
    <t>cg23227259</t>
  </si>
  <si>
    <t>cg23227462</t>
  </si>
  <si>
    <t>cg23227503</t>
  </si>
  <si>
    <t>cg23230929</t>
  </si>
  <si>
    <t>cg23231587</t>
  </si>
  <si>
    <t>cg23231910</t>
  </si>
  <si>
    <t>cg23232749</t>
  </si>
  <si>
    <t>cg23239344</t>
  </si>
  <si>
    <t>cg23242052</t>
  </si>
  <si>
    <t>cg23243856</t>
  </si>
  <si>
    <t>cg23244540</t>
  </si>
  <si>
    <t>cg23246703</t>
  </si>
  <si>
    <t>cg23252587</t>
  </si>
  <si>
    <t>cg23261237</t>
  </si>
  <si>
    <t>cg23262488</t>
  </si>
  <si>
    <t>cg23267944</t>
  </si>
  <si>
    <t>cg23271998</t>
  </si>
  <si>
    <t>cg23274689</t>
  </si>
  <si>
    <t>cg23275064</t>
  </si>
  <si>
    <t>cg23276598</t>
  </si>
  <si>
    <t>cg23278908</t>
  </si>
  <si>
    <t>cg23279261</t>
  </si>
  <si>
    <t>cg23279346</t>
  </si>
  <si>
    <t>cg23280296</t>
  </si>
  <si>
    <t>cg23282025</t>
  </si>
  <si>
    <t>cg23287638</t>
  </si>
  <si>
    <t>cg23287902</t>
  </si>
  <si>
    <t>cg23288298</t>
  </si>
  <si>
    <t>cg23288335</t>
  </si>
  <si>
    <t>cg23290719</t>
  </si>
  <si>
    <t>cg23294353</t>
  </si>
  <si>
    <t>cg23301563</t>
  </si>
  <si>
    <t>cg23302945</t>
  </si>
  <si>
    <t>cg23306526</t>
  </si>
  <si>
    <t>cg23313126</t>
  </si>
  <si>
    <t>cg23322292</t>
  </si>
  <si>
    <t>cg23322546</t>
  </si>
  <si>
    <t>cg23325313</t>
  </si>
  <si>
    <t>cg23328647</t>
  </si>
  <si>
    <t>cg23330668</t>
  </si>
  <si>
    <t>cg23336241</t>
  </si>
  <si>
    <t>cg23337009</t>
  </si>
  <si>
    <t>cg23337031</t>
  </si>
  <si>
    <t>cg23337289</t>
  </si>
  <si>
    <t>cg23338388</t>
  </si>
  <si>
    <t>cg23339656</t>
  </si>
  <si>
    <t>cg23348372</t>
  </si>
  <si>
    <t>cg23349517</t>
  </si>
  <si>
    <t>cg23349982</t>
  </si>
  <si>
    <t>cg23361659</t>
  </si>
  <si>
    <t>cg23367089</t>
  </si>
  <si>
    <t>cg23367358</t>
  </si>
  <si>
    <t>cg23369364</t>
  </si>
  <si>
    <t>cg23369760</t>
  </si>
  <si>
    <t>cg23371680</t>
  </si>
  <si>
    <t>cg23391473</t>
  </si>
  <si>
    <t>cg23393100</t>
  </si>
  <si>
    <t>cg23393356</t>
  </si>
  <si>
    <t>cg23396786</t>
  </si>
  <si>
    <t>cg23397015</t>
  </si>
  <si>
    <t>cg23397325</t>
  </si>
  <si>
    <t>cg23398241</t>
  </si>
  <si>
    <t>cg23399257</t>
  </si>
  <si>
    <t>cg23401251</t>
  </si>
  <si>
    <t>cg23402524</t>
  </si>
  <si>
    <t>cg23402920</t>
  </si>
  <si>
    <t>cg23403864</t>
  </si>
  <si>
    <t>cg23404217</t>
  </si>
  <si>
    <t>cg23407561</t>
  </si>
  <si>
    <t>cg23408836</t>
  </si>
  <si>
    <t>cg23408990</t>
  </si>
  <si>
    <t>cg23411240</t>
  </si>
  <si>
    <t>cg23411735</t>
  </si>
  <si>
    <t>cg23413104</t>
  </si>
  <si>
    <t>cg23416216</t>
  </si>
  <si>
    <t>cg23417875</t>
  </si>
  <si>
    <t>cg23418106</t>
  </si>
  <si>
    <t>cg23418968</t>
  </si>
  <si>
    <t>cg23419907</t>
  </si>
  <si>
    <t>cg23421599</t>
  </si>
  <si>
    <t>cg23422170</t>
  </si>
  <si>
    <t>cg23426231</t>
  </si>
  <si>
    <t>cg23426304</t>
  </si>
  <si>
    <t>cg23427406</t>
  </si>
  <si>
    <t>cg23429047</t>
  </si>
  <si>
    <t>cg23429510</t>
  </si>
  <si>
    <t>cg23431468</t>
  </si>
  <si>
    <t>cg23432368</t>
  </si>
  <si>
    <t>cg23450938</t>
  </si>
  <si>
    <t>cg23452259</t>
  </si>
  <si>
    <t>cg23458613</t>
  </si>
  <si>
    <t>cg23459416</t>
  </si>
  <si>
    <t>cg23459424</t>
  </si>
  <si>
    <t>cg23460578</t>
  </si>
  <si>
    <t>cg23460993</t>
  </si>
  <si>
    <t>cg23461488</t>
  </si>
  <si>
    <t>cg23461870</t>
  </si>
  <si>
    <t>cg23462687</t>
  </si>
  <si>
    <t>cg23466183</t>
  </si>
  <si>
    <t>cg23466623</t>
  </si>
  <si>
    <t>cg23468568</t>
  </si>
  <si>
    <t>cg23474904</t>
  </si>
  <si>
    <t>cg23479303</t>
  </si>
  <si>
    <t>cg23481024</t>
  </si>
  <si>
    <t>cg23483563</t>
  </si>
  <si>
    <t>cg23487149</t>
  </si>
  <si>
    <t>cg23490246</t>
  </si>
  <si>
    <t>cg23490300</t>
  </si>
  <si>
    <t>cg23491841</t>
  </si>
  <si>
    <t>cg23494853</t>
  </si>
  <si>
    <t>cg23497016</t>
  </si>
  <si>
    <t>cg23497683</t>
  </si>
  <si>
    <t>cg23497767</t>
  </si>
  <si>
    <t>cg23500942</t>
  </si>
  <si>
    <t>cg23509344</t>
  </si>
  <si>
    <t>cg23509724</t>
  </si>
  <si>
    <t>cg23510527</t>
  </si>
  <si>
    <t>cg23513644</t>
  </si>
  <si>
    <t>cg23515702</t>
  </si>
  <si>
    <t>cg23516425</t>
  </si>
  <si>
    <t>cg23517743</t>
  </si>
  <si>
    <t>cg23519155</t>
  </si>
  <si>
    <t>cg23521281</t>
  </si>
  <si>
    <t>cg23522981</t>
  </si>
  <si>
    <t>cg23524765</t>
  </si>
  <si>
    <t>cg23525180</t>
  </si>
  <si>
    <t>cg23538226</t>
  </si>
  <si>
    <t>cg23539753</t>
  </si>
  <si>
    <t>cg23539933</t>
  </si>
  <si>
    <t>cg23547073</t>
  </si>
  <si>
    <t>cg23547097</t>
  </si>
  <si>
    <t>cg23548455</t>
  </si>
  <si>
    <t>cg23548885</t>
  </si>
  <si>
    <t>cg23549225</t>
  </si>
  <si>
    <t>cg23550429</t>
  </si>
  <si>
    <t>cg23551605</t>
  </si>
  <si>
    <t>cg23553385</t>
  </si>
  <si>
    <t>cg23553720</t>
  </si>
  <si>
    <t>cg23555395</t>
  </si>
  <si>
    <t>cg23558569</t>
  </si>
  <si>
    <t>cg23562406</t>
  </si>
  <si>
    <t>cg23564664</t>
  </si>
  <si>
    <t>cg23570261</t>
  </si>
  <si>
    <t>cg23572334</t>
  </si>
  <si>
    <t>cg23574281</t>
  </si>
  <si>
    <t>cg23574298</t>
  </si>
  <si>
    <t>cg23576092</t>
  </si>
  <si>
    <t>cg23576807</t>
  </si>
  <si>
    <t>cg23578346</t>
  </si>
  <si>
    <t>cg23579205</t>
  </si>
  <si>
    <t>cg23585251</t>
  </si>
  <si>
    <t>cg23585978</t>
  </si>
  <si>
    <t>cg23586138</t>
  </si>
  <si>
    <t>cg23591853</t>
  </si>
  <si>
    <t>cg23597264</t>
  </si>
  <si>
    <t>cg23598054</t>
  </si>
  <si>
    <t>cg23598157</t>
  </si>
  <si>
    <t>cg23598462</t>
  </si>
  <si>
    <t>cg23599033</t>
  </si>
  <si>
    <t>cg23601374</t>
  </si>
  <si>
    <t>cg23601376</t>
  </si>
  <si>
    <t>cg23605797</t>
  </si>
  <si>
    <t>cg23609707</t>
  </si>
  <si>
    <t>cg23609905</t>
  </si>
  <si>
    <t>cg23612030</t>
  </si>
  <si>
    <t>cg23612095</t>
  </si>
  <si>
    <t>cg23618156</t>
  </si>
  <si>
    <t>cg23619936</t>
  </si>
  <si>
    <t>cg23620902</t>
  </si>
  <si>
    <t>cg23622616</t>
  </si>
  <si>
    <t>cg23627134</t>
  </si>
  <si>
    <t>cg23627246</t>
  </si>
  <si>
    <t>cg23633210</t>
  </si>
  <si>
    <t>cg23634177</t>
  </si>
  <si>
    <t>cg23635560</t>
  </si>
  <si>
    <t>cg23637349</t>
  </si>
  <si>
    <t>cg23637385</t>
  </si>
  <si>
    <t>cg23639134</t>
  </si>
  <si>
    <t>cg23639412</t>
  </si>
  <si>
    <t>cg23640664</t>
  </si>
  <si>
    <t>cg23641707</t>
  </si>
  <si>
    <t>cg23644992</t>
  </si>
  <si>
    <t>cg23648263</t>
  </si>
  <si>
    <t>cg23656612</t>
  </si>
  <si>
    <t>cg23667407</t>
  </si>
  <si>
    <t>cg23667432</t>
  </si>
  <si>
    <t>cg23671921</t>
  </si>
  <si>
    <t>cg23674882</t>
  </si>
  <si>
    <t>cg23676302</t>
  </si>
  <si>
    <t>cg23676475</t>
  </si>
  <si>
    <t>cg23676484</t>
  </si>
  <si>
    <t>cg23676829</t>
  </si>
  <si>
    <t>cg23676956</t>
  </si>
  <si>
    <t>cg23680255</t>
  </si>
  <si>
    <t>cg23682310</t>
  </si>
  <si>
    <t>cg23685151</t>
  </si>
  <si>
    <t>cg23685856</t>
  </si>
  <si>
    <t>cg23686214</t>
  </si>
  <si>
    <t>cg23687098</t>
  </si>
  <si>
    <t>cg23687288</t>
  </si>
  <si>
    <t>cg23688350</t>
  </si>
  <si>
    <t>cg23699324</t>
  </si>
  <si>
    <t>cg23712156</t>
  </si>
  <si>
    <t>cg23719692</t>
  </si>
  <si>
    <t>cg23720306</t>
  </si>
  <si>
    <t>cg23721140</t>
  </si>
  <si>
    <t>cg23725024</t>
  </si>
  <si>
    <t>cg23725027</t>
  </si>
  <si>
    <t>cg23725149</t>
  </si>
  <si>
    <t>cg23726404</t>
  </si>
  <si>
    <t>cg23726427</t>
  </si>
  <si>
    <t>cg23731408</t>
  </si>
  <si>
    <t>cg23732729</t>
  </si>
  <si>
    <t>cg23733525</t>
  </si>
  <si>
    <t>cg23733568</t>
  </si>
  <si>
    <t>cg23752696</t>
  </si>
  <si>
    <t>cg23759710</t>
  </si>
  <si>
    <t>cg23761428</t>
  </si>
  <si>
    <t>cg23761497</t>
  </si>
  <si>
    <t>cg23761824</t>
  </si>
  <si>
    <t>cg23787321</t>
  </si>
  <si>
    <t>cg23788334</t>
  </si>
  <si>
    <t>cg23788820</t>
  </si>
  <si>
    <t>cg23790387</t>
  </si>
  <si>
    <t>cg23793040</t>
  </si>
  <si>
    <t>cg23803223</t>
  </si>
  <si>
    <t>cg23806261</t>
  </si>
  <si>
    <t>cg23806727</t>
  </si>
  <si>
    <t>cg23809597</t>
  </si>
  <si>
    <t>cg23810348</t>
  </si>
  <si>
    <t>cg23811061</t>
  </si>
  <si>
    <t>cg23812660</t>
  </si>
  <si>
    <t>cg23816037</t>
  </si>
  <si>
    <t>cg23816490</t>
  </si>
  <si>
    <t>cg23816572</t>
  </si>
  <si>
    <t>cg23817555</t>
  </si>
  <si>
    <t>cg23818142</t>
  </si>
  <si>
    <t>cg23819145</t>
  </si>
  <si>
    <t>cg23822732</t>
  </si>
  <si>
    <t>cg23823732</t>
  </si>
  <si>
    <t>cg23824762</t>
  </si>
  <si>
    <t>cg23830590</t>
  </si>
  <si>
    <t>cg23831630</t>
  </si>
  <si>
    <t>cg23831876</t>
  </si>
  <si>
    <t>cg23833033</t>
  </si>
  <si>
    <t>cg23834837</t>
  </si>
  <si>
    <t>cg23836621</t>
  </si>
  <si>
    <t>cg23837867</t>
  </si>
  <si>
    <t>cg23841280</t>
  </si>
  <si>
    <t>cg23841538</t>
  </si>
  <si>
    <t>cg23843180</t>
  </si>
  <si>
    <t>cg23844967</t>
  </si>
  <si>
    <t>cg23848647</t>
  </si>
  <si>
    <t>cg23850377</t>
  </si>
  <si>
    <t>cg23851026</t>
  </si>
  <si>
    <t>cg23854087</t>
  </si>
  <si>
    <t>cg23854921</t>
  </si>
  <si>
    <t>cg23855901</t>
  </si>
  <si>
    <t>cg23858189</t>
  </si>
  <si>
    <t>cg23859635</t>
  </si>
  <si>
    <t>cg23861541</t>
  </si>
  <si>
    <t>cg23861841</t>
  </si>
  <si>
    <t>cg23869047</t>
  </si>
  <si>
    <t>cg23869688</t>
  </si>
  <si>
    <t>cg23874600</t>
  </si>
  <si>
    <t>cg23877380</t>
  </si>
  <si>
    <t>cg23877512</t>
  </si>
  <si>
    <t>cg23880198</t>
  </si>
  <si>
    <t>cg23882164</t>
  </si>
  <si>
    <t>cg23882545</t>
  </si>
  <si>
    <t>cg23883058</t>
  </si>
  <si>
    <t>cg23883265</t>
  </si>
  <si>
    <t>cg23888375</t>
  </si>
  <si>
    <t>cg23888423</t>
  </si>
  <si>
    <t>cg23889021</t>
  </si>
  <si>
    <t>cg23889771</t>
  </si>
  <si>
    <t>cg23892025</t>
  </si>
  <si>
    <t>cg23892690</t>
  </si>
  <si>
    <t>cg23892924</t>
  </si>
  <si>
    <t>cg23895055</t>
  </si>
  <si>
    <t>cg23895340</t>
  </si>
  <si>
    <t>cg23898305</t>
  </si>
  <si>
    <t>cg23899779</t>
  </si>
  <si>
    <t>cg23902076</t>
  </si>
  <si>
    <t>cg23902361</t>
  </si>
  <si>
    <t>cg23903708</t>
  </si>
  <si>
    <t>cg23904854</t>
  </si>
  <si>
    <t>cg23906250</t>
  </si>
  <si>
    <t>cg23906687</t>
  </si>
  <si>
    <t>cg23907051</t>
  </si>
  <si>
    <t>cg23912081</t>
  </si>
  <si>
    <t>cg23917057</t>
  </si>
  <si>
    <t>cg23920389</t>
  </si>
  <si>
    <t>cg23921338</t>
  </si>
  <si>
    <t>cg23922467</t>
  </si>
  <si>
    <t>cg23922520</t>
  </si>
  <si>
    <t>cg23925201</t>
  </si>
  <si>
    <t>cg23925283</t>
  </si>
  <si>
    <t>cg23927974</t>
  </si>
  <si>
    <t>cg23928468</t>
  </si>
  <si>
    <t>cg23937893</t>
  </si>
  <si>
    <t>cg23940744</t>
  </si>
  <si>
    <t>cg23941942</t>
  </si>
  <si>
    <t>cg23953176</t>
  </si>
  <si>
    <t>cg23959977</t>
  </si>
  <si>
    <t>cg23960538</t>
  </si>
  <si>
    <t>cg23963397</t>
  </si>
  <si>
    <t>cg23963647</t>
  </si>
  <si>
    <t>cg23966569</t>
  </si>
  <si>
    <t>cg23967461</t>
  </si>
  <si>
    <t>cg23967616</t>
  </si>
  <si>
    <t>cg23967848</t>
  </si>
  <si>
    <t>cg23968113</t>
  </si>
  <si>
    <t>cg23968866</t>
  </si>
  <si>
    <t>cg23969423</t>
  </si>
  <si>
    <t>cg23970856</t>
  </si>
  <si>
    <t>cg23971806</t>
  </si>
  <si>
    <t>cg23972738</t>
  </si>
  <si>
    <t>cg23973955</t>
  </si>
  <si>
    <t>cg23974202</t>
  </si>
  <si>
    <t>cg23975062</t>
  </si>
  <si>
    <t>cg23981871</t>
  </si>
  <si>
    <t>cg23982427</t>
  </si>
  <si>
    <t>cg23982445</t>
  </si>
  <si>
    <t>cg23985420</t>
  </si>
  <si>
    <t>cg23986335</t>
  </si>
  <si>
    <t>cg23986620</t>
  </si>
  <si>
    <t>cg23987500</t>
  </si>
  <si>
    <t>cg23994061</t>
  </si>
  <si>
    <t>cg23995169</t>
  </si>
  <si>
    <t>cg23995753</t>
  </si>
  <si>
    <t>cg23996306</t>
  </si>
  <si>
    <t>cg23996979</t>
  </si>
  <si>
    <t>cg23998381</t>
  </si>
  <si>
    <t>cg24000528</t>
  </si>
  <si>
    <t>cg24001710</t>
  </si>
  <si>
    <t>cg24003292</t>
  </si>
  <si>
    <t>cg24003528</t>
  </si>
  <si>
    <t>cg24022829</t>
  </si>
  <si>
    <t>cg24023498</t>
  </si>
  <si>
    <t>cg24027965</t>
  </si>
  <si>
    <t>cg24032691</t>
  </si>
  <si>
    <t>cg24039019</t>
  </si>
  <si>
    <t>cg24044043</t>
  </si>
  <si>
    <t>cg24044052</t>
  </si>
  <si>
    <t>cg24044254</t>
  </si>
  <si>
    <t>cg24044560</t>
  </si>
  <si>
    <t>cg24046616</t>
  </si>
  <si>
    <t>cg24056020</t>
  </si>
  <si>
    <t>cg24057023</t>
  </si>
  <si>
    <t>cg24057374</t>
  </si>
  <si>
    <t>cg24058732</t>
  </si>
  <si>
    <t>cg24060542</t>
  </si>
  <si>
    <t>cg24063199</t>
  </si>
  <si>
    <t>cg24069962</t>
  </si>
  <si>
    <t>cg24070823</t>
  </si>
  <si>
    <t>cg24071464</t>
  </si>
  <si>
    <t>cg24074913</t>
  </si>
  <si>
    <t>cg24077001</t>
  </si>
  <si>
    <t>cg24078566</t>
  </si>
  <si>
    <t>cg24079051</t>
  </si>
  <si>
    <t>cg24082795</t>
  </si>
  <si>
    <t>cg24083720</t>
  </si>
  <si>
    <t>cg24084782</t>
  </si>
  <si>
    <t>cg24086040</t>
  </si>
  <si>
    <t>cg24086124</t>
  </si>
  <si>
    <t>cg24086268</t>
  </si>
  <si>
    <t>cg24090192</t>
  </si>
  <si>
    <t>cg24103799</t>
  </si>
  <si>
    <t>cg24105457</t>
  </si>
  <si>
    <t>cg24106124</t>
  </si>
  <si>
    <t>cg24106661</t>
  </si>
  <si>
    <t>cg24107142</t>
  </si>
  <si>
    <t>cg24127050</t>
  </si>
  <si>
    <t>cg24129222</t>
  </si>
  <si>
    <t>cg24130926</t>
  </si>
  <si>
    <t>cg24132141</t>
  </si>
  <si>
    <t>cg24133488</t>
  </si>
  <si>
    <t>cg24142014</t>
  </si>
  <si>
    <t>cg24154201</t>
  </si>
  <si>
    <t>cg24154722</t>
  </si>
  <si>
    <t>cg24155961</t>
  </si>
  <si>
    <t>cg24157652</t>
  </si>
  <si>
    <t>cg24161793</t>
  </si>
  <si>
    <t>cg24164996</t>
  </si>
  <si>
    <t>cg24166100</t>
  </si>
  <si>
    <t>cg24166144</t>
  </si>
  <si>
    <t>cg24166178</t>
  </si>
  <si>
    <t>cg24166814</t>
  </si>
  <si>
    <t>cg24166893</t>
  </si>
  <si>
    <t>cg24169771</t>
  </si>
  <si>
    <t>cg24171555</t>
  </si>
  <si>
    <t>cg24172324</t>
  </si>
  <si>
    <t>cg24175522</t>
  </si>
  <si>
    <t>cg24178740</t>
  </si>
  <si>
    <t>cg24191287</t>
  </si>
  <si>
    <t>cg24193314</t>
  </si>
  <si>
    <t>cg24193456</t>
  </si>
  <si>
    <t>cg24193588</t>
  </si>
  <si>
    <t>cg24198840</t>
  </si>
  <si>
    <t>cg24200893</t>
  </si>
  <si>
    <t>cg24202221</t>
  </si>
  <si>
    <t>cg24204951</t>
  </si>
  <si>
    <t>cg24205414</t>
  </si>
  <si>
    <t>cg24206697</t>
  </si>
  <si>
    <t>cg24208886</t>
  </si>
  <si>
    <t>cg24209528</t>
  </si>
  <si>
    <t>cg24211214</t>
  </si>
  <si>
    <t>cg24211292</t>
  </si>
  <si>
    <t>cg24211994</t>
  </si>
  <si>
    <t>cg24213669</t>
  </si>
  <si>
    <t>cg24217729</t>
  </si>
  <si>
    <t>cg24220907</t>
  </si>
  <si>
    <t>cg24225455</t>
  </si>
  <si>
    <t>cg24230340</t>
  </si>
  <si>
    <t>cg24230840</t>
  </si>
  <si>
    <t>cg24235037</t>
  </si>
  <si>
    <t>cg24236559</t>
  </si>
  <si>
    <t>cg24240626</t>
  </si>
  <si>
    <t>cg24242519</t>
  </si>
  <si>
    <t>cg24248317</t>
  </si>
  <si>
    <t>cg24269863</t>
  </si>
  <si>
    <t>cg24275354</t>
  </si>
  <si>
    <t>cg24275730</t>
  </si>
  <si>
    <t>cg24278036</t>
  </si>
  <si>
    <t>cg24286767</t>
  </si>
  <si>
    <t>cg24297976</t>
  </si>
  <si>
    <t>cg24302683</t>
  </si>
  <si>
    <t>cg24303559</t>
  </si>
  <si>
    <t>cg24304789</t>
  </si>
  <si>
    <t>cg24306177</t>
  </si>
  <si>
    <t>cg24309555</t>
  </si>
  <si>
    <t>cg24320643</t>
  </si>
  <si>
    <t>cg24324379</t>
  </si>
  <si>
    <t>cg24330386</t>
  </si>
  <si>
    <t>cg24330485</t>
  </si>
  <si>
    <t>cg24331079</t>
  </si>
  <si>
    <t>cg24331934</t>
  </si>
  <si>
    <t>cg24332364</t>
  </si>
  <si>
    <t>cg24333596</t>
  </si>
  <si>
    <t>cg24333629</t>
  </si>
  <si>
    <t>cg24333813</t>
  </si>
  <si>
    <t>cg24334149</t>
  </si>
  <si>
    <t>cg24334790</t>
  </si>
  <si>
    <t>cg24334809</t>
  </si>
  <si>
    <t>cg24342961</t>
  </si>
  <si>
    <t>cg24345747</t>
  </si>
  <si>
    <t>cg24351076</t>
  </si>
  <si>
    <t>cg24351977</t>
  </si>
  <si>
    <t>cg24362824</t>
  </si>
  <si>
    <t>cg24364398</t>
  </si>
  <si>
    <t>cg24366913</t>
  </si>
  <si>
    <t>cg24368400</t>
  </si>
  <si>
    <t>cg24368408</t>
  </si>
  <si>
    <t>cg24371033</t>
  </si>
  <si>
    <t>cg24372550</t>
  </si>
  <si>
    <t>cg24375470</t>
  </si>
  <si>
    <t>cg24376022</t>
  </si>
  <si>
    <t>cg24376286</t>
  </si>
  <si>
    <t>cg24396167</t>
  </si>
  <si>
    <t>cg24399204</t>
  </si>
  <si>
    <t>cg24401044</t>
  </si>
  <si>
    <t>cg24401656</t>
  </si>
  <si>
    <t>cg24406344</t>
  </si>
  <si>
    <t>cg24407092</t>
  </si>
  <si>
    <t>cg24409539</t>
  </si>
  <si>
    <t>cg24410469</t>
  </si>
  <si>
    <t>cg24411340</t>
  </si>
  <si>
    <t>cg24412079</t>
  </si>
  <si>
    <t>cg24413391</t>
  </si>
  <si>
    <t>cg24414627</t>
  </si>
  <si>
    <t>cg24414737</t>
  </si>
  <si>
    <t>cg24416238</t>
  </si>
  <si>
    <t>cg24416609</t>
  </si>
  <si>
    <t>cg24423567</t>
  </si>
  <si>
    <t>cg24425171</t>
  </si>
  <si>
    <t>cg24426483</t>
  </si>
  <si>
    <t>cg24428099</t>
  </si>
  <si>
    <t>cg24429037</t>
  </si>
  <si>
    <t>cg24430189</t>
  </si>
  <si>
    <t>cg24430754</t>
  </si>
  <si>
    <t>cg24434987</t>
  </si>
  <si>
    <t>cg24452663</t>
  </si>
  <si>
    <t>cg24460563</t>
  </si>
  <si>
    <t>cg24461052</t>
  </si>
  <si>
    <t>cg24465133</t>
  </si>
  <si>
    <t>cg24467190</t>
  </si>
  <si>
    <t>cg24469784</t>
  </si>
  <si>
    <t>cg24475517</t>
  </si>
  <si>
    <t>cg24476722</t>
  </si>
  <si>
    <t>cg24483487</t>
  </si>
  <si>
    <t>cg24498376</t>
  </si>
  <si>
    <t>cg24503369</t>
  </si>
  <si>
    <t>cg24505974</t>
  </si>
  <si>
    <t>cg24509810</t>
  </si>
  <si>
    <t>cg24511898</t>
  </si>
  <si>
    <t>cg24514921</t>
  </si>
  <si>
    <t>cg24519596</t>
  </si>
  <si>
    <t>cg24519867</t>
  </si>
  <si>
    <t>cg24523650</t>
  </si>
  <si>
    <t>cg24523758</t>
  </si>
  <si>
    <t>cg24525400</t>
  </si>
  <si>
    <t>cg24528602</t>
  </si>
  <si>
    <t>cg24530074</t>
  </si>
  <si>
    <t>cg24530660</t>
  </si>
  <si>
    <t>cg24533564</t>
  </si>
  <si>
    <t>cg24537688</t>
  </si>
  <si>
    <t>cg24538292</t>
  </si>
  <si>
    <t>cg24539604</t>
  </si>
  <si>
    <t>cg24539848</t>
  </si>
  <si>
    <t>cg24542821</t>
  </si>
  <si>
    <t>cg24543400</t>
  </si>
  <si>
    <t>cg24544105</t>
  </si>
  <si>
    <t>cg24544275</t>
  </si>
  <si>
    <t>cg24545125</t>
  </si>
  <si>
    <t>cg24549161</t>
  </si>
  <si>
    <t>cg24552802</t>
  </si>
  <si>
    <t>cg24553058</t>
  </si>
  <si>
    <t>cg24560809</t>
  </si>
  <si>
    <t>cg24563197</t>
  </si>
  <si>
    <t>cg24565747</t>
  </si>
  <si>
    <t>cg24569492</t>
  </si>
  <si>
    <t>cg24577369</t>
  </si>
  <si>
    <t>cg24585928</t>
  </si>
  <si>
    <t>cg24587185</t>
  </si>
  <si>
    <t>cg24587621</t>
  </si>
  <si>
    <t>cg24589564</t>
  </si>
  <si>
    <t>cg24594459</t>
  </si>
  <si>
    <t>cg24596691</t>
  </si>
  <si>
    <t>cg24599065</t>
  </si>
  <si>
    <t>cg24599709</t>
  </si>
  <si>
    <t>cg24601559</t>
  </si>
  <si>
    <t>cg24605325</t>
  </si>
  <si>
    <t>cg24607545</t>
  </si>
  <si>
    <t>cg24608381</t>
  </si>
  <si>
    <t>cg24612893</t>
  </si>
  <si>
    <t>cg24617203</t>
  </si>
  <si>
    <t>cg24618716</t>
  </si>
  <si>
    <t>cg24621034</t>
  </si>
  <si>
    <t>cg24621801</t>
  </si>
  <si>
    <t>cg24622209</t>
  </si>
  <si>
    <t>cg24623422</t>
  </si>
  <si>
    <t>cg24626923</t>
  </si>
  <si>
    <t>cg24632241</t>
  </si>
  <si>
    <t>cg24635156</t>
  </si>
  <si>
    <t>cg24644448</t>
  </si>
  <si>
    <t>cg24647971</t>
  </si>
  <si>
    <t>cg24648594</t>
  </si>
  <si>
    <t>cg24651706</t>
  </si>
  <si>
    <t>cg24657347</t>
  </si>
  <si>
    <t>cg24664861</t>
  </si>
  <si>
    <t>cg24664929</t>
  </si>
  <si>
    <t>cg24665113</t>
  </si>
  <si>
    <t>cg24666103</t>
  </si>
  <si>
    <t>cg24674302</t>
  </si>
  <si>
    <t>cg24675770</t>
  </si>
  <si>
    <t>cg24676303</t>
  </si>
  <si>
    <t>cg24678502</t>
  </si>
  <si>
    <t>cg24681963</t>
  </si>
  <si>
    <t>cg24682986</t>
  </si>
  <si>
    <t>cg24684348</t>
  </si>
  <si>
    <t>cg24685587</t>
  </si>
  <si>
    <t>cg24686224</t>
  </si>
  <si>
    <t>cg24686553</t>
  </si>
  <si>
    <t>cg24686644</t>
  </si>
  <si>
    <t>cg24690015</t>
  </si>
  <si>
    <t>cg24691835</t>
  </si>
  <si>
    <t>cg24693368</t>
  </si>
  <si>
    <t>cg24697329</t>
  </si>
  <si>
    <t>cg24704015</t>
  </si>
  <si>
    <t>cg24704177</t>
  </si>
  <si>
    <t>cg24707432</t>
  </si>
  <si>
    <t>cg24715680</t>
  </si>
  <si>
    <t>cg24718526</t>
  </si>
  <si>
    <t>cg24719366</t>
  </si>
  <si>
    <t>cg24720480</t>
  </si>
  <si>
    <t>cg24720777</t>
  </si>
  <si>
    <t>cg24722346</t>
  </si>
  <si>
    <t>cg24724664</t>
  </si>
  <si>
    <t>cg24725441</t>
  </si>
  <si>
    <t>cg24725933</t>
  </si>
  <si>
    <t>cg24726121</t>
  </si>
  <si>
    <t>cg24726938</t>
  </si>
  <si>
    <t>cg24727568</t>
  </si>
  <si>
    <t>cg24729792</t>
  </si>
  <si>
    <t>cg24737408</t>
  </si>
  <si>
    <t>cg24737570</t>
  </si>
  <si>
    <t>cg24738924</t>
  </si>
  <si>
    <t>cg24740348</t>
  </si>
  <si>
    <t>cg24741962</t>
  </si>
  <si>
    <t>cg24742832</t>
  </si>
  <si>
    <t>cg24743122</t>
  </si>
  <si>
    <t>cg24743237</t>
  </si>
  <si>
    <t>cg24743301</t>
  </si>
  <si>
    <t>cg24749656</t>
  </si>
  <si>
    <t>cg24749947</t>
  </si>
  <si>
    <t>cg24749970</t>
  </si>
  <si>
    <t>cg24751773</t>
  </si>
  <si>
    <t>cg24752875</t>
  </si>
  <si>
    <t>cg24753473</t>
  </si>
  <si>
    <t>cg24756642</t>
  </si>
  <si>
    <t>cg24758201</t>
  </si>
  <si>
    <t>cg24760647</t>
  </si>
  <si>
    <t>cg24761668</t>
  </si>
  <si>
    <t>cg24765360</t>
  </si>
  <si>
    <t>cg24767423</t>
  </si>
  <si>
    <t>cg24768116</t>
  </si>
  <si>
    <t>cg24768561</t>
  </si>
  <si>
    <t>cg24768649</t>
  </si>
  <si>
    <t>cg24770624</t>
  </si>
  <si>
    <t>cg24770798</t>
  </si>
  <si>
    <t>cg24777351</t>
  </si>
  <si>
    <t>cg24777399</t>
  </si>
  <si>
    <t>cg24788897</t>
  </si>
  <si>
    <t>cg24789128</t>
  </si>
  <si>
    <t>cg24803346</t>
  </si>
  <si>
    <t>cg24803778</t>
  </si>
  <si>
    <t>cg24812442</t>
  </si>
  <si>
    <t>cg24813176</t>
  </si>
  <si>
    <t>cg24825180</t>
  </si>
  <si>
    <t>cg24825937</t>
  </si>
  <si>
    <t>cg24827562</t>
  </si>
  <si>
    <t>cg24828208</t>
  </si>
  <si>
    <t>cg24828304</t>
  </si>
  <si>
    <t>cg24828316</t>
  </si>
  <si>
    <t>cg24830471</t>
  </si>
  <si>
    <t>cg24830622</t>
  </si>
  <si>
    <t>cg24856518</t>
  </si>
  <si>
    <t>cg24857294</t>
  </si>
  <si>
    <t>cg24857399</t>
  </si>
  <si>
    <t>cg24858116</t>
  </si>
  <si>
    <t>cg24861006</t>
  </si>
  <si>
    <t>cg24861013</t>
  </si>
  <si>
    <t>cg24868015</t>
  </si>
  <si>
    <t>cg24868150</t>
  </si>
  <si>
    <t>cg24869232</t>
  </si>
  <si>
    <t>cg24870483</t>
  </si>
  <si>
    <t>cg24873508</t>
  </si>
  <si>
    <t>cg24873957</t>
  </si>
  <si>
    <t>cg24875029</t>
  </si>
  <si>
    <t>cg24876404</t>
  </si>
  <si>
    <t>cg24878791</t>
  </si>
  <si>
    <t>cg24880821</t>
  </si>
  <si>
    <t>cg24883601</t>
  </si>
  <si>
    <t>cg24886597</t>
  </si>
  <si>
    <t>cg24888588</t>
  </si>
  <si>
    <t>cg24902174</t>
  </si>
  <si>
    <t>cg24902196</t>
  </si>
  <si>
    <t>cg24906316</t>
  </si>
  <si>
    <t>cg24914185</t>
  </si>
  <si>
    <t>cg24914884</t>
  </si>
  <si>
    <t>cg24915915</t>
  </si>
  <si>
    <t>cg24916284</t>
  </si>
  <si>
    <t>cg24925163</t>
  </si>
  <si>
    <t>cg24925546</t>
  </si>
  <si>
    <t>cg24926689</t>
  </si>
  <si>
    <t>cg24932433</t>
  </si>
  <si>
    <t>cg24933152</t>
  </si>
  <si>
    <t>cg24935031</t>
  </si>
  <si>
    <t>cg24935042</t>
  </si>
  <si>
    <t>cg24935900</t>
  </si>
  <si>
    <t>cg24936095</t>
  </si>
  <si>
    <t>cg24936500</t>
  </si>
  <si>
    <t>cg24937269</t>
  </si>
  <si>
    <t>cg24938166</t>
  </si>
  <si>
    <t>cg24938560</t>
  </si>
  <si>
    <t>cg24958325</t>
  </si>
  <si>
    <t>cg24964130</t>
  </si>
  <si>
    <t>cg24965243</t>
  </si>
  <si>
    <t>cg24977027</t>
  </si>
  <si>
    <t>cg24977891</t>
  </si>
  <si>
    <t>cg24980995</t>
  </si>
  <si>
    <t>cg24981593</t>
  </si>
  <si>
    <t>cg24982556</t>
  </si>
  <si>
    <t>cg24984629</t>
  </si>
  <si>
    <t>cg24985235</t>
  </si>
  <si>
    <t>cg24987745</t>
  </si>
  <si>
    <t>cg24989534</t>
  </si>
  <si>
    <t>cg24992690</t>
  </si>
  <si>
    <t>cg24994360</t>
  </si>
  <si>
    <t>cg25000012</t>
  </si>
  <si>
    <t>cg25004193</t>
  </si>
  <si>
    <t>cg25004737</t>
  </si>
  <si>
    <t>cg25004840</t>
  </si>
  <si>
    <t>cg25020319</t>
  </si>
  <si>
    <t>cg25025966</t>
  </si>
  <si>
    <t>cg25027832</t>
  </si>
  <si>
    <t>cg25029903</t>
  </si>
  <si>
    <t>cg25030694</t>
  </si>
  <si>
    <t>cg25030832</t>
  </si>
  <si>
    <t>cg25033325</t>
  </si>
  <si>
    <t>cg25034205</t>
  </si>
  <si>
    <t>cg25035485</t>
  </si>
  <si>
    <t>cg25036132</t>
  </si>
  <si>
    <t>cg25036261</t>
  </si>
  <si>
    <t>cg25037384</t>
  </si>
  <si>
    <t>cg25038702</t>
  </si>
  <si>
    <t>cg25039186</t>
  </si>
  <si>
    <t>cg25039325</t>
  </si>
  <si>
    <t>cg25042226</t>
  </si>
  <si>
    <t>cg25046074</t>
  </si>
  <si>
    <t>cg25047092</t>
  </si>
  <si>
    <t>cg25047243</t>
  </si>
  <si>
    <t>cg25051278</t>
  </si>
  <si>
    <t>cg25052456</t>
  </si>
  <si>
    <t>cg25054180</t>
  </si>
  <si>
    <t>cg25057743</t>
  </si>
  <si>
    <t>cg25060243</t>
  </si>
  <si>
    <t>cg25061755</t>
  </si>
  <si>
    <t>cg25070253</t>
  </si>
  <si>
    <t>cg25070482</t>
  </si>
  <si>
    <t>cg25071744</t>
  </si>
  <si>
    <t>cg25072436</t>
  </si>
  <si>
    <t>cg25073829</t>
  </si>
  <si>
    <t>cg25073919</t>
  </si>
  <si>
    <t>cg25074764</t>
  </si>
  <si>
    <t>cg25076043</t>
  </si>
  <si>
    <t>cg25080501</t>
  </si>
  <si>
    <t>cg25090994</t>
  </si>
  <si>
    <t>cg25093813</t>
  </si>
  <si>
    <t>cg25095518</t>
  </si>
  <si>
    <t>cg25096282</t>
  </si>
  <si>
    <t>cg25099087</t>
  </si>
  <si>
    <t>cg25101273</t>
  </si>
  <si>
    <t>cg25101396</t>
  </si>
  <si>
    <t>cg25102782</t>
  </si>
  <si>
    <t>cg25103172</t>
  </si>
  <si>
    <t>cg25104233</t>
  </si>
  <si>
    <t>cg25104254</t>
  </si>
  <si>
    <t>cg25104437</t>
  </si>
  <si>
    <t>cg25107522</t>
  </si>
  <si>
    <t>cg25110857</t>
  </si>
  <si>
    <t>cg25112877</t>
  </si>
  <si>
    <t>cg25113610</t>
  </si>
  <si>
    <t>cg25114142</t>
  </si>
  <si>
    <t>cg25114245</t>
  </si>
  <si>
    <t>cg25114855</t>
  </si>
  <si>
    <t>cg25121332</t>
  </si>
  <si>
    <t>cg25121609</t>
  </si>
  <si>
    <t>cg25122629</t>
  </si>
  <si>
    <t>cg25123308</t>
  </si>
  <si>
    <t>cg25124402</t>
  </si>
  <si>
    <t>cg25124739</t>
  </si>
  <si>
    <t>cg25127214</t>
  </si>
  <si>
    <t>cg25137314</t>
  </si>
  <si>
    <t>cg25138017</t>
  </si>
  <si>
    <t>cg25138365</t>
  </si>
  <si>
    <t>cg25146268</t>
  </si>
  <si>
    <t>cg25146557</t>
  </si>
  <si>
    <t>cg25150021</t>
  </si>
  <si>
    <t>cg25151453</t>
  </si>
  <si>
    <t>cg25151803</t>
  </si>
  <si>
    <t>cg25152584</t>
  </si>
  <si>
    <t>cg25161092</t>
  </si>
  <si>
    <t>cg25162794</t>
  </si>
  <si>
    <t>cg25162913</t>
  </si>
  <si>
    <t>cg25164450</t>
  </si>
  <si>
    <t>cg25180342</t>
  </si>
  <si>
    <t>cg25181900</t>
  </si>
  <si>
    <t>cg25182501</t>
  </si>
  <si>
    <t>cg25183282</t>
  </si>
  <si>
    <t>cg25185536</t>
  </si>
  <si>
    <t>cg25185585</t>
  </si>
  <si>
    <t>cg25188141</t>
  </si>
  <si>
    <t>cg25189241</t>
  </si>
  <si>
    <t>cg25190999</t>
  </si>
  <si>
    <t>cg25195673</t>
  </si>
  <si>
    <t>cg25199208</t>
  </si>
  <si>
    <t>cg25199878</t>
  </si>
  <si>
    <t>cg25218351</t>
  </si>
  <si>
    <t>cg25223285</t>
  </si>
  <si>
    <t>cg25228746</t>
  </si>
  <si>
    <t>cg25237970</t>
  </si>
  <si>
    <t>cg25240483</t>
  </si>
  <si>
    <t>cg25243171</t>
  </si>
  <si>
    <t>cg25245161</t>
  </si>
  <si>
    <t>cg25246543</t>
  </si>
  <si>
    <t>cg25247596</t>
  </si>
  <si>
    <t>cg25247969</t>
  </si>
  <si>
    <t>cg25249300</t>
  </si>
  <si>
    <t>cg25249448</t>
  </si>
  <si>
    <t>cg25249728</t>
  </si>
  <si>
    <t>cg25251459</t>
  </si>
  <si>
    <t>cg25251562</t>
  </si>
  <si>
    <t>cg25255897</t>
  </si>
  <si>
    <t>cg25267392</t>
  </si>
  <si>
    <t>cg25268435</t>
  </si>
  <si>
    <t>cg25268863</t>
  </si>
  <si>
    <t>cg25271976</t>
  </si>
  <si>
    <t>cg25287247</t>
  </si>
  <si>
    <t>cg25291980</t>
  </si>
  <si>
    <t>cg25297303</t>
  </si>
  <si>
    <t>cg25299364</t>
  </si>
  <si>
    <t>cg25304107</t>
  </si>
  <si>
    <t>cg25305750</t>
  </si>
  <si>
    <t>cg25305879</t>
  </si>
  <si>
    <t>cg25306511</t>
  </si>
  <si>
    <t>cg25306859</t>
  </si>
  <si>
    <t>cg25306875</t>
  </si>
  <si>
    <t>cg25307915</t>
  </si>
  <si>
    <t>cg25308242</t>
  </si>
  <si>
    <t>cg25309212</t>
  </si>
  <si>
    <t>cg25310182</t>
  </si>
  <si>
    <t>cg25314928</t>
  </si>
  <si>
    <t>cg25316969</t>
  </si>
  <si>
    <t>cg25320169</t>
  </si>
  <si>
    <t>cg25333826</t>
  </si>
  <si>
    <t>cg25336892</t>
  </si>
  <si>
    <t>cg25338577</t>
  </si>
  <si>
    <t>cg25338994</t>
  </si>
  <si>
    <t>cg25339408</t>
  </si>
  <si>
    <t>cg25341674</t>
  </si>
  <si>
    <t>cg25348336</t>
  </si>
  <si>
    <t>cg25349955</t>
  </si>
  <si>
    <t>cg25356886</t>
  </si>
  <si>
    <t>cg25361106</t>
  </si>
  <si>
    <t>cg25371332</t>
  </si>
  <si>
    <t>cg25371487</t>
  </si>
  <si>
    <t>cg25371634</t>
  </si>
  <si>
    <t>cg25375860</t>
  </si>
  <si>
    <t>cg25376875</t>
  </si>
  <si>
    <t>cg25380868</t>
  </si>
  <si>
    <t>cg25385733</t>
  </si>
  <si>
    <t>cg25389065</t>
  </si>
  <si>
    <t>cg25389874</t>
  </si>
  <si>
    <t>cg25390334</t>
  </si>
  <si>
    <t>cg25390440</t>
  </si>
  <si>
    <t>cg25406619</t>
  </si>
  <si>
    <t>cg25407528</t>
  </si>
  <si>
    <t>cg25410641</t>
  </si>
  <si>
    <t>cg25411977</t>
  </si>
  <si>
    <t>cg25413843</t>
  </si>
  <si>
    <t>cg25417936</t>
  </si>
  <si>
    <t>cg25419317</t>
  </si>
  <si>
    <t>cg25420254</t>
  </si>
  <si>
    <t>cg25420502</t>
  </si>
  <si>
    <t>cg25420583</t>
  </si>
  <si>
    <t>cg25420747</t>
  </si>
  <si>
    <t>cg25421716</t>
  </si>
  <si>
    <t>cg25422678</t>
  </si>
  <si>
    <t>cg25424642</t>
  </si>
  <si>
    <t>cg25424742</t>
  </si>
  <si>
    <t>cg25425537</t>
  </si>
  <si>
    <t>cg25428398</t>
  </si>
  <si>
    <t>cg25428740</t>
  </si>
  <si>
    <t>cg25429150</t>
  </si>
  <si>
    <t>cg25429719</t>
  </si>
  <si>
    <t>cg25430507</t>
  </si>
  <si>
    <t>cg25431366</t>
  </si>
  <si>
    <t>cg25431547</t>
  </si>
  <si>
    <t>cg25431974</t>
  </si>
  <si>
    <t>cg25432792</t>
  </si>
  <si>
    <t>cg25433316</t>
  </si>
  <si>
    <t>cg25436766</t>
  </si>
  <si>
    <t>cg25438788</t>
  </si>
  <si>
    <t>cg25441737</t>
  </si>
  <si>
    <t>cg25444821</t>
  </si>
  <si>
    <t>cg25446017</t>
  </si>
  <si>
    <t>cg25446612</t>
  </si>
  <si>
    <t>cg25448407</t>
  </si>
  <si>
    <t>cg25451194</t>
  </si>
  <si>
    <t>cg25453797</t>
  </si>
  <si>
    <t>cg25457027</t>
  </si>
  <si>
    <t>cg25460985</t>
  </si>
  <si>
    <t>cg25464702</t>
  </si>
  <si>
    <t>cg25468488</t>
  </si>
  <si>
    <t>cg25474373</t>
  </si>
  <si>
    <t>cg25475516</t>
  </si>
  <si>
    <t>cg25477928</t>
  </si>
  <si>
    <t>cg25479134</t>
  </si>
  <si>
    <t>cg25480799</t>
  </si>
  <si>
    <t>cg25481636</t>
  </si>
  <si>
    <t>cg25482755</t>
  </si>
  <si>
    <t>cg25485119</t>
  </si>
  <si>
    <t>cg25485435</t>
  </si>
  <si>
    <t>cg25488082</t>
  </si>
  <si>
    <t>cg25492645</t>
  </si>
  <si>
    <t>cg25492727</t>
  </si>
  <si>
    <t>cg25492803</t>
  </si>
  <si>
    <t>cg25494151</t>
  </si>
  <si>
    <t>cg25498815</t>
  </si>
  <si>
    <t>cg25501422</t>
  </si>
  <si>
    <t>cg25503044</t>
  </si>
  <si>
    <t>cg25504430</t>
  </si>
  <si>
    <t>cg25515269</t>
  </si>
  <si>
    <t>cg25518132</t>
  </si>
  <si>
    <t>cg25520960</t>
  </si>
  <si>
    <t>cg25521400</t>
  </si>
  <si>
    <t>cg25522181</t>
  </si>
  <si>
    <t>cg25523704</t>
  </si>
  <si>
    <t>cg25533547</t>
  </si>
  <si>
    <t>cg25534294</t>
  </si>
  <si>
    <t>cg25536256</t>
  </si>
  <si>
    <t>cg25536373</t>
  </si>
  <si>
    <t>cg25537217</t>
  </si>
  <si>
    <t>cg25537724</t>
  </si>
  <si>
    <t>cg25541259</t>
  </si>
  <si>
    <t>cg25542745</t>
  </si>
  <si>
    <t>cg25545336</t>
  </si>
  <si>
    <t>cg25549459</t>
  </si>
  <si>
    <t>cg25550753</t>
  </si>
  <si>
    <t>cg25552705</t>
  </si>
  <si>
    <t>cg25553279</t>
  </si>
  <si>
    <t>cg25553824</t>
  </si>
  <si>
    <t>cg25556432</t>
  </si>
  <si>
    <t>cg25556651</t>
  </si>
  <si>
    <t>cg25560443</t>
  </si>
  <si>
    <t>cg25562925</t>
  </si>
  <si>
    <t>cg25564535</t>
  </si>
  <si>
    <t>cg25565383</t>
  </si>
  <si>
    <t>cg25568061</t>
  </si>
  <si>
    <t>cg25568745</t>
  </si>
  <si>
    <t>cg25571880</t>
  </si>
  <si>
    <t>cg25587920</t>
  </si>
  <si>
    <t>cg25589945</t>
  </si>
  <si>
    <t>cg25591469</t>
  </si>
  <si>
    <t>cg25592526</t>
  </si>
  <si>
    <t>cg25593040</t>
  </si>
  <si>
    <t>cg25599161</t>
  </si>
  <si>
    <t>cg25601547</t>
  </si>
  <si>
    <t>cg25604731</t>
  </si>
  <si>
    <t>cg25604994</t>
  </si>
  <si>
    <t>cg25608973</t>
  </si>
  <si>
    <t>cg25609036</t>
  </si>
  <si>
    <t>cg25609649</t>
  </si>
  <si>
    <t>cg25612183</t>
  </si>
  <si>
    <t>cg25614596</t>
  </si>
  <si>
    <t>cg25616918</t>
  </si>
  <si>
    <t>cg25618981</t>
  </si>
  <si>
    <t>cg25619638</t>
  </si>
  <si>
    <t>cg25621735</t>
  </si>
  <si>
    <t>cg25622481</t>
  </si>
  <si>
    <t>cg25623099</t>
  </si>
  <si>
    <t>cg25627714</t>
  </si>
  <si>
    <t>cg25627913</t>
  </si>
  <si>
    <t>cg25628433</t>
  </si>
  <si>
    <t>cg25629041</t>
  </si>
  <si>
    <t>cg25636665</t>
  </si>
  <si>
    <t>cg25651505</t>
  </si>
  <si>
    <t>cg25652742</t>
  </si>
  <si>
    <t>cg25655069</t>
  </si>
  <si>
    <t>cg25656096</t>
  </si>
  <si>
    <t>cg25657834</t>
  </si>
  <si>
    <t>cg25668368</t>
  </si>
  <si>
    <t>cg25671651</t>
  </si>
  <si>
    <t>cg25681618</t>
  </si>
  <si>
    <t>cg25682188</t>
  </si>
  <si>
    <t>cg25683575</t>
  </si>
  <si>
    <t>cg25685934</t>
  </si>
  <si>
    <t>cg25686172</t>
  </si>
  <si>
    <t>cg25696003</t>
  </si>
  <si>
    <t>cg25703346</t>
  </si>
  <si>
    <t>cg25705208</t>
  </si>
  <si>
    <t>cg25705390</t>
  </si>
  <si>
    <t>cg25705866</t>
  </si>
  <si>
    <t>cg25705900</t>
  </si>
  <si>
    <t>cg25706474</t>
  </si>
  <si>
    <t>cg25708328</t>
  </si>
  <si>
    <t>cg25710753</t>
  </si>
  <si>
    <t>cg25711779</t>
  </si>
  <si>
    <t>cg25713625</t>
  </si>
  <si>
    <t>cg25714252</t>
  </si>
  <si>
    <t>cg25716102</t>
  </si>
  <si>
    <t>cg25717438</t>
  </si>
  <si>
    <t>cg25718365</t>
  </si>
  <si>
    <t>cg25721732</t>
  </si>
  <si>
    <t>cg25722373</t>
  </si>
  <si>
    <t>cg25725843</t>
  </si>
  <si>
    <t>cg25728166</t>
  </si>
  <si>
    <t>cg25729765</t>
  </si>
  <si>
    <t>cg25734624</t>
  </si>
  <si>
    <t>cg25735823</t>
  </si>
  <si>
    <t>cg25736986</t>
  </si>
  <si>
    <t>cg25737891</t>
  </si>
  <si>
    <t>cg25739938</t>
  </si>
  <si>
    <t>cg25740301</t>
  </si>
  <si>
    <t>cg25745343</t>
  </si>
  <si>
    <t>cg25750814</t>
  </si>
  <si>
    <t>cg25751732</t>
  </si>
  <si>
    <t>cg25751974</t>
  </si>
  <si>
    <t>cg25752514</t>
  </si>
  <si>
    <t>cg25752527</t>
  </si>
  <si>
    <t>cg25753817</t>
  </si>
  <si>
    <t>cg25755740</t>
  </si>
  <si>
    <t>cg25755875</t>
  </si>
  <si>
    <t>cg25757829</t>
  </si>
  <si>
    <t>cg25758567</t>
  </si>
  <si>
    <t>cg25758828</t>
  </si>
  <si>
    <t>cg25762658</t>
  </si>
  <si>
    <t>cg25765130</t>
  </si>
  <si>
    <t>cg25781162</t>
  </si>
  <si>
    <t>cg25781926</t>
  </si>
  <si>
    <t>cg25783099</t>
  </si>
  <si>
    <t>cg25783869</t>
  </si>
  <si>
    <t>cg25784219</t>
  </si>
  <si>
    <t>cg25784308</t>
  </si>
  <si>
    <t>cg25785303</t>
  </si>
  <si>
    <t>cg25792351</t>
  </si>
  <si>
    <t>cg25793831</t>
  </si>
  <si>
    <t>cg25795535</t>
  </si>
  <si>
    <t>cg25795625</t>
  </si>
  <si>
    <t>cg25796050</t>
  </si>
  <si>
    <t>cg25798782</t>
  </si>
  <si>
    <t>cg25799361</t>
  </si>
  <si>
    <t>cg25801387</t>
  </si>
  <si>
    <t>cg25804065</t>
  </si>
  <si>
    <t>cg25804072</t>
  </si>
  <si>
    <t>cg25805189</t>
  </si>
  <si>
    <t>cg25806347</t>
  </si>
  <si>
    <t>cg25808157</t>
  </si>
  <si>
    <t>cg25808386</t>
  </si>
  <si>
    <t>cg25809290</t>
  </si>
  <si>
    <t>cg25811083</t>
  </si>
  <si>
    <t>cg25811526</t>
  </si>
  <si>
    <t>cg25811867</t>
  </si>
  <si>
    <t>cg25812095</t>
  </si>
  <si>
    <t>cg25812473</t>
  </si>
  <si>
    <t>cg25814402</t>
  </si>
  <si>
    <t>cg25814715</t>
  </si>
  <si>
    <t>cg25814969</t>
  </si>
  <si>
    <t>cg25815440</t>
  </si>
  <si>
    <t>cg25816545</t>
  </si>
  <si>
    <t>cg25816739</t>
  </si>
  <si>
    <t>cg25817973</t>
  </si>
  <si>
    <t>cg25819429</t>
  </si>
  <si>
    <t>cg25819879</t>
  </si>
  <si>
    <t>cg25820279</t>
  </si>
  <si>
    <t>cg25828346</t>
  </si>
  <si>
    <t>cg25829490</t>
  </si>
  <si>
    <t>cg25834415</t>
  </si>
  <si>
    <t>cg25838818</t>
  </si>
  <si>
    <t>cg25840685</t>
  </si>
  <si>
    <t>cg25840850</t>
  </si>
  <si>
    <t>cg25840926</t>
  </si>
  <si>
    <t>cg25841802</t>
  </si>
  <si>
    <t>cg25848398</t>
  </si>
  <si>
    <t>cg25848875</t>
  </si>
  <si>
    <t>cg25852019</t>
  </si>
  <si>
    <t>cg25853833</t>
  </si>
  <si>
    <t>cg25854162</t>
  </si>
  <si>
    <t>cg25856383</t>
  </si>
  <si>
    <t>cg25859012</t>
  </si>
  <si>
    <t>cg25868126</t>
  </si>
  <si>
    <t>cg25868769</t>
  </si>
  <si>
    <t>cg25869950</t>
  </si>
  <si>
    <t>cg25881038</t>
  </si>
  <si>
    <t>cg25883141</t>
  </si>
  <si>
    <t>cg25883348</t>
  </si>
  <si>
    <t>cg25884550</t>
  </si>
  <si>
    <t>cg25889918</t>
  </si>
  <si>
    <t>cg25907138</t>
  </si>
  <si>
    <t>cg25916404</t>
  </si>
  <si>
    <t>cg25918166</t>
  </si>
  <si>
    <t>cg25918827</t>
  </si>
  <si>
    <t>cg25919979</t>
  </si>
  <si>
    <t>cg25921544</t>
  </si>
  <si>
    <t>cg25924274</t>
  </si>
  <si>
    <t>cg25925441</t>
  </si>
  <si>
    <t>cg25925945</t>
  </si>
  <si>
    <t>cg25927444</t>
  </si>
  <si>
    <t>cg25928742</t>
  </si>
  <si>
    <t>cg25929589</t>
  </si>
  <si>
    <t>cg25932386</t>
  </si>
  <si>
    <t>cg25936380</t>
  </si>
  <si>
    <t>cg25938806</t>
  </si>
  <si>
    <t>cg25939015</t>
  </si>
  <si>
    <t>cg25939861</t>
  </si>
  <si>
    <t>cg25942879</t>
  </si>
  <si>
    <t>cg25946605</t>
  </si>
  <si>
    <t>cg25947773</t>
  </si>
  <si>
    <t>cg25950829</t>
  </si>
  <si>
    <t>cg25952423</t>
  </si>
  <si>
    <t>cg25953146</t>
  </si>
  <si>
    <t>cg25957451</t>
  </si>
  <si>
    <t>cg25958062</t>
  </si>
  <si>
    <t>cg25961684</t>
  </si>
  <si>
    <t>cg25962840</t>
  </si>
  <si>
    <t>cg25962880</t>
  </si>
  <si>
    <t>cg25968367</t>
  </si>
  <si>
    <t>cg25982140</t>
  </si>
  <si>
    <t>cg25983575</t>
  </si>
  <si>
    <t>cg25986200</t>
  </si>
  <si>
    <t>cg25986403</t>
  </si>
  <si>
    <t>cg25996061</t>
  </si>
  <si>
    <t>cg25996077</t>
  </si>
  <si>
    <t>cg26009035</t>
  </si>
  <si>
    <t>cg26011364</t>
  </si>
  <si>
    <t>cg26014723</t>
  </si>
  <si>
    <t>cg26030832</t>
  </si>
  <si>
    <t>cg26033710</t>
  </si>
  <si>
    <t>cg26034150</t>
  </si>
  <si>
    <t>cg26034168</t>
  </si>
  <si>
    <t>cg26035105</t>
  </si>
  <si>
    <t>cg26035892</t>
  </si>
  <si>
    <t>cg26036993</t>
  </si>
  <si>
    <t>cg26047334</t>
  </si>
  <si>
    <t>cg26047938</t>
  </si>
  <si>
    <t>cg26049092</t>
  </si>
  <si>
    <t>cg26053217</t>
  </si>
  <si>
    <t>cg26057577</t>
  </si>
  <si>
    <t>cg26063629</t>
  </si>
  <si>
    <t>cg26067250</t>
  </si>
  <si>
    <t>cg26067569</t>
  </si>
  <si>
    <t>cg26085385</t>
  </si>
  <si>
    <t>cg26085987</t>
  </si>
  <si>
    <t>cg26089280</t>
  </si>
  <si>
    <t>cg26090072</t>
  </si>
  <si>
    <t>cg26091679</t>
  </si>
  <si>
    <t>cg26093711</t>
  </si>
  <si>
    <t>cg26094599</t>
  </si>
  <si>
    <t>cg26094651</t>
  </si>
  <si>
    <t>cg26096190</t>
  </si>
  <si>
    <t>cg26097674</t>
  </si>
  <si>
    <t>cg26104932</t>
  </si>
  <si>
    <t>cg26106316</t>
  </si>
  <si>
    <t>cg26108017</t>
  </si>
  <si>
    <t>cg26109017</t>
  </si>
  <si>
    <t>cg26109401</t>
  </si>
  <si>
    <t>cg26110645</t>
  </si>
  <si>
    <t>cg26112457</t>
  </si>
  <si>
    <t>cg26114003</t>
  </si>
  <si>
    <t>cg26114502</t>
  </si>
  <si>
    <t>cg26114642</t>
  </si>
  <si>
    <t>cg26117023</t>
  </si>
  <si>
    <t>cg26117389</t>
  </si>
  <si>
    <t>cg26118367</t>
  </si>
  <si>
    <t>cg26118435</t>
  </si>
  <si>
    <t>cg26119367</t>
  </si>
  <si>
    <t>cg26119806</t>
  </si>
  <si>
    <t>cg26122607</t>
  </si>
  <si>
    <t>cg26129270</t>
  </si>
  <si>
    <t>cg26132588</t>
  </si>
  <si>
    <t>cg26132737</t>
  </si>
  <si>
    <t>cg26133217</t>
  </si>
  <si>
    <t>cg26137267</t>
  </si>
  <si>
    <t>cg26139062</t>
  </si>
  <si>
    <t>cg26139953</t>
  </si>
  <si>
    <t>cg26140366</t>
  </si>
  <si>
    <t>cg26140394</t>
  </si>
  <si>
    <t>cg26143064</t>
  </si>
  <si>
    <t>cg26143515</t>
  </si>
  <si>
    <t>cg26143752</t>
  </si>
  <si>
    <t>cg26147657</t>
  </si>
  <si>
    <t>cg26149739</t>
  </si>
  <si>
    <t>cg26152051</t>
  </si>
  <si>
    <t>cg26154999</t>
  </si>
  <si>
    <t>cg26160153</t>
  </si>
  <si>
    <t>cg26160191</t>
  </si>
  <si>
    <t>cg26160573</t>
  </si>
  <si>
    <t>cg26162813</t>
  </si>
  <si>
    <t>cg26166004</t>
  </si>
  <si>
    <t>cg26169421</t>
  </si>
  <si>
    <t>cg26175971</t>
  </si>
  <si>
    <t>cg26176204</t>
  </si>
  <si>
    <t>cg26178217</t>
  </si>
  <si>
    <t>cg26178446</t>
  </si>
  <si>
    <t>cg26180126</t>
  </si>
  <si>
    <t>cg26181818</t>
  </si>
  <si>
    <t>cg26182780</t>
  </si>
  <si>
    <t>cg26186613</t>
  </si>
  <si>
    <t>cg26186879</t>
  </si>
  <si>
    <t>cg26186929</t>
  </si>
  <si>
    <t>cg26187237</t>
  </si>
  <si>
    <t>cg26187876</t>
  </si>
  <si>
    <t>cg26189067</t>
  </si>
  <si>
    <t>cg26190833</t>
  </si>
  <si>
    <t>cg26193372</t>
  </si>
  <si>
    <t>cg26194560</t>
  </si>
  <si>
    <t>cg26195812</t>
  </si>
  <si>
    <t>cg26199631</t>
  </si>
  <si>
    <t>cg26202529</t>
  </si>
  <si>
    <t>cg26202886</t>
  </si>
  <si>
    <t>cg26202915</t>
  </si>
  <si>
    <t>cg26202964</t>
  </si>
  <si>
    <t>cg26204079</t>
  </si>
  <si>
    <t>cg26207408</t>
  </si>
  <si>
    <t>cg26207766</t>
  </si>
  <si>
    <t>cg26210250</t>
  </si>
  <si>
    <t>cg26229201</t>
  </si>
  <si>
    <t>cg26236902</t>
  </si>
  <si>
    <t>cg26237651</t>
  </si>
  <si>
    <t>cg26238727</t>
  </si>
  <si>
    <t>cg26238936</t>
  </si>
  <si>
    <t>cg26239051</t>
  </si>
  <si>
    <t>cg26239485</t>
  </si>
  <si>
    <t>cg26248430</t>
  </si>
  <si>
    <t>cg26251101</t>
  </si>
  <si>
    <t>cg26251472</t>
  </si>
  <si>
    <t>cg26253134</t>
  </si>
  <si>
    <t>cg26258152</t>
  </si>
  <si>
    <t>cg26258845</t>
  </si>
  <si>
    <t>cg26259363</t>
  </si>
  <si>
    <t>cg26260350</t>
  </si>
  <si>
    <t>cg26264896</t>
  </si>
  <si>
    <t>cg26266046</t>
  </si>
  <si>
    <t>cg26267272</t>
  </si>
  <si>
    <t>cg26267678</t>
  </si>
  <si>
    <t>cg26271045</t>
  </si>
  <si>
    <t>cg26275470</t>
  </si>
  <si>
    <t>cg26278699</t>
  </si>
  <si>
    <t>cg26279070</t>
  </si>
  <si>
    <t>cg26292864</t>
  </si>
  <si>
    <t>cg26294387</t>
  </si>
  <si>
    <t>cg26294431</t>
  </si>
  <si>
    <t>cg26297203</t>
  </si>
  <si>
    <t>cg26301562</t>
  </si>
  <si>
    <t>cg26302230</t>
  </si>
  <si>
    <t>cg26303339</t>
  </si>
  <si>
    <t>cg26305986</t>
  </si>
  <si>
    <t>cg26306091</t>
  </si>
  <si>
    <t>cg26306976</t>
  </si>
  <si>
    <t>cg26312337</t>
  </si>
  <si>
    <t>cg26312616</t>
  </si>
  <si>
    <t>cg26313421</t>
  </si>
  <si>
    <t>cg26316101</t>
  </si>
  <si>
    <t>cg26316702</t>
  </si>
  <si>
    <t>cg26320219</t>
  </si>
  <si>
    <t>cg26333591</t>
  </si>
  <si>
    <t>cg26336642</t>
  </si>
  <si>
    <t>cg26337695</t>
  </si>
  <si>
    <t>cg26337868</t>
  </si>
  <si>
    <t>cg26343883</t>
  </si>
  <si>
    <t>cg26347089</t>
  </si>
  <si>
    <t>cg26349358</t>
  </si>
  <si>
    <t>cg26356169</t>
  </si>
  <si>
    <t>cg26359389</t>
  </si>
  <si>
    <t>cg26366087</t>
  </si>
  <si>
    <t>cg26373051</t>
  </si>
  <si>
    <t>cg26373663</t>
  </si>
  <si>
    <t>cg26380757</t>
  </si>
  <si>
    <t>cg26382586</t>
  </si>
  <si>
    <t>cg26385743</t>
  </si>
  <si>
    <t>cg26386610</t>
  </si>
  <si>
    <t>cg26386673</t>
  </si>
  <si>
    <t>cg26386740</t>
  </si>
  <si>
    <t>cg26391350</t>
  </si>
  <si>
    <t>cg26392441</t>
  </si>
  <si>
    <t>cg26393791</t>
  </si>
  <si>
    <t>cg26394220</t>
  </si>
  <si>
    <t>cg26394221</t>
  </si>
  <si>
    <t>cg26394380</t>
  </si>
  <si>
    <t>cg26394837</t>
  </si>
  <si>
    <t>cg26398848</t>
  </si>
  <si>
    <t>cg26422981</t>
  </si>
  <si>
    <t>cg26424147</t>
  </si>
  <si>
    <t>cg26425409</t>
  </si>
  <si>
    <t>cg26427115</t>
  </si>
  <si>
    <t>cg26427270</t>
  </si>
  <si>
    <t>cg26427308</t>
  </si>
  <si>
    <t>cg26429381</t>
  </si>
  <si>
    <t>cg26429694</t>
  </si>
  <si>
    <t>cg26446294</t>
  </si>
  <si>
    <t>cg26446816</t>
  </si>
  <si>
    <t>cg26448489</t>
  </si>
  <si>
    <t>cg26449074</t>
  </si>
  <si>
    <t>cg26454191</t>
  </si>
  <si>
    <t>cg26454433</t>
  </si>
  <si>
    <t>cg26456257</t>
  </si>
  <si>
    <t>cg26456942</t>
  </si>
  <si>
    <t>cg26467554</t>
  </si>
  <si>
    <t>cg26467949</t>
  </si>
  <si>
    <t>cg26470599</t>
  </si>
  <si>
    <t>cg26471058</t>
  </si>
  <si>
    <t>cg26472938</t>
  </si>
  <si>
    <t>cg26476630</t>
  </si>
  <si>
    <t>cg26476820</t>
  </si>
  <si>
    <t>cg26479022</t>
  </si>
  <si>
    <t>cg26480069</t>
  </si>
  <si>
    <t>cg26480889</t>
  </si>
  <si>
    <t>cg26491213</t>
  </si>
  <si>
    <t>cg26491844</t>
  </si>
  <si>
    <t>cg26492480</t>
  </si>
  <si>
    <t>cg26494138</t>
  </si>
  <si>
    <t>cg26494610</t>
  </si>
  <si>
    <t>cg26501046</t>
  </si>
  <si>
    <t>cg26509250</t>
  </si>
  <si>
    <t>cg26510428</t>
  </si>
  <si>
    <t>cg26510500</t>
  </si>
  <si>
    <t>cg26511357</t>
  </si>
  <si>
    <t>cg26512226</t>
  </si>
  <si>
    <t>cg26512771</t>
  </si>
  <si>
    <t>cg26522792</t>
  </si>
  <si>
    <t>cg26525127</t>
  </si>
  <si>
    <t>cg26530498</t>
  </si>
  <si>
    <t>cg26530942</t>
  </si>
  <si>
    <t>cg26534993</t>
  </si>
  <si>
    <t>cg26535834</t>
  </si>
  <si>
    <t>cg26537076</t>
  </si>
  <si>
    <t>cg26538116</t>
  </si>
  <si>
    <t>cg26540127</t>
  </si>
  <si>
    <t>cg26544594</t>
  </si>
  <si>
    <t>cg26546687</t>
  </si>
  <si>
    <t>cg26548729</t>
  </si>
  <si>
    <t>cg26556918</t>
  </si>
  <si>
    <t>cg26563141</t>
  </si>
  <si>
    <t>cg26569295</t>
  </si>
  <si>
    <t>cg26574325</t>
  </si>
  <si>
    <t>cg26575450</t>
  </si>
  <si>
    <t>cg26585590</t>
  </si>
  <si>
    <t>cg26586164</t>
  </si>
  <si>
    <t>cg26590744</t>
  </si>
  <si>
    <t>cg26605809</t>
  </si>
  <si>
    <t>cg26606257</t>
  </si>
  <si>
    <t>cg26606682</t>
  </si>
  <si>
    <t>cg26625319</t>
  </si>
  <si>
    <t>cg26625571</t>
  </si>
  <si>
    <t>cg26627327</t>
  </si>
  <si>
    <t>cg26627511</t>
  </si>
  <si>
    <t>cg26631397</t>
  </si>
  <si>
    <t>cg26632171</t>
  </si>
  <si>
    <t>cg26638069</t>
  </si>
  <si>
    <t>cg26643996</t>
  </si>
  <si>
    <t>cg26645780</t>
  </si>
  <si>
    <t>cg26647242</t>
  </si>
  <si>
    <t>cg26647617</t>
  </si>
  <si>
    <t>cg26648203</t>
  </si>
  <si>
    <t>cg26649096</t>
  </si>
  <si>
    <t>cg26649643</t>
  </si>
  <si>
    <t>cg26649904</t>
  </si>
  <si>
    <t>cg26650973</t>
  </si>
  <si>
    <t>cg26652022</t>
  </si>
  <si>
    <t>cg26655772</t>
  </si>
  <si>
    <t>cg26657648</t>
  </si>
  <si>
    <t>cg26659079</t>
  </si>
  <si>
    <t>cg26660002</t>
  </si>
  <si>
    <t>cg26666365</t>
  </si>
  <si>
    <t>cg26668608</t>
  </si>
  <si>
    <t>cg26669270</t>
  </si>
  <si>
    <t>cg26672098</t>
  </si>
  <si>
    <t>cg26673264</t>
  </si>
  <si>
    <t>cg26675329</t>
  </si>
  <si>
    <t>cg26677478</t>
  </si>
  <si>
    <t>cg26682499</t>
  </si>
  <si>
    <t>cg26682866</t>
  </si>
  <si>
    <t>cg26685264</t>
  </si>
  <si>
    <t>cg26685975</t>
  </si>
  <si>
    <t>cg26686439</t>
  </si>
  <si>
    <t>cg26686512</t>
  </si>
  <si>
    <t>cg26688472</t>
  </si>
  <si>
    <t>cg26690525</t>
  </si>
  <si>
    <t>cg26693693</t>
  </si>
  <si>
    <t>cg26701266</t>
  </si>
  <si>
    <t>cg26703507</t>
  </si>
  <si>
    <t>cg26704870</t>
  </si>
  <si>
    <t>cg26706961</t>
  </si>
  <si>
    <t>cg26707709</t>
  </si>
  <si>
    <t>cg26708280</t>
  </si>
  <si>
    <t>cg26718585</t>
  </si>
  <si>
    <t>cg26719995</t>
  </si>
  <si>
    <t>cg26734287</t>
  </si>
  <si>
    <t>cg26736450</t>
  </si>
  <si>
    <t>cg26743569</t>
  </si>
  <si>
    <t>cg26744308</t>
  </si>
  <si>
    <t>cg26748578</t>
  </si>
  <si>
    <t>cg26752663</t>
  </si>
  <si>
    <t>cg26753393</t>
  </si>
  <si>
    <t>cg26754761</t>
  </si>
  <si>
    <t>cg26755083</t>
  </si>
  <si>
    <t>cg26759925</t>
  </si>
  <si>
    <t>cg26767059</t>
  </si>
  <si>
    <t>cg26767897</t>
  </si>
  <si>
    <t>cg26780481</t>
  </si>
  <si>
    <t>cg26784000</t>
  </si>
  <si>
    <t>cg26784162</t>
  </si>
  <si>
    <t>cg26785154</t>
  </si>
  <si>
    <t>cg26785157</t>
  </si>
  <si>
    <t>cg26786924</t>
  </si>
  <si>
    <t>cg26788216</t>
  </si>
  <si>
    <t>cg26792080</t>
  </si>
  <si>
    <t>cg26796670</t>
  </si>
  <si>
    <t>cg26804381</t>
  </si>
  <si>
    <t>cg26817127</t>
  </si>
  <si>
    <t>cg26818573</t>
  </si>
  <si>
    <t>cg26818645</t>
  </si>
  <si>
    <t>cg26819783</t>
  </si>
  <si>
    <t>cg26820327</t>
  </si>
  <si>
    <t>cg26821721</t>
  </si>
  <si>
    <t>cg26821745</t>
  </si>
  <si>
    <t>cg26822501</t>
  </si>
  <si>
    <t>cg26823290</t>
  </si>
  <si>
    <t>cg26823535</t>
  </si>
  <si>
    <t>cg26823762</t>
  </si>
  <si>
    <t>cg26824467</t>
  </si>
  <si>
    <t>cg26828494</t>
  </si>
  <si>
    <t>cg26830038</t>
  </si>
  <si>
    <t>cg26830834</t>
  </si>
  <si>
    <t>cg26837192</t>
  </si>
  <si>
    <t>cg26841277</t>
  </si>
  <si>
    <t>cg26841309</t>
  </si>
  <si>
    <t>cg26845838</t>
  </si>
  <si>
    <t>cg26847229</t>
  </si>
  <si>
    <t>cg26847850</t>
  </si>
  <si>
    <t>cg26850754</t>
  </si>
  <si>
    <t>cg26855148</t>
  </si>
  <si>
    <t>cg26862286</t>
  </si>
  <si>
    <t>cg26872305</t>
  </si>
  <si>
    <t>cg26872780</t>
  </si>
  <si>
    <t>cg26875877</t>
  </si>
  <si>
    <t>cg26886277</t>
  </si>
  <si>
    <t>cg26888063</t>
  </si>
  <si>
    <t>cg26888222</t>
  </si>
  <si>
    <t>cg26888813</t>
  </si>
  <si>
    <t>cg26889572</t>
  </si>
  <si>
    <t>cg26890101</t>
  </si>
  <si>
    <t>cg26906731</t>
  </si>
  <si>
    <t>cg26907313</t>
  </si>
  <si>
    <t>cg26909602</t>
  </si>
  <si>
    <t>cg26910092</t>
  </si>
  <si>
    <t>cg26912078</t>
  </si>
  <si>
    <t>cg26913248</t>
  </si>
  <si>
    <t>cg26913833</t>
  </si>
  <si>
    <t>cg26914931</t>
  </si>
  <si>
    <t>cg26945241</t>
  </si>
  <si>
    <t>cg26946218</t>
  </si>
  <si>
    <t>cg26948226</t>
  </si>
  <si>
    <t>cg26948536</t>
  </si>
  <si>
    <t>cg26950279</t>
  </si>
  <si>
    <t>cg26958486</t>
  </si>
  <si>
    <t>cg26961622</t>
  </si>
  <si>
    <t>cg26965059</t>
  </si>
  <si>
    <t>cg26967619</t>
  </si>
  <si>
    <t>cg26976908</t>
  </si>
  <si>
    <t>cg26977769</t>
  </si>
  <si>
    <t>cg26980529</t>
  </si>
  <si>
    <t>cg26986629</t>
  </si>
  <si>
    <t>cg26989646</t>
  </si>
  <si>
    <t>cg26993591</t>
  </si>
  <si>
    <t>cg26993951</t>
  </si>
  <si>
    <t>cg26994225</t>
  </si>
  <si>
    <t>cg27002866</t>
  </si>
  <si>
    <t>cg27004414</t>
  </si>
  <si>
    <t>cg27005018</t>
  </si>
  <si>
    <t>cg27009036</t>
  </si>
  <si>
    <t>cg27009475</t>
  </si>
  <si>
    <t>cg27011534</t>
  </si>
  <si>
    <t>cg27012396</t>
  </si>
  <si>
    <t>cg27013382</t>
  </si>
  <si>
    <t>cg27013848</t>
  </si>
  <si>
    <t>cg27016609</t>
  </si>
  <si>
    <t>cg27024844</t>
  </si>
  <si>
    <t>cg27025088</t>
  </si>
  <si>
    <t>cg27026202</t>
  </si>
  <si>
    <t>cg27063607</t>
  </si>
  <si>
    <t>cg27072387</t>
  </si>
  <si>
    <t>cg27073086</t>
  </si>
  <si>
    <t>cg27074041</t>
  </si>
  <si>
    <t>cg27074297</t>
  </si>
  <si>
    <t>cg27074582</t>
  </si>
  <si>
    <t>cg27093989</t>
  </si>
  <si>
    <t>cg27102332</t>
  </si>
  <si>
    <t>cg27103680</t>
  </si>
  <si>
    <t>cg27106476</t>
  </si>
  <si>
    <t>cg27112142</t>
  </si>
  <si>
    <t>cg27112565</t>
  </si>
  <si>
    <t>cg27116770</t>
  </si>
  <si>
    <t>cg27117491</t>
  </si>
  <si>
    <t>cg27117828</t>
  </si>
  <si>
    <t>cg27117980</t>
  </si>
  <si>
    <t>cg27119815</t>
  </si>
  <si>
    <t>cg27132396</t>
  </si>
  <si>
    <t>cg27134732</t>
  </si>
  <si>
    <t>cg27136740</t>
  </si>
  <si>
    <t>cg27138584</t>
  </si>
  <si>
    <t>cg27139457</t>
  </si>
  <si>
    <t>cg27141176</t>
  </si>
  <si>
    <t>cg27144453</t>
  </si>
  <si>
    <t>cg27145458</t>
  </si>
  <si>
    <t>cg27160130</t>
  </si>
  <si>
    <t>cg27160395</t>
  </si>
  <si>
    <t>cg27160524</t>
  </si>
  <si>
    <t>cg27168076</t>
  </si>
  <si>
    <t>cg27168632</t>
  </si>
  <si>
    <t>cg27168661</t>
  </si>
  <si>
    <t>cg27174698</t>
  </si>
  <si>
    <t>cg27175112</t>
  </si>
  <si>
    <t>cg27175509</t>
  </si>
  <si>
    <t>cg27193366</t>
  </si>
  <si>
    <t>cg27209578</t>
  </si>
  <si>
    <t>cg27210766</t>
  </si>
  <si>
    <t>cg27211696</t>
  </si>
  <si>
    <t>cg27212729</t>
  </si>
  <si>
    <t>cg27213509</t>
  </si>
  <si>
    <t>cg27216780</t>
  </si>
  <si>
    <t>cg27217230</t>
  </si>
  <si>
    <t>cg27217350</t>
  </si>
  <si>
    <t>cg27223728</t>
  </si>
  <si>
    <t>cg27223882</t>
  </si>
  <si>
    <t>cg27224971</t>
  </si>
  <si>
    <t>cg27226153</t>
  </si>
  <si>
    <t>cg27226238</t>
  </si>
  <si>
    <t>cg27227250</t>
  </si>
  <si>
    <t>cg27227507</t>
  </si>
  <si>
    <t>cg27227597</t>
  </si>
  <si>
    <t>cg27229823</t>
  </si>
  <si>
    <t>cg27230724</t>
  </si>
  <si>
    <t>cg27234239</t>
  </si>
  <si>
    <t>cg27236242</t>
  </si>
  <si>
    <t>cg27237671</t>
  </si>
  <si>
    <t>cg27240209</t>
  </si>
  <si>
    <t>cg27241804</t>
  </si>
  <si>
    <t>cg27241845</t>
  </si>
  <si>
    <t>cg27243623</t>
  </si>
  <si>
    <t>cg27247054</t>
  </si>
  <si>
    <t>cg27248741</t>
  </si>
  <si>
    <t>cg27251686</t>
  </si>
  <si>
    <t>cg27252766</t>
  </si>
  <si>
    <t>cg27254661</t>
  </si>
  <si>
    <t>cg27255653</t>
  </si>
  <si>
    <t>cg27257137</t>
  </si>
  <si>
    <t>cg27273140</t>
  </si>
  <si>
    <t>cg27274072</t>
  </si>
  <si>
    <t>cg27278086</t>
  </si>
  <si>
    <t>cg27278500</t>
  </si>
  <si>
    <t>cg27278843</t>
  </si>
  <si>
    <t>cg27280787</t>
  </si>
  <si>
    <t>cg27281690</t>
  </si>
  <si>
    <t>cg27291170</t>
  </si>
  <si>
    <t>cg27293155</t>
  </si>
  <si>
    <t>cg27293844</t>
  </si>
  <si>
    <t>cg27297315</t>
  </si>
  <si>
    <t>cg27302614</t>
  </si>
  <si>
    <t>cg27304516</t>
  </si>
  <si>
    <t>cg27305009</t>
  </si>
  <si>
    <t>cg27305303</t>
  </si>
  <si>
    <t>cg27305304</t>
  </si>
  <si>
    <t>cg27306873</t>
  </si>
  <si>
    <t>cg27306986</t>
  </si>
  <si>
    <t>cg27309038</t>
  </si>
  <si>
    <t>cg27309383</t>
  </si>
  <si>
    <t>cg27310449</t>
  </si>
  <si>
    <t>cg27315333</t>
  </si>
  <si>
    <t>cg27320127</t>
  </si>
  <si>
    <t>cg27321538</t>
  </si>
  <si>
    <t>cg27322846</t>
  </si>
  <si>
    <t>cg27325314</t>
  </si>
  <si>
    <t>cg27327370</t>
  </si>
  <si>
    <t>cg27329091</t>
  </si>
  <si>
    <t>cg27343216</t>
  </si>
  <si>
    <t>cg27360231</t>
  </si>
  <si>
    <t>cg27360727</t>
  </si>
  <si>
    <t>cg27361520</t>
  </si>
  <si>
    <t>cg27361716</t>
  </si>
  <si>
    <t>cg27365426</t>
  </si>
  <si>
    <t>cg27366669</t>
  </si>
  <si>
    <t>cg27366866</t>
  </si>
  <si>
    <t>cg27366888</t>
  </si>
  <si>
    <t>cg27367871</t>
  </si>
  <si>
    <t>cg27367952</t>
  </si>
  <si>
    <t>cg27368726</t>
  </si>
  <si>
    <t>cg27370131</t>
  </si>
  <si>
    <t>cg27373387</t>
  </si>
  <si>
    <t>cg27375286</t>
  </si>
  <si>
    <t>cg27378835</t>
  </si>
  <si>
    <t>cg27380819</t>
  </si>
  <si>
    <t>cg27383081</t>
  </si>
  <si>
    <t>cg27383365</t>
  </si>
  <si>
    <t>cg27388587</t>
  </si>
  <si>
    <t>cg27391093</t>
  </si>
  <si>
    <t>cg27391564</t>
  </si>
  <si>
    <t>cg27393372</t>
  </si>
  <si>
    <t>cg27399034</t>
  </si>
  <si>
    <t>cg27400113</t>
  </si>
  <si>
    <t>cg27402180</t>
  </si>
  <si>
    <t>cg27404272</t>
  </si>
  <si>
    <t>cg27409015</t>
  </si>
  <si>
    <t>cg27410837</t>
  </si>
  <si>
    <t>cg27413025</t>
  </si>
  <si>
    <t>cg27413118</t>
  </si>
  <si>
    <t>cg27417846</t>
  </si>
  <si>
    <t>cg27420236</t>
  </si>
  <si>
    <t>cg27420736</t>
  </si>
  <si>
    <t>cg27421117</t>
  </si>
  <si>
    <t>cg27422857</t>
  </si>
  <si>
    <t>cg27424326</t>
  </si>
  <si>
    <t>cg27425166</t>
  </si>
  <si>
    <t>cg27429106</t>
  </si>
  <si>
    <t>cg27429220</t>
  </si>
  <si>
    <t>cg27432242</t>
  </si>
  <si>
    <t>cg27440866</t>
  </si>
  <si>
    <t>cg27444437</t>
  </si>
  <si>
    <t>cg27447296</t>
  </si>
  <si>
    <t>cg27447677</t>
  </si>
  <si>
    <t>cg27448900</t>
  </si>
  <si>
    <t>cg27449030</t>
  </si>
  <si>
    <t>cg27449114</t>
  </si>
  <si>
    <t>cg27451920</t>
  </si>
  <si>
    <t>cg27452844</t>
  </si>
  <si>
    <t>cg27456468</t>
  </si>
  <si>
    <t>cg27457631</t>
  </si>
  <si>
    <t>cg27457925</t>
  </si>
  <si>
    <t>cg27468270</t>
  </si>
  <si>
    <t>cg27472176</t>
  </si>
  <si>
    <t>cg27478035</t>
  </si>
  <si>
    <t>cg27478579</t>
  </si>
  <si>
    <t>cg27479326</t>
  </si>
  <si>
    <t>cg27480444</t>
  </si>
  <si>
    <t>cg27481559</t>
  </si>
  <si>
    <t>cg27485921</t>
  </si>
  <si>
    <t>cg27488206</t>
  </si>
  <si>
    <t>cg27488740</t>
  </si>
  <si>
    <t>cg27489873</t>
  </si>
  <si>
    <t>cg27490404</t>
  </si>
  <si>
    <t>cg27490629</t>
  </si>
  <si>
    <t>cg27493117</t>
  </si>
  <si>
    <t>cg27493243</t>
  </si>
  <si>
    <t>cg27495572</t>
  </si>
  <si>
    <t>cg27497461</t>
  </si>
  <si>
    <t>cg27503920</t>
  </si>
  <si>
    <t>cg27503970</t>
  </si>
  <si>
    <t>cg27504117</t>
  </si>
  <si>
    <t>cg27506462</t>
  </si>
  <si>
    <t>cg27509105</t>
  </si>
  <si>
    <t>cg27509510</t>
  </si>
  <si>
    <t>cg27521093</t>
  </si>
  <si>
    <t>cg27531832</t>
  </si>
  <si>
    <t>cg27531842</t>
  </si>
  <si>
    <t>cg27547043</t>
  </si>
  <si>
    <t>cg27547873</t>
  </si>
  <si>
    <t>cg27553955</t>
  </si>
  <si>
    <t>cg27556193</t>
  </si>
  <si>
    <t>cg27557790</t>
  </si>
  <si>
    <t>cg27558312</t>
  </si>
  <si>
    <t>cg27558479</t>
  </si>
  <si>
    <t>cg27560132</t>
  </si>
  <si>
    <t>cg27561421</t>
  </si>
  <si>
    <t>cg27567335</t>
  </si>
  <si>
    <t>cg27569706</t>
  </si>
  <si>
    <t>cg27580229</t>
  </si>
  <si>
    <t>cg27581028</t>
  </si>
  <si>
    <t>cg27582124</t>
  </si>
  <si>
    <t>cg27582563</t>
  </si>
  <si>
    <t>cg27584112</t>
  </si>
  <si>
    <t>cg27585147</t>
  </si>
  <si>
    <t>cg27585557</t>
  </si>
  <si>
    <t>cg27590781</t>
  </si>
  <si>
    <t>cg27598107</t>
  </si>
  <si>
    <t>cg27599376</t>
  </si>
  <si>
    <t>cg27603366</t>
  </si>
  <si>
    <t>cg27606288</t>
  </si>
  <si>
    <t>cg27606397</t>
  </si>
  <si>
    <t>cg27606473</t>
  </si>
  <si>
    <t>cg27609819</t>
  </si>
  <si>
    <t>cg27610867</t>
  </si>
  <si>
    <t>cg27612389</t>
  </si>
  <si>
    <t>cg27613860</t>
  </si>
  <si>
    <t>cg27614215</t>
  </si>
  <si>
    <t>cg27616833</t>
  </si>
  <si>
    <t>cg27617959</t>
  </si>
  <si>
    <t>cg27618483</t>
  </si>
  <si>
    <t>cg27623126</t>
  </si>
  <si>
    <t>cg27623769</t>
  </si>
  <si>
    <t>cg27624162</t>
  </si>
  <si>
    <t>cg27627246</t>
  </si>
  <si>
    <t>cg27629589</t>
  </si>
  <si>
    <t>cg27629986</t>
  </si>
  <si>
    <t>cg27633877</t>
  </si>
  <si>
    <t>cg27635453</t>
  </si>
  <si>
    <t>cg27635859</t>
  </si>
  <si>
    <t>cg27637086</t>
  </si>
  <si>
    <t>cg27638115</t>
  </si>
  <si>
    <t>cg27638196</t>
  </si>
  <si>
    <t>cg27638558</t>
  </si>
  <si>
    <t>cg27638615</t>
  </si>
  <si>
    <t>cg27639046</t>
  </si>
  <si>
    <t>cg27640316</t>
  </si>
  <si>
    <t>cg27641317</t>
  </si>
  <si>
    <t>cg27641344</t>
  </si>
  <si>
    <t>cg27642755</t>
  </si>
  <si>
    <t>cg27643099</t>
  </si>
  <si>
    <t>cg27645228</t>
  </si>
  <si>
    <t>cg27647667</t>
  </si>
  <si>
    <t>cg27652795</t>
  </si>
  <si>
    <t>cg27654189</t>
  </si>
  <si>
    <t>cg27659903</t>
  </si>
  <si>
    <t>cg27660372</t>
  </si>
  <si>
    <t>cg27662530</t>
  </si>
  <si>
    <t>cg27665449</t>
  </si>
  <si>
    <t>ch.2.5127303R</t>
  </si>
  <si>
    <t>ch.2.6726424R</t>
  </si>
  <si>
    <t>ch.2.6773348R</t>
  </si>
  <si>
    <t>ch.2.7317635R</t>
  </si>
  <si>
    <t>ch.2.8227858R</t>
  </si>
  <si>
    <t>ch.2.16021824F</t>
  </si>
  <si>
    <t>ch.2.16021837F</t>
  </si>
  <si>
    <t>ch.2.23211351R</t>
  </si>
  <si>
    <t>ch.2.25452096R</t>
  </si>
  <si>
    <t>ch.2.26857817R</t>
  </si>
  <si>
    <t>ch.2.729349R</t>
  </si>
  <si>
    <t>ch.2.30415474F</t>
  </si>
  <si>
    <t>ch.2.30727973R</t>
  </si>
  <si>
    <t>ch.2.30942488F</t>
  </si>
  <si>
    <t>ch.2.37472519R</t>
  </si>
  <si>
    <t>ch.2.39602547R</t>
  </si>
  <si>
    <t>ch.2.40690643F</t>
  </si>
  <si>
    <t>ch.2.42601115R</t>
  </si>
  <si>
    <t>ch.2.1028977R</t>
  </si>
  <si>
    <t>ch.2.1030760R</t>
  </si>
  <si>
    <t>ch.2.43155345R</t>
  </si>
  <si>
    <t>ch.2.1123873R</t>
  </si>
  <si>
    <t>ch.2.47286786F</t>
  </si>
  <si>
    <t>ch.2.47844995F</t>
  </si>
  <si>
    <t>ch.2.1222844F</t>
  </si>
  <si>
    <t>ch.2.52173332R</t>
  </si>
  <si>
    <t>ch.2.62306258F</t>
  </si>
  <si>
    <t>ch.2.1436611R</t>
  </si>
  <si>
    <t>ch.2.65692908F</t>
  </si>
  <si>
    <t>ch.2.65899595R</t>
  </si>
  <si>
    <t>ch.2.66207210F</t>
  </si>
  <si>
    <t>ch.2.1615265F</t>
  </si>
  <si>
    <t>ch.2.71774667F</t>
  </si>
  <si>
    <t>ch.2.74439573R</t>
  </si>
  <si>
    <t>ch.2.75111475F</t>
  </si>
  <si>
    <t>ch.2.1753205F</t>
  </si>
  <si>
    <t>ch.2.1894803R</t>
  </si>
  <si>
    <t>ch.2.1904845F</t>
  </si>
  <si>
    <t>ch.2.1904847R</t>
  </si>
  <si>
    <t>ch.2.2008119R</t>
  </si>
  <si>
    <t>ch.2.101965435R</t>
  </si>
  <si>
    <t>ch.2.107376196R</t>
  </si>
  <si>
    <t>ch.2.111833563R</t>
  </si>
  <si>
    <t>ch.2.113320801R</t>
  </si>
  <si>
    <t>ch.2.114282875R</t>
  </si>
  <si>
    <t>ch.2.116320463R</t>
  </si>
  <si>
    <t>ch.2.116636487F</t>
  </si>
  <si>
    <t>ch.2.119267486F</t>
  </si>
  <si>
    <t>ch.2.121457425R</t>
  </si>
  <si>
    <t>ch.2.2578847R</t>
  </si>
  <si>
    <t>ch.2.126989343R</t>
  </si>
  <si>
    <t>ch.2.2729437F</t>
  </si>
  <si>
    <t>ch.2.147017622F</t>
  </si>
  <si>
    <t>ch.2.147019764F</t>
  </si>
  <si>
    <t>ch.2.148072779R</t>
  </si>
  <si>
    <t>ch.2.3127775F</t>
  </si>
  <si>
    <t>ch.2.154234353F</t>
  </si>
  <si>
    <t>ch.2.154349706F</t>
  </si>
  <si>
    <t>ch.2.155158194R</t>
  </si>
  <si>
    <t>ch.2.157204871R</t>
  </si>
  <si>
    <t>ch.2.164393752R</t>
  </si>
  <si>
    <t>ch.2.165987933R</t>
  </si>
  <si>
    <t>ch.2.170674427F</t>
  </si>
  <si>
    <t>ch.2.171328329F</t>
  </si>
  <si>
    <t>ch.2.171877258F</t>
  </si>
  <si>
    <t>ch.2.172936443R</t>
  </si>
  <si>
    <t>ch.2.184722192F</t>
  </si>
  <si>
    <t>ch.2.188617146F</t>
  </si>
  <si>
    <t>ch.2.195648145F</t>
  </si>
  <si>
    <t>ch.2.199803190F</t>
  </si>
  <si>
    <t>ch.2.200609314R</t>
  </si>
  <si>
    <t>ch.2.4104651R</t>
  </si>
  <si>
    <t>ch.2.4281665R</t>
  </si>
  <si>
    <t>ch.2.216208170F</t>
  </si>
  <si>
    <t>ch.2.217484879F</t>
  </si>
  <si>
    <t>ch.2.219167520R</t>
  </si>
  <si>
    <t>ch.2.223778692R</t>
  </si>
  <si>
    <t>ch.2.224872986R</t>
  </si>
  <si>
    <t>ch.2.226789810F</t>
  </si>
  <si>
    <t>ch.2.227198071F</t>
  </si>
  <si>
    <t>ch.2.4636382R</t>
  </si>
  <si>
    <t>ch.2.4671106R</t>
  </si>
  <si>
    <t>ch.2.233013039R</t>
  </si>
  <si>
    <t>ch.2.235177505R</t>
  </si>
  <si>
    <t>ch.2.237314361R</t>
  </si>
  <si>
    <t>ch.2.238980020F</t>
  </si>
  <si>
    <t>ch.2.239061428F</t>
  </si>
  <si>
    <t>ch.2.4964537R</t>
  </si>
  <si>
    <t>ch.2.242496996F</t>
  </si>
  <si>
    <t>cg00000734</t>
  </si>
  <si>
    <t>cg00002591</t>
  </si>
  <si>
    <t>cg00003014</t>
  </si>
  <si>
    <t>cg00003173</t>
  </si>
  <si>
    <t>cg00003965</t>
  </si>
  <si>
    <t>cg00008665</t>
  </si>
  <si>
    <t>cg00010946</t>
  </si>
  <si>
    <t>cg00011754</t>
  </si>
  <si>
    <t>cg00023132</t>
  </si>
  <si>
    <t>cg00024471</t>
  </si>
  <si>
    <t>cg00026141</t>
  </si>
  <si>
    <t>cg00028135</t>
  </si>
  <si>
    <t>cg00028870</t>
  </si>
  <si>
    <t>cg00032664</t>
  </si>
  <si>
    <t>cg00032789</t>
  </si>
  <si>
    <t>cg00033304</t>
  </si>
  <si>
    <t>cg00037153</t>
  </si>
  <si>
    <t>cg00037940</t>
  </si>
  <si>
    <t>cg00040708</t>
  </si>
  <si>
    <t>cg00050938</t>
  </si>
  <si>
    <t>cg00051782</t>
  </si>
  <si>
    <t>cg00052853</t>
  </si>
  <si>
    <t>cg00056257</t>
  </si>
  <si>
    <t>cg00057231</t>
  </si>
  <si>
    <t>cg00058857</t>
  </si>
  <si>
    <t>cg00061264</t>
  </si>
  <si>
    <t>cg00063773</t>
  </si>
  <si>
    <t>cg00064020</t>
  </si>
  <si>
    <t>cg00066184</t>
  </si>
  <si>
    <t>cg00067768</t>
  </si>
  <si>
    <t>cg00068155</t>
  </si>
  <si>
    <t>cg00076555</t>
  </si>
  <si>
    <t>cg00076998</t>
  </si>
  <si>
    <t>cg00080312</t>
  </si>
  <si>
    <t>cg00080987</t>
  </si>
  <si>
    <t>cg00081835</t>
  </si>
  <si>
    <t>cg00082713</t>
  </si>
  <si>
    <t>cg00085013</t>
  </si>
  <si>
    <t>cg00087274</t>
  </si>
  <si>
    <t>cg00088130</t>
  </si>
  <si>
    <t>cg00089814</t>
  </si>
  <si>
    <t>cg00090936</t>
  </si>
  <si>
    <t>cg00093695</t>
  </si>
  <si>
    <t>cg00093971</t>
  </si>
  <si>
    <t>cg00096419</t>
  </si>
  <si>
    <t>cg00097432</t>
  </si>
  <si>
    <t>cg00097619</t>
  </si>
  <si>
    <t>cg00100948</t>
  </si>
  <si>
    <t>cg00106685</t>
  </si>
  <si>
    <t>cg00108098</t>
  </si>
  <si>
    <t>cg00108715</t>
  </si>
  <si>
    <t>cg00111613</t>
  </si>
  <si>
    <t>cg00112341</t>
  </si>
  <si>
    <t>cg00114503</t>
  </si>
  <si>
    <t>cg00119079</t>
  </si>
  <si>
    <t>cg00119364</t>
  </si>
  <si>
    <t>cg00121562</t>
  </si>
  <si>
    <t>cg00124095</t>
  </si>
  <si>
    <t>cg00127781</t>
  </si>
  <si>
    <t>cg00130799</t>
  </si>
  <si>
    <t>cg00133223</t>
  </si>
  <si>
    <t>cg00134728</t>
  </si>
  <si>
    <t>cg00135056</t>
  </si>
  <si>
    <t>cg00137209</t>
  </si>
  <si>
    <t>cg00138407</t>
  </si>
  <si>
    <t>cg00141162</t>
  </si>
  <si>
    <t>cg00146655</t>
  </si>
  <si>
    <t>cg00149976</t>
  </si>
  <si>
    <t>cg00150418</t>
  </si>
  <si>
    <t>cg00150837</t>
  </si>
  <si>
    <t>cg00151728</t>
  </si>
  <si>
    <t>cg00152768</t>
  </si>
  <si>
    <t>cg00153306</t>
  </si>
  <si>
    <t>cg00160976</t>
  </si>
  <si>
    <t>cg00161968</t>
  </si>
  <si>
    <t>cg00163576</t>
  </si>
  <si>
    <t>cg00166372</t>
  </si>
  <si>
    <t>cg00167076</t>
  </si>
  <si>
    <t>cg00169373</t>
  </si>
  <si>
    <t>cg00169617</t>
  </si>
  <si>
    <t>cg00171092</t>
  </si>
  <si>
    <t>cg00171634</t>
  </si>
  <si>
    <t>cg00172020</t>
  </si>
  <si>
    <t>cg00174096</t>
  </si>
  <si>
    <t>cg00174179</t>
  </si>
  <si>
    <t>cg00177496</t>
  </si>
  <si>
    <t>cg00178149</t>
  </si>
  <si>
    <t>cg00180447</t>
  </si>
  <si>
    <t>cg00183647</t>
  </si>
  <si>
    <t>cg00188627</t>
  </si>
  <si>
    <t>cg00190674</t>
  </si>
  <si>
    <t>cg00190795</t>
  </si>
  <si>
    <t>cg00192962</t>
  </si>
  <si>
    <t>cg00194044</t>
  </si>
  <si>
    <t>cg00195796</t>
  </si>
  <si>
    <t>cg00198586</t>
  </si>
  <si>
    <t>cg00198594</t>
  </si>
  <si>
    <t>cg00201445</t>
  </si>
  <si>
    <t>cg00207352</t>
  </si>
  <si>
    <t>cg00209623</t>
  </si>
  <si>
    <t>cg00210994</t>
  </si>
  <si>
    <t>cg00211623</t>
  </si>
  <si>
    <t>cg00212520</t>
  </si>
  <si>
    <t>cg00213142</t>
  </si>
  <si>
    <t>cg00213745</t>
  </si>
  <si>
    <t>cg00216804</t>
  </si>
  <si>
    <t>cg00218914</t>
  </si>
  <si>
    <t>cg00219763</t>
  </si>
  <si>
    <t>cg00220225</t>
  </si>
  <si>
    <t>cg00221718</t>
  </si>
  <si>
    <t>cg00222684</t>
  </si>
  <si>
    <t>cg00225067</t>
  </si>
  <si>
    <t>cg00229423</t>
  </si>
  <si>
    <t>cg00234321</t>
  </si>
  <si>
    <t>cg00235367</t>
  </si>
  <si>
    <t>cg00237565</t>
  </si>
  <si>
    <t>cg00238349</t>
  </si>
  <si>
    <t>cg00239467</t>
  </si>
  <si>
    <t>cg00239685</t>
  </si>
  <si>
    <t>cg00242285</t>
  </si>
  <si>
    <t>cg00242950</t>
  </si>
  <si>
    <t>cg00242951</t>
  </si>
  <si>
    <t>cg00244854</t>
  </si>
  <si>
    <t>cg00245192</t>
  </si>
  <si>
    <t>cg00245890</t>
  </si>
  <si>
    <t>cg00247020</t>
  </si>
  <si>
    <t>cg00247334</t>
  </si>
  <si>
    <t>cg00252934</t>
  </si>
  <si>
    <t>cg00258809</t>
  </si>
  <si>
    <t>cg00259834</t>
  </si>
  <si>
    <t>cg00261665</t>
  </si>
  <si>
    <t>cg00262061</t>
  </si>
  <si>
    <t>cg00271177</t>
  </si>
  <si>
    <t>cg00287831</t>
  </si>
  <si>
    <t>cg00293189</t>
  </si>
  <si>
    <t>cg00293409</t>
  </si>
  <si>
    <t>cg00294419</t>
  </si>
  <si>
    <t>cg00294776</t>
  </si>
  <si>
    <t>cg00295206</t>
  </si>
  <si>
    <t>cg00301159</t>
  </si>
  <si>
    <t>cg00303541</t>
  </si>
  <si>
    <t>cg00310257</t>
  </si>
  <si>
    <t>cg00313872</t>
  </si>
  <si>
    <t>cg00314622</t>
  </si>
  <si>
    <t>cg00315487</t>
  </si>
  <si>
    <t>cg00316080</t>
  </si>
  <si>
    <t>cg00316520</t>
  </si>
  <si>
    <t>cg00317010</t>
  </si>
  <si>
    <t>cg00320513</t>
  </si>
  <si>
    <t>cg00321638</t>
  </si>
  <si>
    <t>cg00324161</t>
  </si>
  <si>
    <t>cg00326642</t>
  </si>
  <si>
    <t>cg00326836</t>
  </si>
  <si>
    <t>cg00328740</t>
  </si>
  <si>
    <t>cg00328813</t>
  </si>
  <si>
    <t>cg00329101</t>
  </si>
  <si>
    <t>cg00329615</t>
  </si>
  <si>
    <t>cg00330958</t>
  </si>
  <si>
    <t>cg00336149</t>
  </si>
  <si>
    <t>cg00340326</t>
  </si>
  <si>
    <t>cg00341089</t>
  </si>
  <si>
    <t>cg00347798</t>
  </si>
  <si>
    <t>cg00355389</t>
  </si>
  <si>
    <t>cg00355829</t>
  </si>
  <si>
    <t>cg00359285</t>
  </si>
  <si>
    <t>cg00359325</t>
  </si>
  <si>
    <t>cg00364001</t>
  </si>
  <si>
    <t>cg00366237</t>
  </si>
  <si>
    <t>cg00368218</t>
  </si>
  <si>
    <t>cg00369314</t>
  </si>
  <si>
    <t>cg00370962</t>
  </si>
  <si>
    <t>cg00371702</t>
  </si>
  <si>
    <t>cg00372169</t>
  </si>
  <si>
    <t>cg00373148</t>
  </si>
  <si>
    <t>cg00373275</t>
  </si>
  <si>
    <t>cg00374015</t>
  </si>
  <si>
    <t>cg00374927</t>
  </si>
  <si>
    <t>cg00375025</t>
  </si>
  <si>
    <t>cg00376129</t>
  </si>
  <si>
    <t>cg00379733</t>
  </si>
  <si>
    <t>cg00380930</t>
  </si>
  <si>
    <t>cg00381179</t>
  </si>
  <si>
    <t>cg00383793</t>
  </si>
  <si>
    <t>cg00384205</t>
  </si>
  <si>
    <t>cg00384701</t>
  </si>
  <si>
    <t>cg00385883</t>
  </si>
  <si>
    <t>cg00386551</t>
  </si>
  <si>
    <t>cg00390253</t>
  </si>
  <si>
    <t>cg00391025</t>
  </si>
  <si>
    <t>cg00391575</t>
  </si>
  <si>
    <t>cg00391741</t>
  </si>
  <si>
    <t>cg00392832</t>
  </si>
  <si>
    <t>cg00393050</t>
  </si>
  <si>
    <t>cg00395262</t>
  </si>
  <si>
    <t>cg00395951</t>
  </si>
  <si>
    <t>cg00397849</t>
  </si>
  <si>
    <t>cg00401691</t>
  </si>
  <si>
    <t>cg00404400</t>
  </si>
  <si>
    <t>cg00404641</t>
  </si>
  <si>
    <t>cg00410650</t>
  </si>
  <si>
    <t>cg00412805</t>
  </si>
  <si>
    <t>cg00418828</t>
  </si>
  <si>
    <t>cg00424800</t>
  </si>
  <si>
    <t>cg00439384</t>
  </si>
  <si>
    <t>cg00442931</t>
  </si>
  <si>
    <t>cg00445523</t>
  </si>
  <si>
    <t>cg00445591</t>
  </si>
  <si>
    <t>cg00448875</t>
  </si>
  <si>
    <t>cg00451898</t>
  </si>
  <si>
    <t>cg00452949</t>
  </si>
  <si>
    <t>cg00457234</t>
  </si>
  <si>
    <t>cg00460807</t>
  </si>
  <si>
    <t>cg00462492</t>
  </si>
  <si>
    <t>cg00467652</t>
  </si>
  <si>
    <t>cg00468670</t>
  </si>
  <si>
    <t>cg00472373</t>
  </si>
  <si>
    <t>cg00472710</t>
  </si>
  <si>
    <t>cg00472748</t>
  </si>
  <si>
    <t>cg00477017</t>
  </si>
  <si>
    <t>cg00478127</t>
  </si>
  <si>
    <t>cg00478710</t>
  </si>
  <si>
    <t>cg00481951</t>
  </si>
  <si>
    <t>cg00483459</t>
  </si>
  <si>
    <t>cg00485194</t>
  </si>
  <si>
    <t>cg00486915</t>
  </si>
  <si>
    <t>cg00489219</t>
  </si>
  <si>
    <t>cg00490249</t>
  </si>
  <si>
    <t>cg00490976</t>
  </si>
  <si>
    <t>cg00492070</t>
  </si>
  <si>
    <t>cg00492118</t>
  </si>
  <si>
    <t>cg00494544</t>
  </si>
  <si>
    <t>cg00496504</t>
  </si>
  <si>
    <t>cg00496988</t>
  </si>
  <si>
    <t>cg00497796</t>
  </si>
  <si>
    <t>cg00498653</t>
  </si>
  <si>
    <t>cg00501876</t>
  </si>
  <si>
    <t>cg00503690</t>
  </si>
  <si>
    <t>cg00505318</t>
  </si>
  <si>
    <t>cg00506299</t>
  </si>
  <si>
    <t>cg00506354</t>
  </si>
  <si>
    <t>cg00508543</t>
  </si>
  <si>
    <t>cg00508975</t>
  </si>
  <si>
    <t>cg00510331</t>
  </si>
  <si>
    <t>cg00510360</t>
  </si>
  <si>
    <t>cg00513100</t>
  </si>
  <si>
    <t>cg00514486</t>
  </si>
  <si>
    <t>cg00516597</t>
  </si>
  <si>
    <t>cg00520612</t>
  </si>
  <si>
    <t>cg00531750</t>
  </si>
  <si>
    <t>cg00532319</t>
  </si>
  <si>
    <t>cg00534318</t>
  </si>
  <si>
    <t>cg00540067</t>
  </si>
  <si>
    <t>cg00544413</t>
  </si>
  <si>
    <t>cg00554633</t>
  </si>
  <si>
    <t>cg00556514</t>
  </si>
  <si>
    <t>cg00567536</t>
  </si>
  <si>
    <t>cg00569190</t>
  </si>
  <si>
    <t>cg00571634</t>
  </si>
  <si>
    <t>cg00572212</t>
  </si>
  <si>
    <t>cg00572684</t>
  </si>
  <si>
    <t>cg00575303</t>
  </si>
  <si>
    <t>cg00575896</t>
  </si>
  <si>
    <t>cg00576886</t>
  </si>
  <si>
    <t>cg00577070</t>
  </si>
  <si>
    <t>cg00577449</t>
  </si>
  <si>
    <t>cg00581320</t>
  </si>
  <si>
    <t>cg00581422</t>
  </si>
  <si>
    <t>cg00582820</t>
  </si>
  <si>
    <t>cg00582826</t>
  </si>
  <si>
    <t>cg00583729</t>
  </si>
  <si>
    <t>cg00587304</t>
  </si>
  <si>
    <t>cg00588027</t>
  </si>
  <si>
    <t>cg00589488</t>
  </si>
  <si>
    <t>cg00589895</t>
  </si>
  <si>
    <t>cg00591791</t>
  </si>
  <si>
    <t>cg00605982</t>
  </si>
  <si>
    <t>cg00608006</t>
  </si>
  <si>
    <t>cg00611751</t>
  </si>
  <si>
    <t>cg00612176</t>
  </si>
  <si>
    <t>cg00618865</t>
  </si>
  <si>
    <t>cg00624212</t>
  </si>
  <si>
    <t>cg00625351</t>
  </si>
  <si>
    <t>cg00636368</t>
  </si>
  <si>
    <t>cg00637433</t>
  </si>
  <si>
    <t>cg00638210</t>
  </si>
  <si>
    <t>cg00642303</t>
  </si>
  <si>
    <t>cg00651401</t>
  </si>
  <si>
    <t>cg00652158</t>
  </si>
  <si>
    <t>cg00652846</t>
  </si>
  <si>
    <t>cg00658394</t>
  </si>
  <si>
    <t>cg00658590</t>
  </si>
  <si>
    <t>cg00661202</t>
  </si>
  <si>
    <t>cg00661523</t>
  </si>
  <si>
    <t>cg00672277</t>
  </si>
  <si>
    <t>cg00673344</t>
  </si>
  <si>
    <t>cg00675133</t>
  </si>
  <si>
    <t>cg00676660</t>
  </si>
  <si>
    <t>cg00686823</t>
  </si>
  <si>
    <t>cg00686926</t>
  </si>
  <si>
    <t>cg00695821</t>
  </si>
  <si>
    <t>cg00696323</t>
  </si>
  <si>
    <t>cg00697916</t>
  </si>
  <si>
    <t>cg00701242</t>
  </si>
  <si>
    <t>cg00703276</t>
  </si>
  <si>
    <t>cg00705142</t>
  </si>
  <si>
    <t>cg00706444</t>
  </si>
  <si>
    <t>cg00706505</t>
  </si>
  <si>
    <t>cg00706802</t>
  </si>
  <si>
    <t>cg00709652</t>
  </si>
  <si>
    <t>cg00709728</t>
  </si>
  <si>
    <t>cg00714170</t>
  </si>
  <si>
    <t>cg00715109</t>
  </si>
  <si>
    <t>cg00716083</t>
  </si>
  <si>
    <t>cg00717862</t>
  </si>
  <si>
    <t>cg00719502</t>
  </si>
  <si>
    <t>cg00720190</t>
  </si>
  <si>
    <t>cg00721062</t>
  </si>
  <si>
    <t>cg00725356</t>
  </si>
  <si>
    <t>cg00726615</t>
  </si>
  <si>
    <t>cg00727262</t>
  </si>
  <si>
    <t>cg00727673</t>
  </si>
  <si>
    <t>cg00729171</t>
  </si>
  <si>
    <t>cg00732656</t>
  </si>
  <si>
    <t>cg00734666</t>
  </si>
  <si>
    <t>cg00734683</t>
  </si>
  <si>
    <t>cg00734800</t>
  </si>
  <si>
    <t>cg00736958</t>
  </si>
  <si>
    <t>cg00741656</t>
  </si>
  <si>
    <t>cg00742851</t>
  </si>
  <si>
    <t>cg00743056</t>
  </si>
  <si>
    <t>cg00743540</t>
  </si>
  <si>
    <t>cg00743929</t>
  </si>
  <si>
    <t>cg00748195</t>
  </si>
  <si>
    <t>cg00752277</t>
  </si>
  <si>
    <t>cg00753748</t>
  </si>
  <si>
    <t>cg00759551</t>
  </si>
  <si>
    <t>cg00760562</t>
  </si>
  <si>
    <t>cg00770158</t>
  </si>
  <si>
    <t>cg00771346</t>
  </si>
  <si>
    <t>cg00773937</t>
  </si>
  <si>
    <t>cg00777555</t>
  </si>
  <si>
    <t>cg00784791</t>
  </si>
  <si>
    <t>cg00786084</t>
  </si>
  <si>
    <t>cg00790255</t>
  </si>
  <si>
    <t>cg00794529</t>
  </si>
  <si>
    <t>cg00797278</t>
  </si>
  <si>
    <t>cg00798206</t>
  </si>
  <si>
    <t>cg00799353</t>
  </si>
  <si>
    <t>cg00801465</t>
  </si>
  <si>
    <t>cg00803062</t>
  </si>
  <si>
    <t>cg00806461</t>
  </si>
  <si>
    <t>cg00807586</t>
  </si>
  <si>
    <t>cg00808403</t>
  </si>
  <si>
    <t>cg00809021</t>
  </si>
  <si>
    <t>cg00813264</t>
  </si>
  <si>
    <t>cg00813582</t>
  </si>
  <si>
    <t>cg00816609</t>
  </si>
  <si>
    <t>cg00828602</t>
  </si>
  <si>
    <t>cg00830393</t>
  </si>
  <si>
    <t>cg00832703</t>
  </si>
  <si>
    <t>cg00832928</t>
  </si>
  <si>
    <t>cg00834234</t>
  </si>
  <si>
    <t>cg00836272</t>
  </si>
  <si>
    <t>cg00837649</t>
  </si>
  <si>
    <t>cg00838150</t>
  </si>
  <si>
    <t>cg00841581</t>
  </si>
  <si>
    <t>cg00842299</t>
  </si>
  <si>
    <t>cg00846043</t>
  </si>
  <si>
    <t>cg00848033</t>
  </si>
  <si>
    <t>cg00848394</t>
  </si>
  <si>
    <t>cg00861308</t>
  </si>
  <si>
    <t>cg00862016</t>
  </si>
  <si>
    <t>cg00863094</t>
  </si>
  <si>
    <t>cg00866632</t>
  </si>
  <si>
    <t>cg00871560</t>
  </si>
  <si>
    <t>cg00874032</t>
  </si>
  <si>
    <t>cg00874581</t>
  </si>
  <si>
    <t>cg00876112</t>
  </si>
  <si>
    <t>cg00880157</t>
  </si>
  <si>
    <t>cg00889833</t>
  </si>
  <si>
    <t>cg00890010</t>
  </si>
  <si>
    <t>cg00891278</t>
  </si>
  <si>
    <t>cg00892804</t>
  </si>
  <si>
    <t>cg00893636</t>
  </si>
  <si>
    <t>cg00894757</t>
  </si>
  <si>
    <t>cg00896370</t>
  </si>
  <si>
    <t>cg00898986</t>
  </si>
  <si>
    <t>cg00899856</t>
  </si>
  <si>
    <t>cg00902763</t>
  </si>
  <si>
    <t>cg00903242</t>
  </si>
  <si>
    <t>cg00904548</t>
  </si>
  <si>
    <t>cg00906812</t>
  </si>
  <si>
    <t>cg00906833</t>
  </si>
  <si>
    <t>cg00907939</t>
  </si>
  <si>
    <t>cg00909286</t>
  </si>
  <si>
    <t>cg00911289</t>
  </si>
  <si>
    <t>cg00911981</t>
  </si>
  <si>
    <t>cg00912625</t>
  </si>
  <si>
    <t>cg00915092</t>
  </si>
  <si>
    <t>cg00915395</t>
  </si>
  <si>
    <t>cg00915990</t>
  </si>
  <si>
    <t>cg00919585</t>
  </si>
  <si>
    <t>cg00923807</t>
  </si>
  <si>
    <t>cg00930230</t>
  </si>
  <si>
    <t>cg00933443</t>
  </si>
  <si>
    <t>cg00936626</t>
  </si>
  <si>
    <t>cg00939353</t>
  </si>
  <si>
    <t>cg00942997</t>
  </si>
  <si>
    <t>cg00943186</t>
  </si>
  <si>
    <t>cg00948664</t>
  </si>
  <si>
    <t>cg00949446</t>
  </si>
  <si>
    <t>cg00951972</t>
  </si>
  <si>
    <t>cg00961292</t>
  </si>
  <si>
    <t>cg00968382</t>
  </si>
  <si>
    <t>cg00970926</t>
  </si>
  <si>
    <t>cg00970979</t>
  </si>
  <si>
    <t>cg00971396</t>
  </si>
  <si>
    <t>cg00973947</t>
  </si>
  <si>
    <t>cg00975270</t>
  </si>
  <si>
    <t>cg00975624</t>
  </si>
  <si>
    <t>cg00976949</t>
  </si>
  <si>
    <t>cg00979307</t>
  </si>
  <si>
    <t>cg00980904</t>
  </si>
  <si>
    <t>cg00985104</t>
  </si>
  <si>
    <t>cg00985388</t>
  </si>
  <si>
    <t>cg00986800</t>
  </si>
  <si>
    <t>cg00991475</t>
  </si>
  <si>
    <t>cg00995085</t>
  </si>
  <si>
    <t>cg00995327</t>
  </si>
  <si>
    <t>cg00996758</t>
  </si>
  <si>
    <t>cg00997338</t>
  </si>
  <si>
    <t>cg00998744</t>
  </si>
  <si>
    <t>cg00999186</t>
  </si>
  <si>
    <t>cg01002529</t>
  </si>
  <si>
    <t>cg01006102</t>
  </si>
  <si>
    <t>cg01012330</t>
  </si>
  <si>
    <t>cg01016119</t>
  </si>
  <si>
    <t>cg01019163</t>
  </si>
  <si>
    <t>cg01020203</t>
  </si>
  <si>
    <t>cg01020694</t>
  </si>
  <si>
    <t>cg01023203</t>
  </si>
  <si>
    <t>cg01025283</t>
  </si>
  <si>
    <t>cg01027858</t>
  </si>
  <si>
    <t>cg01028457</t>
  </si>
  <si>
    <t>cg01029247</t>
  </si>
  <si>
    <t>cg01031032</t>
  </si>
  <si>
    <t>cg01031146</t>
  </si>
  <si>
    <t>cg01031983</t>
  </si>
  <si>
    <t>cg01032220</t>
  </si>
  <si>
    <t>cg01033175</t>
  </si>
  <si>
    <t>cg01038207</t>
  </si>
  <si>
    <t>cg01039421</t>
  </si>
  <si>
    <t>cg01040624</t>
  </si>
  <si>
    <t>cg01043669</t>
  </si>
  <si>
    <t>cg01044637</t>
  </si>
  <si>
    <t>cg01044694</t>
  </si>
  <si>
    <t>cg01044770</t>
  </si>
  <si>
    <t>cg01046943</t>
  </si>
  <si>
    <t>cg01048561</t>
  </si>
  <si>
    <t>cg01049417</t>
  </si>
  <si>
    <t>cg01056398</t>
  </si>
  <si>
    <t>cg01057962</t>
  </si>
  <si>
    <t>cg01058342</t>
  </si>
  <si>
    <t>cg01062024</t>
  </si>
  <si>
    <t>cg01077024</t>
  </si>
  <si>
    <t>cg01086389</t>
  </si>
  <si>
    <t>cg01087925</t>
  </si>
  <si>
    <t>cg01090445</t>
  </si>
  <si>
    <t>cg01090930</t>
  </si>
  <si>
    <t>cg01092770</t>
  </si>
  <si>
    <t>cg01092811</t>
  </si>
  <si>
    <t>cg01108713</t>
  </si>
  <si>
    <t>cg01109065</t>
  </si>
  <si>
    <t>cg01111340</t>
  </si>
  <si>
    <t>cg01113435</t>
  </si>
  <si>
    <t>cg01117273</t>
  </si>
  <si>
    <t>cg01120369</t>
  </si>
  <si>
    <t>cg01120898</t>
  </si>
  <si>
    <t>cg01122461</t>
  </si>
  <si>
    <t>cg01127320</t>
  </si>
  <si>
    <t>cg01127412</t>
  </si>
  <si>
    <t>cg01128031</t>
  </si>
  <si>
    <t>cg01130611</t>
  </si>
  <si>
    <t>cg01131388</t>
  </si>
  <si>
    <t>cg01133779</t>
  </si>
  <si>
    <t>cg01135868</t>
  </si>
  <si>
    <t>cg01136848</t>
  </si>
  <si>
    <t>cg01138921</t>
  </si>
  <si>
    <t>cg01141438</t>
  </si>
  <si>
    <t>cg01142001</t>
  </si>
  <si>
    <t>cg01142302</t>
  </si>
  <si>
    <t>cg01148786</t>
  </si>
  <si>
    <t>cg01149683</t>
  </si>
  <si>
    <t>cg01150433</t>
  </si>
  <si>
    <t>cg01152897</t>
  </si>
  <si>
    <t>cg01156513</t>
  </si>
  <si>
    <t>cg01158094</t>
  </si>
  <si>
    <t>cg01159380</t>
  </si>
  <si>
    <t>cg01163515</t>
  </si>
  <si>
    <t>cg01164819</t>
  </si>
  <si>
    <t>cg01165355</t>
  </si>
  <si>
    <t>cg01165661</t>
  </si>
  <si>
    <t>cg01166979</t>
  </si>
  <si>
    <t>cg01168235</t>
  </si>
  <si>
    <t>cg01176345</t>
  </si>
  <si>
    <t>cg01177100</t>
  </si>
  <si>
    <t>cg01178099</t>
  </si>
  <si>
    <t>cg01180628</t>
  </si>
  <si>
    <t>cg01181009</t>
  </si>
  <si>
    <t>cg01185573</t>
  </si>
  <si>
    <t>cg01187883</t>
  </si>
  <si>
    <t>cg01189038</t>
  </si>
  <si>
    <t>cg01189346</t>
  </si>
  <si>
    <t>cg01189606</t>
  </si>
  <si>
    <t>cg01189852</t>
  </si>
  <si>
    <t>cg01189917</t>
  </si>
  <si>
    <t>cg01192748</t>
  </si>
  <si>
    <t>cg01196712</t>
  </si>
  <si>
    <t>cg01202358</t>
  </si>
  <si>
    <t>cg01204305</t>
  </si>
  <si>
    <t>cg01205753</t>
  </si>
  <si>
    <t>cg01207678</t>
  </si>
  <si>
    <t>cg01212284</t>
  </si>
  <si>
    <t>cg01220440</t>
  </si>
  <si>
    <t>cg01223011</t>
  </si>
  <si>
    <t>cg01232492</t>
  </si>
  <si>
    <t>cg01234645</t>
  </si>
  <si>
    <t>cg01235203</t>
  </si>
  <si>
    <t>cg01246398</t>
  </si>
  <si>
    <t>cg01249550</t>
  </si>
  <si>
    <t>cg01253149</t>
  </si>
  <si>
    <t>cg01255414</t>
  </si>
  <si>
    <t>cg01257828</t>
  </si>
  <si>
    <t>cg01270378</t>
  </si>
  <si>
    <t>cg01271129</t>
  </si>
  <si>
    <t>cg01271805</t>
  </si>
  <si>
    <t>cg01289290</t>
  </si>
  <si>
    <t>cg01289541</t>
  </si>
  <si>
    <t>cg01292722</t>
  </si>
  <si>
    <t>cg01293485</t>
  </si>
  <si>
    <t>cg01295518</t>
  </si>
  <si>
    <t>cg01296199</t>
  </si>
  <si>
    <t>cg01300546</t>
  </si>
  <si>
    <t>cg01302669</t>
  </si>
  <si>
    <t>cg01303385</t>
  </si>
  <si>
    <t>cg01308501</t>
  </si>
  <si>
    <t>cg01310029</t>
  </si>
  <si>
    <t>cg01310397</t>
  </si>
  <si>
    <t>cg01313358</t>
  </si>
  <si>
    <t>cg01313363</t>
  </si>
  <si>
    <t>cg01320298</t>
  </si>
  <si>
    <t>cg01322951</t>
  </si>
  <si>
    <t>cg01323371</t>
  </si>
  <si>
    <t>cg01323672</t>
  </si>
  <si>
    <t>cg01331196</t>
  </si>
  <si>
    <t>cg01333080</t>
  </si>
  <si>
    <t>cg01334229</t>
  </si>
  <si>
    <t>cg01334232</t>
  </si>
  <si>
    <t>cg01337143</t>
  </si>
  <si>
    <t>cg01340005</t>
  </si>
  <si>
    <t>cg01342115</t>
  </si>
  <si>
    <t>cg01346077</t>
  </si>
  <si>
    <t>cg01347335</t>
  </si>
  <si>
    <t>cg01348594</t>
  </si>
  <si>
    <t>cg01349853</t>
  </si>
  <si>
    <t>cg01351041</t>
  </si>
  <si>
    <t>cg01351295</t>
  </si>
  <si>
    <t>cg01352503</t>
  </si>
  <si>
    <t>cg01356198</t>
  </si>
  <si>
    <t>cg01357292</t>
  </si>
  <si>
    <t>cg01357892</t>
  </si>
  <si>
    <t>cg01362570</t>
  </si>
  <si>
    <t>cg01363198</t>
  </si>
  <si>
    <t>cg01364498</t>
  </si>
  <si>
    <t>cg01364833</t>
  </si>
  <si>
    <t>cg01366246</t>
  </si>
  <si>
    <t>cg01368219</t>
  </si>
  <si>
    <t>cg01368900</t>
  </si>
  <si>
    <t>cg01374266</t>
  </si>
  <si>
    <t>cg01374735</t>
  </si>
  <si>
    <t>cg01375719</t>
  </si>
  <si>
    <t>cg01375976</t>
  </si>
  <si>
    <t>cg01377119</t>
  </si>
  <si>
    <t>cg01378090</t>
  </si>
  <si>
    <t>cg01378515</t>
  </si>
  <si>
    <t>cg01380285</t>
  </si>
  <si>
    <t>cg01380747</t>
  </si>
  <si>
    <t>cg01383997</t>
  </si>
  <si>
    <t>cg01386185</t>
  </si>
  <si>
    <t>cg01388775</t>
  </si>
  <si>
    <t>cg01389761</t>
  </si>
  <si>
    <t>cg01390062</t>
  </si>
  <si>
    <t>cg01394833</t>
  </si>
  <si>
    <t>cg01395047</t>
  </si>
  <si>
    <t>cg01396022</t>
  </si>
  <si>
    <t>cg01397968</t>
  </si>
  <si>
    <t>cg01399540</t>
  </si>
  <si>
    <t>cg01408194</t>
  </si>
  <si>
    <t>cg01409735</t>
  </si>
  <si>
    <t>cg01409985</t>
  </si>
  <si>
    <t>cg01409995</t>
  </si>
  <si>
    <t>cg01415842</t>
  </si>
  <si>
    <t>cg01423389</t>
  </si>
  <si>
    <t>cg01423563</t>
  </si>
  <si>
    <t>cg01424460</t>
  </si>
  <si>
    <t>cg01427290</t>
  </si>
  <si>
    <t>cg01428687</t>
  </si>
  <si>
    <t>cg01428769</t>
  </si>
  <si>
    <t>cg01433520</t>
  </si>
  <si>
    <t>cg01435641</t>
  </si>
  <si>
    <t>cg01436254</t>
  </si>
  <si>
    <t>cg01439112</t>
  </si>
  <si>
    <t>cg01441497</t>
  </si>
  <si>
    <t>cg01446393</t>
  </si>
  <si>
    <t>cg01448087</t>
  </si>
  <si>
    <t>cg01449321</t>
  </si>
  <si>
    <t>cg01454592</t>
  </si>
  <si>
    <t>cg01456030</t>
  </si>
  <si>
    <t>cg01458495</t>
  </si>
  <si>
    <t>cg01458605</t>
  </si>
  <si>
    <t>cg01458759</t>
  </si>
  <si>
    <t>cg01460382</t>
  </si>
  <si>
    <t>cg01462904</t>
  </si>
  <si>
    <t>cg01465323</t>
  </si>
  <si>
    <t>cg01466011</t>
  </si>
  <si>
    <t>cg01466075</t>
  </si>
  <si>
    <t>cg01471317</t>
  </si>
  <si>
    <t>cg01484266</t>
  </si>
  <si>
    <t>cg01486558</t>
  </si>
  <si>
    <t>cg01519350</t>
  </si>
  <si>
    <t>cg01523370</t>
  </si>
  <si>
    <t>cg01529404</t>
  </si>
  <si>
    <t>cg01530962</t>
  </si>
  <si>
    <t>cg01532075</t>
  </si>
  <si>
    <t>cg01532749</t>
  </si>
  <si>
    <t>cg01534707</t>
  </si>
  <si>
    <t>cg01535205</t>
  </si>
  <si>
    <t>cg01536104</t>
  </si>
  <si>
    <t>cg01537928</t>
  </si>
  <si>
    <t>cg01538982</t>
  </si>
  <si>
    <t>cg01542384</t>
  </si>
  <si>
    <t>cg01547809</t>
  </si>
  <si>
    <t>cg01552059</t>
  </si>
  <si>
    <t>cg01553090</t>
  </si>
  <si>
    <t>cg01553632</t>
  </si>
  <si>
    <t>cg01557549</t>
  </si>
  <si>
    <t>cg01560556</t>
  </si>
  <si>
    <t>cg01562813</t>
  </si>
  <si>
    <t>cg01563071</t>
  </si>
  <si>
    <t>cg01565013</t>
  </si>
  <si>
    <t>cg01565777</t>
  </si>
  <si>
    <t>cg01568846</t>
  </si>
  <si>
    <t>cg01569076</t>
  </si>
  <si>
    <t>cg01571842</t>
  </si>
  <si>
    <t>cg01577821</t>
  </si>
  <si>
    <t>cg01581018</t>
  </si>
  <si>
    <t>cg01596834</t>
  </si>
  <si>
    <t>cg01598046</t>
  </si>
  <si>
    <t>cg01601299</t>
  </si>
  <si>
    <t>cg01607569</t>
  </si>
  <si>
    <t>cg01607932</t>
  </si>
  <si>
    <t>cg01614883</t>
  </si>
  <si>
    <t>cg01615258</t>
  </si>
  <si>
    <t>cg01617750</t>
  </si>
  <si>
    <t>cg01620082</t>
  </si>
  <si>
    <t>cg01626197</t>
  </si>
  <si>
    <t>cg01631215</t>
  </si>
  <si>
    <t>cg01633093</t>
  </si>
  <si>
    <t>cg01634119</t>
  </si>
  <si>
    <t>cg01636354</t>
  </si>
  <si>
    <t>cg01637131</t>
  </si>
  <si>
    <t>cg01637244</t>
  </si>
  <si>
    <t>cg01637519</t>
  </si>
  <si>
    <t>cg01641136</t>
  </si>
  <si>
    <t>cg01645113</t>
  </si>
  <si>
    <t>cg01650457</t>
  </si>
  <si>
    <t>cg01654862</t>
  </si>
  <si>
    <t>cg01655150</t>
  </si>
  <si>
    <t>cg01658265</t>
  </si>
  <si>
    <t>cg01659586</t>
  </si>
  <si>
    <t>cg01660001</t>
  </si>
  <si>
    <t>cg01663469</t>
  </si>
  <si>
    <t>cg01663570</t>
  </si>
  <si>
    <t>cg01671681</t>
  </si>
  <si>
    <t>cg01672886</t>
  </si>
  <si>
    <t>cg01678062</t>
  </si>
  <si>
    <t>cg01678313</t>
  </si>
  <si>
    <t>cg01678339</t>
  </si>
  <si>
    <t>cg01678383</t>
  </si>
  <si>
    <t>cg01679060</t>
  </si>
  <si>
    <t>cg01683373</t>
  </si>
  <si>
    <t>cg01684901</t>
  </si>
  <si>
    <t>cg01686348</t>
  </si>
  <si>
    <t>cg01687177</t>
  </si>
  <si>
    <t>cg01687925</t>
  </si>
  <si>
    <t>cg01689354</t>
  </si>
  <si>
    <t>cg01689438</t>
  </si>
  <si>
    <t>cg01693650</t>
  </si>
  <si>
    <t>cg01693830</t>
  </si>
  <si>
    <t>cg01702246</t>
  </si>
  <si>
    <t>cg01705791</t>
  </si>
  <si>
    <t>cg01705853</t>
  </si>
  <si>
    <t>cg01706498</t>
  </si>
  <si>
    <t>cg01711746</t>
  </si>
  <si>
    <t>cg01712016</t>
  </si>
  <si>
    <t>cg01714811</t>
  </si>
  <si>
    <t>cg01720186</t>
  </si>
  <si>
    <t>cg01721313</t>
  </si>
  <si>
    <t>cg01721450</t>
  </si>
  <si>
    <t>cg01733045</t>
  </si>
  <si>
    <t>cg01736403</t>
  </si>
  <si>
    <t>cg01740172</t>
  </si>
  <si>
    <t>cg01756288</t>
  </si>
  <si>
    <t>cg01757168</t>
  </si>
  <si>
    <t>cg01758942</t>
  </si>
  <si>
    <t>cg01773831</t>
  </si>
  <si>
    <t>cg01777121</t>
  </si>
  <si>
    <t>cg01781018</t>
  </si>
  <si>
    <t>cg01783386</t>
  </si>
  <si>
    <t>cg01788682</t>
  </si>
  <si>
    <t>cg01791410</t>
  </si>
  <si>
    <t>cg01793179</t>
  </si>
  <si>
    <t>cg01796438</t>
  </si>
  <si>
    <t>cg01798589</t>
  </si>
  <si>
    <t>cg01800345</t>
  </si>
  <si>
    <t>cg01802219</t>
  </si>
  <si>
    <t>cg01802713</t>
  </si>
  <si>
    <t>cg01807408</t>
  </si>
  <si>
    <t>cg01814130</t>
  </si>
  <si>
    <t>cg01815263</t>
  </si>
  <si>
    <t>cg01819281</t>
  </si>
  <si>
    <t>cg01820093</t>
  </si>
  <si>
    <t>cg01821429</t>
  </si>
  <si>
    <t>cg01823269</t>
  </si>
  <si>
    <t>cg01823497</t>
  </si>
  <si>
    <t>cg01831160</t>
  </si>
  <si>
    <t>cg01832005</t>
  </si>
  <si>
    <t>cg01832605</t>
  </si>
  <si>
    <t>cg01832712</t>
  </si>
  <si>
    <t>cg01833222</t>
  </si>
  <si>
    <t>cg01835725</t>
  </si>
  <si>
    <t>cg01837367</t>
  </si>
  <si>
    <t>cg01837533</t>
  </si>
  <si>
    <t>cg01843367</t>
  </si>
  <si>
    <t>cg01844642</t>
  </si>
  <si>
    <t>cg01849903</t>
  </si>
  <si>
    <t>cg01850202</t>
  </si>
  <si>
    <t>cg01855070</t>
  </si>
  <si>
    <t>cg01860010</t>
  </si>
  <si>
    <t>cg01861913</t>
  </si>
  <si>
    <t>cg01863266</t>
  </si>
  <si>
    <t>cg01864791</t>
  </si>
  <si>
    <t>cg01870865</t>
  </si>
  <si>
    <t>cg01881444</t>
  </si>
  <si>
    <t>cg01883662</t>
  </si>
  <si>
    <t>cg01885635</t>
  </si>
  <si>
    <t>cg01889083</t>
  </si>
  <si>
    <t>cg01892547</t>
  </si>
  <si>
    <t>cg01892727</t>
  </si>
  <si>
    <t>cg01893322</t>
  </si>
  <si>
    <t>cg01894366</t>
  </si>
  <si>
    <t>cg01903557</t>
  </si>
  <si>
    <t>cg01904151</t>
  </si>
  <si>
    <t>cg01905210</t>
  </si>
  <si>
    <t>cg01906879</t>
  </si>
  <si>
    <t>cg01915994</t>
  </si>
  <si>
    <t>cg01916724</t>
  </si>
  <si>
    <t>cg01919863</t>
  </si>
  <si>
    <t>cg01920536</t>
  </si>
  <si>
    <t>cg01931678</t>
  </si>
  <si>
    <t>cg01932734</t>
  </si>
  <si>
    <t>cg01936370</t>
  </si>
  <si>
    <t>cg01942127</t>
  </si>
  <si>
    <t>cg01942884</t>
  </si>
  <si>
    <t>cg01945223</t>
  </si>
  <si>
    <t>cg01947751</t>
  </si>
  <si>
    <t>cg01948850</t>
  </si>
  <si>
    <t>cg01952793</t>
  </si>
  <si>
    <t>cg01958008</t>
  </si>
  <si>
    <t>cg01962018</t>
  </si>
  <si>
    <t>cg01962086</t>
  </si>
  <si>
    <t>cg01964009</t>
  </si>
  <si>
    <t>cg01967580</t>
  </si>
  <si>
    <t>cg01970791</t>
  </si>
  <si>
    <t>cg01970937</t>
  </si>
  <si>
    <t>cg01971181</t>
  </si>
  <si>
    <t>cg01980361</t>
  </si>
  <si>
    <t>cg01996343</t>
  </si>
  <si>
    <t>cg01997230</t>
  </si>
  <si>
    <t>cg01998750</t>
  </si>
  <si>
    <t>cg01999399</t>
  </si>
  <si>
    <t>cg01999523</t>
  </si>
  <si>
    <t>cg01999701</t>
  </si>
  <si>
    <t>cg02007433</t>
  </si>
  <si>
    <t>cg02007809</t>
  </si>
  <si>
    <t>cg02008175</t>
  </si>
  <si>
    <t>cg02010262</t>
  </si>
  <si>
    <t>cg02011520</t>
  </si>
  <si>
    <t>cg02011912</t>
  </si>
  <si>
    <t>cg02012769</t>
  </si>
  <si>
    <t>cg02012974</t>
  </si>
  <si>
    <t>cg02017047</t>
  </si>
  <si>
    <t>cg02019125</t>
  </si>
  <si>
    <t>cg02019333</t>
  </si>
  <si>
    <t>cg02019774</t>
  </si>
  <si>
    <t>cg02019942</t>
  </si>
  <si>
    <t>cg02019988</t>
  </si>
  <si>
    <t>cg02020882</t>
  </si>
  <si>
    <t>cg02021180</t>
  </si>
  <si>
    <t>cg02026180</t>
  </si>
  <si>
    <t>cg02026253</t>
  </si>
  <si>
    <t>cg02032282</t>
  </si>
  <si>
    <t>cg02032841</t>
  </si>
  <si>
    <t>cg02035391</t>
  </si>
  <si>
    <t>cg02036176</t>
  </si>
  <si>
    <t>cg02037349</t>
  </si>
  <si>
    <t>cg02037573</t>
  </si>
  <si>
    <t>cg02039400</t>
  </si>
  <si>
    <t>cg02041593</t>
  </si>
  <si>
    <t>cg02041899</t>
  </si>
  <si>
    <t>cg02043373</t>
  </si>
  <si>
    <t>cg02044223</t>
  </si>
  <si>
    <t>cg02047221</t>
  </si>
  <si>
    <t>cg02056062</t>
  </si>
  <si>
    <t>cg02059813</t>
  </si>
  <si>
    <t>cg02060096</t>
  </si>
  <si>
    <t>cg02060851</t>
  </si>
  <si>
    <t>cg02067535</t>
  </si>
  <si>
    <t>cg02068090</t>
  </si>
  <si>
    <t>cg02071172</t>
  </si>
  <si>
    <t>cg02072018</t>
  </si>
  <si>
    <t>cg02072170</t>
  </si>
  <si>
    <t>cg02079455</t>
  </si>
  <si>
    <t>cg02081905</t>
  </si>
  <si>
    <t>cg02083234</t>
  </si>
  <si>
    <t>cg02083676</t>
  </si>
  <si>
    <t>cg02084352</t>
  </si>
  <si>
    <t>cg02084912</t>
  </si>
  <si>
    <t>cg02087454</t>
  </si>
  <si>
    <t>cg02090656</t>
  </si>
  <si>
    <t>cg02095806</t>
  </si>
  <si>
    <t>cg02096194</t>
  </si>
  <si>
    <t>cg02097420</t>
  </si>
  <si>
    <t>cg02097532</t>
  </si>
  <si>
    <t>cg02098156</t>
  </si>
  <si>
    <t>cg02100848</t>
  </si>
  <si>
    <t>cg02102424</t>
  </si>
  <si>
    <t>cg02102771</t>
  </si>
  <si>
    <t>cg02105377</t>
  </si>
  <si>
    <t>cg02111031</t>
  </si>
  <si>
    <t>cg02113184</t>
  </si>
  <si>
    <t>cg02117764</t>
  </si>
  <si>
    <t>cg02117903</t>
  </si>
  <si>
    <t>cg02118562</t>
  </si>
  <si>
    <t>cg02121118</t>
  </si>
  <si>
    <t>cg02121345</t>
  </si>
  <si>
    <t>cg02126051</t>
  </si>
  <si>
    <t>cg02128651</t>
  </si>
  <si>
    <t>cg02129834</t>
  </si>
  <si>
    <t>cg02130040</t>
  </si>
  <si>
    <t>cg02131639</t>
  </si>
  <si>
    <t>cg02133624</t>
  </si>
  <si>
    <t>cg02134305</t>
  </si>
  <si>
    <t>cg02135281</t>
  </si>
  <si>
    <t>cg02135427</t>
  </si>
  <si>
    <t>cg02139264</t>
  </si>
  <si>
    <t>cg02141570</t>
  </si>
  <si>
    <t>cg02147316</t>
  </si>
  <si>
    <t>cg02147617</t>
  </si>
  <si>
    <t>cg02150536</t>
  </si>
  <si>
    <t>cg02151983</t>
  </si>
  <si>
    <t>cg02158038</t>
  </si>
  <si>
    <t>cg02167021</t>
  </si>
  <si>
    <t>cg02170010</t>
  </si>
  <si>
    <t>cg02174232</t>
  </si>
  <si>
    <t>cg02179478</t>
  </si>
  <si>
    <t>cg02192228</t>
  </si>
  <si>
    <t>cg02194211</t>
  </si>
  <si>
    <t>cg02202141</t>
  </si>
  <si>
    <t>cg02207544</t>
  </si>
  <si>
    <t>cg02212772</t>
  </si>
  <si>
    <t>cg02213581</t>
  </si>
  <si>
    <t>cg02216380</t>
  </si>
  <si>
    <t>cg02218260</t>
  </si>
  <si>
    <t>cg02219026</t>
  </si>
  <si>
    <t>cg02219117</t>
  </si>
  <si>
    <t>cg02219383</t>
  </si>
  <si>
    <t>cg02219878</t>
  </si>
  <si>
    <t>cg02223905</t>
  </si>
  <si>
    <t>cg02232208</t>
  </si>
  <si>
    <t>cg02232367</t>
  </si>
  <si>
    <t>cg02237172</t>
  </si>
  <si>
    <t>cg02238826</t>
  </si>
  <si>
    <t>cg02239862</t>
  </si>
  <si>
    <t>cg02241055</t>
  </si>
  <si>
    <t>cg02241759</t>
  </si>
  <si>
    <t>cg02243386</t>
  </si>
  <si>
    <t>cg02244028</t>
  </si>
  <si>
    <t>cg02253499</t>
  </si>
  <si>
    <t>cg02254461</t>
  </si>
  <si>
    <t>cg02255918</t>
  </si>
  <si>
    <t>cg02256089</t>
  </si>
  <si>
    <t>cg02258788</t>
  </si>
  <si>
    <t>cg02259284</t>
  </si>
  <si>
    <t>cg02260750</t>
  </si>
  <si>
    <t>cg02261771</t>
  </si>
  <si>
    <t>cg02262247</t>
  </si>
  <si>
    <t>cg02264238</t>
  </si>
  <si>
    <t>cg02268410</t>
  </si>
  <si>
    <t>cg02276274</t>
  </si>
  <si>
    <t>cg02276793</t>
  </si>
  <si>
    <t>cg02279071</t>
  </si>
  <si>
    <t>cg02298472</t>
  </si>
  <si>
    <t>cg02308914</t>
  </si>
  <si>
    <t>cg02310103</t>
  </si>
  <si>
    <t>cg02311364</t>
  </si>
  <si>
    <t>cg02313922</t>
  </si>
  <si>
    <t>cg02315353</t>
  </si>
  <si>
    <t>cg02315940</t>
  </si>
  <si>
    <t>cg02316506</t>
  </si>
  <si>
    <t>cg02322879</t>
  </si>
  <si>
    <t>cg02329527</t>
  </si>
  <si>
    <t>cg02332525</t>
  </si>
  <si>
    <t>cg02332537</t>
  </si>
  <si>
    <t>cg02335441</t>
  </si>
  <si>
    <t>cg02335657</t>
  </si>
  <si>
    <t>cg02336827</t>
  </si>
  <si>
    <t>cg02341182</t>
  </si>
  <si>
    <t>cg02343197</t>
  </si>
  <si>
    <t>cg02345747</t>
  </si>
  <si>
    <t>cg02356435</t>
  </si>
  <si>
    <t>cg02365517</t>
  </si>
  <si>
    <t>cg02383302</t>
  </si>
  <si>
    <t>cg02383978</t>
  </si>
  <si>
    <t>cg02386575</t>
  </si>
  <si>
    <t>cg02387639</t>
  </si>
  <si>
    <t>cg02389851</t>
  </si>
  <si>
    <t>cg02390329</t>
  </si>
  <si>
    <t>cg02395479</t>
  </si>
  <si>
    <t>cg02396676</t>
  </si>
  <si>
    <t>cg02397579</t>
  </si>
  <si>
    <t>cg02398106</t>
  </si>
  <si>
    <t>cg02398612</t>
  </si>
  <si>
    <t>cg02399652</t>
  </si>
  <si>
    <t>cg02401556</t>
  </si>
  <si>
    <t>cg02401761</t>
  </si>
  <si>
    <t>cg02402071</t>
  </si>
  <si>
    <t>cg02418535</t>
  </si>
  <si>
    <t>cg02420927</t>
  </si>
  <si>
    <t>cg02424569</t>
  </si>
  <si>
    <t>cg02436004</t>
  </si>
  <si>
    <t>cg02449978</t>
  </si>
  <si>
    <t>cg02451052</t>
  </si>
  <si>
    <t>cg02464608</t>
  </si>
  <si>
    <t>cg02470858</t>
  </si>
  <si>
    <t>cg02470874</t>
  </si>
  <si>
    <t>cg02472825</t>
  </si>
  <si>
    <t>cg02482042</t>
  </si>
  <si>
    <t>cg02488870</t>
  </si>
  <si>
    <t>cg02490920</t>
  </si>
  <si>
    <t>cg02493040</t>
  </si>
  <si>
    <t>cg02495395</t>
  </si>
  <si>
    <t>cg02497019</t>
  </si>
  <si>
    <t>cg02498206</t>
  </si>
  <si>
    <t>cg02499768</t>
  </si>
  <si>
    <t>cg02504541</t>
  </si>
  <si>
    <t>cg02506578</t>
  </si>
  <si>
    <t>cg02508478</t>
  </si>
  <si>
    <t>cg02508656</t>
  </si>
  <si>
    <t>cg02510924</t>
  </si>
  <si>
    <t>cg02512395</t>
  </si>
  <si>
    <t>cg02519208</t>
  </si>
  <si>
    <t>cg02519879</t>
  </si>
  <si>
    <t>cg02520519</t>
  </si>
  <si>
    <t>cg02523305</t>
  </si>
  <si>
    <t>cg02527881</t>
  </si>
  <si>
    <t>cg02528468</t>
  </si>
  <si>
    <t>cg02530834</t>
  </si>
  <si>
    <t>cg02532341</t>
  </si>
  <si>
    <t>cg02538052</t>
  </si>
  <si>
    <t>cg02539664</t>
  </si>
  <si>
    <t>cg02540094</t>
  </si>
  <si>
    <t>cg02544002</t>
  </si>
  <si>
    <t>cg02555274</t>
  </si>
  <si>
    <t>cg02555923</t>
  </si>
  <si>
    <t>cg02556155</t>
  </si>
  <si>
    <t>cg02558132</t>
  </si>
  <si>
    <t>cg02560380</t>
  </si>
  <si>
    <t>cg02562809</t>
  </si>
  <si>
    <t>cg02563553</t>
  </si>
  <si>
    <t>cg02564756</t>
  </si>
  <si>
    <t>cg02565842</t>
  </si>
  <si>
    <t>cg02568623</t>
  </si>
  <si>
    <t>cg02569759</t>
  </si>
  <si>
    <t>cg02569778</t>
  </si>
  <si>
    <t>cg02570354</t>
  </si>
  <si>
    <t>cg02571198</t>
  </si>
  <si>
    <t>cg02571874</t>
  </si>
  <si>
    <t>cg02571907</t>
  </si>
  <si>
    <t>cg02574863</t>
  </si>
  <si>
    <t>cg02581554</t>
  </si>
  <si>
    <t>cg02582608</t>
  </si>
  <si>
    <t>cg02582963</t>
  </si>
  <si>
    <t>cg02583282</t>
  </si>
  <si>
    <t>cg02583334</t>
  </si>
  <si>
    <t>cg02586610</t>
  </si>
  <si>
    <t>cg02589901</t>
  </si>
  <si>
    <t>cg02603784</t>
  </si>
  <si>
    <t>cg02604018</t>
  </si>
  <si>
    <t>cg02604225</t>
  </si>
  <si>
    <t>cg02609470</t>
  </si>
  <si>
    <t>cg02610898</t>
  </si>
  <si>
    <t>cg02613964</t>
  </si>
  <si>
    <t>cg02615468</t>
  </si>
  <si>
    <t>cg02615711</t>
  </si>
  <si>
    <t>cg02617551</t>
  </si>
  <si>
    <t>cg02620015</t>
  </si>
  <si>
    <t>cg02622956</t>
  </si>
  <si>
    <t>cg02623469</t>
  </si>
  <si>
    <t>cg02626656</t>
  </si>
  <si>
    <t>cg02630105</t>
  </si>
  <si>
    <t>cg02634501</t>
  </si>
  <si>
    <t>cg02635314</t>
  </si>
  <si>
    <t>cg02635726</t>
  </si>
  <si>
    <t>cg02636004</t>
  </si>
  <si>
    <t>cg02639566</t>
  </si>
  <si>
    <t>cg02643782</t>
  </si>
  <si>
    <t>cg02647990</t>
  </si>
  <si>
    <t>cg02648746</t>
  </si>
  <si>
    <t>cg02650080</t>
  </si>
  <si>
    <t>cg02651638</t>
  </si>
  <si>
    <t>cg02655361</t>
  </si>
  <si>
    <t>cg02657160</t>
  </si>
  <si>
    <t>cg02658330</t>
  </si>
  <si>
    <t>cg02672493</t>
  </si>
  <si>
    <t>cg02672678</t>
  </si>
  <si>
    <t>cg02674839</t>
  </si>
  <si>
    <t>cg02676434</t>
  </si>
  <si>
    <t>cg02699336</t>
  </si>
  <si>
    <t>cg02700360</t>
  </si>
  <si>
    <t>cg02700894</t>
  </si>
  <si>
    <t>cg02701615</t>
  </si>
  <si>
    <t>cg02702614</t>
  </si>
  <si>
    <t>cg02703908</t>
  </si>
  <si>
    <t>cg02704103</t>
  </si>
  <si>
    <t>cg02704158</t>
  </si>
  <si>
    <t>cg02707264</t>
  </si>
  <si>
    <t>cg02708401</t>
  </si>
  <si>
    <t>cg02711527</t>
  </si>
  <si>
    <t>cg02712878</t>
  </si>
  <si>
    <t>cg02713138</t>
  </si>
  <si>
    <t>cg02719752</t>
  </si>
  <si>
    <t>cg02725398</t>
  </si>
  <si>
    <t>cg02725556</t>
  </si>
  <si>
    <t>cg02726018</t>
  </si>
  <si>
    <t>cg02726291</t>
  </si>
  <si>
    <t>cg02727530</t>
  </si>
  <si>
    <t>cg02728002</t>
  </si>
  <si>
    <t>cg02732671</t>
  </si>
  <si>
    <t>cg02737321</t>
  </si>
  <si>
    <t>cg02737379</t>
  </si>
  <si>
    <t>cg02741548</t>
  </si>
  <si>
    <t>cg02744524</t>
  </si>
  <si>
    <t>cg02746691</t>
  </si>
  <si>
    <t>cg02748419</t>
  </si>
  <si>
    <t>cg02750792</t>
  </si>
  <si>
    <t>cg02755111</t>
  </si>
  <si>
    <t>cg02758599</t>
  </si>
  <si>
    <t>cg02759005</t>
  </si>
  <si>
    <t>cg02759670</t>
  </si>
  <si>
    <t>cg02761554</t>
  </si>
  <si>
    <t>cg02762546</t>
  </si>
  <si>
    <t>cg02763146</t>
  </si>
  <si>
    <t>cg02763234</t>
  </si>
  <si>
    <t>cg02764852</t>
  </si>
  <si>
    <t>cg02765820</t>
  </si>
  <si>
    <t>cg02771886</t>
  </si>
  <si>
    <t>cg02773019</t>
  </si>
  <si>
    <t>cg02773192</t>
  </si>
  <si>
    <t>cg02773770</t>
  </si>
  <si>
    <t>cg02776768</t>
  </si>
  <si>
    <t>cg02777065</t>
  </si>
  <si>
    <t>cg02781436</t>
  </si>
  <si>
    <t>cg02782331</t>
  </si>
  <si>
    <t>cg02782566</t>
  </si>
  <si>
    <t>cg02782895</t>
  </si>
  <si>
    <t>cg02784812</t>
  </si>
  <si>
    <t>cg02789915</t>
  </si>
  <si>
    <t>cg02791331</t>
  </si>
  <si>
    <t>cg02792278</t>
  </si>
  <si>
    <t>cg02792780</t>
  </si>
  <si>
    <t>cg02797353</t>
  </si>
  <si>
    <t>cg02805612</t>
  </si>
  <si>
    <t>cg02806322</t>
  </si>
  <si>
    <t>cg02806704</t>
  </si>
  <si>
    <t>cg02807482</t>
  </si>
  <si>
    <t>cg02810692</t>
  </si>
  <si>
    <t>cg02814805</t>
  </si>
  <si>
    <t>cg02817007</t>
  </si>
  <si>
    <t>cg02820514</t>
  </si>
  <si>
    <t>cg02820717</t>
  </si>
  <si>
    <t>cg02828993</t>
  </si>
  <si>
    <t>cg02829783</t>
  </si>
  <si>
    <t>cg02830576</t>
  </si>
  <si>
    <t>cg02832485</t>
  </si>
  <si>
    <t>cg02833177</t>
  </si>
  <si>
    <t>cg02835036</t>
  </si>
  <si>
    <t>cg02836487</t>
  </si>
  <si>
    <t>cg02841523</t>
  </si>
  <si>
    <t>cg02841941</t>
  </si>
  <si>
    <t>cg02842377</t>
  </si>
  <si>
    <t>cg02842972</t>
  </si>
  <si>
    <t>cg02843755</t>
  </si>
  <si>
    <t>cg02844611</t>
  </si>
  <si>
    <t>cg02845063</t>
  </si>
  <si>
    <t>cg02854288</t>
  </si>
  <si>
    <t>cg02855045</t>
  </si>
  <si>
    <t>cg02855924</t>
  </si>
  <si>
    <t>cg02857273</t>
  </si>
  <si>
    <t>cg02858118</t>
  </si>
  <si>
    <t>cg02859319</t>
  </si>
  <si>
    <t>cg02862354</t>
  </si>
  <si>
    <t>cg02862761</t>
  </si>
  <si>
    <t>cg02863409</t>
  </si>
  <si>
    <t>cg02863493</t>
  </si>
  <si>
    <t>cg02863947</t>
  </si>
  <si>
    <t>cg02866304</t>
  </si>
  <si>
    <t>cg02867696</t>
  </si>
  <si>
    <t>cg02871925</t>
  </si>
  <si>
    <t>cg02872623</t>
  </si>
  <si>
    <t>cg02880315</t>
  </si>
  <si>
    <t>cg02881434</t>
  </si>
  <si>
    <t>cg02900978</t>
  </si>
  <si>
    <t>cg02900980</t>
  </si>
  <si>
    <t>cg02904285</t>
  </si>
  <si>
    <t>cg02908709</t>
  </si>
  <si>
    <t>cg02909206</t>
  </si>
  <si>
    <t>cg02909293</t>
  </si>
  <si>
    <t>cg02909592</t>
  </si>
  <si>
    <t>cg02910101</t>
  </si>
  <si>
    <t>cg02910769</t>
  </si>
  <si>
    <t>cg02912937</t>
  </si>
  <si>
    <t>cg02912949</t>
  </si>
  <si>
    <t>cg02913568</t>
  </si>
  <si>
    <t>cg02914790</t>
  </si>
  <si>
    <t>cg02915437</t>
  </si>
  <si>
    <t>cg02917128</t>
  </si>
  <si>
    <t>cg02921904</t>
  </si>
  <si>
    <t>cg02922563</t>
  </si>
  <si>
    <t>cg02924943</t>
  </si>
  <si>
    <t>cg02929310</t>
  </si>
  <si>
    <t>cg02929869</t>
  </si>
  <si>
    <t>cg02930866</t>
  </si>
  <si>
    <t>cg02931642</t>
  </si>
  <si>
    <t>cg02934082</t>
  </si>
  <si>
    <t>cg02934930</t>
  </si>
  <si>
    <t>cg02935024</t>
  </si>
  <si>
    <t>cg02936012</t>
  </si>
  <si>
    <t>cg02940101</t>
  </si>
  <si>
    <t>cg02942461</t>
  </si>
  <si>
    <t>cg02942644</t>
  </si>
  <si>
    <t>cg02943050</t>
  </si>
  <si>
    <t>cg02943194</t>
  </si>
  <si>
    <t>cg02944771</t>
  </si>
  <si>
    <t>cg02944840</t>
  </si>
  <si>
    <t>cg02948718</t>
  </si>
  <si>
    <t>cg02951206</t>
  </si>
  <si>
    <t>cg02954987</t>
  </si>
  <si>
    <t>cg02959129</t>
  </si>
  <si>
    <t>cg02960016</t>
  </si>
  <si>
    <t>cg02967056</t>
  </si>
  <si>
    <t>cg02968508</t>
  </si>
  <si>
    <t>cg02975259</t>
  </si>
  <si>
    <t>cg02975922</t>
  </si>
  <si>
    <t>cg02979520</t>
  </si>
  <si>
    <t>cg02980023</t>
  </si>
  <si>
    <t>cg02982400</t>
  </si>
  <si>
    <t>cg02990094</t>
  </si>
  <si>
    <t>cg02992632</t>
  </si>
  <si>
    <t>cg03015144</t>
  </si>
  <si>
    <t>cg03018380</t>
  </si>
  <si>
    <t>cg03019000</t>
  </si>
  <si>
    <t>cg03022541</t>
  </si>
  <si>
    <t>cg03024503</t>
  </si>
  <si>
    <t>cg03024536</t>
  </si>
  <si>
    <t>cg03026939</t>
  </si>
  <si>
    <t>cg03027239</t>
  </si>
  <si>
    <t>cg03030002</t>
  </si>
  <si>
    <t>cg03032180</t>
  </si>
  <si>
    <t>cg03032607</t>
  </si>
  <si>
    <t>cg03034192</t>
  </si>
  <si>
    <t>cg03034373</t>
  </si>
  <si>
    <t>cg03038685</t>
  </si>
  <si>
    <t>cg03039008</t>
  </si>
  <si>
    <t>cg03044239</t>
  </si>
  <si>
    <t>cg03046332</t>
  </si>
  <si>
    <t>cg03046746</t>
  </si>
  <si>
    <t>cg03048054</t>
  </si>
  <si>
    <t>cg03050629</t>
  </si>
  <si>
    <t>cg03051392</t>
  </si>
  <si>
    <t>cg03052030</t>
  </si>
  <si>
    <t>cg03052789</t>
  </si>
  <si>
    <t>cg03060555</t>
  </si>
  <si>
    <t>cg03066577</t>
  </si>
  <si>
    <t>cg03072102</t>
  </si>
  <si>
    <t>cg03082813</t>
  </si>
  <si>
    <t>cg03084350</t>
  </si>
  <si>
    <t>cg03107436</t>
  </si>
  <si>
    <t>cg03109316</t>
  </si>
  <si>
    <t>cg03111100</t>
  </si>
  <si>
    <t>cg03112869</t>
  </si>
  <si>
    <t>cg03147002</t>
  </si>
  <si>
    <t>cg03148457</t>
  </si>
  <si>
    <t>cg03148927</t>
  </si>
  <si>
    <t>cg03149593</t>
  </si>
  <si>
    <t>cg03149814</t>
  </si>
  <si>
    <t>cg03155027</t>
  </si>
  <si>
    <t>cg03156115</t>
  </si>
  <si>
    <t>cg03158772</t>
  </si>
  <si>
    <t>cg03160445</t>
  </si>
  <si>
    <t>cg03160740</t>
  </si>
  <si>
    <t>cg03162101</t>
  </si>
  <si>
    <t>cg03162492</t>
  </si>
  <si>
    <t>cg03168896</t>
  </si>
  <si>
    <t>cg03168947</t>
  </si>
  <si>
    <t>cg03169527</t>
  </si>
  <si>
    <t>cg03169767</t>
  </si>
  <si>
    <t>cg03175206</t>
  </si>
  <si>
    <t>cg03176305</t>
  </si>
  <si>
    <t>cg03176993</t>
  </si>
  <si>
    <t>cg03177600</t>
  </si>
  <si>
    <t>cg03179478</t>
  </si>
  <si>
    <t>cg03181573</t>
  </si>
  <si>
    <t>cg03182000</t>
  </si>
  <si>
    <t>cg03182596</t>
  </si>
  <si>
    <t>cg03183882</t>
  </si>
  <si>
    <t>cg03190578</t>
  </si>
  <si>
    <t>cg03192963</t>
  </si>
  <si>
    <t>cg03194038</t>
  </si>
  <si>
    <t>cg03194226</t>
  </si>
  <si>
    <t>cg03194383</t>
  </si>
  <si>
    <t>cg03195164</t>
  </si>
  <si>
    <t>cg03195643</t>
  </si>
  <si>
    <t>cg03198317</t>
  </si>
  <si>
    <t>cg03203287</t>
  </si>
  <si>
    <t>cg03206681</t>
  </si>
  <si>
    <t>cg03223878</t>
  </si>
  <si>
    <t>cg03245962</t>
  </si>
  <si>
    <t>cg03255953</t>
  </si>
  <si>
    <t>cg03256955</t>
  </si>
  <si>
    <t>cg03262918</t>
  </si>
  <si>
    <t>cg03276484</t>
  </si>
  <si>
    <t>cg03277051</t>
  </si>
  <si>
    <t>cg03278639</t>
  </si>
  <si>
    <t>cg03281561</t>
  </si>
  <si>
    <t>cg03288655</t>
  </si>
  <si>
    <t>cg03292069</t>
  </si>
  <si>
    <t>cg03293765</t>
  </si>
  <si>
    <t>cg03294668</t>
  </si>
  <si>
    <t>cg03296370</t>
  </si>
  <si>
    <t>cg03296935</t>
  </si>
  <si>
    <t>cg03300537</t>
  </si>
  <si>
    <t>cg03304815</t>
  </si>
  <si>
    <t>cg03308652</t>
  </si>
  <si>
    <t>cg03309962</t>
  </si>
  <si>
    <t>cg03312601</t>
  </si>
  <si>
    <t>cg03317402</t>
  </si>
  <si>
    <t>cg03322633</t>
  </si>
  <si>
    <t>cg03327494</t>
  </si>
  <si>
    <t>cg03328265</t>
  </si>
  <si>
    <t>cg03328664</t>
  </si>
  <si>
    <t>cg03329860</t>
  </si>
  <si>
    <t>cg03329949</t>
  </si>
  <si>
    <t>cg03330058</t>
  </si>
  <si>
    <t>cg03331387</t>
  </si>
  <si>
    <t>cg03332271</t>
  </si>
  <si>
    <t>cg03333468</t>
  </si>
  <si>
    <t>cg03333590</t>
  </si>
  <si>
    <t>cg03337256</t>
  </si>
  <si>
    <t>cg03341748</t>
  </si>
  <si>
    <t>cg03344068</t>
  </si>
  <si>
    <t>cg03344114</t>
  </si>
  <si>
    <t>cg03344483</t>
  </si>
  <si>
    <t>cg03346079</t>
  </si>
  <si>
    <t>cg03347381</t>
  </si>
  <si>
    <t>cg03347553</t>
  </si>
  <si>
    <t>cg03349057</t>
  </si>
  <si>
    <t>cg03355909</t>
  </si>
  <si>
    <t>cg03365548</t>
  </si>
  <si>
    <t>cg03366960</t>
  </si>
  <si>
    <t>cg03367515</t>
  </si>
  <si>
    <t>cg03369965</t>
  </si>
  <si>
    <t>cg03369999</t>
  </si>
  <si>
    <t>cg03370106</t>
  </si>
  <si>
    <t>cg03370261</t>
  </si>
  <si>
    <t>cg03371447</t>
  </si>
  <si>
    <t>cg03373278</t>
  </si>
  <si>
    <t>cg03374317</t>
  </si>
  <si>
    <t>cg03375833</t>
  </si>
  <si>
    <t>cg03376719</t>
  </si>
  <si>
    <t>cg03378003</t>
  </si>
  <si>
    <t>cg03388789</t>
  </si>
  <si>
    <t>cg03389538</t>
  </si>
  <si>
    <t>cg03391568</t>
  </si>
  <si>
    <t>cg03399783</t>
  </si>
  <si>
    <t>cg03400335</t>
  </si>
  <si>
    <t>cg03401266</t>
  </si>
  <si>
    <t>cg03405026</t>
  </si>
  <si>
    <t>cg03405491</t>
  </si>
  <si>
    <t>cg03406011</t>
  </si>
  <si>
    <t>cg03407622</t>
  </si>
  <si>
    <t>cg03421964</t>
  </si>
  <si>
    <t>cg03422213</t>
  </si>
  <si>
    <t>cg03425695</t>
  </si>
  <si>
    <t>cg03427298</t>
  </si>
  <si>
    <t>cg03427317</t>
  </si>
  <si>
    <t>cg03427905</t>
  </si>
  <si>
    <t>cg03428864</t>
  </si>
  <si>
    <t>cg03431655</t>
  </si>
  <si>
    <t>cg03433942</t>
  </si>
  <si>
    <t>cg03434479</t>
  </si>
  <si>
    <t>cg03434780</t>
  </si>
  <si>
    <t>cg03435448</t>
  </si>
  <si>
    <t>cg03438330</t>
  </si>
  <si>
    <t>cg03438417</t>
  </si>
  <si>
    <t>cg03438515</t>
  </si>
  <si>
    <t>cg03444965</t>
  </si>
  <si>
    <t>cg03445127</t>
  </si>
  <si>
    <t>cg03447891</t>
  </si>
  <si>
    <t>cg03447908</t>
  </si>
  <si>
    <t>cg03448619</t>
  </si>
  <si>
    <t>cg03450370</t>
  </si>
  <si>
    <t>cg03454876</t>
  </si>
  <si>
    <t>cg03457142</t>
  </si>
  <si>
    <t>cg03462581</t>
  </si>
  <si>
    <t>cg03464896</t>
  </si>
  <si>
    <t>cg03466587</t>
  </si>
  <si>
    <t>cg03468466</t>
  </si>
  <si>
    <t>cg03469618</t>
  </si>
  <si>
    <t>cg03479065</t>
  </si>
  <si>
    <t>cg03479209</t>
  </si>
  <si>
    <t>cg03483464</t>
  </si>
  <si>
    <t>cg03490545</t>
  </si>
  <si>
    <t>cg03490711</t>
  </si>
  <si>
    <t>cg03493509</t>
  </si>
  <si>
    <t>cg03495084</t>
  </si>
  <si>
    <t>cg03497399</t>
  </si>
  <si>
    <t>cg03497419</t>
  </si>
  <si>
    <t>cg03498588</t>
  </si>
  <si>
    <t>cg03507119</t>
  </si>
  <si>
    <t>cg03509024</t>
  </si>
  <si>
    <t>cg03509777</t>
  </si>
  <si>
    <t>cg03513893</t>
  </si>
  <si>
    <t>cg03517837</t>
  </si>
  <si>
    <t>cg03517913</t>
  </si>
  <si>
    <t>cg03517923</t>
  </si>
  <si>
    <t>cg03518058</t>
  </si>
  <si>
    <t>cg03519880</t>
  </si>
  <si>
    <t>cg03525191</t>
  </si>
  <si>
    <t>cg03530364</t>
  </si>
  <si>
    <t>cg03534410</t>
  </si>
  <si>
    <t>cg03536664</t>
  </si>
  <si>
    <t>cg03537387</t>
  </si>
  <si>
    <t>cg03538717</t>
  </si>
  <si>
    <t>cg03539876</t>
  </si>
  <si>
    <t>cg03540589</t>
  </si>
  <si>
    <t>cg03541853</t>
  </si>
  <si>
    <t>cg03544453</t>
  </si>
  <si>
    <t>cg03544474</t>
  </si>
  <si>
    <t>cg03547606</t>
  </si>
  <si>
    <t>cg03548224</t>
  </si>
  <si>
    <t>cg03549244</t>
  </si>
  <si>
    <t>cg03550765</t>
  </si>
  <si>
    <t>cg03552156</t>
  </si>
  <si>
    <t>cg03552688</t>
  </si>
  <si>
    <t>cg03553587</t>
  </si>
  <si>
    <t>cg03554286</t>
  </si>
  <si>
    <t>cg03556243</t>
  </si>
  <si>
    <t>cg03564201</t>
  </si>
  <si>
    <t>cg03564698</t>
  </si>
  <si>
    <t>cg03565274</t>
  </si>
  <si>
    <t>cg03574652</t>
  </si>
  <si>
    <t>cg03577505</t>
  </si>
  <si>
    <t>cg03578464</t>
  </si>
  <si>
    <t>cg03579624</t>
  </si>
  <si>
    <t>cg03584788</t>
  </si>
  <si>
    <t>cg03589259</t>
  </si>
  <si>
    <t>cg03589820</t>
  </si>
  <si>
    <t>cg03591917</t>
  </si>
  <si>
    <t>cg03595407</t>
  </si>
  <si>
    <t>cg03604278</t>
  </si>
  <si>
    <t>cg03607117</t>
  </si>
  <si>
    <t>cg03607485</t>
  </si>
  <si>
    <t>cg03607638</t>
  </si>
  <si>
    <t>cg03610227</t>
  </si>
  <si>
    <t>cg03611029</t>
  </si>
  <si>
    <t>cg03625136</t>
  </si>
  <si>
    <t>cg03626746</t>
  </si>
  <si>
    <t>cg03630683</t>
  </si>
  <si>
    <t>cg03638479</t>
  </si>
  <si>
    <t>cg03640148</t>
  </si>
  <si>
    <t>cg03640531</t>
  </si>
  <si>
    <t>cg03648334</t>
  </si>
  <si>
    <t>cg03648907</t>
  </si>
  <si>
    <t>cg03652525</t>
  </si>
  <si>
    <t>cg03652676</t>
  </si>
  <si>
    <t>cg03654774</t>
  </si>
  <si>
    <t>cg03655330</t>
  </si>
  <si>
    <t>cg03655706</t>
  </si>
  <si>
    <t>cg03658578</t>
  </si>
  <si>
    <t>cg03667091</t>
  </si>
  <si>
    <t>cg03668033</t>
  </si>
  <si>
    <t>cg03669143</t>
  </si>
  <si>
    <t>cg03669357</t>
  </si>
  <si>
    <t>cg03670153</t>
  </si>
  <si>
    <t>cg03670452</t>
  </si>
  <si>
    <t>cg03672716</t>
  </si>
  <si>
    <t>cg03674157</t>
  </si>
  <si>
    <t>cg03678609</t>
  </si>
  <si>
    <t>cg03679456</t>
  </si>
  <si>
    <t>cg03688818</t>
  </si>
  <si>
    <t>cg03689277</t>
  </si>
  <si>
    <t>cg03699904</t>
  </si>
  <si>
    <t>cg03703325</t>
  </si>
  <si>
    <t>cg03705396</t>
  </si>
  <si>
    <t>cg03711840</t>
  </si>
  <si>
    <t>cg03719380</t>
  </si>
  <si>
    <t>cg03721058</t>
  </si>
  <si>
    <t>cg03731171</t>
  </si>
  <si>
    <t>cg03731303</t>
  </si>
  <si>
    <t>cg03731616</t>
  </si>
  <si>
    <t>cg03731727</t>
  </si>
  <si>
    <t>cg03732447</t>
  </si>
  <si>
    <t>cg03745372</t>
  </si>
  <si>
    <t>cg03755535</t>
  </si>
  <si>
    <t>cg03758392</t>
  </si>
  <si>
    <t>cg03770877</t>
  </si>
  <si>
    <t>cg03772384</t>
  </si>
  <si>
    <t>cg03776870</t>
  </si>
  <si>
    <t>cg03779035</t>
  </si>
  <si>
    <t>cg03779326</t>
  </si>
  <si>
    <t>cg03780653</t>
  </si>
  <si>
    <t>cg03781224</t>
  </si>
  <si>
    <t>cg03783410</t>
  </si>
  <si>
    <t>cg03785807</t>
  </si>
  <si>
    <t>cg03788239</t>
  </si>
  <si>
    <t>cg03791150</t>
  </si>
  <si>
    <t>cg03791385</t>
  </si>
  <si>
    <t>cg03792768</t>
  </si>
  <si>
    <t>cg03795847</t>
  </si>
  <si>
    <t>cg03801691</t>
  </si>
  <si>
    <t>cg03803619</t>
  </si>
  <si>
    <t>cg03805566</t>
  </si>
  <si>
    <t>cg03805782</t>
  </si>
  <si>
    <t>cg03811478</t>
  </si>
  <si>
    <t>cg03816991</t>
  </si>
  <si>
    <t>cg03819243</t>
  </si>
  <si>
    <t>cg03820695</t>
  </si>
  <si>
    <t>cg03824275</t>
  </si>
  <si>
    <t>cg03825810</t>
  </si>
  <si>
    <t>cg03827386</t>
  </si>
  <si>
    <t>cg03827689</t>
  </si>
  <si>
    <t>cg03832336</t>
  </si>
  <si>
    <t>cg03833566</t>
  </si>
  <si>
    <t>cg03835095</t>
  </si>
  <si>
    <t>cg03836615</t>
  </si>
  <si>
    <t>cg03837909</t>
  </si>
  <si>
    <t>cg03838680</t>
  </si>
  <si>
    <t>cg03839949</t>
  </si>
  <si>
    <t>cg03840504</t>
  </si>
  <si>
    <t>cg03848074</t>
  </si>
  <si>
    <t>cg03854852</t>
  </si>
  <si>
    <t>cg03855994</t>
  </si>
  <si>
    <t>cg03857198</t>
  </si>
  <si>
    <t>cg03863358</t>
  </si>
  <si>
    <t>cg03864338</t>
  </si>
  <si>
    <t>cg03864483</t>
  </si>
  <si>
    <t>cg03867377</t>
  </si>
  <si>
    <t>cg03869608</t>
  </si>
  <si>
    <t>cg03870270</t>
  </si>
  <si>
    <t>cg03872623</t>
  </si>
  <si>
    <t>cg03873659</t>
  </si>
  <si>
    <t>cg03880173</t>
  </si>
  <si>
    <t>cg03881214</t>
  </si>
  <si>
    <t>cg03882698</t>
  </si>
  <si>
    <t>cg03889542</t>
  </si>
  <si>
    <t>cg03893701</t>
  </si>
  <si>
    <t>cg03894271</t>
  </si>
  <si>
    <t>cg03894490</t>
  </si>
  <si>
    <t>cg03895047</t>
  </si>
  <si>
    <t>cg03897318</t>
  </si>
  <si>
    <t>cg03900798</t>
  </si>
  <si>
    <t>cg03901257</t>
  </si>
  <si>
    <t>cg03904711</t>
  </si>
  <si>
    <t>cg03906834</t>
  </si>
  <si>
    <t>cg03907849</t>
  </si>
  <si>
    <t>cg03912774</t>
  </si>
  <si>
    <t>cg03914735</t>
  </si>
  <si>
    <t>cg03915638</t>
  </si>
  <si>
    <t>cg03915645</t>
  </si>
  <si>
    <t>cg03918530</t>
  </si>
  <si>
    <t>cg03919644</t>
  </si>
  <si>
    <t>cg03919942</t>
  </si>
  <si>
    <t>cg03920999</t>
  </si>
  <si>
    <t>cg03924715</t>
  </si>
  <si>
    <t>cg03928900</t>
  </si>
  <si>
    <t>cg03928961</t>
  </si>
  <si>
    <t>cg03929796</t>
  </si>
  <si>
    <t>cg03931678</t>
  </si>
  <si>
    <t>cg03933131</t>
  </si>
  <si>
    <t>cg03935055</t>
  </si>
  <si>
    <t>cg03954501</t>
  </si>
  <si>
    <t>cg03977782</t>
  </si>
  <si>
    <t>cg03979284</t>
  </si>
  <si>
    <t>cg03981286</t>
  </si>
  <si>
    <t>cg03987506</t>
  </si>
  <si>
    <t>cg03997418</t>
  </si>
  <si>
    <t>cg03998606</t>
  </si>
  <si>
    <t>cg04001014</t>
  </si>
  <si>
    <t>cg04002298</t>
  </si>
  <si>
    <t>cg04003850</t>
  </si>
  <si>
    <t>cg04005725</t>
  </si>
  <si>
    <t>cg04006061</t>
  </si>
  <si>
    <t>cg04007931</t>
  </si>
  <si>
    <t>cg04008913</t>
  </si>
  <si>
    <t>cg04010712</t>
  </si>
  <si>
    <t>cg04012282</t>
  </si>
  <si>
    <t>cg04013024</t>
  </si>
  <si>
    <t>cg04015972</t>
  </si>
  <si>
    <t>cg04016621</t>
  </si>
  <si>
    <t>cg04023483</t>
  </si>
  <si>
    <t>cg04032566</t>
  </si>
  <si>
    <t>cg04037228</t>
  </si>
  <si>
    <t>cg04044720</t>
  </si>
  <si>
    <t>cg04051365</t>
  </si>
  <si>
    <t>cg04056576</t>
  </si>
  <si>
    <t>cg04059835</t>
  </si>
  <si>
    <t>cg04068578</t>
  </si>
  <si>
    <t>cg04069576</t>
  </si>
  <si>
    <t>cg04075737</t>
  </si>
  <si>
    <t>cg04075781</t>
  </si>
  <si>
    <t>cg04078644</t>
  </si>
  <si>
    <t>cg04078833</t>
  </si>
  <si>
    <t>cg04079263</t>
  </si>
  <si>
    <t>cg04079301</t>
  </si>
  <si>
    <t>cg04080733</t>
  </si>
  <si>
    <t>cg04081091</t>
  </si>
  <si>
    <t>cg04083553</t>
  </si>
  <si>
    <t>cg04086468</t>
  </si>
  <si>
    <t>cg04088137</t>
  </si>
  <si>
    <t>cg04103450</t>
  </si>
  <si>
    <t>cg04104820</t>
  </si>
  <si>
    <t>cg04107939</t>
  </si>
  <si>
    <t>cg04108438</t>
  </si>
  <si>
    <t>cg04108787</t>
  </si>
  <si>
    <t>cg04114088</t>
  </si>
  <si>
    <t>cg04114269</t>
  </si>
  <si>
    <t>cg04117375</t>
  </si>
  <si>
    <t>cg04118462</t>
  </si>
  <si>
    <t>cg04120413</t>
  </si>
  <si>
    <t>cg04121415</t>
  </si>
  <si>
    <t>cg04122390</t>
  </si>
  <si>
    <t>cg04127903</t>
  </si>
  <si>
    <t>cg04130952</t>
  </si>
  <si>
    <t>cg04131610</t>
  </si>
  <si>
    <t>cg04132186</t>
  </si>
  <si>
    <t>cg04133658</t>
  </si>
  <si>
    <t>cg04134015</t>
  </si>
  <si>
    <t>cg04141459</t>
  </si>
  <si>
    <t>cg04146745</t>
  </si>
  <si>
    <t>cg04148458</t>
  </si>
  <si>
    <t>cg04150219</t>
  </si>
  <si>
    <t>cg04150862</t>
  </si>
  <si>
    <t>cg04151278</t>
  </si>
  <si>
    <t>cg04155718</t>
  </si>
  <si>
    <t>cg04155862</t>
  </si>
  <si>
    <t>cg04156889</t>
  </si>
  <si>
    <t>cg04167867</t>
  </si>
  <si>
    <t>cg04172348</t>
  </si>
  <si>
    <t>cg04190530</t>
  </si>
  <si>
    <t>cg04191342</t>
  </si>
  <si>
    <t>cg04197195</t>
  </si>
  <si>
    <t>cg04197347</t>
  </si>
  <si>
    <t>cg04202338</t>
  </si>
  <si>
    <t>cg04203628</t>
  </si>
  <si>
    <t>cg04207166</t>
  </si>
  <si>
    <t>cg04208434</t>
  </si>
  <si>
    <t>cg04210714</t>
  </si>
  <si>
    <t>cg04214520</t>
  </si>
  <si>
    <t>cg04217850</t>
  </si>
  <si>
    <t>cg04223389</t>
  </si>
  <si>
    <t>cg04225523</t>
  </si>
  <si>
    <t>cg04225940</t>
  </si>
  <si>
    <t>cg04226276</t>
  </si>
  <si>
    <t>cg04228468</t>
  </si>
  <si>
    <t>cg04231814</t>
  </si>
  <si>
    <t>cg04239009</t>
  </si>
  <si>
    <t>cg04240493</t>
  </si>
  <si>
    <t>cg04241282</t>
  </si>
  <si>
    <t>cg04241831</t>
  </si>
  <si>
    <t>cg04244171</t>
  </si>
  <si>
    <t>cg04244987</t>
  </si>
  <si>
    <t>cg04245294</t>
  </si>
  <si>
    <t>cg04245439</t>
  </si>
  <si>
    <t>cg04246445</t>
  </si>
  <si>
    <t>cg04251662</t>
  </si>
  <si>
    <t>cg04252044</t>
  </si>
  <si>
    <t>cg04252203</t>
  </si>
  <si>
    <t>cg04255048</t>
  </si>
  <si>
    <t>cg04262565</t>
  </si>
  <si>
    <t>cg04263092</t>
  </si>
  <si>
    <t>cg04273811</t>
  </si>
  <si>
    <t>cg04289624</t>
  </si>
  <si>
    <t>cg04302290</t>
  </si>
  <si>
    <t>cg04304561</t>
  </si>
  <si>
    <t>cg04322105</t>
  </si>
  <si>
    <t>cg04322344</t>
  </si>
  <si>
    <t>cg04322363</t>
  </si>
  <si>
    <t>cg04329977</t>
  </si>
  <si>
    <t>cg04332914</t>
  </si>
  <si>
    <t>cg04335102</t>
  </si>
  <si>
    <t>cg04335449</t>
  </si>
  <si>
    <t>cg04342594</t>
  </si>
  <si>
    <t>cg04347447</t>
  </si>
  <si>
    <t>cg04347582</t>
  </si>
  <si>
    <t>cg04348250</t>
  </si>
  <si>
    <t>cg04353469</t>
  </si>
  <si>
    <t>cg04356926</t>
  </si>
  <si>
    <t>cg04364561</t>
  </si>
  <si>
    <t>cg04365224</t>
  </si>
  <si>
    <t>cg04374393</t>
  </si>
  <si>
    <t>cg04376997</t>
  </si>
  <si>
    <t>cg04377609</t>
  </si>
  <si>
    <t>cg04379703</t>
  </si>
  <si>
    <t>cg04380576</t>
  </si>
  <si>
    <t>cg04383462</t>
  </si>
  <si>
    <t>cg04385236</t>
  </si>
  <si>
    <t>cg04385305</t>
  </si>
  <si>
    <t>cg04385523</t>
  </si>
  <si>
    <t>cg04386206</t>
  </si>
  <si>
    <t>cg04387658</t>
  </si>
  <si>
    <t>cg04389838</t>
  </si>
  <si>
    <t>cg04391718</t>
  </si>
  <si>
    <t>cg04391800</t>
  </si>
  <si>
    <t>cg04393227</t>
  </si>
  <si>
    <t>cg04393905</t>
  </si>
  <si>
    <t>cg04396110</t>
  </si>
  <si>
    <t>cg04396462</t>
  </si>
  <si>
    <t>cg04397936</t>
  </si>
  <si>
    <t>cg04399450</t>
  </si>
  <si>
    <t>cg04399933</t>
  </si>
  <si>
    <t>cg04400980</t>
  </si>
  <si>
    <t>cg04402575</t>
  </si>
  <si>
    <t>cg04407215</t>
  </si>
  <si>
    <t>cg04408566</t>
  </si>
  <si>
    <t>cg04411156</t>
  </si>
  <si>
    <t>cg04411342</t>
  </si>
  <si>
    <t>cg04412715</t>
  </si>
  <si>
    <t>cg04413089</t>
  </si>
  <si>
    <t>cg04414509</t>
  </si>
  <si>
    <t>cg04414966</t>
  </si>
  <si>
    <t>cg04415662</t>
  </si>
  <si>
    <t>cg04418162</t>
  </si>
  <si>
    <t>cg04421553</t>
  </si>
  <si>
    <t>cg04421631</t>
  </si>
  <si>
    <t>cg04421915</t>
  </si>
  <si>
    <t>cg04421973</t>
  </si>
  <si>
    <t>cg04428799</t>
  </si>
  <si>
    <t>cg04432597</t>
  </si>
  <si>
    <t>cg04435763</t>
  </si>
  <si>
    <t>cg04436449</t>
  </si>
  <si>
    <t>cg04436474</t>
  </si>
  <si>
    <t>cg04437751</t>
  </si>
  <si>
    <t>cg04442406</t>
  </si>
  <si>
    <t>cg04444369</t>
  </si>
  <si>
    <t>cg04444942</t>
  </si>
  <si>
    <t>cg04445871</t>
  </si>
  <si>
    <t>cg04452785</t>
  </si>
  <si>
    <t>cg04455265</t>
  </si>
  <si>
    <t>cg04456689</t>
  </si>
  <si>
    <t>cg04458548</t>
  </si>
  <si>
    <t>cg04467803</t>
  </si>
  <si>
    <t>cg04470499</t>
  </si>
  <si>
    <t>cg04470676</t>
  </si>
  <si>
    <t>cg04471454</t>
  </si>
  <si>
    <t>cg04472001</t>
  </si>
  <si>
    <t>cg04472725</t>
  </si>
  <si>
    <t>cg04474832</t>
  </si>
  <si>
    <t>cg04475307</t>
  </si>
  <si>
    <t>cg04478991</t>
  </si>
  <si>
    <t>cg04484520</t>
  </si>
  <si>
    <t>cg04484984</t>
  </si>
  <si>
    <t>cg04485516</t>
  </si>
  <si>
    <t>cg04488145</t>
  </si>
  <si>
    <t>cg04494656</t>
  </si>
  <si>
    <t>cg04498110</t>
  </si>
  <si>
    <t>cg04499690</t>
  </si>
  <si>
    <t>cg04503182</t>
  </si>
  <si>
    <t>cg04506190</t>
  </si>
  <si>
    <t>cg04507495</t>
  </si>
  <si>
    <t>cg04508804</t>
  </si>
  <si>
    <t>cg04509882</t>
  </si>
  <si>
    <t>cg04514556</t>
  </si>
  <si>
    <t>cg04516112</t>
  </si>
  <si>
    <t>cg04517614</t>
  </si>
  <si>
    <t>cg04518972</t>
  </si>
  <si>
    <t>cg04521004</t>
  </si>
  <si>
    <t>cg04523291</t>
  </si>
  <si>
    <t>cg04523589</t>
  </si>
  <si>
    <t>cg04523929</t>
  </si>
  <si>
    <t>cg04527363</t>
  </si>
  <si>
    <t>cg04534077</t>
  </si>
  <si>
    <t>cg04536829</t>
  </si>
  <si>
    <t>cg04536957</t>
  </si>
  <si>
    <t>cg04538517</t>
  </si>
  <si>
    <t>cg04539944</t>
  </si>
  <si>
    <t>cg04544058</t>
  </si>
  <si>
    <t>cg04545136</t>
  </si>
  <si>
    <t>cg04546097</t>
  </si>
  <si>
    <t>cg04548463</t>
  </si>
  <si>
    <t>cg04554905</t>
  </si>
  <si>
    <t>cg04555771</t>
  </si>
  <si>
    <t>cg04555780</t>
  </si>
  <si>
    <t>cg04556868</t>
  </si>
  <si>
    <t>cg04560545</t>
  </si>
  <si>
    <t>cg04564000</t>
  </si>
  <si>
    <t>cg04565661</t>
  </si>
  <si>
    <t>cg04566561</t>
  </si>
  <si>
    <t>cg04568799</t>
  </si>
  <si>
    <t>cg04570372</t>
  </si>
  <si>
    <t>cg04571130</t>
  </si>
  <si>
    <t>cg04578792</t>
  </si>
  <si>
    <t>cg04581018</t>
  </si>
  <si>
    <t>cg04581025</t>
  </si>
  <si>
    <t>cg04581293</t>
  </si>
  <si>
    <t>cg04582136</t>
  </si>
  <si>
    <t>cg04582164</t>
  </si>
  <si>
    <t>cg04585378</t>
  </si>
  <si>
    <t>cg04585669</t>
  </si>
  <si>
    <t>cg04586237</t>
  </si>
  <si>
    <t>cg04610171</t>
  </si>
  <si>
    <t>cg04614440</t>
  </si>
  <si>
    <t>cg04619627</t>
  </si>
  <si>
    <t>cg04625862</t>
  </si>
  <si>
    <t>cg04634182</t>
  </si>
  <si>
    <t>cg04641912</t>
  </si>
  <si>
    <t>cg04645049</t>
  </si>
  <si>
    <t>cg04653021</t>
  </si>
  <si>
    <t>cg04660410</t>
  </si>
  <si>
    <t>cg04663057</t>
  </si>
  <si>
    <t>cg04671541</t>
  </si>
  <si>
    <t>cg04678399</t>
  </si>
  <si>
    <t>cg04679098</t>
  </si>
  <si>
    <t>cg04682845</t>
  </si>
  <si>
    <t>cg04685187</t>
  </si>
  <si>
    <t>cg04687517</t>
  </si>
  <si>
    <t>cg04688917</t>
  </si>
  <si>
    <t>cg04704382</t>
  </si>
  <si>
    <t>cg04730047</t>
  </si>
  <si>
    <t>cg04732968</t>
  </si>
  <si>
    <t>cg04733388</t>
  </si>
  <si>
    <t>cg04733838</t>
  </si>
  <si>
    <t>cg04736401</t>
  </si>
  <si>
    <t>cg04739149</t>
  </si>
  <si>
    <t>cg04740522</t>
  </si>
  <si>
    <t>cg04741636</t>
  </si>
  <si>
    <t>cg04746240</t>
  </si>
  <si>
    <t>cg04747517</t>
  </si>
  <si>
    <t>cg04747996</t>
  </si>
  <si>
    <t>cg04757243</t>
  </si>
  <si>
    <t>cg04766136</t>
  </si>
  <si>
    <t>cg04768501</t>
  </si>
  <si>
    <t>cg04777528</t>
  </si>
  <si>
    <t>cg04777971</t>
  </si>
  <si>
    <t>cg04779796</t>
  </si>
  <si>
    <t>cg04781626</t>
  </si>
  <si>
    <t>cg04785972</t>
  </si>
  <si>
    <t>cg04787317</t>
  </si>
  <si>
    <t>cg04789550</t>
  </si>
  <si>
    <t>cg04792715</t>
  </si>
  <si>
    <t>cg04793090</t>
  </si>
  <si>
    <t>cg04795044</t>
  </si>
  <si>
    <t>cg04800682</t>
  </si>
  <si>
    <t>cg04805109</t>
  </si>
  <si>
    <t>cg04808946</t>
  </si>
  <si>
    <t>cg04810656</t>
  </si>
  <si>
    <t>cg04813158</t>
  </si>
  <si>
    <t>cg04828284</t>
  </si>
  <si>
    <t>cg04832318</t>
  </si>
  <si>
    <t>cg04833533</t>
  </si>
  <si>
    <t>cg04834794</t>
  </si>
  <si>
    <t>cg04840813</t>
  </si>
  <si>
    <t>cg04841293</t>
  </si>
  <si>
    <t>cg04842790</t>
  </si>
  <si>
    <t>cg04848452</t>
  </si>
  <si>
    <t>cg04848502</t>
  </si>
  <si>
    <t>cg04849788</t>
  </si>
  <si>
    <t>cg04851268</t>
  </si>
  <si>
    <t>cg04853925</t>
  </si>
  <si>
    <t>cg04855141</t>
  </si>
  <si>
    <t>cg04855961</t>
  </si>
  <si>
    <t>cg04856042</t>
  </si>
  <si>
    <t>cg04856685</t>
  </si>
  <si>
    <t>cg04860142</t>
  </si>
  <si>
    <t>cg04862264</t>
  </si>
  <si>
    <t>cg04865442</t>
  </si>
  <si>
    <t>cg04870464</t>
  </si>
  <si>
    <t>cg04870523</t>
  </si>
  <si>
    <t>cg04872717</t>
  </si>
  <si>
    <t>cg04873861</t>
  </si>
  <si>
    <t>cg04874261</t>
  </si>
  <si>
    <t>cg04878152</t>
  </si>
  <si>
    <t>cg04878973</t>
  </si>
  <si>
    <t>cg04883157</t>
  </si>
  <si>
    <t>cg04883269</t>
  </si>
  <si>
    <t>cg04884090</t>
  </si>
  <si>
    <t>cg04884420</t>
  </si>
  <si>
    <t>cg04887335</t>
  </si>
  <si>
    <t>cg04888647</t>
  </si>
  <si>
    <t>cg04888840</t>
  </si>
  <si>
    <t>cg04889072</t>
  </si>
  <si>
    <t>cg04890646</t>
  </si>
  <si>
    <t>cg04891921</t>
  </si>
  <si>
    <t>cg04892766</t>
  </si>
  <si>
    <t>cg04894958</t>
  </si>
  <si>
    <t>cg04900882</t>
  </si>
  <si>
    <t>cg04900941</t>
  </si>
  <si>
    <t>cg04908186</t>
  </si>
  <si>
    <t>cg04910591</t>
  </si>
  <si>
    <t>cg04910885</t>
  </si>
  <si>
    <t>cg04911005</t>
  </si>
  <si>
    <t>cg04914996</t>
  </si>
  <si>
    <t>cg04915058</t>
  </si>
  <si>
    <t>cg04917686</t>
  </si>
  <si>
    <t>cg04919274</t>
  </si>
  <si>
    <t>cg04920630</t>
  </si>
  <si>
    <t>cg04922566</t>
  </si>
  <si>
    <t>cg04927429</t>
  </si>
  <si>
    <t>cg04931913</t>
  </si>
  <si>
    <t>cg04935109</t>
  </si>
  <si>
    <t>cg04941246</t>
  </si>
  <si>
    <t>cg04943357</t>
  </si>
  <si>
    <t>cg04943612</t>
  </si>
  <si>
    <t>cg04944291</t>
  </si>
  <si>
    <t>cg04945511</t>
  </si>
  <si>
    <t>cg04959837</t>
  </si>
  <si>
    <t>cg04967530</t>
  </si>
  <si>
    <t>cg04969808</t>
  </si>
  <si>
    <t>cg04974323</t>
  </si>
  <si>
    <t>cg04976999</t>
  </si>
  <si>
    <t>cg04980191</t>
  </si>
  <si>
    <t>cg04981430</t>
  </si>
  <si>
    <t>cg04982359</t>
  </si>
  <si>
    <t>cg04983608</t>
  </si>
  <si>
    <t>cg04991337</t>
  </si>
  <si>
    <t>cg04992150</t>
  </si>
  <si>
    <t>cg04992588</t>
  </si>
  <si>
    <t>cg04992991</t>
  </si>
  <si>
    <t>cg04993414</t>
  </si>
  <si>
    <t>cg04995300</t>
  </si>
  <si>
    <t>cg05002590</t>
  </si>
  <si>
    <t>cg05012239</t>
  </si>
  <si>
    <t>cg05013728</t>
  </si>
  <si>
    <t>cg05029189</t>
  </si>
  <si>
    <t>cg05036608</t>
  </si>
  <si>
    <t>cg05038804</t>
  </si>
  <si>
    <t>cg05039475</t>
  </si>
  <si>
    <t>cg05040232</t>
  </si>
  <si>
    <t>cg05043886</t>
  </si>
  <si>
    <t>cg05044778</t>
  </si>
  <si>
    <t>cg05044994</t>
  </si>
  <si>
    <t>cg05046771</t>
  </si>
  <si>
    <t>cg05046996</t>
  </si>
  <si>
    <t>cg05048976</t>
  </si>
  <si>
    <t>cg05055782</t>
  </si>
  <si>
    <t>cg05057834</t>
  </si>
  <si>
    <t>cg05060704</t>
  </si>
  <si>
    <t>cg05061504</t>
  </si>
  <si>
    <t>cg05062178</t>
  </si>
  <si>
    <t>cg05062489</t>
  </si>
  <si>
    <t>cg05068866</t>
  </si>
  <si>
    <t>cg05072457</t>
  </si>
  <si>
    <t>cg05072774</t>
  </si>
  <si>
    <t>cg05073035</t>
  </si>
  <si>
    <t>cg05084668</t>
  </si>
  <si>
    <t>cg05088549</t>
  </si>
  <si>
    <t>cg05093065</t>
  </si>
  <si>
    <t>cg05093811</t>
  </si>
  <si>
    <t>cg05093860</t>
  </si>
  <si>
    <t>cg05095591</t>
  </si>
  <si>
    <t>cg05097455</t>
  </si>
  <si>
    <t>cg05098381</t>
  </si>
  <si>
    <t>cg05099537</t>
  </si>
  <si>
    <t>cg05101135</t>
  </si>
  <si>
    <t>cg05105080</t>
  </si>
  <si>
    <t>cg05106785</t>
  </si>
  <si>
    <t>cg05112885</t>
  </si>
  <si>
    <t>cg05113078</t>
  </si>
  <si>
    <t>cg05117728</t>
  </si>
  <si>
    <t>cg05118764</t>
  </si>
  <si>
    <t>cg05121182</t>
  </si>
  <si>
    <t>cg05121480</t>
  </si>
  <si>
    <t>cg05122794</t>
  </si>
  <si>
    <t>cg05122957</t>
  </si>
  <si>
    <t>cg05123378</t>
  </si>
  <si>
    <t>cg05125838</t>
  </si>
  <si>
    <t>cg05131382</t>
  </si>
  <si>
    <t>cg05133721</t>
  </si>
  <si>
    <t>cg05137587</t>
  </si>
  <si>
    <t>cg05142140</t>
  </si>
  <si>
    <t>cg05152589</t>
  </si>
  <si>
    <t>cg05161795</t>
  </si>
  <si>
    <t>cg05164052</t>
  </si>
  <si>
    <t>cg05171227</t>
  </si>
  <si>
    <t>cg05197962</t>
  </si>
  <si>
    <t>cg05218882</t>
  </si>
  <si>
    <t>cg05226558</t>
  </si>
  <si>
    <t>cg05261596</t>
  </si>
  <si>
    <t>cg05261893</t>
  </si>
  <si>
    <t>cg05269632</t>
  </si>
  <si>
    <t>cg05274741</t>
  </si>
  <si>
    <t>cg05275012</t>
  </si>
  <si>
    <t>cg05275468</t>
  </si>
  <si>
    <t>cg05281708</t>
  </si>
  <si>
    <t>cg05283597</t>
  </si>
  <si>
    <t>cg05286196</t>
  </si>
  <si>
    <t>cg05287437</t>
  </si>
  <si>
    <t>cg05287817</t>
  </si>
  <si>
    <t>cg05291178</t>
  </si>
  <si>
    <t>cg05299048</t>
  </si>
  <si>
    <t>cg05299185</t>
  </si>
  <si>
    <t>cg05300996</t>
  </si>
  <si>
    <t>cg05303842</t>
  </si>
  <si>
    <t>cg05308645</t>
  </si>
  <si>
    <t>cg05315047</t>
  </si>
  <si>
    <t>cg05321398</t>
  </si>
  <si>
    <t>cg05323436</t>
  </si>
  <si>
    <t>cg05331082</t>
  </si>
  <si>
    <t>cg05339588</t>
  </si>
  <si>
    <t>cg05342634</t>
  </si>
  <si>
    <t>cg05344949</t>
  </si>
  <si>
    <t>cg05359028</t>
  </si>
  <si>
    <t>cg05361415</t>
  </si>
  <si>
    <t>cg05365685</t>
  </si>
  <si>
    <t>cg05370988</t>
  </si>
  <si>
    <t>cg05371578</t>
  </si>
  <si>
    <t>cg05376919</t>
  </si>
  <si>
    <t>cg05378690</t>
  </si>
  <si>
    <t>cg05379891</t>
  </si>
  <si>
    <t>cg05380130</t>
  </si>
  <si>
    <t>cg05380296</t>
  </si>
  <si>
    <t>cg05392530</t>
  </si>
  <si>
    <t>cg05393567</t>
  </si>
  <si>
    <t>cg05399115</t>
  </si>
  <si>
    <t>cg05405742</t>
  </si>
  <si>
    <t>cg05406954</t>
  </si>
  <si>
    <t>cg05410198</t>
  </si>
  <si>
    <t>cg05411186</t>
  </si>
  <si>
    <t>cg05413061</t>
  </si>
  <si>
    <t>cg05424422</t>
  </si>
  <si>
    <t>cg05428436</t>
  </si>
  <si>
    <t>cg05428895</t>
  </si>
  <si>
    <t>cg05430989</t>
  </si>
  <si>
    <t>cg05431828</t>
  </si>
  <si>
    <t>cg05432305</t>
  </si>
  <si>
    <t>cg05435286</t>
  </si>
  <si>
    <t>cg05435993</t>
  </si>
  <si>
    <t>cg05437648</t>
  </si>
  <si>
    <t>cg05446471</t>
  </si>
  <si>
    <t>cg05450916</t>
  </si>
  <si>
    <t>cg05459233</t>
  </si>
  <si>
    <t>cg05463136</t>
  </si>
  <si>
    <t>cg05469885</t>
  </si>
  <si>
    <t>cg05476568</t>
  </si>
  <si>
    <t>cg05482119</t>
  </si>
  <si>
    <t>cg05485520</t>
  </si>
  <si>
    <t>cg05486924</t>
  </si>
  <si>
    <t>cg05487005</t>
  </si>
  <si>
    <t>cg05487105</t>
  </si>
  <si>
    <t>cg05489252</t>
  </si>
  <si>
    <t>cg05490233</t>
  </si>
  <si>
    <t>cg05491565</t>
  </si>
  <si>
    <t>cg05496383</t>
  </si>
  <si>
    <t>cg05498914</t>
  </si>
  <si>
    <t>cg05503824</t>
  </si>
  <si>
    <t>cg05504759</t>
  </si>
  <si>
    <t>cg05506480</t>
  </si>
  <si>
    <t>cg05508315</t>
  </si>
  <si>
    <t>cg05511503</t>
  </si>
  <si>
    <t>cg05516821</t>
  </si>
  <si>
    <t>cg05518283</t>
  </si>
  <si>
    <t>cg05518939</t>
  </si>
  <si>
    <t>cg05519724</t>
  </si>
  <si>
    <t>cg05522046</t>
  </si>
  <si>
    <t>cg05522415</t>
  </si>
  <si>
    <t>cg05526364</t>
  </si>
  <si>
    <t>cg05526832</t>
  </si>
  <si>
    <t>cg05528568</t>
  </si>
  <si>
    <t>cg05541640</t>
  </si>
  <si>
    <t>cg05542785</t>
  </si>
  <si>
    <t>cg05543419</t>
  </si>
  <si>
    <t>cg05543520</t>
  </si>
  <si>
    <t>cg05547895</t>
  </si>
  <si>
    <t>cg05548488</t>
  </si>
  <si>
    <t>cg05548555</t>
  </si>
  <si>
    <t>cg05549077</t>
  </si>
  <si>
    <t>cg05550371</t>
  </si>
  <si>
    <t>cg05551003</t>
  </si>
  <si>
    <t>cg05553879</t>
  </si>
  <si>
    <t>cg05554592</t>
  </si>
  <si>
    <t>cg05556038</t>
  </si>
  <si>
    <t>cg05556202</t>
  </si>
  <si>
    <t>cg05557266</t>
  </si>
  <si>
    <t>cg05564831</t>
  </si>
  <si>
    <t>cg05566961</t>
  </si>
  <si>
    <t>cg05570980</t>
  </si>
  <si>
    <t>cg05573306</t>
  </si>
  <si>
    <t>cg05574065</t>
  </si>
  <si>
    <t>cg05575220</t>
  </si>
  <si>
    <t>cg05575304</t>
  </si>
  <si>
    <t>cg05575961</t>
  </si>
  <si>
    <t>cg05578595</t>
  </si>
  <si>
    <t>cg05582165</t>
  </si>
  <si>
    <t>cg05582797</t>
  </si>
  <si>
    <t>cg05583831</t>
  </si>
  <si>
    <t>cg05589046</t>
  </si>
  <si>
    <t>cg05590619</t>
  </si>
  <si>
    <t>cg05590793</t>
  </si>
  <si>
    <t>cg05592184</t>
  </si>
  <si>
    <t>cg05596265</t>
  </si>
  <si>
    <t>cg05607079</t>
  </si>
  <si>
    <t>cg05607801</t>
  </si>
  <si>
    <t>cg05618222</t>
  </si>
  <si>
    <t>cg05622438</t>
  </si>
  <si>
    <t>cg05623727</t>
  </si>
  <si>
    <t>cg05625284</t>
  </si>
  <si>
    <t>cg05627800</t>
  </si>
  <si>
    <t>cg05628049</t>
  </si>
  <si>
    <t>cg05629195</t>
  </si>
  <si>
    <t>cg05635562</t>
  </si>
  <si>
    <t>cg05635617</t>
  </si>
  <si>
    <t>cg05638699</t>
  </si>
  <si>
    <t>cg05639405</t>
  </si>
  <si>
    <t>cg05645292</t>
  </si>
  <si>
    <t>cg05652141</t>
  </si>
  <si>
    <t>cg05654008</t>
  </si>
  <si>
    <t>cg05654648</t>
  </si>
  <si>
    <t>cg05654765</t>
  </si>
  <si>
    <t>cg05655556</t>
  </si>
  <si>
    <t>cg05659262</t>
  </si>
  <si>
    <t>cg05662500</t>
  </si>
  <si>
    <t>cg05664197</t>
  </si>
  <si>
    <t>cg05664581</t>
  </si>
  <si>
    <t>cg05665069</t>
  </si>
  <si>
    <t>cg05670596</t>
  </si>
  <si>
    <t>cg05670953</t>
  </si>
  <si>
    <t>cg05673098</t>
  </si>
  <si>
    <t>cg05673892</t>
  </si>
  <si>
    <t>cg05675527</t>
  </si>
  <si>
    <t>cg05676543</t>
  </si>
  <si>
    <t>cg05678332</t>
  </si>
  <si>
    <t>cg05684195</t>
  </si>
  <si>
    <t>cg05684266</t>
  </si>
  <si>
    <t>cg05684371</t>
  </si>
  <si>
    <t>cg05685023</t>
  </si>
  <si>
    <t>cg05700079</t>
  </si>
  <si>
    <t>cg05705212</t>
  </si>
  <si>
    <t>cg05706348</t>
  </si>
  <si>
    <t>cg05709162</t>
  </si>
  <si>
    <t>cg05709770</t>
  </si>
  <si>
    <t>cg05710562</t>
  </si>
  <si>
    <t>cg05711474</t>
  </si>
  <si>
    <t>cg05720721</t>
  </si>
  <si>
    <t>cg05721189</t>
  </si>
  <si>
    <t>cg05721281</t>
  </si>
  <si>
    <t>cg05722552</t>
  </si>
  <si>
    <t>cg05725721</t>
  </si>
  <si>
    <t>cg05726910</t>
  </si>
  <si>
    <t>cg05727070</t>
  </si>
  <si>
    <t>cg05734973</t>
  </si>
  <si>
    <t>cg05743054</t>
  </si>
  <si>
    <t>cg05747448</t>
  </si>
  <si>
    <t>cg05754973</t>
  </si>
  <si>
    <t>cg05756178</t>
  </si>
  <si>
    <t>cg05769535</t>
  </si>
  <si>
    <t>cg05772678</t>
  </si>
  <si>
    <t>cg05774231</t>
  </si>
  <si>
    <t>cg05776787</t>
  </si>
  <si>
    <t>cg05777319</t>
  </si>
  <si>
    <t>cg05778154</t>
  </si>
  <si>
    <t>cg05779990</t>
  </si>
  <si>
    <t>cg05781767</t>
  </si>
  <si>
    <t>cg05785598</t>
  </si>
  <si>
    <t>cg05786287</t>
  </si>
  <si>
    <t>cg05787120</t>
  </si>
  <si>
    <t>cg05789938</t>
  </si>
  <si>
    <t>cg05790630</t>
  </si>
  <si>
    <t>cg05791054</t>
  </si>
  <si>
    <t>cg05791356</t>
  </si>
  <si>
    <t>cg05791790</t>
  </si>
  <si>
    <t>cg05795931</t>
  </si>
  <si>
    <t>cg05798339</t>
  </si>
  <si>
    <t>cg05801066</t>
  </si>
  <si>
    <t>cg05801080</t>
  </si>
  <si>
    <t>cg05802478</t>
  </si>
  <si>
    <t>cg05833158</t>
  </si>
  <si>
    <t>cg05835982</t>
  </si>
  <si>
    <t>cg05837401</t>
  </si>
  <si>
    <t>cg05839570</t>
  </si>
  <si>
    <t>cg05842169</t>
  </si>
  <si>
    <t>cg05842762</t>
  </si>
  <si>
    <t>cg05843800</t>
  </si>
  <si>
    <t>cg05844321</t>
  </si>
  <si>
    <t>cg05845178</t>
  </si>
  <si>
    <t>cg05845319</t>
  </si>
  <si>
    <t>cg05851542</t>
  </si>
  <si>
    <t>cg05855917</t>
  </si>
  <si>
    <t>cg05859076</t>
  </si>
  <si>
    <t>cg05875308</t>
  </si>
  <si>
    <t>cg05876340</t>
  </si>
  <si>
    <t>cg05883695</t>
  </si>
  <si>
    <t>cg05885095</t>
  </si>
  <si>
    <t>cg05891652</t>
  </si>
  <si>
    <t>cg05891759</t>
  </si>
  <si>
    <t>cg05891869</t>
  </si>
  <si>
    <t>cg05893614</t>
  </si>
  <si>
    <t>cg05897316</t>
  </si>
  <si>
    <t>cg05897504</t>
  </si>
  <si>
    <t>cg05897638</t>
  </si>
  <si>
    <t>cg05918682</t>
  </si>
  <si>
    <t>cg05924537</t>
  </si>
  <si>
    <t>cg05935156</t>
  </si>
  <si>
    <t>cg05937969</t>
  </si>
  <si>
    <t>cg05938285</t>
  </si>
  <si>
    <t>cg05939970</t>
  </si>
  <si>
    <t>cg05944173</t>
  </si>
  <si>
    <t>cg05951558</t>
  </si>
  <si>
    <t>cg05955332</t>
  </si>
  <si>
    <t>cg05955559</t>
  </si>
  <si>
    <t>cg05959170</t>
  </si>
  <si>
    <t>cg05959577</t>
  </si>
  <si>
    <t>cg05962239</t>
  </si>
  <si>
    <t>cg05963085</t>
  </si>
  <si>
    <t>cg05963821</t>
  </si>
  <si>
    <t>cg05964212</t>
  </si>
  <si>
    <t>cg05965029</t>
  </si>
  <si>
    <t>cg05965863</t>
  </si>
  <si>
    <t>cg05966699</t>
  </si>
  <si>
    <t>cg05968091</t>
  </si>
  <si>
    <t>cg05972059</t>
  </si>
  <si>
    <t>cg05977900</t>
  </si>
  <si>
    <t>cg05977955</t>
  </si>
  <si>
    <t>cg05980111</t>
  </si>
  <si>
    <t>cg05980782</t>
  </si>
  <si>
    <t>cg05982399</t>
  </si>
  <si>
    <t>cg05983695</t>
  </si>
  <si>
    <t>cg05985712</t>
  </si>
  <si>
    <t>cg05986866</t>
  </si>
  <si>
    <t>cg05987030</t>
  </si>
  <si>
    <t>cg05989693</t>
  </si>
  <si>
    <t>cg05990805</t>
  </si>
  <si>
    <t>cg05991220</t>
  </si>
  <si>
    <t>cg05994690</t>
  </si>
  <si>
    <t>cg05995572</t>
  </si>
  <si>
    <t>cg05997793</t>
  </si>
  <si>
    <t>cg05998826</t>
  </si>
  <si>
    <t>cg06002476</t>
  </si>
  <si>
    <t>cg06012804</t>
  </si>
  <si>
    <t>cg06014401</t>
  </si>
  <si>
    <t>cg06018203</t>
  </si>
  <si>
    <t>cg06018699</t>
  </si>
  <si>
    <t>cg06020529</t>
  </si>
  <si>
    <t>cg06020842</t>
  </si>
  <si>
    <t>cg06022107</t>
  </si>
  <si>
    <t>cg06022884</t>
  </si>
  <si>
    <t>cg06023646</t>
  </si>
  <si>
    <t>cg06023994</t>
  </si>
  <si>
    <t>cg06025267</t>
  </si>
  <si>
    <t>cg06025906</t>
  </si>
  <si>
    <t>cg06028917</t>
  </si>
  <si>
    <t>cg06029308</t>
  </si>
  <si>
    <t>cg06035374</t>
  </si>
  <si>
    <t>cg06035830</t>
  </si>
  <si>
    <t>cg06038472</t>
  </si>
  <si>
    <t>cg06042395</t>
  </si>
  <si>
    <t>cg06042608</t>
  </si>
  <si>
    <t>cg06042673</t>
  </si>
  <si>
    <t>cg06045968</t>
  </si>
  <si>
    <t>cg06046574</t>
  </si>
  <si>
    <t>cg06046629</t>
  </si>
  <si>
    <t>cg06049972</t>
  </si>
  <si>
    <t>cg06056346</t>
  </si>
  <si>
    <t>cg06058699</t>
  </si>
  <si>
    <t>cg06061360</t>
  </si>
  <si>
    <t>cg06063394</t>
  </si>
  <si>
    <t>cg06063729</t>
  </si>
  <si>
    <t>cg06070263</t>
  </si>
  <si>
    <t>cg06070625</t>
  </si>
  <si>
    <t>cg06072564</t>
  </si>
  <si>
    <t>cg06072743</t>
  </si>
  <si>
    <t>cg06072965</t>
  </si>
  <si>
    <t>cg06073355</t>
  </si>
  <si>
    <t>cg06073417</t>
  </si>
  <si>
    <t>cg06073471</t>
  </si>
  <si>
    <t>cg06080169</t>
  </si>
  <si>
    <t>cg06080831</t>
  </si>
  <si>
    <t>cg06081563</t>
  </si>
  <si>
    <t>cg06081716</t>
  </si>
  <si>
    <t>cg06082596</t>
  </si>
  <si>
    <t>cg06084313</t>
  </si>
  <si>
    <t>cg06085579</t>
  </si>
  <si>
    <t>cg06086012</t>
  </si>
  <si>
    <t>cg06086785</t>
  </si>
  <si>
    <t>cg06087019</t>
  </si>
  <si>
    <t>cg06087473</t>
  </si>
  <si>
    <t>cg06089497</t>
  </si>
  <si>
    <t>cg06094588</t>
  </si>
  <si>
    <t>cg06096184</t>
  </si>
  <si>
    <t>cg06098705</t>
  </si>
  <si>
    <t>cg06099446</t>
  </si>
  <si>
    <t>cg06100166</t>
  </si>
  <si>
    <t>cg06103086</t>
  </si>
  <si>
    <t>cg06108510</t>
  </si>
  <si>
    <t>cg06115614</t>
  </si>
  <si>
    <t>cg06120379</t>
  </si>
  <si>
    <t>cg06127862</t>
  </si>
  <si>
    <t>cg06131879</t>
  </si>
  <si>
    <t>cg06138505</t>
  </si>
  <si>
    <t>cg06139239</t>
  </si>
  <si>
    <t>cg06140698</t>
  </si>
  <si>
    <t>cg06143615</t>
  </si>
  <si>
    <t>cg06144505</t>
  </si>
  <si>
    <t>cg06150454</t>
  </si>
  <si>
    <t>cg06155676</t>
  </si>
  <si>
    <t>cg06156376</t>
  </si>
  <si>
    <t>cg06157116</t>
  </si>
  <si>
    <t>cg06157388</t>
  </si>
  <si>
    <t>cg06158244</t>
  </si>
  <si>
    <t>cg06158985</t>
  </si>
  <si>
    <t>cg06163735</t>
  </si>
  <si>
    <t>cg06166523</t>
  </si>
  <si>
    <t>cg06169746</t>
  </si>
  <si>
    <t>cg06170203</t>
  </si>
  <si>
    <t>cg06171971</t>
  </si>
  <si>
    <t>cg06172942</t>
  </si>
  <si>
    <t>cg06174454</t>
  </si>
  <si>
    <t>cg06174858</t>
  </si>
  <si>
    <t>cg06175243</t>
  </si>
  <si>
    <t>cg06176124</t>
  </si>
  <si>
    <t>cg06178310</t>
  </si>
  <si>
    <t>cg06179105</t>
  </si>
  <si>
    <t>cg06181286</t>
  </si>
  <si>
    <t>cg06181470</t>
  </si>
  <si>
    <t>cg06181508</t>
  </si>
  <si>
    <t>cg06181697</t>
  </si>
  <si>
    <t>cg06182031</t>
  </si>
  <si>
    <t>cg06183256</t>
  </si>
  <si>
    <t>cg06184463</t>
  </si>
  <si>
    <t>cg06186245</t>
  </si>
  <si>
    <t>cg06189394</t>
  </si>
  <si>
    <t>cg06192549</t>
  </si>
  <si>
    <t>cg06196147</t>
  </si>
  <si>
    <t>cg06197503</t>
  </si>
  <si>
    <t>cg06197751</t>
  </si>
  <si>
    <t>cg06200803</t>
  </si>
  <si>
    <t>cg06204229</t>
  </si>
  <si>
    <t>cg06205331</t>
  </si>
  <si>
    <t>cg06210969</t>
  </si>
  <si>
    <t>cg06211164</t>
  </si>
  <si>
    <t>cg06212745</t>
  </si>
  <si>
    <t>cg06213060</t>
  </si>
  <si>
    <t>cg06216732</t>
  </si>
  <si>
    <t>cg06222120</t>
  </si>
  <si>
    <t>cg06222517</t>
  </si>
  <si>
    <t>cg06233073</t>
  </si>
  <si>
    <t>cg06234300</t>
  </si>
  <si>
    <t>cg06234584</t>
  </si>
  <si>
    <t>cg06238409</t>
  </si>
  <si>
    <t>cg06240200</t>
  </si>
  <si>
    <t>cg06242000</t>
  </si>
  <si>
    <t>cg06251539</t>
  </si>
  <si>
    <t>cg06252355</t>
  </si>
  <si>
    <t>cg06253058</t>
  </si>
  <si>
    <t>cg06266100</t>
  </si>
  <si>
    <t>cg06268702</t>
  </si>
  <si>
    <t>cg06277638</t>
  </si>
  <si>
    <t>cg06284169</t>
  </si>
  <si>
    <t>cg06285307</t>
  </si>
  <si>
    <t>cg06286796</t>
  </si>
  <si>
    <t>cg06291211</t>
  </si>
  <si>
    <t>cg06292482</t>
  </si>
  <si>
    <t>cg06296773</t>
  </si>
  <si>
    <t>cg06300141</t>
  </si>
  <si>
    <t>cg06300223</t>
  </si>
  <si>
    <t>cg06304587</t>
  </si>
  <si>
    <t>cg06305891</t>
  </si>
  <si>
    <t>cg06306006</t>
  </si>
  <si>
    <t>cg06306198</t>
  </si>
  <si>
    <t>cg06309968</t>
  </si>
  <si>
    <t>cg06312789</t>
  </si>
  <si>
    <t>cg06313433</t>
  </si>
  <si>
    <t>cg06313718</t>
  </si>
  <si>
    <t>cg06314761</t>
  </si>
  <si>
    <t>cg06320828</t>
  </si>
  <si>
    <t>cg06322557</t>
  </si>
  <si>
    <t>cg06323155</t>
  </si>
  <si>
    <t>cg06323427</t>
  </si>
  <si>
    <t>cg06323483</t>
  </si>
  <si>
    <t>cg06325996</t>
  </si>
  <si>
    <t>cg06334213</t>
  </si>
  <si>
    <t>cg06337037</t>
  </si>
  <si>
    <t>cg06338016</t>
  </si>
  <si>
    <t>cg06339090</t>
  </si>
  <si>
    <t>cg06344544</t>
  </si>
  <si>
    <t>cg06346667</t>
  </si>
  <si>
    <t>cg06349851</t>
  </si>
  <si>
    <t>cg06356912</t>
  </si>
  <si>
    <t>cg06357940</t>
  </si>
  <si>
    <t>cg06360465</t>
  </si>
  <si>
    <t>cg06361510</t>
  </si>
  <si>
    <t>cg06365567</t>
  </si>
  <si>
    <t>cg06368369</t>
  </si>
  <si>
    <t>cg06369327</t>
  </si>
  <si>
    <t>cg06371374</t>
  </si>
  <si>
    <t>cg06374185</t>
  </si>
  <si>
    <t>cg06383411</t>
  </si>
  <si>
    <t>cg06386205</t>
  </si>
  <si>
    <t>cg06387141</t>
  </si>
  <si>
    <t>cg06391412</t>
  </si>
  <si>
    <t>cg06391577</t>
  </si>
  <si>
    <t>cg06392913</t>
  </si>
  <si>
    <t>cg06396496</t>
  </si>
  <si>
    <t>cg06398251</t>
  </si>
  <si>
    <t>cg06398643</t>
  </si>
  <si>
    <t>cg06399164</t>
  </si>
  <si>
    <t>cg06414605</t>
  </si>
  <si>
    <t>cg06423920</t>
  </si>
  <si>
    <t>cg06465926</t>
  </si>
  <si>
    <t>cg06476805</t>
  </si>
  <si>
    <t>cg06478567</t>
  </si>
  <si>
    <t>cg06497954</t>
  </si>
  <si>
    <t>cg06498232</t>
  </si>
  <si>
    <t>cg06502392</t>
  </si>
  <si>
    <t>cg06503171</t>
  </si>
  <si>
    <t>cg06504655</t>
  </si>
  <si>
    <t>cg06507259</t>
  </si>
  <si>
    <t>cg06507285</t>
  </si>
  <si>
    <t>cg06508738</t>
  </si>
  <si>
    <t>cg06512815</t>
  </si>
  <si>
    <t>cg06512910</t>
  </si>
  <si>
    <t>cg06516769</t>
  </si>
  <si>
    <t>cg06518177</t>
  </si>
  <si>
    <t>cg06519434</t>
  </si>
  <si>
    <t>cg06520273</t>
  </si>
  <si>
    <t>cg06521544</t>
  </si>
  <si>
    <t>cg06541857</t>
  </si>
  <si>
    <t>cg06543018</t>
  </si>
  <si>
    <t>cg06550102</t>
  </si>
  <si>
    <t>cg06566994</t>
  </si>
  <si>
    <t>cg06568490</t>
  </si>
  <si>
    <t>cg06569271</t>
  </si>
  <si>
    <t>cg06569284</t>
  </si>
  <si>
    <t>cg06569904</t>
  </si>
  <si>
    <t>cg06570224</t>
  </si>
  <si>
    <t>cg06570447</t>
  </si>
  <si>
    <t>cg06573459</t>
  </si>
  <si>
    <t>cg06577604</t>
  </si>
  <si>
    <t>cg06577710</t>
  </si>
  <si>
    <t>cg06578288</t>
  </si>
  <si>
    <t>cg06580196</t>
  </si>
  <si>
    <t>cg06582394</t>
  </si>
  <si>
    <t>cg06592416</t>
  </si>
  <si>
    <t>cg06593715</t>
  </si>
  <si>
    <t>cg06595320</t>
  </si>
  <si>
    <t>cg06598794</t>
  </si>
  <si>
    <t>cg06599594</t>
  </si>
  <si>
    <t>cg06601774</t>
  </si>
  <si>
    <t>cg06609866</t>
  </si>
  <si>
    <t>cg06612215</t>
  </si>
  <si>
    <t>cg06613480</t>
  </si>
  <si>
    <t>cg06613840</t>
  </si>
  <si>
    <t>cg06615610</t>
  </si>
  <si>
    <t>cg06615840</t>
  </si>
  <si>
    <t>cg06616014</t>
  </si>
  <si>
    <t>cg06619959</t>
  </si>
  <si>
    <t>cg06620972</t>
  </si>
  <si>
    <t>cg06621358</t>
  </si>
  <si>
    <t>cg06621620</t>
  </si>
  <si>
    <t>cg06622108</t>
  </si>
  <si>
    <t>cg06626556</t>
  </si>
  <si>
    <t>cg06629120</t>
  </si>
  <si>
    <t>cg06648029</t>
  </si>
  <si>
    <t>cg06652315</t>
  </si>
  <si>
    <t>cg06653203</t>
  </si>
  <si>
    <t>cg06655840</t>
  </si>
  <si>
    <t>cg06657944</t>
  </si>
  <si>
    <t>cg06659889</t>
  </si>
  <si>
    <t>cg06672696</t>
  </si>
  <si>
    <t>cg06676563</t>
  </si>
  <si>
    <t>cg06678678</t>
  </si>
  <si>
    <t>cg06679221</t>
  </si>
  <si>
    <t>cg06687040</t>
  </si>
  <si>
    <t>cg06687102</t>
  </si>
  <si>
    <t>cg06689372</t>
  </si>
  <si>
    <t>cg06690168</t>
  </si>
  <si>
    <t>cg06690535</t>
  </si>
  <si>
    <t>cg06690760</t>
  </si>
  <si>
    <t>cg06691279</t>
  </si>
  <si>
    <t>cg06691963</t>
  </si>
  <si>
    <t>cg06693487</t>
  </si>
  <si>
    <t>cg06694446</t>
  </si>
  <si>
    <t>cg06699184</t>
  </si>
  <si>
    <t>cg06704605</t>
  </si>
  <si>
    <t>cg06707343</t>
  </si>
  <si>
    <t>cg06709828</t>
  </si>
  <si>
    <t>cg06710735</t>
  </si>
  <si>
    <t>cg06710900</t>
  </si>
  <si>
    <t>cg06711656</t>
  </si>
  <si>
    <t>cg06713199</t>
  </si>
  <si>
    <t>cg06713373</t>
  </si>
  <si>
    <t>cg06720425</t>
  </si>
  <si>
    <t>cg06721473</t>
  </si>
  <si>
    <t>cg06726099</t>
  </si>
  <si>
    <t>cg06728055</t>
  </si>
  <si>
    <t>cg06729555</t>
  </si>
  <si>
    <t>cg06730238</t>
  </si>
  <si>
    <t>cg06740039</t>
  </si>
  <si>
    <t>cg06746074</t>
  </si>
  <si>
    <t>cg06752163</t>
  </si>
  <si>
    <t>cg06755992</t>
  </si>
  <si>
    <t>cg06759374</t>
  </si>
  <si>
    <t>cg06759518</t>
  </si>
  <si>
    <t>cg06765947</t>
  </si>
  <si>
    <t>cg06770993</t>
  </si>
  <si>
    <t>cg06782849</t>
  </si>
  <si>
    <t>cg06785429</t>
  </si>
  <si>
    <t>cg06792196</t>
  </si>
  <si>
    <t>cg06792417</t>
  </si>
  <si>
    <t>cg06797115</t>
  </si>
  <si>
    <t>cg06798115</t>
  </si>
  <si>
    <t>cg06798483</t>
  </si>
  <si>
    <t>cg06803253</t>
  </si>
  <si>
    <t>cg06805834</t>
  </si>
  <si>
    <t>cg06806080</t>
  </si>
  <si>
    <t>cg06806891</t>
  </si>
  <si>
    <t>cg06807568</t>
  </si>
  <si>
    <t>cg06807579</t>
  </si>
  <si>
    <t>cg06807781</t>
  </si>
  <si>
    <t>cg06807989</t>
  </si>
  <si>
    <t>cg06808089</t>
  </si>
  <si>
    <t>cg06811183</t>
  </si>
  <si>
    <t>cg06814944</t>
  </si>
  <si>
    <t>cg06815586</t>
  </si>
  <si>
    <t>cg06816668</t>
  </si>
  <si>
    <t>cg06821120</t>
  </si>
  <si>
    <t>cg06822689</t>
  </si>
  <si>
    <t>cg06827247</t>
  </si>
  <si>
    <t>cg06829852</t>
  </si>
  <si>
    <t>cg06834503</t>
  </si>
  <si>
    <t>cg06835245</t>
  </si>
  <si>
    <t>cg06838365</t>
  </si>
  <si>
    <t>cg06842886</t>
  </si>
  <si>
    <t>cg06844012</t>
  </si>
  <si>
    <t>cg06844837</t>
  </si>
  <si>
    <t>cg06845438</t>
  </si>
  <si>
    <t>cg06847188</t>
  </si>
  <si>
    <t>cg06851971</t>
  </si>
  <si>
    <t>cg06861343</t>
  </si>
  <si>
    <t>cg06868486</t>
  </si>
  <si>
    <t>cg06887414</t>
  </si>
  <si>
    <t>cg06903384</t>
  </si>
  <si>
    <t>cg06915667</t>
  </si>
  <si>
    <t>cg06935184</t>
  </si>
  <si>
    <t>cg06949789</t>
  </si>
  <si>
    <t>cg06959135</t>
  </si>
  <si>
    <t>cg06970190</t>
  </si>
  <si>
    <t>cg06976096</t>
  </si>
  <si>
    <t>cg06980053</t>
  </si>
  <si>
    <t>cg06983508</t>
  </si>
  <si>
    <t>cg07002423</t>
  </si>
  <si>
    <t>cg07006042</t>
  </si>
  <si>
    <t>cg07011093</t>
  </si>
  <si>
    <t>cg07032164</t>
  </si>
  <si>
    <t>cg07033202</t>
  </si>
  <si>
    <t>cg07043494</t>
  </si>
  <si>
    <t>cg07045330</t>
  </si>
  <si>
    <t>cg07046870</t>
  </si>
  <si>
    <t>cg07047131</t>
  </si>
  <si>
    <t>cg07047831</t>
  </si>
  <si>
    <t>cg07054641</t>
  </si>
  <si>
    <t>cg07054668</t>
  </si>
  <si>
    <t>cg07056556</t>
  </si>
  <si>
    <t>cg07060486</t>
  </si>
  <si>
    <t>cg07061426</t>
  </si>
  <si>
    <t>cg07064226</t>
  </si>
  <si>
    <t>cg07064537</t>
  </si>
  <si>
    <t>cg07069742</t>
  </si>
  <si>
    <t>cg07070019</t>
  </si>
  <si>
    <t>cg07073705</t>
  </si>
  <si>
    <t>cg07073836</t>
  </si>
  <si>
    <t>cg07077221</t>
  </si>
  <si>
    <t>cg07078269</t>
  </si>
  <si>
    <t>cg07078958</t>
  </si>
  <si>
    <t>cg07079828</t>
  </si>
  <si>
    <t>cg07082186</t>
  </si>
  <si>
    <t>cg07084746</t>
  </si>
  <si>
    <t>cg07087116</t>
  </si>
  <si>
    <t>cg07089698</t>
  </si>
  <si>
    <t>cg07095599</t>
  </si>
  <si>
    <t>cg07098592</t>
  </si>
  <si>
    <t>cg07104253</t>
  </si>
  <si>
    <t>cg07105125</t>
  </si>
  <si>
    <t>cg07105440</t>
  </si>
  <si>
    <t>cg07109801</t>
  </si>
  <si>
    <t>cg07115110</t>
  </si>
  <si>
    <t>cg07116179</t>
  </si>
  <si>
    <t>cg07123170</t>
  </si>
  <si>
    <t>cg07125166</t>
  </si>
  <si>
    <t>cg07126979</t>
  </si>
  <si>
    <t>cg07127762</t>
  </si>
  <si>
    <t>cg07127883</t>
  </si>
  <si>
    <t>cg07129669</t>
  </si>
  <si>
    <t>cg07130266</t>
  </si>
  <si>
    <t>cg07131336</t>
  </si>
  <si>
    <t>cg07132710</t>
  </si>
  <si>
    <t>cg07141142</t>
  </si>
  <si>
    <t>cg07141504</t>
  </si>
  <si>
    <t>cg07143957</t>
  </si>
  <si>
    <t>cg07145744</t>
  </si>
  <si>
    <t>cg07147573</t>
  </si>
  <si>
    <t>cg07149179</t>
  </si>
  <si>
    <t>cg07152520</t>
  </si>
  <si>
    <t>cg07153922</t>
  </si>
  <si>
    <t>cg07155014</t>
  </si>
  <si>
    <t>cg07156182</t>
  </si>
  <si>
    <t>cg07157951</t>
  </si>
  <si>
    <t>cg07162700</t>
  </si>
  <si>
    <t>cg07164266</t>
  </si>
  <si>
    <t>cg07165029</t>
  </si>
  <si>
    <t>cg07165610</t>
  </si>
  <si>
    <t>cg07166450</t>
  </si>
  <si>
    <t>cg07185181</t>
  </si>
  <si>
    <t>cg07186032</t>
  </si>
  <si>
    <t>cg07188097</t>
  </si>
  <si>
    <t>cg07188198</t>
  </si>
  <si>
    <t>cg07188239</t>
  </si>
  <si>
    <t>cg07190778</t>
  </si>
  <si>
    <t>cg07196014</t>
  </si>
  <si>
    <t>cg07200280</t>
  </si>
  <si>
    <t>cg07203134</t>
  </si>
  <si>
    <t>cg07203320</t>
  </si>
  <si>
    <t>cg07206256</t>
  </si>
  <si>
    <t>cg07207858</t>
  </si>
  <si>
    <t>cg07208565</t>
  </si>
  <si>
    <t>cg07210784</t>
  </si>
  <si>
    <t>cg07212894</t>
  </si>
  <si>
    <t>cg07212940</t>
  </si>
  <si>
    <t>cg07215473</t>
  </si>
  <si>
    <t>cg07218081</t>
  </si>
  <si>
    <t>cg07220903</t>
  </si>
  <si>
    <t>cg07222243</t>
  </si>
  <si>
    <t>cg07224221</t>
  </si>
  <si>
    <t>cg07225641</t>
  </si>
  <si>
    <t>cg07225857</t>
  </si>
  <si>
    <t>cg07231544</t>
  </si>
  <si>
    <t>cg07231981</t>
  </si>
  <si>
    <t>cg07253126</t>
  </si>
  <si>
    <t>cg07255038</t>
  </si>
  <si>
    <t>cg07258695</t>
  </si>
  <si>
    <t>cg07259418</t>
  </si>
  <si>
    <t>cg07262457</t>
  </si>
  <si>
    <t>cg07263393</t>
  </si>
  <si>
    <t>cg07264726</t>
  </si>
  <si>
    <t>cg07266910</t>
  </si>
  <si>
    <t>cg07268431</t>
  </si>
  <si>
    <t>cg07271561</t>
  </si>
  <si>
    <t>cg07272614</t>
  </si>
  <si>
    <t>cg07273387</t>
  </si>
  <si>
    <t>cg07275648</t>
  </si>
  <si>
    <t>cg07277038</t>
  </si>
  <si>
    <t>cg07278054</t>
  </si>
  <si>
    <t>cg07280097</t>
  </si>
  <si>
    <t>cg07283489</t>
  </si>
  <si>
    <t>cg07285248</t>
  </si>
  <si>
    <t>cg07285675</t>
  </si>
  <si>
    <t>cg07285708</t>
  </si>
  <si>
    <t>cg07285807</t>
  </si>
  <si>
    <t>cg07287167</t>
  </si>
  <si>
    <t>cg07287724</t>
  </si>
  <si>
    <t>cg07289306</t>
  </si>
  <si>
    <t>cg07290310</t>
  </si>
  <si>
    <t>cg07297832</t>
  </si>
  <si>
    <t>cg07303143</t>
  </si>
  <si>
    <t>cg07304175</t>
  </si>
  <si>
    <t>cg07309361</t>
  </si>
  <si>
    <t>cg07309374</t>
  </si>
  <si>
    <t>cg07310930</t>
  </si>
  <si>
    <t>cg07311566</t>
  </si>
  <si>
    <t>cg07314821</t>
  </si>
  <si>
    <t>cg07325041</t>
  </si>
  <si>
    <t>cg07334977</t>
  </si>
  <si>
    <t>cg07335234</t>
  </si>
  <si>
    <t>cg07337025</t>
  </si>
  <si>
    <t>cg07339137</t>
  </si>
  <si>
    <t>cg07342333</t>
  </si>
  <si>
    <t>cg07343122</t>
  </si>
  <si>
    <t>cg07346343</t>
  </si>
  <si>
    <t>cg07347214</t>
  </si>
  <si>
    <t>cg07349815</t>
  </si>
  <si>
    <t>cg07354903</t>
  </si>
  <si>
    <t>cg07356486</t>
  </si>
  <si>
    <t>cg07356771</t>
  </si>
  <si>
    <t>cg07357683</t>
  </si>
  <si>
    <t>cg07359306</t>
  </si>
  <si>
    <t>cg07361385</t>
  </si>
  <si>
    <t>cg07363112</t>
  </si>
  <si>
    <t>cg07366462</t>
  </si>
  <si>
    <t>cg07368062</t>
  </si>
  <si>
    <t>cg07368857</t>
  </si>
  <si>
    <t>cg07370315</t>
  </si>
  <si>
    <t>cg07370496</t>
  </si>
  <si>
    <t>cg07370905</t>
  </si>
  <si>
    <t>cg07373212</t>
  </si>
  <si>
    <t>cg07378590</t>
  </si>
  <si>
    <t>cg07378762</t>
  </si>
  <si>
    <t>cg07379601</t>
  </si>
  <si>
    <t>cg07382070</t>
  </si>
  <si>
    <t>cg07384974</t>
  </si>
  <si>
    <t>cg07385778</t>
  </si>
  <si>
    <t>cg07386061</t>
  </si>
  <si>
    <t>cg07387383</t>
  </si>
  <si>
    <t>cg07387813</t>
  </si>
  <si>
    <t>cg07391913</t>
  </si>
  <si>
    <t>cg07395907</t>
  </si>
  <si>
    <t>cg07397399</t>
  </si>
  <si>
    <t>cg07399369</t>
  </si>
  <si>
    <t>cg07403152</t>
  </si>
  <si>
    <t>cg07405126</t>
  </si>
  <si>
    <t>cg07405330</t>
  </si>
  <si>
    <t>cg07405771</t>
  </si>
  <si>
    <t>cg07410597</t>
  </si>
  <si>
    <t>cg07416844</t>
  </si>
  <si>
    <t>cg07434518</t>
  </si>
  <si>
    <t>cg07435592</t>
  </si>
  <si>
    <t>cg07437908</t>
  </si>
  <si>
    <t>cg07438246</t>
  </si>
  <si>
    <t>cg07438401</t>
  </si>
  <si>
    <t>cg07439618</t>
  </si>
  <si>
    <t>cg07441272</t>
  </si>
  <si>
    <t>cg07441278</t>
  </si>
  <si>
    <t>cg07453857</t>
  </si>
  <si>
    <t>cg07454215</t>
  </si>
  <si>
    <t>cg07458793</t>
  </si>
  <si>
    <t>cg07460919</t>
  </si>
  <si>
    <t>cg07462198</t>
  </si>
  <si>
    <t>cg07463963</t>
  </si>
  <si>
    <t>cg07464094</t>
  </si>
  <si>
    <t>cg07466493</t>
  </si>
  <si>
    <t>cg07466923</t>
  </si>
  <si>
    <t>cg07467854</t>
  </si>
  <si>
    <t>cg07467919</t>
  </si>
  <si>
    <t>cg07468062</t>
  </si>
  <si>
    <t>cg07473553</t>
  </si>
  <si>
    <t>cg07475232</t>
  </si>
  <si>
    <t>cg07477792</t>
  </si>
  <si>
    <t>cg07478098</t>
  </si>
  <si>
    <t>cg07480640</t>
  </si>
  <si>
    <t>cg07483007</t>
  </si>
  <si>
    <t>cg07489890</t>
  </si>
  <si>
    <t>cg07499607</t>
  </si>
  <si>
    <t>cg07507251</t>
  </si>
  <si>
    <t>cg07516697</t>
  </si>
  <si>
    <t>cg07528097</t>
  </si>
  <si>
    <t>cg07532067</t>
  </si>
  <si>
    <t>cg07545714</t>
  </si>
  <si>
    <t>cg07548297</t>
  </si>
  <si>
    <t>cg07548668</t>
  </si>
  <si>
    <t>cg07554966</t>
  </si>
  <si>
    <t>cg07555343</t>
  </si>
  <si>
    <t>cg07557173</t>
  </si>
  <si>
    <t>cg07557639</t>
  </si>
  <si>
    <t>cg07557790</t>
  </si>
  <si>
    <t>cg07562926</t>
  </si>
  <si>
    <t>cg07563047</t>
  </si>
  <si>
    <t>cg07573937</t>
  </si>
  <si>
    <t>cg07577121</t>
  </si>
  <si>
    <t>cg07577713</t>
  </si>
  <si>
    <t>cg07577799</t>
  </si>
  <si>
    <t>cg07578772</t>
  </si>
  <si>
    <t>cg07580475</t>
  </si>
  <si>
    <t>cg07582825</t>
  </si>
  <si>
    <t>cg07582862</t>
  </si>
  <si>
    <t>cg07587475</t>
  </si>
  <si>
    <t>cg07590406</t>
  </si>
  <si>
    <t>cg07594954</t>
  </si>
  <si>
    <t>cg07595372</t>
  </si>
  <si>
    <t>cg07598930</t>
  </si>
  <si>
    <t>cg07599972</t>
  </si>
  <si>
    <t>cg07608658</t>
  </si>
  <si>
    <t>cg07612986</t>
  </si>
  <si>
    <t>cg07613233</t>
  </si>
  <si>
    <t>cg07614786</t>
  </si>
  <si>
    <t>cg07615364</t>
  </si>
  <si>
    <t>cg07619447</t>
  </si>
  <si>
    <t>cg07622222</t>
  </si>
  <si>
    <t>cg07622766</t>
  </si>
  <si>
    <t>cg07624815</t>
  </si>
  <si>
    <t>cg07631359</t>
  </si>
  <si>
    <t>cg07633701</t>
  </si>
  <si>
    <t>cg07634101</t>
  </si>
  <si>
    <t>cg07642291</t>
  </si>
  <si>
    <t>cg07644446</t>
  </si>
  <si>
    <t>cg07645194</t>
  </si>
  <si>
    <t>cg07648581</t>
  </si>
  <si>
    <t>cg07654588</t>
  </si>
  <si>
    <t>cg07654934</t>
  </si>
  <si>
    <t>cg07657236</t>
  </si>
  <si>
    <t>cg07660378</t>
  </si>
  <si>
    <t>cg07661754</t>
  </si>
  <si>
    <t>cg07663723</t>
  </si>
  <si>
    <t>cg07670544</t>
  </si>
  <si>
    <t>cg07671586</t>
  </si>
  <si>
    <t>cg07677545</t>
  </si>
  <si>
    <t>cg07681739</t>
  </si>
  <si>
    <t>cg07682378</t>
  </si>
  <si>
    <t>cg07687398</t>
  </si>
  <si>
    <t>cg07689487</t>
  </si>
  <si>
    <t>cg07691624</t>
  </si>
  <si>
    <t>cg07693037</t>
  </si>
  <si>
    <t>cg07693270</t>
  </si>
  <si>
    <t>cg07696592</t>
  </si>
  <si>
    <t>cg07699084</t>
  </si>
  <si>
    <t>cg07700234</t>
  </si>
  <si>
    <t>cg07703372</t>
  </si>
  <si>
    <t>cg07704718</t>
  </si>
  <si>
    <t>cg07705835</t>
  </si>
  <si>
    <t>cg07707611</t>
  </si>
  <si>
    <t>cg07710073</t>
  </si>
  <si>
    <t>cg07716603</t>
  </si>
  <si>
    <t>cg07726187</t>
  </si>
  <si>
    <t>cg07728092</t>
  </si>
  <si>
    <t>cg07730673</t>
  </si>
  <si>
    <t>cg07732593</t>
  </si>
  <si>
    <t>cg07737236</t>
  </si>
  <si>
    <t>cg07741984</t>
  </si>
  <si>
    <t>cg07744328</t>
  </si>
  <si>
    <t>cg07745434</t>
  </si>
  <si>
    <t>cg07747133</t>
  </si>
  <si>
    <t>cg07747571</t>
  </si>
  <si>
    <t>cg07747635</t>
  </si>
  <si>
    <t>cg07748036</t>
  </si>
  <si>
    <t>cg07753241</t>
  </si>
  <si>
    <t>cg07755816</t>
  </si>
  <si>
    <t>cg07756434</t>
  </si>
  <si>
    <t>cg07757252</t>
  </si>
  <si>
    <t>cg07757358</t>
  </si>
  <si>
    <t>cg07757702</t>
  </si>
  <si>
    <t>cg07758574</t>
  </si>
  <si>
    <t>cg07766263</t>
  </si>
  <si>
    <t>cg07768761</t>
  </si>
  <si>
    <t>cg07771727</t>
  </si>
  <si>
    <t>cg07773769</t>
  </si>
  <si>
    <t>cg07780818</t>
  </si>
  <si>
    <t>cg07784084</t>
  </si>
  <si>
    <t>cg07784212</t>
  </si>
  <si>
    <t>cg07794498</t>
  </si>
  <si>
    <t>cg07794554</t>
  </si>
  <si>
    <t>cg07800320</t>
  </si>
  <si>
    <t>cg07805345</t>
  </si>
  <si>
    <t>cg07806164</t>
  </si>
  <si>
    <t>cg07808960</t>
  </si>
  <si>
    <t>cg07813961</t>
  </si>
  <si>
    <t>cg07817810</t>
  </si>
  <si>
    <t>cg07820214</t>
  </si>
  <si>
    <t>cg07832674</t>
  </si>
  <si>
    <t>cg07841173</t>
  </si>
  <si>
    <t>cg07848409</t>
  </si>
  <si>
    <t>cg07850418</t>
  </si>
  <si>
    <t>cg07853489</t>
  </si>
  <si>
    <t>cg07856707</t>
  </si>
  <si>
    <t>cg07858973</t>
  </si>
  <si>
    <t>cg07862554</t>
  </si>
  <si>
    <t>cg07863244</t>
  </si>
  <si>
    <t>cg07864327</t>
  </si>
  <si>
    <t>cg07871202</t>
  </si>
  <si>
    <t>cg07876132</t>
  </si>
  <si>
    <t>cg07878857</t>
  </si>
  <si>
    <t>cg07881982</t>
  </si>
  <si>
    <t>cg07885039</t>
  </si>
  <si>
    <t>cg07890514</t>
  </si>
  <si>
    <t>cg07890553</t>
  </si>
  <si>
    <t>cg07891473</t>
  </si>
  <si>
    <t>cg07891533</t>
  </si>
  <si>
    <t>cg07892374</t>
  </si>
  <si>
    <t>cg07893968</t>
  </si>
  <si>
    <t>cg07894501</t>
  </si>
  <si>
    <t>cg07895684</t>
  </si>
  <si>
    <t>cg07898018</t>
  </si>
  <si>
    <t>cg07900624</t>
  </si>
  <si>
    <t>cg07905673</t>
  </si>
  <si>
    <t>cg07906855</t>
  </si>
  <si>
    <t>cg07908984</t>
  </si>
  <si>
    <t>cg07910724</t>
  </si>
  <si>
    <t>cg07913362</t>
  </si>
  <si>
    <t>cg07916070</t>
  </si>
  <si>
    <t>cg07925687</t>
  </si>
  <si>
    <t>cg07933199</t>
  </si>
  <si>
    <t>cg07942010</t>
  </si>
  <si>
    <t>cg07949083</t>
  </si>
  <si>
    <t>cg07952156</t>
  </si>
  <si>
    <t>cg07963147</t>
  </si>
  <si>
    <t>cg07964213</t>
  </si>
  <si>
    <t>cg07965633</t>
  </si>
  <si>
    <t>cg07965894</t>
  </si>
  <si>
    <t>cg07969785</t>
  </si>
  <si>
    <t>cg07997035</t>
  </si>
  <si>
    <t>cg07997066</t>
  </si>
  <si>
    <t>cg07998677</t>
  </si>
  <si>
    <t>cg08003357</t>
  </si>
  <si>
    <t>cg08003402</t>
  </si>
  <si>
    <t>cg08003789</t>
  </si>
  <si>
    <t>cg08003812</t>
  </si>
  <si>
    <t>cg08004045</t>
  </si>
  <si>
    <t>cg08012252</t>
  </si>
  <si>
    <t>cg08013793</t>
  </si>
  <si>
    <t>cg08014106</t>
  </si>
  <si>
    <t>cg08017400</t>
  </si>
  <si>
    <t>cg08018179</t>
  </si>
  <si>
    <t>cg08022543</t>
  </si>
  <si>
    <t>cg08023796</t>
  </si>
  <si>
    <t>cg08027748</t>
  </si>
  <si>
    <t>cg08028035</t>
  </si>
  <si>
    <t>cg08032525</t>
  </si>
  <si>
    <t>cg08033130</t>
  </si>
  <si>
    <t>cg08035872</t>
  </si>
  <si>
    <t>cg08036172</t>
  </si>
  <si>
    <t>cg08037420</t>
  </si>
  <si>
    <t>cg08037727</t>
  </si>
  <si>
    <t>cg08038353</t>
  </si>
  <si>
    <t>cg08047417</t>
  </si>
  <si>
    <t>cg08047457</t>
  </si>
  <si>
    <t>cg08048178</t>
  </si>
  <si>
    <t>cg08052292</t>
  </si>
  <si>
    <t>cg08058672</t>
  </si>
  <si>
    <t>cg08058988</t>
  </si>
  <si>
    <t>cg08060987</t>
  </si>
  <si>
    <t>cg08062023</t>
  </si>
  <si>
    <t>cg08062273</t>
  </si>
  <si>
    <t>cg08062338</t>
  </si>
  <si>
    <t>cg08063452</t>
  </si>
  <si>
    <t>cg08065983</t>
  </si>
  <si>
    <t>cg08075452</t>
  </si>
  <si>
    <t>cg08081259</t>
  </si>
  <si>
    <t>cg08081407</t>
  </si>
  <si>
    <t>cg08083213</t>
  </si>
  <si>
    <t>cg08085357</t>
  </si>
  <si>
    <t>cg08085772</t>
  </si>
  <si>
    <t>cg08089851</t>
  </si>
  <si>
    <t>cg08090734</t>
  </si>
  <si>
    <t>cg08091192</t>
  </si>
  <si>
    <t>cg08091398</t>
  </si>
  <si>
    <t>cg08091771</t>
  </si>
  <si>
    <t>cg08095637</t>
  </si>
  <si>
    <t>cg08095700</t>
  </si>
  <si>
    <t>cg08096381</t>
  </si>
  <si>
    <t>cg08097657</t>
  </si>
  <si>
    <t>cg08098111</t>
  </si>
  <si>
    <t>cg08099115</t>
  </si>
  <si>
    <t>cg08099661</t>
  </si>
  <si>
    <t>cg08102294</t>
  </si>
  <si>
    <t>cg08105844</t>
  </si>
  <si>
    <t>cg08111629</t>
  </si>
  <si>
    <t>cg08114293</t>
  </si>
  <si>
    <t>cg08115510</t>
  </si>
  <si>
    <t>cg08119325</t>
  </si>
  <si>
    <t>cg08120226</t>
  </si>
  <si>
    <t>cg08122899</t>
  </si>
  <si>
    <t>cg08135220</t>
  </si>
  <si>
    <t>cg08140055</t>
  </si>
  <si>
    <t>cg08140542</t>
  </si>
  <si>
    <t>cg08141424</t>
  </si>
  <si>
    <t>cg08144943</t>
  </si>
  <si>
    <t>cg08145617</t>
  </si>
  <si>
    <t>cg08147563</t>
  </si>
  <si>
    <t>cg08147938</t>
  </si>
  <si>
    <t>cg08148488</t>
  </si>
  <si>
    <t>cg08148814</t>
  </si>
  <si>
    <t>cg08151370</t>
  </si>
  <si>
    <t>cg08151596</t>
  </si>
  <si>
    <t>cg08153158</t>
  </si>
  <si>
    <t>cg08170375</t>
  </si>
  <si>
    <t>cg08171483</t>
  </si>
  <si>
    <t>cg08173709</t>
  </si>
  <si>
    <t>cg08174718</t>
  </si>
  <si>
    <t>cg08176244</t>
  </si>
  <si>
    <t>cg08186124</t>
  </si>
  <si>
    <t>cg08193579</t>
  </si>
  <si>
    <t>cg08194458</t>
  </si>
  <si>
    <t>cg08195505</t>
  </si>
  <si>
    <t>cg08198176</t>
  </si>
  <si>
    <t>cg08198486</t>
  </si>
  <si>
    <t>cg08206536</t>
  </si>
  <si>
    <t>cg08207154</t>
  </si>
  <si>
    <t>cg08209042</t>
  </si>
  <si>
    <t>cg08209316</t>
  </si>
  <si>
    <t>cg08210568</t>
  </si>
  <si>
    <t>cg08212128</t>
  </si>
  <si>
    <t>cg08219773</t>
  </si>
  <si>
    <t>cg08220793</t>
  </si>
  <si>
    <t>cg08222913</t>
  </si>
  <si>
    <t>cg08223225</t>
  </si>
  <si>
    <t>cg08223984</t>
  </si>
  <si>
    <t>cg08225137</t>
  </si>
  <si>
    <t>cg08226300</t>
  </si>
  <si>
    <t>cg08227698</t>
  </si>
  <si>
    <t>cg08228995</t>
  </si>
  <si>
    <t>cg08229360</t>
  </si>
  <si>
    <t>cg08233594</t>
  </si>
  <si>
    <t>cg08235912</t>
  </si>
  <si>
    <t>cg08236709</t>
  </si>
  <si>
    <t>cg08237707</t>
  </si>
  <si>
    <t>cg08252579</t>
  </si>
  <si>
    <t>cg08272513</t>
  </si>
  <si>
    <t>cg08278843</t>
  </si>
  <si>
    <t>cg08287719</t>
  </si>
  <si>
    <t>cg08292572</t>
  </si>
  <si>
    <t>cg08344181</t>
  </si>
  <si>
    <t>cg08350797</t>
  </si>
  <si>
    <t>cg08359336</t>
  </si>
  <si>
    <t>cg08360599</t>
  </si>
  <si>
    <t>cg08362628</t>
  </si>
  <si>
    <t>cg08365687</t>
  </si>
  <si>
    <t>cg08365982</t>
  </si>
  <si>
    <t>cg08367573</t>
  </si>
  <si>
    <t>cg08368938</t>
  </si>
  <si>
    <t>cg08371976</t>
  </si>
  <si>
    <t>cg08376864</t>
  </si>
  <si>
    <t>cg08377768</t>
  </si>
  <si>
    <t>cg08378932</t>
  </si>
  <si>
    <t>cg08381504</t>
  </si>
  <si>
    <t>cg08395365</t>
  </si>
  <si>
    <t>cg08400120</t>
  </si>
  <si>
    <t>cg08411860</t>
  </si>
  <si>
    <t>cg08414647</t>
  </si>
  <si>
    <t>cg08417008</t>
  </si>
  <si>
    <t>cg08417257</t>
  </si>
  <si>
    <t>cg08421983</t>
  </si>
  <si>
    <t>cg08424876</t>
  </si>
  <si>
    <t>cg08425203</t>
  </si>
  <si>
    <t>cg08438690</t>
  </si>
  <si>
    <t>cg08442064</t>
  </si>
  <si>
    <t>cg08448040</t>
  </si>
  <si>
    <t>cg08448751</t>
  </si>
  <si>
    <t>cg08448833</t>
  </si>
  <si>
    <t>cg08451218</t>
  </si>
  <si>
    <t>cg08453030</t>
  </si>
  <si>
    <t>cg08453688</t>
  </si>
  <si>
    <t>cg08454125</t>
  </si>
  <si>
    <t>cg08454485</t>
  </si>
  <si>
    <t>cg08456722</t>
  </si>
  <si>
    <t>cg08459918</t>
  </si>
  <si>
    <t>cg08463485</t>
  </si>
  <si>
    <t>cg08463775</t>
  </si>
  <si>
    <t>cg08464053</t>
  </si>
  <si>
    <t>cg08464954</t>
  </si>
  <si>
    <t>cg08467643</t>
  </si>
  <si>
    <t>cg08468913</t>
  </si>
  <si>
    <t>cg08471739</t>
  </si>
  <si>
    <t>cg08475266</t>
  </si>
  <si>
    <t>cg08476757</t>
  </si>
  <si>
    <t>cg08477641</t>
  </si>
  <si>
    <t>cg08480458</t>
  </si>
  <si>
    <t>cg08481491</t>
  </si>
  <si>
    <t>cg08485937</t>
  </si>
  <si>
    <t>cg08488841</t>
  </si>
  <si>
    <t>cg08488945</t>
  </si>
  <si>
    <t>cg08489410</t>
  </si>
  <si>
    <t>cg08495813</t>
  </si>
  <si>
    <t>cg08499832</t>
  </si>
  <si>
    <t>cg08503002</t>
  </si>
  <si>
    <t>cg08504812</t>
  </si>
  <si>
    <t>cg08505649</t>
  </si>
  <si>
    <t>cg08506046</t>
  </si>
  <si>
    <t>cg08507952</t>
  </si>
  <si>
    <t>cg08508763</t>
  </si>
  <si>
    <t>cg08509840</t>
  </si>
  <si>
    <t>cg08510456</t>
  </si>
  <si>
    <t>cg08510727</t>
  </si>
  <si>
    <t>cg08512456</t>
  </si>
  <si>
    <t>cg08514436</t>
  </si>
  <si>
    <t>cg08514735</t>
  </si>
  <si>
    <t>cg08515264</t>
  </si>
  <si>
    <t>cg08521010</t>
  </si>
  <si>
    <t>cg08522257</t>
  </si>
  <si>
    <t>cg08523978</t>
  </si>
  <si>
    <t>cg08524190</t>
  </si>
  <si>
    <t>cg08528616</t>
  </si>
  <si>
    <t>cg08528735</t>
  </si>
  <si>
    <t>cg08530760</t>
  </si>
  <si>
    <t>cg08534147</t>
  </si>
  <si>
    <t>cg08534342</t>
  </si>
  <si>
    <t>cg08539067</t>
  </si>
  <si>
    <t>cg08541642</t>
  </si>
  <si>
    <t>cg08546297</t>
  </si>
  <si>
    <t>cg08548409</t>
  </si>
  <si>
    <t>cg08548888</t>
  </si>
  <si>
    <t>cg08552519</t>
  </si>
  <si>
    <t>cg08553630</t>
  </si>
  <si>
    <t>cg08555612</t>
  </si>
  <si>
    <t>cg08558733</t>
  </si>
  <si>
    <t>cg08565139</t>
  </si>
  <si>
    <t>cg08570275</t>
  </si>
  <si>
    <t>cg08573180</t>
  </si>
  <si>
    <t>cg08587820</t>
  </si>
  <si>
    <t>cg08595011</t>
  </si>
  <si>
    <t>cg08596544</t>
  </si>
  <si>
    <t>cg08598988</t>
  </si>
  <si>
    <t>cg08602596</t>
  </si>
  <si>
    <t>cg08608144</t>
  </si>
  <si>
    <t>cg08634318</t>
  </si>
  <si>
    <t>cg08640901</t>
  </si>
  <si>
    <t>cg08643953</t>
  </si>
  <si>
    <t>cg08649360</t>
  </si>
  <si>
    <t>cg08649501</t>
  </si>
  <si>
    <t>cg08651281</t>
  </si>
  <si>
    <t>cg08656333</t>
  </si>
  <si>
    <t>cg08658371</t>
  </si>
  <si>
    <t>cg08658671</t>
  </si>
  <si>
    <t>cg08659654</t>
  </si>
  <si>
    <t>cg08661007</t>
  </si>
  <si>
    <t>cg08661012</t>
  </si>
  <si>
    <t>cg08663007</t>
  </si>
  <si>
    <t>cg08667024</t>
  </si>
  <si>
    <t>cg08667777</t>
  </si>
  <si>
    <t>cg08673716</t>
  </si>
  <si>
    <t>cg08674093</t>
  </si>
  <si>
    <t>cg08677932</t>
  </si>
  <si>
    <t>cg08679238</t>
  </si>
  <si>
    <t>cg08681689</t>
  </si>
  <si>
    <t>cg08687163</t>
  </si>
  <si>
    <t>cg08690412</t>
  </si>
  <si>
    <t>cg08692210</t>
  </si>
  <si>
    <t>cg08692478</t>
  </si>
  <si>
    <t>cg08697665</t>
  </si>
  <si>
    <t>cg08698681</t>
  </si>
  <si>
    <t>cg08701208</t>
  </si>
  <si>
    <t>cg08702160</t>
  </si>
  <si>
    <t>cg08708711</t>
  </si>
  <si>
    <t>cg08710432</t>
  </si>
  <si>
    <t>cg08738600</t>
  </si>
  <si>
    <t>cg08749917</t>
  </si>
  <si>
    <t>cg08755743</t>
  </si>
  <si>
    <t>cg08765100</t>
  </si>
  <si>
    <t>cg08776109</t>
  </si>
  <si>
    <t>cg08785215</t>
  </si>
  <si>
    <t>cg08795640</t>
  </si>
  <si>
    <t>cg08797892</t>
  </si>
  <si>
    <t>cg08802607</t>
  </si>
  <si>
    <t>cg08804517</t>
  </si>
  <si>
    <t>cg08804742</t>
  </si>
  <si>
    <t>cg08806261</t>
  </si>
  <si>
    <t>cg08812189</t>
  </si>
  <si>
    <t>cg08812689</t>
  </si>
  <si>
    <t>cg08815359</t>
  </si>
  <si>
    <t>cg08819884</t>
  </si>
  <si>
    <t>cg08822118</t>
  </si>
  <si>
    <t>cg08822136</t>
  </si>
  <si>
    <t>cg08824840</t>
  </si>
  <si>
    <t>cg08825200</t>
  </si>
  <si>
    <t>cg08825929</t>
  </si>
  <si>
    <t>cg08826080</t>
  </si>
  <si>
    <t>cg08827274</t>
  </si>
  <si>
    <t>cg08829117</t>
  </si>
  <si>
    <t>cg08829765</t>
  </si>
  <si>
    <t>cg08831080</t>
  </si>
  <si>
    <t>cg08832136</t>
  </si>
  <si>
    <t>cg08832220</t>
  </si>
  <si>
    <t>cg08832414</t>
  </si>
  <si>
    <t>cg08834631</t>
  </si>
  <si>
    <t>cg08839272</t>
  </si>
  <si>
    <t>cg08840687</t>
  </si>
  <si>
    <t>cg08841342</t>
  </si>
  <si>
    <t>cg08843513</t>
  </si>
  <si>
    <t>cg08844035</t>
  </si>
  <si>
    <t>cg08844900</t>
  </si>
  <si>
    <t>cg08846852</t>
  </si>
  <si>
    <t>cg08849542</t>
  </si>
  <si>
    <t>cg08850369</t>
  </si>
  <si>
    <t>cg08851782</t>
  </si>
  <si>
    <t>cg08852963</t>
  </si>
  <si>
    <t>cg08852968</t>
  </si>
  <si>
    <t>cg08854511</t>
  </si>
  <si>
    <t>cg08870139</t>
  </si>
  <si>
    <t>cg08872064</t>
  </si>
  <si>
    <t>cg08876403</t>
  </si>
  <si>
    <t>cg08877148</t>
  </si>
  <si>
    <t>cg08877322</t>
  </si>
  <si>
    <t>cg08879724</t>
  </si>
  <si>
    <t>cg08881614</t>
  </si>
  <si>
    <t>cg08885449</t>
  </si>
  <si>
    <t>cg08887093</t>
  </si>
  <si>
    <t>cg08889636</t>
  </si>
  <si>
    <t>cg08889687</t>
  </si>
  <si>
    <t>cg08889797</t>
  </si>
  <si>
    <t>cg08889930</t>
  </si>
  <si>
    <t>cg08906263</t>
  </si>
  <si>
    <t>cg08912146</t>
  </si>
  <si>
    <t>cg08917718</t>
  </si>
  <si>
    <t>cg08921986</t>
  </si>
  <si>
    <t>cg08924284</t>
  </si>
  <si>
    <t>cg08924488</t>
  </si>
  <si>
    <t>cg08926287</t>
  </si>
  <si>
    <t>cg08928693</t>
  </si>
  <si>
    <t>cg08929399</t>
  </si>
  <si>
    <t>cg08931456</t>
  </si>
  <si>
    <t>cg08931849</t>
  </si>
  <si>
    <t>cg08933237</t>
  </si>
  <si>
    <t>cg08934427</t>
  </si>
  <si>
    <t>cg08934660</t>
  </si>
  <si>
    <t>cg08935223</t>
  </si>
  <si>
    <t>cg08935301</t>
  </si>
  <si>
    <t>cg08936706</t>
  </si>
  <si>
    <t>cg08938727</t>
  </si>
  <si>
    <t>cg08941824</t>
  </si>
  <si>
    <t>cg08943374</t>
  </si>
  <si>
    <t>cg08951203</t>
  </si>
  <si>
    <t>cg08958715</t>
  </si>
  <si>
    <t>cg08979183</t>
  </si>
  <si>
    <t>cg08984614</t>
  </si>
  <si>
    <t>cg08986340</t>
  </si>
  <si>
    <t>cg08987995</t>
  </si>
  <si>
    <t>cg08991297</t>
  </si>
  <si>
    <t>cg08991437</t>
  </si>
  <si>
    <t>cg08991643</t>
  </si>
  <si>
    <t>cg08994384</t>
  </si>
  <si>
    <t>cg08995668</t>
  </si>
  <si>
    <t>cg08995883</t>
  </si>
  <si>
    <t>cg08996805</t>
  </si>
  <si>
    <t>cg08999915</t>
  </si>
  <si>
    <t>cg09000199</t>
  </si>
  <si>
    <t>cg09000302</t>
  </si>
  <si>
    <t>cg09003833</t>
  </si>
  <si>
    <t>cg09007290</t>
  </si>
  <si>
    <t>cg09010699</t>
  </si>
  <si>
    <t>cg09012538</t>
  </si>
  <si>
    <t>cg09013626</t>
  </si>
  <si>
    <t>cg09024124</t>
  </si>
  <si>
    <t>cg09025210</t>
  </si>
  <si>
    <t>cg09026360</t>
  </si>
  <si>
    <t>cg09030452</t>
  </si>
  <si>
    <t>cg09033997</t>
  </si>
  <si>
    <t>cg09041862</t>
  </si>
  <si>
    <t>cg09058381</t>
  </si>
  <si>
    <t>cg09081061</t>
  </si>
  <si>
    <t>cg09081544</t>
  </si>
  <si>
    <t>cg09088257</t>
  </si>
  <si>
    <t>cg09088625</t>
  </si>
  <si>
    <t>cg09089421</t>
  </si>
  <si>
    <t>cg09089913</t>
  </si>
  <si>
    <t>cg09092311</t>
  </si>
  <si>
    <t>cg09095222</t>
  </si>
  <si>
    <t>cg09095818</t>
  </si>
  <si>
    <t>cg09097668</t>
  </si>
  <si>
    <t>cg09107232</t>
  </si>
  <si>
    <t>cg09111917</t>
  </si>
  <si>
    <t>cg09115620</t>
  </si>
  <si>
    <t>cg09146491</t>
  </si>
  <si>
    <t>cg09150647</t>
  </si>
  <si>
    <t>cg09151521</t>
  </si>
  <si>
    <t>cg09157144</t>
  </si>
  <si>
    <t>cg09171381</t>
  </si>
  <si>
    <t>cg09180629</t>
  </si>
  <si>
    <t>cg09181872</t>
  </si>
  <si>
    <t>cg09216620</t>
  </si>
  <si>
    <t>cg09217023</t>
  </si>
  <si>
    <t>cg09218250</t>
  </si>
  <si>
    <t>cg09219093</t>
  </si>
  <si>
    <t>cg09220088</t>
  </si>
  <si>
    <t>cg09220326</t>
  </si>
  <si>
    <t>cg09222023</t>
  </si>
  <si>
    <t>cg09222884</t>
  </si>
  <si>
    <t>cg09226159</t>
  </si>
  <si>
    <t>cg09232103</t>
  </si>
  <si>
    <t>cg09238483</t>
  </si>
  <si>
    <t>cg09243147</t>
  </si>
  <si>
    <t>cg09244635</t>
  </si>
  <si>
    <t>cg09245952</t>
  </si>
  <si>
    <t>cg09247235</t>
  </si>
  <si>
    <t>cg09249404</t>
  </si>
  <si>
    <t>cg09250304</t>
  </si>
  <si>
    <t>cg09251074</t>
  </si>
  <si>
    <t>cg09251508</t>
  </si>
  <si>
    <t>cg09254904</t>
  </si>
  <si>
    <t>cg09255102</t>
  </si>
  <si>
    <t>cg09257425</t>
  </si>
  <si>
    <t>cg09257432</t>
  </si>
  <si>
    <t>cg09294589</t>
  </si>
  <si>
    <t>cg09295416</t>
  </si>
  <si>
    <t>cg09298623</t>
  </si>
  <si>
    <t>cg09301294</t>
  </si>
  <si>
    <t>cg09306365</t>
  </si>
  <si>
    <t>cg09310383</t>
  </si>
  <si>
    <t>cg09312708</t>
  </si>
  <si>
    <t>cg09326546</t>
  </si>
  <si>
    <t>cg09329275</t>
  </si>
  <si>
    <t>cg09333631</t>
  </si>
  <si>
    <t>cg09353063</t>
  </si>
  <si>
    <t>cg09354317</t>
  </si>
  <si>
    <t>cg09354381</t>
  </si>
  <si>
    <t>cg09354556</t>
  </si>
  <si>
    <t>cg09356020</t>
  </si>
  <si>
    <t>cg09359006</t>
  </si>
  <si>
    <t>cg09359349</t>
  </si>
  <si>
    <t>cg09361958</t>
  </si>
  <si>
    <t>cg09362366</t>
  </si>
  <si>
    <t>cg09363539</t>
  </si>
  <si>
    <t>cg09366339</t>
  </si>
  <si>
    <t>cg09367648</t>
  </si>
  <si>
    <t>cg09371798</t>
  </si>
  <si>
    <t>cg09373298</t>
  </si>
  <si>
    <t>cg09373597</t>
  </si>
  <si>
    <t>cg09375033</t>
  </si>
  <si>
    <t>cg09375878</t>
  </si>
  <si>
    <t>cg09376680</t>
  </si>
  <si>
    <t>cg09381155</t>
  </si>
  <si>
    <t>cg09383389</t>
  </si>
  <si>
    <t>cg09384400</t>
  </si>
  <si>
    <t>cg09384411</t>
  </si>
  <si>
    <t>cg09387687</t>
  </si>
  <si>
    <t>cg09395562</t>
  </si>
  <si>
    <t>cg09395732</t>
  </si>
  <si>
    <t>cg09397254</t>
  </si>
  <si>
    <t>cg09397359</t>
  </si>
  <si>
    <t>cg09398550</t>
  </si>
  <si>
    <t>cg09398924</t>
  </si>
  <si>
    <t>cg09399047</t>
  </si>
  <si>
    <t>cg09399236</t>
  </si>
  <si>
    <t>cg09400966</t>
  </si>
  <si>
    <t>cg09406615</t>
  </si>
  <si>
    <t>cg09407319</t>
  </si>
  <si>
    <t>cg09407339</t>
  </si>
  <si>
    <t>cg09407916</t>
  </si>
  <si>
    <t>cg09410862</t>
  </si>
  <si>
    <t>cg09411212</t>
  </si>
  <si>
    <t>cg09411252</t>
  </si>
  <si>
    <t>cg09411788</t>
  </si>
  <si>
    <t>cg09412061</t>
  </si>
  <si>
    <t>cg09422574</t>
  </si>
  <si>
    <t>cg09428583</t>
  </si>
  <si>
    <t>cg09430445</t>
  </si>
  <si>
    <t>cg09441348</t>
  </si>
  <si>
    <t>cg09444744</t>
  </si>
  <si>
    <t>cg09447924</t>
  </si>
  <si>
    <t>cg09455208</t>
  </si>
  <si>
    <t>cg09456493</t>
  </si>
  <si>
    <t>cg09459146</t>
  </si>
  <si>
    <t>cg09459188</t>
  </si>
  <si>
    <t>cg09459774</t>
  </si>
  <si>
    <t>cg09462477</t>
  </si>
  <si>
    <t>cg09462696</t>
  </si>
  <si>
    <t>cg09463233</t>
  </si>
  <si>
    <t>cg09466667</t>
  </si>
  <si>
    <t>cg09467508</t>
  </si>
  <si>
    <t>cg09473396</t>
  </si>
  <si>
    <t>cg09474105</t>
  </si>
  <si>
    <t>cg09474336</t>
  </si>
  <si>
    <t>cg09477124</t>
  </si>
  <si>
    <t>cg09479632</t>
  </si>
  <si>
    <t>cg09503974</t>
  </si>
  <si>
    <t>cg09511906</t>
  </si>
  <si>
    <t>cg09516202</t>
  </si>
  <si>
    <t>cg09524508</t>
  </si>
  <si>
    <t>cg09526828</t>
  </si>
  <si>
    <t>cg09536694</t>
  </si>
  <si>
    <t>cg09539481</t>
  </si>
  <si>
    <t>cg09540111</t>
  </si>
  <si>
    <t>cg09540676</t>
  </si>
  <si>
    <t>cg09542013</t>
  </si>
  <si>
    <t>cg09542210</t>
  </si>
  <si>
    <t>cg09543200</t>
  </si>
  <si>
    <t>cg09543255</t>
  </si>
  <si>
    <t>cg09543635</t>
  </si>
  <si>
    <t>cg09545109</t>
  </si>
  <si>
    <t>cg09550909</t>
  </si>
  <si>
    <t>cg09555073</t>
  </si>
  <si>
    <t>cg09558463</t>
  </si>
  <si>
    <t>cg09559242</t>
  </si>
  <si>
    <t>cg09562331</t>
  </si>
  <si>
    <t>cg09563240</t>
  </si>
  <si>
    <t>cg09571950</t>
  </si>
  <si>
    <t>cg09573359</t>
  </si>
  <si>
    <t>cg09579536</t>
  </si>
  <si>
    <t>cg09583921</t>
  </si>
  <si>
    <t>cg09588186</t>
  </si>
  <si>
    <t>cg09589308</t>
  </si>
  <si>
    <t>cg09589688</t>
  </si>
  <si>
    <t>cg09595471</t>
  </si>
  <si>
    <t>cg09596645</t>
  </si>
  <si>
    <t>cg09597496</t>
  </si>
  <si>
    <t>cg09601150</t>
  </si>
  <si>
    <t>cg09602350</t>
  </si>
  <si>
    <t>cg09602452</t>
  </si>
  <si>
    <t>cg09606470</t>
  </si>
  <si>
    <t>cg09607229</t>
  </si>
  <si>
    <t>cg09608765</t>
  </si>
  <si>
    <t>cg09610644</t>
  </si>
  <si>
    <t>cg09610987</t>
  </si>
  <si>
    <t>cg09612418</t>
  </si>
  <si>
    <t>cg09614565</t>
  </si>
  <si>
    <t>cg09615965</t>
  </si>
  <si>
    <t>cg09616647</t>
  </si>
  <si>
    <t>cg09619475</t>
  </si>
  <si>
    <t>cg09623510</t>
  </si>
  <si>
    <t>cg09626867</t>
  </si>
  <si>
    <t>cg09632416</t>
  </si>
  <si>
    <t>cg09633568</t>
  </si>
  <si>
    <t>cg09638407</t>
  </si>
  <si>
    <t>cg09639152</t>
  </si>
  <si>
    <t>cg09639220</t>
  </si>
  <si>
    <t>cg09640399</t>
  </si>
  <si>
    <t>cg09641077</t>
  </si>
  <si>
    <t>cg09643027</t>
  </si>
  <si>
    <t>cg09643398</t>
  </si>
  <si>
    <t>cg09645699</t>
  </si>
  <si>
    <t>cg09649473</t>
  </si>
  <si>
    <t>cg09650667</t>
  </si>
  <si>
    <t>cg09654471</t>
  </si>
  <si>
    <t>cg09655952</t>
  </si>
  <si>
    <t>cg09662638</t>
  </si>
  <si>
    <t>cg09663691</t>
  </si>
  <si>
    <t>cg09666573</t>
  </si>
  <si>
    <t>cg09668964</t>
  </si>
  <si>
    <t>cg09670530</t>
  </si>
  <si>
    <t>cg09681814</t>
  </si>
  <si>
    <t>cg09684147</t>
  </si>
  <si>
    <t>cg09687947</t>
  </si>
  <si>
    <t>cg09688588</t>
  </si>
  <si>
    <t>cg09690040</t>
  </si>
  <si>
    <t>cg09693751</t>
  </si>
  <si>
    <t>cg09694300</t>
  </si>
  <si>
    <t>cg09695948</t>
  </si>
  <si>
    <t>cg09696159</t>
  </si>
  <si>
    <t>cg09699036</t>
  </si>
  <si>
    <t>cg09700602</t>
  </si>
  <si>
    <t>cg09704049</t>
  </si>
  <si>
    <t>cg09706245</t>
  </si>
  <si>
    <t>cg09709457</t>
  </si>
  <si>
    <t>cg09713616</t>
  </si>
  <si>
    <t>cg09714778</t>
  </si>
  <si>
    <t>cg09716038</t>
  </si>
  <si>
    <t>cg09720372</t>
  </si>
  <si>
    <t>cg09721041</t>
  </si>
  <si>
    <t>cg09732145</t>
  </si>
  <si>
    <t>cg09736162</t>
  </si>
  <si>
    <t>cg09736922</t>
  </si>
  <si>
    <t>cg09746170</t>
  </si>
  <si>
    <t>cg09747670</t>
  </si>
  <si>
    <t>cg09756482</t>
  </si>
  <si>
    <t>cg09780039</t>
  </si>
  <si>
    <t>cg09793001</t>
  </si>
  <si>
    <t>cg09811393</t>
  </si>
  <si>
    <t>cg09817114</t>
  </si>
  <si>
    <t>cg09821685</t>
  </si>
  <si>
    <t>cg09821991</t>
  </si>
  <si>
    <t>cg09824563</t>
  </si>
  <si>
    <t>cg09826188</t>
  </si>
  <si>
    <t>cg09828265</t>
  </si>
  <si>
    <t>cg09834794</t>
  </si>
  <si>
    <t>cg09837648</t>
  </si>
  <si>
    <t>cg09838701</t>
  </si>
  <si>
    <t>cg09840736</t>
  </si>
  <si>
    <t>cg09841774</t>
  </si>
  <si>
    <t>cg09846625</t>
  </si>
  <si>
    <t>cg09847234</t>
  </si>
  <si>
    <t>cg09849967</t>
  </si>
  <si>
    <t>cg09852607</t>
  </si>
  <si>
    <t>cg09855692</t>
  </si>
  <si>
    <t>cg09858208</t>
  </si>
  <si>
    <t>cg09866366</t>
  </si>
  <si>
    <t>cg09868556</t>
  </si>
  <si>
    <t>cg09870568</t>
  </si>
  <si>
    <t>cg09874127</t>
  </si>
  <si>
    <t>cg09876440</t>
  </si>
  <si>
    <t>cg09881819</t>
  </si>
  <si>
    <t>cg09882118</t>
  </si>
  <si>
    <t>cg09883745</t>
  </si>
  <si>
    <t>cg09884561</t>
  </si>
  <si>
    <t>cg09886243</t>
  </si>
  <si>
    <t>cg09886336</t>
  </si>
  <si>
    <t>cg09890989</t>
  </si>
  <si>
    <t>cg09894040</t>
  </si>
  <si>
    <t>cg09896057</t>
  </si>
  <si>
    <t>cg09910464</t>
  </si>
  <si>
    <t>cg09920145</t>
  </si>
  <si>
    <t>cg09932330</t>
  </si>
  <si>
    <t>cg09938768</t>
  </si>
  <si>
    <t>cg09964204</t>
  </si>
  <si>
    <t>cg09970348</t>
  </si>
  <si>
    <t>cg09989883</t>
  </si>
  <si>
    <t>cg09996971</t>
  </si>
  <si>
    <t>cg10013716</t>
  </si>
  <si>
    <t>cg10024876</t>
  </si>
  <si>
    <t>cg10026966</t>
  </si>
  <si>
    <t>cg10028929</t>
  </si>
  <si>
    <t>cg10029076</t>
  </si>
  <si>
    <t>cg10052038</t>
  </si>
  <si>
    <t>cg10061138</t>
  </si>
  <si>
    <t>cg10061247</t>
  </si>
  <si>
    <t>cg10064907</t>
  </si>
  <si>
    <t>cg10072850</t>
  </si>
  <si>
    <t>cg10084513</t>
  </si>
  <si>
    <t>cg10089796</t>
  </si>
  <si>
    <t>cg10098541</t>
  </si>
  <si>
    <t>cg10101634</t>
  </si>
  <si>
    <t>cg10106965</t>
  </si>
  <si>
    <t>cg10107836</t>
  </si>
  <si>
    <t>cg10108389</t>
  </si>
  <si>
    <t>cg10109841</t>
  </si>
  <si>
    <t>cg10111115</t>
  </si>
  <si>
    <t>cg10111146</t>
  </si>
  <si>
    <t>cg10112003</t>
  </si>
  <si>
    <t>cg10112837</t>
  </si>
  <si>
    <t>cg10123201</t>
  </si>
  <si>
    <t>cg10124773</t>
  </si>
  <si>
    <t>cg10126931</t>
  </si>
  <si>
    <t>cg10131312</t>
  </si>
  <si>
    <t>cg10133500</t>
  </si>
  <si>
    <t>cg10137155</t>
  </si>
  <si>
    <t>cg10140391</t>
  </si>
  <si>
    <t>cg10144569</t>
  </si>
  <si>
    <t>cg10147507</t>
  </si>
  <si>
    <t>cg10148270</t>
  </si>
  <si>
    <t>cg10149889</t>
  </si>
  <si>
    <t>cg10155817</t>
  </si>
  <si>
    <t>cg10162673</t>
  </si>
  <si>
    <t>cg10165198</t>
  </si>
  <si>
    <t>cg10168494</t>
  </si>
  <si>
    <t>cg10175203</t>
  </si>
  <si>
    <t>cg10175447</t>
  </si>
  <si>
    <t>cg10178127</t>
  </si>
  <si>
    <t>cg10178498</t>
  </si>
  <si>
    <t>cg10205979</t>
  </si>
  <si>
    <t>cg10211298</t>
  </si>
  <si>
    <t>cg10218079</t>
  </si>
  <si>
    <t>cg10226952</t>
  </si>
  <si>
    <t>cg10235961</t>
  </si>
  <si>
    <t>cg10239460</t>
  </si>
  <si>
    <t>cg10242476</t>
  </si>
  <si>
    <t>cg10242892</t>
  </si>
  <si>
    <t>cg10243989</t>
  </si>
  <si>
    <t>cg10248614</t>
  </si>
  <si>
    <t>cg10255761</t>
  </si>
  <si>
    <t>cg10257332</t>
  </si>
  <si>
    <t>cg10258419</t>
  </si>
  <si>
    <t>cg10259872</t>
  </si>
  <si>
    <t>cg10273210</t>
  </si>
  <si>
    <t>cg10283879</t>
  </si>
  <si>
    <t>cg10288995</t>
  </si>
  <si>
    <t>cg10297257</t>
  </si>
  <si>
    <t>cg10299061</t>
  </si>
  <si>
    <t>cg10309425</t>
  </si>
  <si>
    <t>cg10314459</t>
  </si>
  <si>
    <t>cg10319474</t>
  </si>
  <si>
    <t>cg10321266</t>
  </si>
  <si>
    <t>cg10324572</t>
  </si>
  <si>
    <t>cg10324902</t>
  </si>
  <si>
    <t>cg10330019</t>
  </si>
  <si>
    <t>cg10330847</t>
  </si>
  <si>
    <t>cg10332349</t>
  </si>
  <si>
    <t>cg10334121</t>
  </si>
  <si>
    <t>cg10335493</t>
  </si>
  <si>
    <t>cg10337772</t>
  </si>
  <si>
    <t>cg10340487</t>
  </si>
  <si>
    <t>cg10343742</t>
  </si>
  <si>
    <t>cg10346111</t>
  </si>
  <si>
    <t>cg10347998</t>
  </si>
  <si>
    <t>cg10354474</t>
  </si>
  <si>
    <t>cg10356463</t>
  </si>
  <si>
    <t>cg10356866</t>
  </si>
  <si>
    <t>cg10359727</t>
  </si>
  <si>
    <t>cg10362172</t>
  </si>
  <si>
    <t>cg10363443</t>
  </si>
  <si>
    <t>cg10364905</t>
  </si>
  <si>
    <t>cg10369653</t>
  </si>
  <si>
    <t>cg10387416</t>
  </si>
  <si>
    <t>cg10387901</t>
  </si>
  <si>
    <t>cg10397322</t>
  </si>
  <si>
    <t>cg10398774</t>
  </si>
  <si>
    <t>cg10409919</t>
  </si>
  <si>
    <t>cg10430690</t>
  </si>
  <si>
    <t>cg10453019</t>
  </si>
  <si>
    <t>cg10460033</t>
  </si>
  <si>
    <t>cg10461878</t>
  </si>
  <si>
    <t>cg10468340</t>
  </si>
  <si>
    <t>cg10468951</t>
  </si>
  <si>
    <t>cg10469100</t>
  </si>
  <si>
    <t>cg10472064</t>
  </si>
  <si>
    <t>cg10482149</t>
  </si>
  <si>
    <t>cg10498502</t>
  </si>
  <si>
    <t>cg10501896</t>
  </si>
  <si>
    <t>cg10504062</t>
  </si>
  <si>
    <t>cg10505443</t>
  </si>
  <si>
    <t>cg10506882</t>
  </si>
  <si>
    <t>cg10511904</t>
  </si>
  <si>
    <t>cg10512202</t>
  </si>
  <si>
    <t>cg10513161</t>
  </si>
  <si>
    <t>cg10513984</t>
  </si>
  <si>
    <t>cg10516516</t>
  </si>
  <si>
    <t>cg10526942</t>
  </si>
  <si>
    <t>cg10527457</t>
  </si>
  <si>
    <t>cg10527635</t>
  </si>
  <si>
    <t>cg10530169</t>
  </si>
  <si>
    <t>cg10531918</t>
  </si>
  <si>
    <t>cg10533739</t>
  </si>
  <si>
    <t>cg10538654</t>
  </si>
  <si>
    <t>cg10542362</t>
  </si>
  <si>
    <t>cg10544324</t>
  </si>
  <si>
    <t>cg10548708</t>
  </si>
  <si>
    <t>cg10549088</t>
  </si>
  <si>
    <t>cg10551804</t>
  </si>
  <si>
    <t>cg10552698</t>
  </si>
  <si>
    <t>cg10577586</t>
  </si>
  <si>
    <t>cg10579986</t>
  </si>
  <si>
    <t>cg10581281</t>
  </si>
  <si>
    <t>cg10583097</t>
  </si>
  <si>
    <t>cg10585661</t>
  </si>
  <si>
    <t>cg10586672</t>
  </si>
  <si>
    <t>cg10588770</t>
  </si>
  <si>
    <t>cg10589539</t>
  </si>
  <si>
    <t>cg10593292</t>
  </si>
  <si>
    <t>cg10601972</t>
  </si>
  <si>
    <t>cg10606216</t>
  </si>
  <si>
    <t>cg10608842</t>
  </si>
  <si>
    <t>cg10609174</t>
  </si>
  <si>
    <t>cg10623840</t>
  </si>
  <si>
    <t>cg10625504</t>
  </si>
  <si>
    <t>cg10626728</t>
  </si>
  <si>
    <t>cg10627624</t>
  </si>
  <si>
    <t>cg10631854</t>
  </si>
  <si>
    <t>cg10632094</t>
  </si>
  <si>
    <t>cg10633526</t>
  </si>
  <si>
    <t>cg10635149</t>
  </si>
  <si>
    <t>cg10640830</t>
  </si>
  <si>
    <t>cg10641721</t>
  </si>
  <si>
    <t>cg10655499</t>
  </si>
  <si>
    <t>cg10661591</t>
  </si>
  <si>
    <t>cg10665123</t>
  </si>
  <si>
    <t>cg10666406</t>
  </si>
  <si>
    <t>cg10670430</t>
  </si>
  <si>
    <t>cg10670501</t>
  </si>
  <si>
    <t>cg10674793</t>
  </si>
  <si>
    <t>cg10675797</t>
  </si>
  <si>
    <t>cg10677324</t>
  </si>
  <si>
    <t>cg10681525</t>
  </si>
  <si>
    <t>cg10685228</t>
  </si>
  <si>
    <t>cg10685436</t>
  </si>
  <si>
    <t>cg10691006</t>
  </si>
  <si>
    <t>cg10691387</t>
  </si>
  <si>
    <t>cg10691592</t>
  </si>
  <si>
    <t>cg10692467</t>
  </si>
  <si>
    <t>cg10692614</t>
  </si>
  <si>
    <t>cg10699312</t>
  </si>
  <si>
    <t>cg10699496</t>
  </si>
  <si>
    <t>cg10699675</t>
  </si>
  <si>
    <t>cg10702818</t>
  </si>
  <si>
    <t>cg10703884</t>
  </si>
  <si>
    <t>cg10706034</t>
  </si>
  <si>
    <t>cg10707626</t>
  </si>
  <si>
    <t>cg10707794</t>
  </si>
  <si>
    <t>cg10711871</t>
  </si>
  <si>
    <t>cg10711974</t>
  </si>
  <si>
    <t>cg10712623</t>
  </si>
  <si>
    <t>cg10718914</t>
  </si>
  <si>
    <t>cg10720080</t>
  </si>
  <si>
    <t>cg10721492</t>
  </si>
  <si>
    <t>cg10721942</t>
  </si>
  <si>
    <t>cg10727673</t>
  </si>
  <si>
    <t>cg10728179</t>
  </si>
  <si>
    <t>cg10728473</t>
  </si>
  <si>
    <t>cg10731256</t>
  </si>
  <si>
    <t>cg10732797</t>
  </si>
  <si>
    <t>cg10733951</t>
  </si>
  <si>
    <t>cg10742060</t>
  </si>
  <si>
    <t>cg10743697</t>
  </si>
  <si>
    <t>cg10744424</t>
  </si>
  <si>
    <t>cg10745802</t>
  </si>
  <si>
    <t>cg10749572</t>
  </si>
  <si>
    <t>cg10752028</t>
  </si>
  <si>
    <t>cg10755723</t>
  </si>
  <si>
    <t>cg10757852</t>
  </si>
  <si>
    <t>cg10761978</t>
  </si>
  <si>
    <t>cg10761979</t>
  </si>
  <si>
    <t>cg10768206</t>
  </si>
  <si>
    <t>cg10768269</t>
  </si>
  <si>
    <t>cg10769570</t>
  </si>
  <si>
    <t>cg10769844</t>
  </si>
  <si>
    <t>cg10769891</t>
  </si>
  <si>
    <t>cg10770076</t>
  </si>
  <si>
    <t>cg10776533</t>
  </si>
  <si>
    <t>cg10776659</t>
  </si>
  <si>
    <t>cg10781513</t>
  </si>
  <si>
    <t>cg10783060</t>
  </si>
  <si>
    <t>cg10783371</t>
  </si>
  <si>
    <t>cg10784090</t>
  </si>
  <si>
    <t>cg10784866</t>
  </si>
  <si>
    <t>cg10790778</t>
  </si>
  <si>
    <t>cg10791930</t>
  </si>
  <si>
    <t>cg10796805</t>
  </si>
  <si>
    <t>cg10797550</t>
  </si>
  <si>
    <t>cg10798682</t>
  </si>
  <si>
    <t>cg10799327</t>
  </si>
  <si>
    <t>cg10802371</t>
  </si>
  <si>
    <t>cg10804438</t>
  </si>
  <si>
    <t>cg10804678</t>
  </si>
  <si>
    <t>cg10816158</t>
  </si>
  <si>
    <t>cg10838925</t>
  </si>
  <si>
    <t>cg10843210</t>
  </si>
  <si>
    <t>cg10854474</t>
  </si>
  <si>
    <t>cg10872212</t>
  </si>
  <si>
    <t>cg10877294</t>
  </si>
  <si>
    <t>cg10878944</t>
  </si>
  <si>
    <t>cg10883352</t>
  </si>
  <si>
    <t>cg10886442</t>
  </si>
  <si>
    <t>cg10887945</t>
  </si>
  <si>
    <t>cg10891157</t>
  </si>
  <si>
    <t>cg10892127</t>
  </si>
  <si>
    <t>cg10898607</t>
  </si>
  <si>
    <t>cg10902144</t>
  </si>
  <si>
    <t>cg10903281</t>
  </si>
  <si>
    <t>cg10906552</t>
  </si>
  <si>
    <t>cg10906602</t>
  </si>
  <si>
    <t>cg10907866</t>
  </si>
  <si>
    <t>cg10908188</t>
  </si>
  <si>
    <t>cg10913077</t>
  </si>
  <si>
    <t>cg10914710</t>
  </si>
  <si>
    <t>cg10919177</t>
  </si>
  <si>
    <t>cg10920410</t>
  </si>
  <si>
    <t>cg10928087</t>
  </si>
  <si>
    <t>cg10928302</t>
  </si>
  <si>
    <t>cg10930679</t>
  </si>
  <si>
    <t>cg10935662</t>
  </si>
  <si>
    <t>cg10935762</t>
  </si>
  <si>
    <t>cg10939004</t>
  </si>
  <si>
    <t>cg10943314</t>
  </si>
  <si>
    <t>cg10943921</t>
  </si>
  <si>
    <t>cg10944357</t>
  </si>
  <si>
    <t>cg10944383</t>
  </si>
  <si>
    <t>cg10944401</t>
  </si>
  <si>
    <t>cg10949611</t>
  </si>
  <si>
    <t>cg10950202</t>
  </si>
  <si>
    <t>cg10952220</t>
  </si>
  <si>
    <t>cg10952649</t>
  </si>
  <si>
    <t>cg10953508</t>
  </si>
  <si>
    <t>cg10954248</t>
  </si>
  <si>
    <t>cg10954363</t>
  </si>
  <si>
    <t>cg10954944</t>
  </si>
  <si>
    <t>cg10955243</t>
  </si>
  <si>
    <t>cg10956333</t>
  </si>
  <si>
    <t>cg10960354</t>
  </si>
  <si>
    <t>cg10960375</t>
  </si>
  <si>
    <t>cg10967350</t>
  </si>
  <si>
    <t>cg10969205</t>
  </si>
  <si>
    <t>cg10970409</t>
  </si>
  <si>
    <t>cg10988027</t>
  </si>
  <si>
    <t>cg10989431</t>
  </si>
  <si>
    <t>cg10990660</t>
  </si>
  <si>
    <t>cg10990993</t>
  </si>
  <si>
    <t>cg10992419</t>
  </si>
  <si>
    <t>cg10993230</t>
  </si>
  <si>
    <t>cg10993465</t>
  </si>
  <si>
    <t>cg10994086</t>
  </si>
  <si>
    <t>cg10994513</t>
  </si>
  <si>
    <t>cg10998242</t>
  </si>
  <si>
    <t>cg10998291</t>
  </si>
  <si>
    <t>cg11001085</t>
  </si>
  <si>
    <t>cg11006676</t>
  </si>
  <si>
    <t>cg11013714</t>
  </si>
  <si>
    <t>cg11017057</t>
  </si>
  <si>
    <t>cg11019296</t>
  </si>
  <si>
    <t>cg11020853</t>
  </si>
  <si>
    <t>cg11020894</t>
  </si>
  <si>
    <t>cg11022519</t>
  </si>
  <si>
    <t>cg11023900</t>
  </si>
  <si>
    <t>cg11024464</t>
  </si>
  <si>
    <t>cg11025960</t>
  </si>
  <si>
    <t>cg11029623</t>
  </si>
  <si>
    <t>cg11029704</t>
  </si>
  <si>
    <t>cg11031714</t>
  </si>
  <si>
    <t>cg11034122</t>
  </si>
  <si>
    <t>cg11040363</t>
  </si>
  <si>
    <t>cg11075316</t>
  </si>
  <si>
    <t>cg11076714</t>
  </si>
  <si>
    <t>cg11083235</t>
  </si>
  <si>
    <t>cg11084334</t>
  </si>
  <si>
    <t>cg11086568</t>
  </si>
  <si>
    <t>cg11088682</t>
  </si>
  <si>
    <t>cg11090826</t>
  </si>
  <si>
    <t>cg11095099</t>
  </si>
  <si>
    <t>cg11096815</t>
  </si>
  <si>
    <t>cg11099009</t>
  </si>
  <si>
    <t>cg11099706</t>
  </si>
  <si>
    <t>cg11104313</t>
  </si>
  <si>
    <t>cg11107873</t>
  </si>
  <si>
    <t>cg11112833</t>
  </si>
  <si>
    <t>cg11115005</t>
  </si>
  <si>
    <t>cg11116142</t>
  </si>
  <si>
    <t>cg11118413</t>
  </si>
  <si>
    <t>cg11119596</t>
  </si>
  <si>
    <t>cg11120695</t>
  </si>
  <si>
    <t>cg11122795</t>
  </si>
  <si>
    <t>cg11123595</t>
  </si>
  <si>
    <t>cg11125249</t>
  </si>
  <si>
    <t>cg11126497</t>
  </si>
  <si>
    <t>cg11128476</t>
  </si>
  <si>
    <t>cg11130461</t>
  </si>
  <si>
    <t>cg11133226</t>
  </si>
  <si>
    <t>cg11134430</t>
  </si>
  <si>
    <t>cg11136751</t>
  </si>
  <si>
    <t>cg11137156</t>
  </si>
  <si>
    <t>cg11137980</t>
  </si>
  <si>
    <t>cg11139044</t>
  </si>
  <si>
    <t>cg11139599</t>
  </si>
  <si>
    <t>cg11142705</t>
  </si>
  <si>
    <t>cg11148130</t>
  </si>
  <si>
    <t>cg11148533</t>
  </si>
  <si>
    <t>cg11148677</t>
  </si>
  <si>
    <t>cg11151929</t>
  </si>
  <si>
    <t>cg11152347</t>
  </si>
  <si>
    <t>cg11153239</t>
  </si>
  <si>
    <t>cg11156132</t>
  </si>
  <si>
    <t>cg11158760</t>
  </si>
  <si>
    <t>cg11159295</t>
  </si>
  <si>
    <t>cg11160408</t>
  </si>
  <si>
    <t>cg11163571</t>
  </si>
  <si>
    <t>cg11167446</t>
  </si>
  <si>
    <t>cg11168235</t>
  </si>
  <si>
    <t>cg11171719</t>
  </si>
  <si>
    <t>cg11177333</t>
  </si>
  <si>
    <t>cg11177450</t>
  </si>
  <si>
    <t>cg11177552</t>
  </si>
  <si>
    <t>cg11178293</t>
  </si>
  <si>
    <t>cg11184682</t>
  </si>
  <si>
    <t>cg11190155</t>
  </si>
  <si>
    <t>cg11195494</t>
  </si>
  <si>
    <t>cg11197418</t>
  </si>
  <si>
    <t>cg11197945</t>
  </si>
  <si>
    <t>cg11201710</t>
  </si>
  <si>
    <t>cg11205552</t>
  </si>
  <si>
    <t>cg11208165</t>
  </si>
  <si>
    <t>cg11209249</t>
  </si>
  <si>
    <t>cg11209289</t>
  </si>
  <si>
    <t>cg11209338</t>
  </si>
  <si>
    <t>cg11209832</t>
  </si>
  <si>
    <t>cg11211486</t>
  </si>
  <si>
    <t>cg11213348</t>
  </si>
  <si>
    <t>cg11215621</t>
  </si>
  <si>
    <t>cg11218619</t>
  </si>
  <si>
    <t>cg11224188</t>
  </si>
  <si>
    <t>cg11224271</t>
  </si>
  <si>
    <t>cg11229273</t>
  </si>
  <si>
    <t>cg11235871</t>
  </si>
  <si>
    <t>cg11236795</t>
  </si>
  <si>
    <t>cg11237115</t>
  </si>
  <si>
    <t>cg11237495</t>
  </si>
  <si>
    <t>cg11239633</t>
  </si>
  <si>
    <t>cg11252792</t>
  </si>
  <si>
    <t>cg11256445</t>
  </si>
  <si>
    <t>cg11265843</t>
  </si>
  <si>
    <t>cg11266081</t>
  </si>
  <si>
    <t>cg11266874</t>
  </si>
  <si>
    <t>cg11274856</t>
  </si>
  <si>
    <t>cg11277156</t>
  </si>
  <si>
    <t>cg11277665</t>
  </si>
  <si>
    <t>cg11277834</t>
  </si>
  <si>
    <t>cg11278506</t>
  </si>
  <si>
    <t>cg11280108</t>
  </si>
  <si>
    <t>cg11285843</t>
  </si>
  <si>
    <t>cg11286907</t>
  </si>
  <si>
    <t>cg11291081</t>
  </si>
  <si>
    <t>cg11291773</t>
  </si>
  <si>
    <t>cg11293176</t>
  </si>
  <si>
    <t>cg11293699</t>
  </si>
  <si>
    <t>cg11293800</t>
  </si>
  <si>
    <t>cg11294283</t>
  </si>
  <si>
    <t>cg11303738</t>
  </si>
  <si>
    <t>cg11303795</t>
  </si>
  <si>
    <t>cg11304682</t>
  </si>
  <si>
    <t>cg11307417</t>
  </si>
  <si>
    <t>cg11308690</t>
  </si>
  <si>
    <t>cg11314818</t>
  </si>
  <si>
    <t>cg11326134</t>
  </si>
  <si>
    <t>cg11336987</t>
  </si>
  <si>
    <t>cg11338178</t>
  </si>
  <si>
    <t>cg11338339</t>
  </si>
  <si>
    <t>cg11339849</t>
  </si>
  <si>
    <t>cg11356290</t>
  </si>
  <si>
    <t>cg11359984</t>
  </si>
  <si>
    <t>cg11363877</t>
  </si>
  <si>
    <t>cg11364645</t>
  </si>
  <si>
    <t>cg11365360</t>
  </si>
  <si>
    <t>cg11368597</t>
  </si>
  <si>
    <t>cg11369206</t>
  </si>
  <si>
    <t>cg11376080</t>
  </si>
  <si>
    <t>cg11377213</t>
  </si>
  <si>
    <t>cg11377277</t>
  </si>
  <si>
    <t>cg11378484</t>
  </si>
  <si>
    <t>cg11379756</t>
  </si>
  <si>
    <t>cg11380748</t>
  </si>
  <si>
    <t>cg11383981</t>
  </si>
  <si>
    <t>cg11384014</t>
  </si>
  <si>
    <t>cg11384848</t>
  </si>
  <si>
    <t>cg11386711</t>
  </si>
  <si>
    <t>cg11387368</t>
  </si>
  <si>
    <t>cg11390468</t>
  </si>
  <si>
    <t>cg11397854</t>
  </si>
  <si>
    <t>cg11408019</t>
  </si>
  <si>
    <t>cg11410859</t>
  </si>
  <si>
    <t>cg11413581</t>
  </si>
  <si>
    <t>cg11427377</t>
  </si>
  <si>
    <t>cg11431957</t>
  </si>
  <si>
    <t>cg11432034</t>
  </si>
  <si>
    <t>cg11437253</t>
  </si>
  <si>
    <t>cg11437923</t>
  </si>
  <si>
    <t>cg11439186</t>
  </si>
  <si>
    <t>cg11441891</t>
  </si>
  <si>
    <t>cg11450810</t>
  </si>
  <si>
    <t>cg11458642</t>
  </si>
  <si>
    <t>cg11472786</t>
  </si>
  <si>
    <t>cg11483789</t>
  </si>
  <si>
    <t>cg11485152</t>
  </si>
  <si>
    <t>cg11485602</t>
  </si>
  <si>
    <t>cg11491074</t>
  </si>
  <si>
    <t>cg11491284</t>
  </si>
  <si>
    <t>cg11494149</t>
  </si>
  <si>
    <t>cg11494444</t>
  </si>
  <si>
    <t>cg11496559</t>
  </si>
  <si>
    <t>cg11496747</t>
  </si>
  <si>
    <t>cg11539064</t>
  </si>
  <si>
    <t>cg11542789</t>
  </si>
  <si>
    <t>cg11551565</t>
  </si>
  <si>
    <t>cg11557929</t>
  </si>
  <si>
    <t>cg11559598</t>
  </si>
  <si>
    <t>cg11559680</t>
  </si>
  <si>
    <t>cg11560312</t>
  </si>
  <si>
    <t>cg11563860</t>
  </si>
  <si>
    <t>cg11572655</t>
  </si>
  <si>
    <t>cg11582166</t>
  </si>
  <si>
    <t>cg11589536</t>
  </si>
  <si>
    <t>cg11590700</t>
  </si>
  <si>
    <t>cg11592576</t>
  </si>
  <si>
    <t>cg11594770</t>
  </si>
  <si>
    <t>cg11598561</t>
  </si>
  <si>
    <t>cg11602148</t>
  </si>
  <si>
    <t>cg11609568</t>
  </si>
  <si>
    <t>cg11612291</t>
  </si>
  <si>
    <t>cg11613427</t>
  </si>
  <si>
    <t>cg11614451</t>
  </si>
  <si>
    <t>cg11622008</t>
  </si>
  <si>
    <t>cg11624780</t>
  </si>
  <si>
    <t>cg11628282</t>
  </si>
  <si>
    <t>cg11629955</t>
  </si>
  <si>
    <t>cg11632238</t>
  </si>
  <si>
    <t>cg11632438</t>
  </si>
  <si>
    <t>cg11635053</t>
  </si>
  <si>
    <t>cg11638320</t>
  </si>
  <si>
    <t>cg11639225</t>
  </si>
  <si>
    <t>cg11639692</t>
  </si>
  <si>
    <t>cg11640591</t>
  </si>
  <si>
    <t>cg11642501</t>
  </si>
  <si>
    <t>cg11643285</t>
  </si>
  <si>
    <t>cg11645453</t>
  </si>
  <si>
    <t>cg11661534</t>
  </si>
  <si>
    <t>cg11668053</t>
  </si>
  <si>
    <t>cg11668561</t>
  </si>
  <si>
    <t>cg11680236</t>
  </si>
  <si>
    <t>cg11680442</t>
  </si>
  <si>
    <t>cg11687036</t>
  </si>
  <si>
    <t>cg11702866</t>
  </si>
  <si>
    <t>cg11724602</t>
  </si>
  <si>
    <t>cg11727252</t>
  </si>
  <si>
    <t>cg11728787</t>
  </si>
  <si>
    <t>cg11733626</t>
  </si>
  <si>
    <t>cg11737081</t>
  </si>
  <si>
    <t>cg11741004</t>
  </si>
  <si>
    <t>cg11743795</t>
  </si>
  <si>
    <t>cg11755372</t>
  </si>
  <si>
    <t>cg11759378</t>
  </si>
  <si>
    <t>cg11761535</t>
  </si>
  <si>
    <t>cg11776124</t>
  </si>
  <si>
    <t>cg11786750</t>
  </si>
  <si>
    <t>cg11787839</t>
  </si>
  <si>
    <t>cg11789444</t>
  </si>
  <si>
    <t>cg11795832</t>
  </si>
  <si>
    <t>cg11798489</t>
  </si>
  <si>
    <t>cg11802842</t>
  </si>
  <si>
    <t>cg11802985</t>
  </si>
  <si>
    <t>cg11804725</t>
  </si>
  <si>
    <t>cg11804953</t>
  </si>
  <si>
    <t>cg11806102</t>
  </si>
  <si>
    <t>cg11812218</t>
  </si>
  <si>
    <t>cg11816434</t>
  </si>
  <si>
    <t>cg11819013</t>
  </si>
  <si>
    <t>cg11826708</t>
  </si>
  <si>
    <t>cg11833001</t>
  </si>
  <si>
    <t>cg11835020</t>
  </si>
  <si>
    <t>cg11835098</t>
  </si>
  <si>
    <t>cg11840984</t>
  </si>
  <si>
    <t>cg11841349</t>
  </si>
  <si>
    <t>cg11846174</t>
  </si>
  <si>
    <t>cg11846236</t>
  </si>
  <si>
    <t>cg11852814</t>
  </si>
  <si>
    <t>cg11853667</t>
  </si>
  <si>
    <t>cg11854227</t>
  </si>
  <si>
    <t>cg11854579</t>
  </si>
  <si>
    <t>cg11861043</t>
  </si>
  <si>
    <t>cg11861511</t>
  </si>
  <si>
    <t>cg11862731</t>
  </si>
  <si>
    <t>cg11866331</t>
  </si>
  <si>
    <t>cg11867616</t>
  </si>
  <si>
    <t>cg11870261</t>
  </si>
  <si>
    <t>cg11870309</t>
  </si>
  <si>
    <t>cg11870455</t>
  </si>
  <si>
    <t>cg11872583</t>
  </si>
  <si>
    <t>cg11874143</t>
  </si>
  <si>
    <t>cg11874323</t>
  </si>
  <si>
    <t>cg11875060</t>
  </si>
  <si>
    <t>cg11882607</t>
  </si>
  <si>
    <t>cg11883790</t>
  </si>
  <si>
    <t>cg11884656</t>
  </si>
  <si>
    <t>cg11886884</t>
  </si>
  <si>
    <t>cg11888747</t>
  </si>
  <si>
    <t>cg11890301</t>
  </si>
  <si>
    <t>cg11890639</t>
  </si>
  <si>
    <t>cg11892747</t>
  </si>
  <si>
    <t>cg11895596</t>
  </si>
  <si>
    <t>cg11901478</t>
  </si>
  <si>
    <t>cg11921411</t>
  </si>
  <si>
    <t>cg11926020</t>
  </si>
  <si>
    <t>cg11928064</t>
  </si>
  <si>
    <t>cg11929154</t>
  </si>
  <si>
    <t>cg11930722</t>
  </si>
  <si>
    <t>cg11931776</t>
  </si>
  <si>
    <t>cg11932158</t>
  </si>
  <si>
    <t>cg11933047</t>
  </si>
  <si>
    <t>cg11935638</t>
  </si>
  <si>
    <t>cg11938051</t>
  </si>
  <si>
    <t>cg11941507</t>
  </si>
  <si>
    <t>cg11951446</t>
  </si>
  <si>
    <t>cg11975445</t>
  </si>
  <si>
    <t>cg11980016</t>
  </si>
  <si>
    <t>cg11992992</t>
  </si>
  <si>
    <t>cg12005703</t>
  </si>
  <si>
    <t>cg12018696</t>
  </si>
  <si>
    <t>cg12019893</t>
  </si>
  <si>
    <t>cg12024811</t>
  </si>
  <si>
    <t>cg12030002</t>
  </si>
  <si>
    <t>cg12030667</t>
  </si>
  <si>
    <t>cg12031182</t>
  </si>
  <si>
    <t>cg12048552</t>
  </si>
  <si>
    <t>cg12058646</t>
  </si>
  <si>
    <t>cg12059012</t>
  </si>
  <si>
    <t>cg12062324</t>
  </si>
  <si>
    <t>cg12069042</t>
  </si>
  <si>
    <t>cg12069553</t>
  </si>
  <si>
    <t>cg12074057</t>
  </si>
  <si>
    <t>cg12074966</t>
  </si>
  <si>
    <t>cg12075202</t>
  </si>
  <si>
    <t>cg12079597</t>
  </si>
  <si>
    <t>cg12081282</t>
  </si>
  <si>
    <t>cg12084388</t>
  </si>
  <si>
    <t>cg12087004</t>
  </si>
  <si>
    <t>cg12091542</t>
  </si>
  <si>
    <t>cg12110529</t>
  </si>
  <si>
    <t>cg12115190</t>
  </si>
  <si>
    <t>cg12118832</t>
  </si>
  <si>
    <t>cg12118857</t>
  </si>
  <si>
    <t>cg12120251</t>
  </si>
  <si>
    <t>cg12129344</t>
  </si>
  <si>
    <t>cg12136608</t>
  </si>
  <si>
    <t>cg12137665</t>
  </si>
  <si>
    <t>cg12144803</t>
  </si>
  <si>
    <t>cg12147921</t>
  </si>
  <si>
    <t>cg12149905</t>
  </si>
  <si>
    <t>cg12150256</t>
  </si>
  <si>
    <t>cg12151328</t>
  </si>
  <si>
    <t>cg12151656</t>
  </si>
  <si>
    <t>cg12155036</t>
  </si>
  <si>
    <t>cg12158737</t>
  </si>
  <si>
    <t>cg12171567</t>
  </si>
  <si>
    <t>cg12171896</t>
  </si>
  <si>
    <t>cg12172478</t>
  </si>
  <si>
    <t>cg12173586</t>
  </si>
  <si>
    <t>cg12174409</t>
  </si>
  <si>
    <t>cg12177762</t>
  </si>
  <si>
    <t>cg12179658</t>
  </si>
  <si>
    <t>cg12180067</t>
  </si>
  <si>
    <t>cg12182991</t>
  </si>
  <si>
    <t>cg12184445</t>
  </si>
  <si>
    <t>cg12186440</t>
  </si>
  <si>
    <t>cg12187213</t>
  </si>
  <si>
    <t>cg12188830</t>
  </si>
  <si>
    <t>cg12190305</t>
  </si>
  <si>
    <t>cg12190423</t>
  </si>
  <si>
    <t>cg12194336</t>
  </si>
  <si>
    <t>cg12194939</t>
  </si>
  <si>
    <t>cg12196473</t>
  </si>
  <si>
    <t>cg12198157</t>
  </si>
  <si>
    <t>cg12207248</t>
  </si>
  <si>
    <t>cg12208612</t>
  </si>
  <si>
    <t>cg12214647</t>
  </si>
  <si>
    <t>cg12214673</t>
  </si>
  <si>
    <t>cg12226306</t>
  </si>
  <si>
    <t>cg12228245</t>
  </si>
  <si>
    <t>cg12230883</t>
  </si>
  <si>
    <t>cg12232852</t>
  </si>
  <si>
    <t>cg12235788</t>
  </si>
  <si>
    <t>cg12243255</t>
  </si>
  <si>
    <t>cg12243822</t>
  </si>
  <si>
    <t>cg12259903</t>
  </si>
  <si>
    <t>cg12263219</t>
  </si>
  <si>
    <t>cg12268888</t>
  </si>
  <si>
    <t>cg12268991</t>
  </si>
  <si>
    <t>cg12293204</t>
  </si>
  <si>
    <t>cg12295918</t>
  </si>
  <si>
    <t>cg12300851</t>
  </si>
  <si>
    <t>cg12301740</t>
  </si>
  <si>
    <t>cg12302912</t>
  </si>
  <si>
    <t>cg12306833</t>
  </si>
  <si>
    <t>cg12307200</t>
  </si>
  <si>
    <t>cg12307306</t>
  </si>
  <si>
    <t>cg12309030</t>
  </si>
  <si>
    <t>cg12309479</t>
  </si>
  <si>
    <t>cg12315590</t>
  </si>
  <si>
    <t>cg12323361</t>
  </si>
  <si>
    <t>cg12324144</t>
  </si>
  <si>
    <t>cg12328660</t>
  </si>
  <si>
    <t>cg12332536</t>
  </si>
  <si>
    <t>cg12335116</t>
  </si>
  <si>
    <t>cg12335906</t>
  </si>
  <si>
    <t>cg12342003</t>
  </si>
  <si>
    <t>cg12350863</t>
  </si>
  <si>
    <t>cg12354056</t>
  </si>
  <si>
    <t>cg12354382</t>
  </si>
  <si>
    <t>cg12355794</t>
  </si>
  <si>
    <t>cg12356743</t>
  </si>
  <si>
    <t>cg12358524</t>
  </si>
  <si>
    <t>cg12359904</t>
  </si>
  <si>
    <t>cg12368897</t>
  </si>
  <si>
    <t>cg12369869</t>
  </si>
  <si>
    <t>cg12372414</t>
  </si>
  <si>
    <t>cg12374511</t>
  </si>
  <si>
    <t>cg12381416</t>
  </si>
  <si>
    <t>cg12384231</t>
  </si>
  <si>
    <t>cg12388007</t>
  </si>
  <si>
    <t>cg12389423</t>
  </si>
  <si>
    <t>cg12390524</t>
  </si>
  <si>
    <t>cg12395284</t>
  </si>
  <si>
    <t>cg12397426</t>
  </si>
  <si>
    <t>cg12398338</t>
  </si>
  <si>
    <t>cg12399484</t>
  </si>
  <si>
    <t>cg12400702</t>
  </si>
  <si>
    <t>cg12404216</t>
  </si>
  <si>
    <t>cg12404827</t>
  </si>
  <si>
    <t>cg12405775</t>
  </si>
  <si>
    <t>cg12409982</t>
  </si>
  <si>
    <t>cg12412926</t>
  </si>
  <si>
    <t>cg12413566</t>
  </si>
  <si>
    <t>cg12416053</t>
  </si>
  <si>
    <t>cg12417299</t>
  </si>
  <si>
    <t>cg12419052</t>
  </si>
  <si>
    <t>cg12419067</t>
  </si>
  <si>
    <t>cg12432161</t>
  </si>
  <si>
    <t>cg12433782</t>
  </si>
  <si>
    <t>cg12436715</t>
  </si>
  <si>
    <t>cg12437239</t>
  </si>
  <si>
    <t>cg12438842</t>
  </si>
  <si>
    <t>cg12439695</t>
  </si>
  <si>
    <t>cg12444340</t>
  </si>
  <si>
    <t>cg12452300</t>
  </si>
  <si>
    <t>cg12452542</t>
  </si>
  <si>
    <t>cg12452909</t>
  </si>
  <si>
    <t>cg12453631</t>
  </si>
  <si>
    <t>cg12458207</t>
  </si>
  <si>
    <t>cg12461092</t>
  </si>
  <si>
    <t>cg12467226</t>
  </si>
  <si>
    <t>cg12469955</t>
  </si>
  <si>
    <t>cg12476242</t>
  </si>
  <si>
    <t>cg12478384</t>
  </si>
  <si>
    <t>cg12479512</t>
  </si>
  <si>
    <t>cg12479660</t>
  </si>
  <si>
    <t>cg12484979</t>
  </si>
  <si>
    <t>cg12497374</t>
  </si>
  <si>
    <t>cg12505423</t>
  </si>
  <si>
    <t>cg12506980</t>
  </si>
  <si>
    <t>cg12507125</t>
  </si>
  <si>
    <t>cg12507129</t>
  </si>
  <si>
    <t>cg12508343</t>
  </si>
  <si>
    <t>cg12513795</t>
  </si>
  <si>
    <t>cg12522060</t>
  </si>
  <si>
    <t>cg12524773</t>
  </si>
  <si>
    <t>cg12529055</t>
  </si>
  <si>
    <t>cg12534466</t>
  </si>
  <si>
    <t>cg12541591</t>
  </si>
  <si>
    <t>cg12550012</t>
  </si>
  <si>
    <t>cg12551746</t>
  </si>
  <si>
    <t>cg12554573</t>
  </si>
  <si>
    <t>cg12564913</t>
  </si>
  <si>
    <t>cg12573071</t>
  </si>
  <si>
    <t>cg12577320</t>
  </si>
  <si>
    <t>cg12582181</t>
  </si>
  <si>
    <t>cg12583908</t>
  </si>
  <si>
    <t>cg12588041</t>
  </si>
  <si>
    <t>cg12594581</t>
  </si>
  <si>
    <t>cg12598089</t>
  </si>
  <si>
    <t>cg12605080</t>
  </si>
  <si>
    <t>cg12609243</t>
  </si>
  <si>
    <t>cg12609467</t>
  </si>
  <si>
    <t>cg12609739</t>
  </si>
  <si>
    <t>cg12610078</t>
  </si>
  <si>
    <t>cg12615535</t>
  </si>
  <si>
    <t>cg12616277</t>
  </si>
  <si>
    <t>cg12616721</t>
  </si>
  <si>
    <t>cg12617473</t>
  </si>
  <si>
    <t>cg12618910</t>
  </si>
  <si>
    <t>cg12621546</t>
  </si>
  <si>
    <t>cg12623930</t>
  </si>
  <si>
    <t>cg12626957</t>
  </si>
  <si>
    <t>cg12632315</t>
  </si>
  <si>
    <t>cg12638871</t>
  </si>
  <si>
    <t>cg12661229</t>
  </si>
  <si>
    <t>cg12664770</t>
  </si>
  <si>
    <t>cg12666980</t>
  </si>
  <si>
    <t>cg12668399</t>
  </si>
  <si>
    <t>cg12677759</t>
  </si>
  <si>
    <t>cg12679353</t>
  </si>
  <si>
    <t>cg12681948</t>
  </si>
  <si>
    <t>cg12684175</t>
  </si>
  <si>
    <t>cg12688043</t>
  </si>
  <si>
    <t>cg12691534</t>
  </si>
  <si>
    <t>cg12693975</t>
  </si>
  <si>
    <t>cg12695586</t>
  </si>
  <si>
    <t>cg12703904</t>
  </si>
  <si>
    <t>cg12711974</t>
  </si>
  <si>
    <t>cg12726110</t>
  </si>
  <si>
    <t>cg12727374</t>
  </si>
  <si>
    <t>cg12727940</t>
  </si>
  <si>
    <t>cg12737565</t>
  </si>
  <si>
    <t>cg12738864</t>
  </si>
  <si>
    <t>cg12741295</t>
  </si>
  <si>
    <t>cg12741994</t>
  </si>
  <si>
    <t>cg12753804</t>
  </si>
  <si>
    <t>cg12763900</t>
  </si>
  <si>
    <t>cg12764921</t>
  </si>
  <si>
    <t>cg12780286</t>
  </si>
  <si>
    <t>cg12781915</t>
  </si>
  <si>
    <t>cg12783640</t>
  </si>
  <si>
    <t>cg12788878</t>
  </si>
  <si>
    <t>cg12790037</t>
  </si>
  <si>
    <t>cg12793864</t>
  </si>
  <si>
    <t>cg12794469</t>
  </si>
  <si>
    <t>cg12805087</t>
  </si>
  <si>
    <t>cg12806353</t>
  </si>
  <si>
    <t>cg12807187</t>
  </si>
  <si>
    <t>cg12808661</t>
  </si>
  <si>
    <t>cg12812854</t>
  </si>
  <si>
    <t>cg12816936</t>
  </si>
  <si>
    <t>cg12819431</t>
  </si>
  <si>
    <t>cg12821315</t>
  </si>
  <si>
    <t>cg12825470</t>
  </si>
  <si>
    <t>cg12829455</t>
  </si>
  <si>
    <t>cg12832129</t>
  </si>
  <si>
    <t>cg12837697</t>
  </si>
  <si>
    <t>cg12838168</t>
  </si>
  <si>
    <t>cg12845446</t>
  </si>
  <si>
    <t>cg12845952</t>
  </si>
  <si>
    <t>cg12845975</t>
  </si>
  <si>
    <t>cg12847986</t>
  </si>
  <si>
    <t>cg12852000</t>
  </si>
  <si>
    <t>cg12857957</t>
  </si>
  <si>
    <t>cg12858460</t>
  </si>
  <si>
    <t>cg12859382</t>
  </si>
  <si>
    <t>cg12869983</t>
  </si>
  <si>
    <t>cg12870811</t>
  </si>
  <si>
    <t>cg12871937</t>
  </si>
  <si>
    <t>cg12873189</t>
  </si>
  <si>
    <t>cg12875039</t>
  </si>
  <si>
    <t>cg12877378</t>
  </si>
  <si>
    <t>cg12877889</t>
  </si>
  <si>
    <t>cg12879143</t>
  </si>
  <si>
    <t>cg12886406</t>
  </si>
  <si>
    <t>cg12897942</t>
  </si>
  <si>
    <t>cg12898868</t>
  </si>
  <si>
    <t>cg12900666</t>
  </si>
  <si>
    <t>cg12901291</t>
  </si>
  <si>
    <t>cg12902719</t>
  </si>
  <si>
    <t>cg12902896</t>
  </si>
  <si>
    <t>cg12902979</t>
  </si>
  <si>
    <t>cg12905620</t>
  </si>
  <si>
    <t>cg12907199</t>
  </si>
  <si>
    <t>cg12909010</t>
  </si>
  <si>
    <t>cg12919119</t>
  </si>
  <si>
    <t>cg12920938</t>
  </si>
  <si>
    <t>cg12923215</t>
  </si>
  <si>
    <t>cg12923728</t>
  </si>
  <si>
    <t>cg12926720</t>
  </si>
  <si>
    <t>cg12927753</t>
  </si>
  <si>
    <t>cg12930100</t>
  </si>
  <si>
    <t>cg12930392</t>
  </si>
  <si>
    <t>cg12930727</t>
  </si>
  <si>
    <t>cg12935178</t>
  </si>
  <si>
    <t>cg12938320</t>
  </si>
  <si>
    <t>cg12941836</t>
  </si>
  <si>
    <t>cg12942681</t>
  </si>
  <si>
    <t>cg12946838</t>
  </si>
  <si>
    <t>cg12947507</t>
  </si>
  <si>
    <t>cg12948524</t>
  </si>
  <si>
    <t>cg12959106</t>
  </si>
  <si>
    <t>cg12964187</t>
  </si>
  <si>
    <t>cg12966367</t>
  </si>
  <si>
    <t>cg12974545</t>
  </si>
  <si>
    <t>cg12975539</t>
  </si>
  <si>
    <t>cg12976081</t>
  </si>
  <si>
    <t>cg12980000</t>
  </si>
  <si>
    <t>cg12981181</t>
  </si>
  <si>
    <t>cg12985164</t>
  </si>
  <si>
    <t>cg12985477</t>
  </si>
  <si>
    <t>cg12987312</t>
  </si>
  <si>
    <t>cg12988424</t>
  </si>
  <si>
    <t>cg12991365</t>
  </si>
  <si>
    <t>cg12996903</t>
  </si>
  <si>
    <t>cg12996913</t>
  </si>
  <si>
    <t>cg13000260</t>
  </si>
  <si>
    <t>cg13001274</t>
  </si>
  <si>
    <t>cg13002712</t>
  </si>
  <si>
    <t>cg13008935</t>
  </si>
  <si>
    <t>cg13015925</t>
  </si>
  <si>
    <t>cg13017471</t>
  </si>
  <si>
    <t>cg13019925</t>
  </si>
  <si>
    <t>cg13023621</t>
  </si>
  <si>
    <t>cg13031367</t>
  </si>
  <si>
    <t>cg13031679</t>
  </si>
  <si>
    <t>cg13033990</t>
  </si>
  <si>
    <t>cg13035046</t>
  </si>
  <si>
    <t>cg13036944</t>
  </si>
  <si>
    <t>cg13050716</t>
  </si>
  <si>
    <t>cg13050802</t>
  </si>
  <si>
    <t>cg13052625</t>
  </si>
  <si>
    <t>cg13053408</t>
  </si>
  <si>
    <t>cg13063704</t>
  </si>
  <si>
    <t>cg13065537</t>
  </si>
  <si>
    <t>cg13066481</t>
  </si>
  <si>
    <t>cg13066983</t>
  </si>
  <si>
    <t>cg13067649</t>
  </si>
  <si>
    <t>cg13068082</t>
  </si>
  <si>
    <t>cg13071069</t>
  </si>
  <si>
    <t>cg13072717</t>
  </si>
  <si>
    <t>cg13072940</t>
  </si>
  <si>
    <t>cg13074470</t>
  </si>
  <si>
    <t>cg13094391</t>
  </si>
  <si>
    <t>cg13099330</t>
  </si>
  <si>
    <t>cg13132182</t>
  </si>
  <si>
    <t>cg13135462</t>
  </si>
  <si>
    <t>cg13139998</t>
  </si>
  <si>
    <t>cg13140721</t>
  </si>
  <si>
    <t>cg13140770</t>
  </si>
  <si>
    <t>cg13142184</t>
  </si>
  <si>
    <t>cg13142374</t>
  </si>
  <si>
    <t>cg13144783</t>
  </si>
  <si>
    <t>cg13147717</t>
  </si>
  <si>
    <t>cg13151171</t>
  </si>
  <si>
    <t>cg13151269</t>
  </si>
  <si>
    <t>cg13151664</t>
  </si>
  <si>
    <t>cg13156411</t>
  </si>
  <si>
    <t>cg13180098</t>
  </si>
  <si>
    <t>cg13188385</t>
  </si>
  <si>
    <t>cg13188869</t>
  </si>
  <si>
    <t>cg13189235</t>
  </si>
  <si>
    <t>cg13199822</t>
  </si>
  <si>
    <t>cg13209298</t>
  </si>
  <si>
    <t>cg13211324</t>
  </si>
  <si>
    <t>cg13212382</t>
  </si>
  <si>
    <t>cg13226309</t>
  </si>
  <si>
    <t>cg13235059</t>
  </si>
  <si>
    <t>cg13235287</t>
  </si>
  <si>
    <t>cg13246264</t>
  </si>
  <si>
    <t>cg13250285</t>
  </si>
  <si>
    <t>cg13255056</t>
  </si>
  <si>
    <t>cg13256912</t>
  </si>
  <si>
    <t>cg13257146</t>
  </si>
  <si>
    <t>cg13257331</t>
  </si>
  <si>
    <t>cg13258831</t>
  </si>
  <si>
    <t>cg13260148</t>
  </si>
  <si>
    <t>cg13264018</t>
  </si>
  <si>
    <t>cg13264208</t>
  </si>
  <si>
    <t>cg13272327</t>
  </si>
  <si>
    <t>cg13273097</t>
  </si>
  <si>
    <t>cg13276704</t>
  </si>
  <si>
    <t>cg13278126</t>
  </si>
  <si>
    <t>cg13278496</t>
  </si>
  <si>
    <t>cg13279476</t>
  </si>
  <si>
    <t>cg13280914</t>
  </si>
  <si>
    <t>cg13284070</t>
  </si>
  <si>
    <t>cg13284864</t>
  </si>
  <si>
    <t>cg13297298</t>
  </si>
  <si>
    <t>cg13299776</t>
  </si>
  <si>
    <t>cg13303534</t>
  </si>
  <si>
    <t>cg13310076</t>
  </si>
  <si>
    <t>cg13312668</t>
  </si>
  <si>
    <t>cg13314965</t>
  </si>
  <si>
    <t>cg13316587</t>
  </si>
  <si>
    <t>cg13320202</t>
  </si>
  <si>
    <t>cg13321259</t>
  </si>
  <si>
    <t>cg13333267</t>
  </si>
  <si>
    <t>cg13333722</t>
  </si>
  <si>
    <t>cg13340636</t>
  </si>
  <si>
    <t>cg13341498</t>
  </si>
  <si>
    <t>cg13342710</t>
  </si>
  <si>
    <t>cg13346655</t>
  </si>
  <si>
    <t>cg13350481</t>
  </si>
  <si>
    <t>cg13365752</t>
  </si>
  <si>
    <t>cg13380109</t>
  </si>
  <si>
    <t>cg13383435</t>
  </si>
  <si>
    <t>cg13384396</t>
  </si>
  <si>
    <t>cg13389229</t>
  </si>
  <si>
    <t>cg13394083</t>
  </si>
  <si>
    <t>cg13398658</t>
  </si>
  <si>
    <t>cg13401876</t>
  </si>
  <si>
    <t>cg13411656</t>
  </si>
  <si>
    <t>cg13415434</t>
  </si>
  <si>
    <t>cg13418710</t>
  </si>
  <si>
    <t>cg13419330</t>
  </si>
  <si>
    <t>cg13419700</t>
  </si>
  <si>
    <t>cg13419925</t>
  </si>
  <si>
    <t>cg13420985</t>
  </si>
  <si>
    <t>cg13423054</t>
  </si>
  <si>
    <t>cg13423394</t>
  </si>
  <si>
    <t>cg13425146</t>
  </si>
  <si>
    <t>cg13427828</t>
  </si>
  <si>
    <t>cg13430678</t>
  </si>
  <si>
    <t>cg13430768</t>
  </si>
  <si>
    <t>cg13430960</t>
  </si>
  <si>
    <t>cg13431152</t>
  </si>
  <si>
    <t>cg13431165</t>
  </si>
  <si>
    <t>cg13432286</t>
  </si>
  <si>
    <t>cg13432744</t>
  </si>
  <si>
    <t>cg13438640</t>
  </si>
  <si>
    <t>cg13439582</t>
  </si>
  <si>
    <t>cg13444307</t>
  </si>
  <si>
    <t>cg13444374</t>
  </si>
  <si>
    <t>cg13446404</t>
  </si>
  <si>
    <t>cg13446974</t>
  </si>
  <si>
    <t>cg13447539</t>
  </si>
  <si>
    <t>cg13448092</t>
  </si>
  <si>
    <t>cg13451953</t>
  </si>
  <si>
    <t>cg13454135</t>
  </si>
  <si>
    <t>cg13461600</t>
  </si>
  <si>
    <t>cg13465462</t>
  </si>
  <si>
    <t>cg13468772</t>
  </si>
  <si>
    <t>cg13470462</t>
  </si>
  <si>
    <t>cg13470658</t>
  </si>
  <si>
    <t>cg13472734</t>
  </si>
  <si>
    <t>cg13474789</t>
  </si>
  <si>
    <t>cg13474998</t>
  </si>
  <si>
    <t>cg13475822</t>
  </si>
  <si>
    <t>cg13476950</t>
  </si>
  <si>
    <t>cg13479401</t>
  </si>
  <si>
    <t>cg13482209</t>
  </si>
  <si>
    <t>cg13487156</t>
  </si>
  <si>
    <t>cg13491005</t>
  </si>
  <si>
    <t>cg13491563</t>
  </si>
  <si>
    <t>cg13495118</t>
  </si>
  <si>
    <t>cg13497155</t>
  </si>
  <si>
    <t>cg13498650</t>
  </si>
  <si>
    <t>cg13502716</t>
  </si>
  <si>
    <t>cg13504933</t>
  </si>
  <si>
    <t>cg13506158</t>
  </si>
  <si>
    <t>cg13510812</t>
  </si>
  <si>
    <t>cg13511885</t>
  </si>
  <si>
    <t>cg13515605</t>
  </si>
  <si>
    <t>cg13518195</t>
  </si>
  <si>
    <t>cg13518327</t>
  </si>
  <si>
    <t>cg13519902</t>
  </si>
  <si>
    <t>cg13523652</t>
  </si>
  <si>
    <t>cg13526476</t>
  </si>
  <si>
    <t>cg13532410</t>
  </si>
  <si>
    <t>cg13535903</t>
  </si>
  <si>
    <t>cg13537146</t>
  </si>
  <si>
    <t>cg13537857</t>
  </si>
  <si>
    <t>cg13537974</t>
  </si>
  <si>
    <t>cg13546308</t>
  </si>
  <si>
    <t>cg13548220</t>
  </si>
  <si>
    <t>cg13550608</t>
  </si>
  <si>
    <t>cg13560548</t>
  </si>
  <si>
    <t>cg13575298</t>
  </si>
  <si>
    <t>cg13575542</t>
  </si>
  <si>
    <t>cg13577915</t>
  </si>
  <si>
    <t>cg13578306</t>
  </si>
  <si>
    <t>cg13580654</t>
  </si>
  <si>
    <t>cg13581866</t>
  </si>
  <si>
    <t>cg13582793</t>
  </si>
  <si>
    <t>cg13586051</t>
  </si>
  <si>
    <t>cg13587665</t>
  </si>
  <si>
    <t>cg13588739</t>
  </si>
  <si>
    <t>cg13593758</t>
  </si>
  <si>
    <t>cg13594837</t>
  </si>
  <si>
    <t>cg13605674</t>
  </si>
  <si>
    <t>cg13606421</t>
  </si>
  <si>
    <t>cg13610241</t>
  </si>
  <si>
    <t>cg13614753</t>
  </si>
  <si>
    <t>cg13616963</t>
  </si>
  <si>
    <t>cg13618111</t>
  </si>
  <si>
    <t>cg13619915</t>
  </si>
  <si>
    <t>cg13621410</t>
  </si>
  <si>
    <t>cg13638983</t>
  </si>
  <si>
    <t>cg13639536</t>
  </si>
  <si>
    <t>cg13641317</t>
  </si>
  <si>
    <t>cg13641778</t>
  </si>
  <si>
    <t>cg13654276</t>
  </si>
  <si>
    <t>cg13669740</t>
  </si>
  <si>
    <t>cg13678240</t>
  </si>
  <si>
    <t>cg13680438</t>
  </si>
  <si>
    <t>cg13683440</t>
  </si>
  <si>
    <t>cg13685294</t>
  </si>
  <si>
    <t>cg13686179</t>
  </si>
  <si>
    <t>cg13688966</t>
  </si>
  <si>
    <t>cg13689261</t>
  </si>
  <si>
    <t>cg13691441</t>
  </si>
  <si>
    <t>cg13691697</t>
  </si>
  <si>
    <t>cg13694876</t>
  </si>
  <si>
    <t>cg13696148</t>
  </si>
  <si>
    <t>cg13696545</t>
  </si>
  <si>
    <t>cg13696566</t>
  </si>
  <si>
    <t>cg13698291</t>
  </si>
  <si>
    <t>cg13698542</t>
  </si>
  <si>
    <t>cg13699363</t>
  </si>
  <si>
    <t>cg13702846</t>
  </si>
  <si>
    <t>cg13703021</t>
  </si>
  <si>
    <t>cg13706066</t>
  </si>
  <si>
    <t>cg13711186</t>
  </si>
  <si>
    <t>cg13713381</t>
  </si>
  <si>
    <t>cg13713989</t>
  </si>
  <si>
    <t>cg13714087</t>
  </si>
  <si>
    <t>cg13716443</t>
  </si>
  <si>
    <t>cg13717817</t>
  </si>
  <si>
    <t>cg13719314</t>
  </si>
  <si>
    <t>cg13721644</t>
  </si>
  <si>
    <t>cg13722619</t>
  </si>
  <si>
    <t>cg13724812</t>
  </si>
  <si>
    <t>cg13725272</t>
  </si>
  <si>
    <t>cg13726633</t>
  </si>
  <si>
    <t>cg13728650</t>
  </si>
  <si>
    <t>cg13736068</t>
  </si>
  <si>
    <t>cg13739942</t>
  </si>
  <si>
    <t>cg13742532</t>
  </si>
  <si>
    <t>cg13745201</t>
  </si>
  <si>
    <t>cg13745852</t>
  </si>
  <si>
    <t>cg13746414</t>
  </si>
  <si>
    <t>cg13747145</t>
  </si>
  <si>
    <t>cg13748287</t>
  </si>
  <si>
    <t>cg13750441</t>
  </si>
  <si>
    <t>cg13757172</t>
  </si>
  <si>
    <t>cg13757263</t>
  </si>
  <si>
    <t>cg13759702</t>
  </si>
  <si>
    <t>cg13763232</t>
  </si>
  <si>
    <t>cg13764915</t>
  </si>
  <si>
    <t>cg13765303</t>
  </si>
  <si>
    <t>cg13775832</t>
  </si>
  <si>
    <t>cg13787438</t>
  </si>
  <si>
    <t>cg13788959</t>
  </si>
  <si>
    <t>cg13796559</t>
  </si>
  <si>
    <t>cg13797231</t>
  </si>
  <si>
    <t>cg13798579</t>
  </si>
  <si>
    <t>cg13808147</t>
  </si>
  <si>
    <t>cg13808674</t>
  </si>
  <si>
    <t>cg13810562</t>
  </si>
  <si>
    <t>cg13821177</t>
  </si>
  <si>
    <t>cg13821602</t>
  </si>
  <si>
    <t>cg13830203</t>
  </si>
  <si>
    <t>cg13844011</t>
  </si>
  <si>
    <t>cg13859541</t>
  </si>
  <si>
    <t>cg13871633</t>
  </si>
  <si>
    <t>cg13874777</t>
  </si>
  <si>
    <t>cg13878360</t>
  </si>
  <si>
    <t>cg13879195</t>
  </si>
  <si>
    <t>cg13882267</t>
  </si>
  <si>
    <t>cg13882414</t>
  </si>
  <si>
    <t>cg13883202</t>
  </si>
  <si>
    <t>cg13883981</t>
  </si>
  <si>
    <t>cg13884295</t>
  </si>
  <si>
    <t>cg13888070</t>
  </si>
  <si>
    <t>cg13889007</t>
  </si>
  <si>
    <t>cg13894046</t>
  </si>
  <si>
    <t>cg13895544</t>
  </si>
  <si>
    <t>cg13896608</t>
  </si>
  <si>
    <t>cg13897145</t>
  </si>
  <si>
    <t>cg13901768</t>
  </si>
  <si>
    <t>cg13907146</t>
  </si>
  <si>
    <t>cg13908232</t>
  </si>
  <si>
    <t>cg13908523</t>
  </si>
  <si>
    <t>cg13912358</t>
  </si>
  <si>
    <t>cg13913728</t>
  </si>
  <si>
    <t>cg13915219</t>
  </si>
  <si>
    <t>cg13916298</t>
  </si>
  <si>
    <t>cg13918314</t>
  </si>
  <si>
    <t>cg13919137</t>
  </si>
  <si>
    <t>cg13919821</t>
  </si>
  <si>
    <t>cg13921352</t>
  </si>
  <si>
    <t>cg13924105</t>
  </si>
  <si>
    <t>cg13950290</t>
  </si>
  <si>
    <t>cg13958389</t>
  </si>
  <si>
    <t>cg13964105</t>
  </si>
  <si>
    <t>cg13968953</t>
  </si>
  <si>
    <t>cg13975062</t>
  </si>
  <si>
    <t>cg13994175</t>
  </si>
  <si>
    <t>cg13995432</t>
  </si>
  <si>
    <t>cg13996426</t>
  </si>
  <si>
    <t>cg14003467</t>
  </si>
  <si>
    <t>cg14014593</t>
  </si>
  <si>
    <t>cg14018079</t>
  </si>
  <si>
    <t>cg14018690</t>
  </si>
  <si>
    <t>cg14029061</t>
  </si>
  <si>
    <t>cg14030285</t>
  </si>
  <si>
    <t>cg14030878</t>
  </si>
  <si>
    <t>cg14039083</t>
  </si>
  <si>
    <t>cg14039773</t>
  </si>
  <si>
    <t>cg14039999</t>
  </si>
  <si>
    <t>cg14042799</t>
  </si>
  <si>
    <t>cg14046892</t>
  </si>
  <si>
    <t>cg14054279</t>
  </si>
  <si>
    <t>cg14056942</t>
  </si>
  <si>
    <t>cg14058345</t>
  </si>
  <si>
    <t>cg14077923</t>
  </si>
  <si>
    <t>cg14079000</t>
  </si>
  <si>
    <t>cg14091103</t>
  </si>
  <si>
    <t>cg14091208</t>
  </si>
  <si>
    <t>cg14098385</t>
  </si>
  <si>
    <t>cg14099335</t>
  </si>
  <si>
    <t>cg14099457</t>
  </si>
  <si>
    <t>cg14106308</t>
  </si>
  <si>
    <t>cg14113324</t>
  </si>
  <si>
    <t>cg14121103</t>
  </si>
  <si>
    <t>cg14141843</t>
  </si>
  <si>
    <t>cg14143509</t>
  </si>
  <si>
    <t>cg14147196</t>
  </si>
  <si>
    <t>cg14148944</t>
  </si>
  <si>
    <t>cg14174379</t>
  </si>
  <si>
    <t>cg14176449</t>
  </si>
  <si>
    <t>cg14180696</t>
  </si>
  <si>
    <t>cg14184400</t>
  </si>
  <si>
    <t>cg14195958</t>
  </si>
  <si>
    <t>cg14201528</t>
  </si>
  <si>
    <t>cg14202325</t>
  </si>
  <si>
    <t>cg14209346</t>
  </si>
  <si>
    <t>cg14214865</t>
  </si>
  <si>
    <t>cg14217074</t>
  </si>
  <si>
    <t>cg14217211</t>
  </si>
  <si>
    <t>cg14220654</t>
  </si>
  <si>
    <t>cg14221142</t>
  </si>
  <si>
    <t>cg14225868</t>
  </si>
  <si>
    <t>cg14228238</t>
  </si>
  <si>
    <t>cg14228830</t>
  </si>
  <si>
    <t>cg14230378</t>
  </si>
  <si>
    <t>cg14241507</t>
  </si>
  <si>
    <t>cg14246617</t>
  </si>
  <si>
    <t>cg14262027</t>
  </si>
  <si>
    <t>cg14262432</t>
  </si>
  <si>
    <t>cg14265868</t>
  </si>
  <si>
    <t>cg14306812</t>
  </si>
  <si>
    <t>cg14309936</t>
  </si>
  <si>
    <t>cg14310696</t>
  </si>
  <si>
    <t>cg14312391</t>
  </si>
  <si>
    <t>cg14315332</t>
  </si>
  <si>
    <t>cg14315863</t>
  </si>
  <si>
    <t>cg14317285</t>
  </si>
  <si>
    <t>cg14319700</t>
  </si>
  <si>
    <t>cg14323117</t>
  </si>
  <si>
    <t>cg14334794</t>
  </si>
  <si>
    <t>cg14337339</t>
  </si>
  <si>
    <t>cg14338114</t>
  </si>
  <si>
    <t>cg14338234</t>
  </si>
  <si>
    <t>cg14339353</t>
  </si>
  <si>
    <t>cg14339599</t>
  </si>
  <si>
    <t>cg14339750</t>
  </si>
  <si>
    <t>cg14358502</t>
  </si>
  <si>
    <t>cg14364903</t>
  </si>
  <si>
    <t>cg14386548</t>
  </si>
  <si>
    <t>cg14391622</t>
  </si>
  <si>
    <t>cg14399078</t>
  </si>
  <si>
    <t>cg14404298</t>
  </si>
  <si>
    <t>cg14415616</t>
  </si>
  <si>
    <t>cg14423735</t>
  </si>
  <si>
    <t>cg14431476</t>
  </si>
  <si>
    <t>cg14446955</t>
  </si>
  <si>
    <t>cg14449845</t>
  </si>
  <si>
    <t>cg14453251</t>
  </si>
  <si>
    <t>cg14456490</t>
  </si>
  <si>
    <t>cg14456683</t>
  </si>
  <si>
    <t>cg14458654</t>
  </si>
  <si>
    <t>cg14458903</t>
  </si>
  <si>
    <t>cg14461291</t>
  </si>
  <si>
    <t>cg14465410</t>
  </si>
  <si>
    <t>cg14466989</t>
  </si>
  <si>
    <t>cg14467668</t>
  </si>
  <si>
    <t>cg14469436</t>
  </si>
  <si>
    <t>cg14470209</t>
  </si>
  <si>
    <t>cg14472315</t>
  </si>
  <si>
    <t>cg14473235</t>
  </si>
  <si>
    <t>cg14473568</t>
  </si>
  <si>
    <t>cg14473575</t>
  </si>
  <si>
    <t>cg14473743</t>
  </si>
  <si>
    <t>cg14476212</t>
  </si>
  <si>
    <t>cg14477135</t>
  </si>
  <si>
    <t>cg14478797</t>
  </si>
  <si>
    <t>cg14480789</t>
  </si>
  <si>
    <t>cg14485377</t>
  </si>
  <si>
    <t>cg14494448</t>
  </si>
  <si>
    <t>cg14494596</t>
  </si>
  <si>
    <t>cg14496305</t>
  </si>
  <si>
    <t>cg14500070</t>
  </si>
  <si>
    <t>cg14501407</t>
  </si>
  <si>
    <t>cg14503796</t>
  </si>
  <si>
    <t>cg14504269</t>
  </si>
  <si>
    <t>cg14507891</t>
  </si>
  <si>
    <t>cg14508777</t>
  </si>
  <si>
    <t>cg14508890</t>
  </si>
  <si>
    <t>cg14509623</t>
  </si>
  <si>
    <t>cg14510374</t>
  </si>
  <si>
    <t>cg14511273</t>
  </si>
  <si>
    <t>cg14511417</t>
  </si>
  <si>
    <t>cg14512813</t>
  </si>
  <si>
    <t>cg14514949</t>
  </si>
  <si>
    <t>cg14519125</t>
  </si>
  <si>
    <t>cg14519134</t>
  </si>
  <si>
    <t>cg14520079</t>
  </si>
  <si>
    <t>cg14520829</t>
  </si>
  <si>
    <t>cg14521134</t>
  </si>
  <si>
    <t>cg14526039</t>
  </si>
  <si>
    <t>cg14526843</t>
  </si>
  <si>
    <t>cg14527029</t>
  </si>
  <si>
    <t>cg14528193</t>
  </si>
  <si>
    <t>cg14528273</t>
  </si>
  <si>
    <t>cg14528596</t>
  </si>
  <si>
    <t>cg14530764</t>
  </si>
  <si>
    <t>cg14531026</t>
  </si>
  <si>
    <t>cg14533860</t>
  </si>
  <si>
    <t>cg14533885</t>
  </si>
  <si>
    <t>cg14557816</t>
  </si>
  <si>
    <t>cg14558573</t>
  </si>
  <si>
    <t>cg14560430</t>
  </si>
  <si>
    <t>cg14563954</t>
  </si>
  <si>
    <t>cg14564247</t>
  </si>
  <si>
    <t>cg14566946</t>
  </si>
  <si>
    <t>cg14574118</t>
  </si>
  <si>
    <t>cg14576319</t>
  </si>
  <si>
    <t>cg14577430</t>
  </si>
  <si>
    <t>cg14580747</t>
  </si>
  <si>
    <t>cg14581287</t>
  </si>
  <si>
    <t>cg14583319</t>
  </si>
  <si>
    <t>cg14590206</t>
  </si>
  <si>
    <t>cg14591123</t>
  </si>
  <si>
    <t>cg14591243</t>
  </si>
  <si>
    <t>cg14596713</t>
  </si>
  <si>
    <t>cg14598764</t>
  </si>
  <si>
    <t>cg14601136</t>
  </si>
  <si>
    <t>cg14602658</t>
  </si>
  <si>
    <t>cg14608275</t>
  </si>
  <si>
    <t>cg14611230</t>
  </si>
  <si>
    <t>cg14612335</t>
  </si>
  <si>
    <t>cg14614975</t>
  </si>
  <si>
    <t>cg14616479</t>
  </si>
  <si>
    <t>cg14616574</t>
  </si>
  <si>
    <t>cg14630001</t>
  </si>
  <si>
    <t>cg14634738</t>
  </si>
  <si>
    <t>cg14638147</t>
  </si>
  <si>
    <t>cg14643001</t>
  </si>
  <si>
    <t>cg14643330</t>
  </si>
  <si>
    <t>cg14650344</t>
  </si>
  <si>
    <t>cg14651453</t>
  </si>
  <si>
    <t>cg14652230</t>
  </si>
  <si>
    <t>cg14655715</t>
  </si>
  <si>
    <t>cg14657525</t>
  </si>
  <si>
    <t>cg14659547</t>
  </si>
  <si>
    <t>cg14663065</t>
  </si>
  <si>
    <t>cg14666404</t>
  </si>
  <si>
    <t>cg14673932</t>
  </si>
  <si>
    <t>cg14680989</t>
  </si>
  <si>
    <t>cg14688451</t>
  </si>
  <si>
    <t>cg14689515</t>
  </si>
  <si>
    <t>cg14689896</t>
  </si>
  <si>
    <t>cg14691865</t>
  </si>
  <si>
    <t>cg14691963</t>
  </si>
  <si>
    <t>cg14692882</t>
  </si>
  <si>
    <t>cg14694085</t>
  </si>
  <si>
    <t>cg14694744</t>
  </si>
  <si>
    <t>cg14696064</t>
  </si>
  <si>
    <t>cg14697475</t>
  </si>
  <si>
    <t>cg14699903</t>
  </si>
  <si>
    <t>cg14706455</t>
  </si>
  <si>
    <t>cg14707886</t>
  </si>
  <si>
    <t>cg14708851</t>
  </si>
  <si>
    <t>cg14712964</t>
  </si>
  <si>
    <t>cg14718326</t>
  </si>
  <si>
    <t>cg14720543</t>
  </si>
  <si>
    <t>cg14732828</t>
  </si>
  <si>
    <t>cg14734200</t>
  </si>
  <si>
    <t>cg14740789</t>
  </si>
  <si>
    <t>cg14741939</t>
  </si>
  <si>
    <t>cg14742690</t>
  </si>
  <si>
    <t>cg14745871</t>
  </si>
  <si>
    <t>cg14749678</t>
  </si>
  <si>
    <t>cg14750551</t>
  </si>
  <si>
    <t>cg14750757</t>
  </si>
  <si>
    <t>cg14751544</t>
  </si>
  <si>
    <t>cg14754581</t>
  </si>
  <si>
    <t>cg14758413</t>
  </si>
  <si>
    <t>cg14766620</t>
  </si>
  <si>
    <t>cg14768087</t>
  </si>
  <si>
    <t>cg14768256</t>
  </si>
  <si>
    <t>cg14769021</t>
  </si>
  <si>
    <t>cg14769265</t>
  </si>
  <si>
    <t>cg14772050</t>
  </si>
  <si>
    <t>cg14772599</t>
  </si>
  <si>
    <t>cg14772800</t>
  </si>
  <si>
    <t>cg14774165</t>
  </si>
  <si>
    <t>cg14777519</t>
  </si>
  <si>
    <t>cg14777768</t>
  </si>
  <si>
    <t>cg14777873</t>
  </si>
  <si>
    <t>cg14777903</t>
  </si>
  <si>
    <t>cg14778576</t>
  </si>
  <si>
    <t>cg14783581</t>
  </si>
  <si>
    <t>cg14784932</t>
  </si>
  <si>
    <t>cg14789121</t>
  </si>
  <si>
    <t>cg14790860</t>
  </si>
  <si>
    <t>cg14792912</t>
  </si>
  <si>
    <t>cg14798641</t>
  </si>
  <si>
    <t>cg14799129</t>
  </si>
  <si>
    <t>cg14808132</t>
  </si>
  <si>
    <t>cg14814876</t>
  </si>
  <si>
    <t>cg14818413</t>
  </si>
  <si>
    <t>cg14824983</t>
  </si>
  <si>
    <t>cg14834477</t>
  </si>
  <si>
    <t>cg14843337</t>
  </si>
  <si>
    <t>cg14843888</t>
  </si>
  <si>
    <t>cg14844401</t>
  </si>
  <si>
    <t>cg14844741</t>
  </si>
  <si>
    <t>cg14845282</t>
  </si>
  <si>
    <t>cg14847818</t>
  </si>
  <si>
    <t>cg14850653</t>
  </si>
  <si>
    <t>cg14852276</t>
  </si>
  <si>
    <t>cg14857851</t>
  </si>
  <si>
    <t>cg14858504</t>
  </si>
  <si>
    <t>cg14860524</t>
  </si>
  <si>
    <t>cg14861047</t>
  </si>
  <si>
    <t>cg14861221</t>
  </si>
  <si>
    <t>cg14862722</t>
  </si>
  <si>
    <t>cg14864302</t>
  </si>
  <si>
    <t>cg14870461</t>
  </si>
  <si>
    <t>cg14871365</t>
  </si>
  <si>
    <t>cg14871736</t>
  </si>
  <si>
    <t>cg14872036</t>
  </si>
  <si>
    <t>cg14874541</t>
  </si>
  <si>
    <t>cg14879736</t>
  </si>
  <si>
    <t>cg14881178</t>
  </si>
  <si>
    <t>cg14883003</t>
  </si>
  <si>
    <t>cg14886629</t>
  </si>
  <si>
    <t>cg14886676</t>
  </si>
  <si>
    <t>cg14886990</t>
  </si>
  <si>
    <t>cg14887955</t>
  </si>
  <si>
    <t>cg14888296</t>
  </si>
  <si>
    <t>cg14896157</t>
  </si>
  <si>
    <t>cg14910241</t>
  </si>
  <si>
    <t>cg14915620</t>
  </si>
  <si>
    <t>cg14920430</t>
  </si>
  <si>
    <t>cg14921522</t>
  </si>
  <si>
    <t>cg14923274</t>
  </si>
  <si>
    <t>cg14928452</t>
  </si>
  <si>
    <t>cg14930242</t>
  </si>
  <si>
    <t>cg14930955</t>
  </si>
  <si>
    <t>cg14941179</t>
  </si>
  <si>
    <t>cg14941895</t>
  </si>
  <si>
    <t>cg14943722</t>
  </si>
  <si>
    <t>cg14948268</t>
  </si>
  <si>
    <t>cg14950753</t>
  </si>
  <si>
    <t>cg14954688</t>
  </si>
  <si>
    <t>cg14955261</t>
  </si>
  <si>
    <t>cg14958373</t>
  </si>
  <si>
    <t>cg14958505</t>
  </si>
  <si>
    <t>cg14960716</t>
  </si>
  <si>
    <t>cg14966992</t>
  </si>
  <si>
    <t>cg14968361</t>
  </si>
  <si>
    <t>cg14972328</t>
  </si>
  <si>
    <t>cg14972564</t>
  </si>
  <si>
    <t>cg14973369</t>
  </si>
  <si>
    <t>cg14978174</t>
  </si>
  <si>
    <t>cg14979826</t>
  </si>
  <si>
    <t>cg14983148</t>
  </si>
  <si>
    <t>cg14983698</t>
  </si>
  <si>
    <t>cg14991595</t>
  </si>
  <si>
    <t>cg14993430</t>
  </si>
  <si>
    <t>cg14993614</t>
  </si>
  <si>
    <t>cg14994893</t>
  </si>
  <si>
    <t>cg14999291</t>
  </si>
  <si>
    <t>cg15003208</t>
  </si>
  <si>
    <t>cg15010544</t>
  </si>
  <si>
    <t>cg15011249</t>
  </si>
  <si>
    <t>cg15011775</t>
  </si>
  <si>
    <t>cg15012214</t>
  </si>
  <si>
    <t>cg15012625</t>
  </si>
  <si>
    <t>cg15012678</t>
  </si>
  <si>
    <t>cg15025362</t>
  </si>
  <si>
    <t>cg15026574</t>
  </si>
  <si>
    <t>cg15033269</t>
  </si>
  <si>
    <t>cg15035590</t>
  </si>
  <si>
    <t>cg15037596</t>
  </si>
  <si>
    <t>cg15043975</t>
  </si>
  <si>
    <t>cg15044270</t>
  </si>
  <si>
    <t>cg15048948</t>
  </si>
  <si>
    <t>cg15050753</t>
  </si>
  <si>
    <t>cg15051063</t>
  </si>
  <si>
    <t>cg15051960</t>
  </si>
  <si>
    <t>cg15056966</t>
  </si>
  <si>
    <t>cg15057726</t>
  </si>
  <si>
    <t>cg15059608</t>
  </si>
  <si>
    <t>cg15060177</t>
  </si>
  <si>
    <t>cg15061025</t>
  </si>
  <si>
    <t>cg15062059</t>
  </si>
  <si>
    <t>cg15062281</t>
  </si>
  <si>
    <t>cg15064753</t>
  </si>
  <si>
    <t>cg15065896</t>
  </si>
  <si>
    <t>cg15066337</t>
  </si>
  <si>
    <t>cg15066489</t>
  </si>
  <si>
    <t>cg15066503</t>
  </si>
  <si>
    <t>cg15069545</t>
  </si>
  <si>
    <t>cg15075128</t>
  </si>
  <si>
    <t>cg15076368</t>
  </si>
  <si>
    <t>cg15077975</t>
  </si>
  <si>
    <t>cg15079455</t>
  </si>
  <si>
    <t>cg15081033</t>
  </si>
  <si>
    <t>cg15081402</t>
  </si>
  <si>
    <t>cg15084803</t>
  </si>
  <si>
    <t>cg15084945</t>
  </si>
  <si>
    <t>cg15085006</t>
  </si>
  <si>
    <t>cg15085372</t>
  </si>
  <si>
    <t>cg15085447</t>
  </si>
  <si>
    <t>cg15086353</t>
  </si>
  <si>
    <t>cg15087448</t>
  </si>
  <si>
    <t>cg15087520</t>
  </si>
  <si>
    <t>cg15089090</t>
  </si>
  <si>
    <t>cg15089217</t>
  </si>
  <si>
    <t>cg15094636</t>
  </si>
  <si>
    <t>cg15095327</t>
  </si>
  <si>
    <t>cg15095581</t>
  </si>
  <si>
    <t>cg15100501</t>
  </si>
  <si>
    <t>cg15100992</t>
  </si>
  <si>
    <t>cg15102593</t>
  </si>
  <si>
    <t>cg15104158</t>
  </si>
  <si>
    <t>cg15107641</t>
  </si>
  <si>
    <t>cg15108553</t>
  </si>
  <si>
    <t>cg15109126</t>
  </si>
  <si>
    <t>cg15109144</t>
  </si>
  <si>
    <t>cg15113803</t>
  </si>
  <si>
    <t>cg15117754</t>
  </si>
  <si>
    <t>cg15120497</t>
  </si>
  <si>
    <t>cg15120942</t>
  </si>
  <si>
    <t>cg15121877</t>
  </si>
  <si>
    <t>cg15122097</t>
  </si>
  <si>
    <t>cg15128334</t>
  </si>
  <si>
    <t>cg15128638</t>
  </si>
  <si>
    <t>cg15130211</t>
  </si>
  <si>
    <t>cg15130565</t>
  </si>
  <si>
    <t>cg15131848</t>
  </si>
  <si>
    <t>cg15131977</t>
  </si>
  <si>
    <t>cg15132559</t>
  </si>
  <si>
    <t>cg15132922</t>
  </si>
  <si>
    <t>cg15135222</t>
  </si>
  <si>
    <t>cg15136953</t>
  </si>
  <si>
    <t>cg15140562</t>
  </si>
  <si>
    <t>cg15140619</t>
  </si>
  <si>
    <t>cg15141217</t>
  </si>
  <si>
    <t>cg15145672</t>
  </si>
  <si>
    <t>cg15145767</t>
  </si>
  <si>
    <t>cg15146567</t>
  </si>
  <si>
    <t>cg15147060</t>
  </si>
  <si>
    <t>cg15152301</t>
  </si>
  <si>
    <t>cg15155209</t>
  </si>
  <si>
    <t>cg15155672</t>
  </si>
  <si>
    <t>cg15157945</t>
  </si>
  <si>
    <t>cg15158530</t>
  </si>
  <si>
    <t>cg15159069</t>
  </si>
  <si>
    <t>cg15160312</t>
  </si>
  <si>
    <t>cg15164472</t>
  </si>
  <si>
    <t>cg15167276</t>
  </si>
  <si>
    <t>cg15169565</t>
  </si>
  <si>
    <t>cg15175091</t>
  </si>
  <si>
    <t>cg15180789</t>
  </si>
  <si>
    <t>cg15182939</t>
  </si>
  <si>
    <t>cg15183126</t>
  </si>
  <si>
    <t>cg15184386</t>
  </si>
  <si>
    <t>cg15185458</t>
  </si>
  <si>
    <t>cg15208284</t>
  </si>
  <si>
    <t>cg15213122</t>
  </si>
  <si>
    <t>cg15214187</t>
  </si>
  <si>
    <t>cg15224741</t>
  </si>
  <si>
    <t>cg15230397</t>
  </si>
  <si>
    <t>cg15230931</t>
  </si>
  <si>
    <t>cg15232450</t>
  </si>
  <si>
    <t>cg15232652</t>
  </si>
  <si>
    <t>cg15239694</t>
  </si>
  <si>
    <t>cg15242490</t>
  </si>
  <si>
    <t>cg15246085</t>
  </si>
  <si>
    <t>cg15254860</t>
  </si>
  <si>
    <t>cg15257376</t>
  </si>
  <si>
    <t>cg15257719</t>
  </si>
  <si>
    <t>cg15261665</t>
  </si>
  <si>
    <t>cg15267250</t>
  </si>
  <si>
    <t>cg15267345</t>
  </si>
  <si>
    <t>cg15270235</t>
  </si>
  <si>
    <t>cg15270950</t>
  </si>
  <si>
    <t>cg15271594</t>
  </si>
  <si>
    <t>cg15271813</t>
  </si>
  <si>
    <t>cg15275625</t>
  </si>
  <si>
    <t>cg15279800</t>
  </si>
  <si>
    <t>cg15283967</t>
  </si>
  <si>
    <t>cg15284635</t>
  </si>
  <si>
    <t>cg15286037</t>
  </si>
  <si>
    <t>cg15287850</t>
  </si>
  <si>
    <t>cg15288618</t>
  </si>
  <si>
    <t>cg15308664</t>
  </si>
  <si>
    <t>cg15310857</t>
  </si>
  <si>
    <t>cg15312192</t>
  </si>
  <si>
    <t>cg15314542</t>
  </si>
  <si>
    <t>cg15315015</t>
  </si>
  <si>
    <t>cg15315056</t>
  </si>
  <si>
    <t>cg15317815</t>
  </si>
  <si>
    <t>cg15320001</t>
  </si>
  <si>
    <t>cg15321908</t>
  </si>
  <si>
    <t>cg15328005</t>
  </si>
  <si>
    <t>cg15333551</t>
  </si>
  <si>
    <t>cg15334250</t>
  </si>
  <si>
    <t>cg15340526</t>
  </si>
  <si>
    <t>cg15346493</t>
  </si>
  <si>
    <t>cg15348640</t>
  </si>
  <si>
    <t>cg15354705</t>
  </si>
  <si>
    <t>cg15355387</t>
  </si>
  <si>
    <t>cg15357639</t>
  </si>
  <si>
    <t>cg15362955</t>
  </si>
  <si>
    <t>cg15365949</t>
  </si>
  <si>
    <t>cg15367212</t>
  </si>
  <si>
    <t>cg15367247</t>
  </si>
  <si>
    <t>cg15368868</t>
  </si>
  <si>
    <t>cg15369531</t>
  </si>
  <si>
    <t>cg15371566</t>
  </si>
  <si>
    <t>cg15372508</t>
  </si>
  <si>
    <t>cg15373928</t>
  </si>
  <si>
    <t>cg15385623</t>
  </si>
  <si>
    <t>cg15389153</t>
  </si>
  <si>
    <t>cg15405439</t>
  </si>
  <si>
    <t>cg15407570</t>
  </si>
  <si>
    <t>cg15417641</t>
  </si>
  <si>
    <t>cg15419073</t>
  </si>
  <si>
    <t>cg15422685</t>
  </si>
  <si>
    <t>cg15426869</t>
  </si>
  <si>
    <t>cg15426878</t>
  </si>
  <si>
    <t>cg15427004</t>
  </si>
  <si>
    <t>cg15429816</t>
  </si>
  <si>
    <t>cg15434403</t>
  </si>
  <si>
    <t>cg15435900</t>
  </si>
  <si>
    <t>cg15438014</t>
  </si>
  <si>
    <t>cg15438497</t>
  </si>
  <si>
    <t>cg15439078</t>
  </si>
  <si>
    <t>cg15439202</t>
  </si>
  <si>
    <t>cg15442534</t>
  </si>
  <si>
    <t>cg15442746</t>
  </si>
  <si>
    <t>cg15443403</t>
  </si>
  <si>
    <t>cg15445725</t>
  </si>
  <si>
    <t>cg15446845</t>
  </si>
  <si>
    <t>cg15448599</t>
  </si>
  <si>
    <t>cg15449049</t>
  </si>
  <si>
    <t>cg15450445</t>
  </si>
  <si>
    <t>cg15453392</t>
  </si>
  <si>
    <t>cg15454698</t>
  </si>
  <si>
    <t>cg15472754</t>
  </si>
  <si>
    <t>cg15472885</t>
  </si>
  <si>
    <t>cg15473502</t>
  </si>
  <si>
    <t>cg15474435</t>
  </si>
  <si>
    <t>cg15477500</t>
  </si>
  <si>
    <t>cg15480357</t>
  </si>
  <si>
    <t>cg15484384</t>
  </si>
  <si>
    <t>cg15485378</t>
  </si>
  <si>
    <t>cg15486454</t>
  </si>
  <si>
    <t>cg15487251</t>
  </si>
  <si>
    <t>cg15490640</t>
  </si>
  <si>
    <t>cg15490784</t>
  </si>
  <si>
    <t>cg15490785</t>
  </si>
  <si>
    <t>cg15497746</t>
  </si>
  <si>
    <t>cg15501219</t>
  </si>
  <si>
    <t>cg15504461</t>
  </si>
  <si>
    <t>cg15504747</t>
  </si>
  <si>
    <t>cg15508262</t>
  </si>
  <si>
    <t>cg15510249</t>
  </si>
  <si>
    <t>cg15536845</t>
  </si>
  <si>
    <t>cg15543490</t>
  </si>
  <si>
    <t>cg15548101</t>
  </si>
  <si>
    <t>cg15550036</t>
  </si>
  <si>
    <t>cg15555217</t>
  </si>
  <si>
    <t>cg15557031</t>
  </si>
  <si>
    <t>cg15559979</t>
  </si>
  <si>
    <t>cg15563070</t>
  </si>
  <si>
    <t>cg15564948</t>
  </si>
  <si>
    <t>cg15565872</t>
  </si>
  <si>
    <t>cg15570148</t>
  </si>
  <si>
    <t>cg15576918</t>
  </si>
  <si>
    <t>cg15577178</t>
  </si>
  <si>
    <t>cg15578332</t>
  </si>
  <si>
    <t>cg15579567</t>
  </si>
  <si>
    <t>cg15579883</t>
  </si>
  <si>
    <t>cg15588941</t>
  </si>
  <si>
    <t>cg15595044</t>
  </si>
  <si>
    <t>cg15597540</t>
  </si>
  <si>
    <t>cg15605530</t>
  </si>
  <si>
    <t>cg15606914</t>
  </si>
  <si>
    <t>cg15608892</t>
  </si>
  <si>
    <t>cg15609410</t>
  </si>
  <si>
    <t>cg15611364</t>
  </si>
  <si>
    <t>cg15615638</t>
  </si>
  <si>
    <t>cg15618450</t>
  </si>
  <si>
    <t>cg15620294</t>
  </si>
  <si>
    <t>cg15622805</t>
  </si>
  <si>
    <t>cg15625098</t>
  </si>
  <si>
    <t>cg15628562</t>
  </si>
  <si>
    <t>cg15637605</t>
  </si>
  <si>
    <t>cg15646782</t>
  </si>
  <si>
    <t>cg15655154</t>
  </si>
  <si>
    <t>cg15665630</t>
  </si>
  <si>
    <t>cg15668533</t>
  </si>
  <si>
    <t>cg15679153</t>
  </si>
  <si>
    <t>cg15680707</t>
  </si>
  <si>
    <t>cg15680902</t>
  </si>
  <si>
    <t>cg15682608</t>
  </si>
  <si>
    <t>cg15682617</t>
  </si>
  <si>
    <t>cg15685811</t>
  </si>
  <si>
    <t>cg15685941</t>
  </si>
  <si>
    <t>cg15687780</t>
  </si>
  <si>
    <t>cg15688767</t>
  </si>
  <si>
    <t>cg15689036</t>
  </si>
  <si>
    <t>cg15693572</t>
  </si>
  <si>
    <t>cg15697575</t>
  </si>
  <si>
    <t>cg15698299</t>
  </si>
  <si>
    <t>cg15698340</t>
  </si>
  <si>
    <t>cg15701237</t>
  </si>
  <si>
    <t>cg15703322</t>
  </si>
  <si>
    <t>cg15709065</t>
  </si>
  <si>
    <t>cg15709235</t>
  </si>
  <si>
    <t>cg15711288</t>
  </si>
  <si>
    <t>cg15711521</t>
  </si>
  <si>
    <t>cg15715933</t>
  </si>
  <si>
    <t>cg15717183</t>
  </si>
  <si>
    <t>cg15720127</t>
  </si>
  <si>
    <t>cg15722952</t>
  </si>
  <si>
    <t>cg15724417</t>
  </si>
  <si>
    <t>cg15726700</t>
  </si>
  <si>
    <t>cg15727308</t>
  </si>
  <si>
    <t>cg15727390</t>
  </si>
  <si>
    <t>cg15727583</t>
  </si>
  <si>
    <t>cg15728769</t>
  </si>
  <si>
    <t>cg15729578</t>
  </si>
  <si>
    <t>cg15739181</t>
  </si>
  <si>
    <t>cg15740437</t>
  </si>
  <si>
    <t>cg15746415</t>
  </si>
  <si>
    <t>cg15757271</t>
  </si>
  <si>
    <t>cg15765546</t>
  </si>
  <si>
    <t>cg15766024</t>
  </si>
  <si>
    <t>cg15772223</t>
  </si>
  <si>
    <t>cg15776647</t>
  </si>
  <si>
    <t>cg15778433</t>
  </si>
  <si>
    <t>cg15779716</t>
  </si>
  <si>
    <t>cg15787377</t>
  </si>
  <si>
    <t>cg15787985</t>
  </si>
  <si>
    <t>cg15798455</t>
  </si>
  <si>
    <t>cg15798837</t>
  </si>
  <si>
    <t>cg15803765</t>
  </si>
  <si>
    <t>cg15806109</t>
  </si>
  <si>
    <t>cg15812348</t>
  </si>
  <si>
    <t>cg15821095</t>
  </si>
  <si>
    <t>cg15825311</t>
  </si>
  <si>
    <t>cg15840985</t>
  </si>
  <si>
    <t>cg15852963</t>
  </si>
  <si>
    <t>cg15854067</t>
  </si>
  <si>
    <t>cg15854668</t>
  </si>
  <si>
    <t>cg15856454</t>
  </si>
  <si>
    <t>cg15862923</t>
  </si>
  <si>
    <t>cg15870818</t>
  </si>
  <si>
    <t>cg15872043</t>
  </si>
  <si>
    <t>cg15872437</t>
  </si>
  <si>
    <t>cg15872672</t>
  </si>
  <si>
    <t>cg15873149</t>
  </si>
  <si>
    <t>cg15873301</t>
  </si>
  <si>
    <t>cg15876000</t>
  </si>
  <si>
    <t>cg15877124</t>
  </si>
  <si>
    <t>cg15877314</t>
  </si>
  <si>
    <t>cg15881088</t>
  </si>
  <si>
    <t>cg15888522</t>
  </si>
  <si>
    <t>cg15900519</t>
  </si>
  <si>
    <t>cg15900980</t>
  </si>
  <si>
    <t>cg15907310</t>
  </si>
  <si>
    <t>cg15907699</t>
  </si>
  <si>
    <t>cg15912040</t>
  </si>
  <si>
    <t>cg15914463</t>
  </si>
  <si>
    <t>cg15919410</t>
  </si>
  <si>
    <t>cg15921012</t>
  </si>
  <si>
    <t>cg15921876</t>
  </si>
  <si>
    <t>cg15928398</t>
  </si>
  <si>
    <t>cg15931943</t>
  </si>
  <si>
    <t>cg15932627</t>
  </si>
  <si>
    <t>cg15952060</t>
  </si>
  <si>
    <t>cg15956237</t>
  </si>
  <si>
    <t>cg15958576</t>
  </si>
  <si>
    <t>cg15959080</t>
  </si>
  <si>
    <t>cg15960924</t>
  </si>
  <si>
    <t>cg15966253</t>
  </si>
  <si>
    <t>cg15969431</t>
  </si>
  <si>
    <t>cg15972294</t>
  </si>
  <si>
    <t>cg15988232</t>
  </si>
  <si>
    <t>cg15988394</t>
  </si>
  <si>
    <t>cg15994781</t>
  </si>
  <si>
    <t>cg15997484</t>
  </si>
  <si>
    <t>cg15998779</t>
  </si>
  <si>
    <t>cg16000967</t>
  </si>
  <si>
    <t>cg16002523</t>
  </si>
  <si>
    <t>cg16010370</t>
  </si>
  <si>
    <t>cg16011594</t>
  </si>
  <si>
    <t>cg16016506</t>
  </si>
  <si>
    <t>cg16021018</t>
  </si>
  <si>
    <t>cg16024933</t>
  </si>
  <si>
    <t>cg16025567</t>
  </si>
  <si>
    <t>cg16032408</t>
  </si>
  <si>
    <t>cg16035189</t>
  </si>
  <si>
    <t>cg16035667</t>
  </si>
  <si>
    <t>cg16042668</t>
  </si>
  <si>
    <t>cg16044109</t>
  </si>
  <si>
    <t>cg16051656</t>
  </si>
  <si>
    <t>cg16054280</t>
  </si>
  <si>
    <t>cg16056148</t>
  </si>
  <si>
    <t>cg16056753</t>
  </si>
  <si>
    <t>cg16076638</t>
  </si>
  <si>
    <t>cg16090254</t>
  </si>
  <si>
    <t>cg16091269</t>
  </si>
  <si>
    <t>cg16098726</t>
  </si>
  <si>
    <t>cg16126291</t>
  </si>
  <si>
    <t>cg16129988</t>
  </si>
  <si>
    <t>cg16139912</t>
  </si>
  <si>
    <t>cg16141378</t>
  </si>
  <si>
    <t>cg16143049</t>
  </si>
  <si>
    <t>cg16155393</t>
  </si>
  <si>
    <t>cg16157821</t>
  </si>
  <si>
    <t>cg16158843</t>
  </si>
  <si>
    <t>cg16159313</t>
  </si>
  <si>
    <t>cg16162350</t>
  </si>
  <si>
    <t>cg16165370</t>
  </si>
  <si>
    <t>cg16165450</t>
  </si>
  <si>
    <t>cg16165903</t>
  </si>
  <si>
    <t>cg16170561</t>
  </si>
  <si>
    <t>cg16171534</t>
  </si>
  <si>
    <t>cg16171849</t>
  </si>
  <si>
    <t>cg16171858</t>
  </si>
  <si>
    <t>cg16176471</t>
  </si>
  <si>
    <t>cg16180367</t>
  </si>
  <si>
    <t>cg16180552</t>
  </si>
  <si>
    <t>cg16187635</t>
  </si>
  <si>
    <t>cg16188589</t>
  </si>
  <si>
    <t>cg16191009</t>
  </si>
  <si>
    <t>cg16192203</t>
  </si>
  <si>
    <t>cg16192821</t>
  </si>
  <si>
    <t>cg16203594</t>
  </si>
  <si>
    <t>cg16204414</t>
  </si>
  <si>
    <t>cg16208959</t>
  </si>
  <si>
    <t>cg16209444</t>
  </si>
  <si>
    <t>cg16209664</t>
  </si>
  <si>
    <t>cg16214500</t>
  </si>
  <si>
    <t>cg16222802</t>
  </si>
  <si>
    <t>cg16225773</t>
  </si>
  <si>
    <t>cg16226037</t>
  </si>
  <si>
    <t>cg16228589</t>
  </si>
  <si>
    <t>cg16232327</t>
  </si>
  <si>
    <t>cg16233920</t>
  </si>
  <si>
    <t>cg16238523</t>
  </si>
  <si>
    <t>cg16240563</t>
  </si>
  <si>
    <t>cg16246169</t>
  </si>
  <si>
    <t>cg16248515</t>
  </si>
  <si>
    <t>cg16248933</t>
  </si>
  <si>
    <t>cg16250355</t>
  </si>
  <si>
    <t>cg16254764</t>
  </si>
  <si>
    <t>cg16259362</t>
  </si>
  <si>
    <t>cg16260440</t>
  </si>
  <si>
    <t>cg16261691</t>
  </si>
  <si>
    <t>cg16262284</t>
  </si>
  <si>
    <t>cg16265552</t>
  </si>
  <si>
    <t>cg16266925</t>
  </si>
  <si>
    <t>cg16270091</t>
  </si>
  <si>
    <t>cg16271221</t>
  </si>
  <si>
    <t>cg16273051</t>
  </si>
  <si>
    <t>cg16274890</t>
  </si>
  <si>
    <t>cg16277214</t>
  </si>
  <si>
    <t>cg16278514</t>
  </si>
  <si>
    <t>cg16279464</t>
  </si>
  <si>
    <t>cg16282527</t>
  </si>
  <si>
    <t>cg16283010</t>
  </si>
  <si>
    <t>cg16283183</t>
  </si>
  <si>
    <t>cg16285203</t>
  </si>
  <si>
    <t>cg16286142</t>
  </si>
  <si>
    <t>cg16291750</t>
  </si>
  <si>
    <t>cg16292586</t>
  </si>
  <si>
    <t>cg16299428</t>
  </si>
  <si>
    <t>cg16301768</t>
  </si>
  <si>
    <t>cg16303742</t>
  </si>
  <si>
    <t>cg16309260</t>
  </si>
  <si>
    <t>cg16311045</t>
  </si>
  <si>
    <t>cg16311740</t>
  </si>
  <si>
    <t>cg16312163</t>
  </si>
  <si>
    <t>cg16318235</t>
  </si>
  <si>
    <t>cg16318259</t>
  </si>
  <si>
    <t>cg16320894</t>
  </si>
  <si>
    <t>cg16322302</t>
  </si>
  <si>
    <t>cg16322565</t>
  </si>
  <si>
    <t>cg16323609</t>
  </si>
  <si>
    <t>cg16323843</t>
  </si>
  <si>
    <t>cg16324121</t>
  </si>
  <si>
    <t>cg16328896</t>
  </si>
  <si>
    <t>cg16330147</t>
  </si>
  <si>
    <t>cg16331599</t>
  </si>
  <si>
    <t>cg16334250</t>
  </si>
  <si>
    <t>cg16338035</t>
  </si>
  <si>
    <t>cg16338347</t>
  </si>
  <si>
    <t>cg16339185</t>
  </si>
  <si>
    <t>cg16347136</t>
  </si>
  <si>
    <t>cg16357381</t>
  </si>
  <si>
    <t>cg16357930</t>
  </si>
  <si>
    <t>cg16359799</t>
  </si>
  <si>
    <t>cg16362181</t>
  </si>
  <si>
    <t>cg16364085</t>
  </si>
  <si>
    <t>cg16373010</t>
  </si>
  <si>
    <t>cg16373217</t>
  </si>
  <si>
    <t>cg16377923</t>
  </si>
  <si>
    <t>cg16378421</t>
  </si>
  <si>
    <t>cg16396948</t>
  </si>
  <si>
    <t>cg16398289</t>
  </si>
  <si>
    <t>cg16409795</t>
  </si>
  <si>
    <t>cg16414030</t>
  </si>
  <si>
    <t>cg16415831</t>
  </si>
  <si>
    <t>cg16415870</t>
  </si>
  <si>
    <t>cg16418228</t>
  </si>
  <si>
    <t>cg16418735</t>
  </si>
  <si>
    <t>cg16419706</t>
  </si>
  <si>
    <t>cg16421901</t>
  </si>
  <si>
    <t>cg16423337</t>
  </si>
  <si>
    <t>cg16427315</t>
  </si>
  <si>
    <t>cg16428251</t>
  </si>
  <si>
    <t>cg16429819</t>
  </si>
  <si>
    <t>cg16430963</t>
  </si>
  <si>
    <t>cg16438525</t>
  </si>
  <si>
    <t>cg16443014</t>
  </si>
  <si>
    <t>cg16444126</t>
  </si>
  <si>
    <t>cg16448847</t>
  </si>
  <si>
    <t>cg16448890</t>
  </si>
  <si>
    <t>cg16449186</t>
  </si>
  <si>
    <t>cg16449251</t>
  </si>
  <si>
    <t>cg16449402</t>
  </si>
  <si>
    <t>cg16449649</t>
  </si>
  <si>
    <t>cg16452224</t>
  </si>
  <si>
    <t>cg16455008</t>
  </si>
  <si>
    <t>cg16456087</t>
  </si>
  <si>
    <t>cg16457413</t>
  </si>
  <si>
    <t>cg16459281</t>
  </si>
  <si>
    <t>cg16460699</t>
  </si>
  <si>
    <t>cg16464007</t>
  </si>
  <si>
    <t>cg16469223</t>
  </si>
  <si>
    <t>cg16472735</t>
  </si>
  <si>
    <t>cg16486432</t>
  </si>
  <si>
    <t>cg16487237</t>
  </si>
  <si>
    <t>cg16496895</t>
  </si>
  <si>
    <t>cg16496965</t>
  </si>
  <si>
    <t>cg16498736</t>
  </si>
  <si>
    <t>cg16505731</t>
  </si>
  <si>
    <t>cg16506114</t>
  </si>
  <si>
    <t>cg16508522</t>
  </si>
  <si>
    <t>cg16512867</t>
  </si>
  <si>
    <t>cg16513416</t>
  </si>
  <si>
    <t>cg16516295</t>
  </si>
  <si>
    <t>cg16521836</t>
  </si>
  <si>
    <t>cg16523704</t>
  </si>
  <si>
    <t>cg16525435</t>
  </si>
  <si>
    <t>cg16529639</t>
  </si>
  <si>
    <t>cg16537129</t>
  </si>
  <si>
    <t>cg16541026</t>
  </si>
  <si>
    <t>cg16557964</t>
  </si>
  <si>
    <t>cg16558203</t>
  </si>
  <si>
    <t>cg16560453</t>
  </si>
  <si>
    <t>cg16562288</t>
  </si>
  <si>
    <t>cg16579337</t>
  </si>
  <si>
    <t>cg16579347</t>
  </si>
  <si>
    <t>cg16580556</t>
  </si>
  <si>
    <t>cg16585770</t>
  </si>
  <si>
    <t>cg16586518</t>
  </si>
  <si>
    <t>cg16587010</t>
  </si>
  <si>
    <t>cg16595484</t>
  </si>
  <si>
    <t>cg16598680</t>
  </si>
  <si>
    <t>cg16600119</t>
  </si>
  <si>
    <t>cg16604516</t>
  </si>
  <si>
    <t>cg16604975</t>
  </si>
  <si>
    <t>cg16609941</t>
  </si>
  <si>
    <t>cg16610810</t>
  </si>
  <si>
    <t>cg16615211</t>
  </si>
  <si>
    <t>cg16617097</t>
  </si>
  <si>
    <t>cg16620233</t>
  </si>
  <si>
    <t>cg16620797</t>
  </si>
  <si>
    <t>cg16621749</t>
  </si>
  <si>
    <t>cg16621790</t>
  </si>
  <si>
    <t>cg16629637</t>
  </si>
  <si>
    <t>cg16637917</t>
  </si>
  <si>
    <t>cg16638266</t>
  </si>
  <si>
    <t>cg16639713</t>
  </si>
  <si>
    <t>cg16643088</t>
  </si>
  <si>
    <t>cg16646616</t>
  </si>
  <si>
    <t>cg16649034</t>
  </si>
  <si>
    <t>cg16652937</t>
  </si>
  <si>
    <t>cg16655375</t>
  </si>
  <si>
    <t>cg16657397</t>
  </si>
  <si>
    <t>cg16663891</t>
  </si>
  <si>
    <t>cg16665506</t>
  </si>
  <si>
    <t>cg16671157</t>
  </si>
  <si>
    <t>cg16672449</t>
  </si>
  <si>
    <t>cg16674467</t>
  </si>
  <si>
    <t>cg16687227</t>
  </si>
  <si>
    <t>cg16691944</t>
  </si>
  <si>
    <t>cg16697996</t>
  </si>
  <si>
    <t>cg16704158</t>
  </si>
  <si>
    <t>cg16704346</t>
  </si>
  <si>
    <t>cg16708174</t>
  </si>
  <si>
    <t>cg16708733</t>
  </si>
  <si>
    <t>cg16711291</t>
  </si>
  <si>
    <t>cg16713732</t>
  </si>
  <si>
    <t>cg16717735</t>
  </si>
  <si>
    <t>cg16718760</t>
  </si>
  <si>
    <t>cg16724585</t>
  </si>
  <si>
    <t>cg16751623</t>
  </si>
  <si>
    <t>cg16752389</t>
  </si>
  <si>
    <t>cg16757990</t>
  </si>
  <si>
    <t>cg16763270</t>
  </si>
  <si>
    <t>cg16763374</t>
  </si>
  <si>
    <t>cg16764147</t>
  </si>
  <si>
    <t>cg16773873</t>
  </si>
  <si>
    <t>cg16773881</t>
  </si>
  <si>
    <t>cg16777090</t>
  </si>
  <si>
    <t>cg16788250</t>
  </si>
  <si>
    <t>cg16790847</t>
  </si>
  <si>
    <t>cg16794633</t>
  </si>
  <si>
    <t>cg16795280</t>
  </si>
  <si>
    <t>cg16796164</t>
  </si>
  <si>
    <t>cg16796272</t>
  </si>
  <si>
    <t>cg16796354</t>
  </si>
  <si>
    <t>cg16800623</t>
  </si>
  <si>
    <t>cg16810133</t>
  </si>
  <si>
    <t>cg16810293</t>
  </si>
  <si>
    <t>cg16810559</t>
  </si>
  <si>
    <t>cg16812052</t>
  </si>
  <si>
    <t>cg16816226</t>
  </si>
  <si>
    <t>cg16816623</t>
  </si>
  <si>
    <t>cg16818145</t>
  </si>
  <si>
    <t>cg16818395</t>
  </si>
  <si>
    <t>cg16821175</t>
  </si>
  <si>
    <t>cg16822365</t>
  </si>
  <si>
    <t>cg16824282</t>
  </si>
  <si>
    <t>cg16824377</t>
  </si>
  <si>
    <t>cg16833340</t>
  </si>
  <si>
    <t>cg16834320</t>
  </si>
  <si>
    <t>cg16838358</t>
  </si>
  <si>
    <t>cg16839815</t>
  </si>
  <si>
    <t>cg16840358</t>
  </si>
  <si>
    <t>cg16840745</t>
  </si>
  <si>
    <t>cg16841708</t>
  </si>
  <si>
    <t>cg16842214</t>
  </si>
  <si>
    <t>cg16842483</t>
  </si>
  <si>
    <t>cg16843797</t>
  </si>
  <si>
    <t>cg16845623</t>
  </si>
  <si>
    <t>cg16846518</t>
  </si>
  <si>
    <t>cg16848072</t>
  </si>
  <si>
    <t>cg16848490</t>
  </si>
  <si>
    <t>cg16850690</t>
  </si>
  <si>
    <t>cg16856722</t>
  </si>
  <si>
    <t>cg16856833</t>
  </si>
  <si>
    <t>cg16856874</t>
  </si>
  <si>
    <t>cg16864658</t>
  </si>
  <si>
    <t>cg16865163</t>
  </si>
  <si>
    <t>cg16866136</t>
  </si>
  <si>
    <t>cg16868095</t>
  </si>
  <si>
    <t>cg16869108</t>
  </si>
  <si>
    <t>cg16869281</t>
  </si>
  <si>
    <t>cg16870305</t>
  </si>
  <si>
    <t>cg16875864</t>
  </si>
  <si>
    <t>cg16893634</t>
  </si>
  <si>
    <t>cg16894138</t>
  </si>
  <si>
    <t>cg16898425</t>
  </si>
  <si>
    <t>cg16902559</t>
  </si>
  <si>
    <t>cg16904330</t>
  </si>
  <si>
    <t>cg16905100</t>
  </si>
  <si>
    <t>cg16907496</t>
  </si>
  <si>
    <t>cg16908913</t>
  </si>
  <si>
    <t>cg16913124</t>
  </si>
  <si>
    <t>cg16913477</t>
  </si>
  <si>
    <t>cg16919675</t>
  </si>
  <si>
    <t>cg16922617</t>
  </si>
  <si>
    <t>cg16922869</t>
  </si>
  <si>
    <t>cg16923698</t>
  </si>
  <si>
    <t>cg16927285</t>
  </si>
  <si>
    <t>cg16927871</t>
  </si>
  <si>
    <t>cg16929775</t>
  </si>
  <si>
    <t>cg16930811</t>
  </si>
  <si>
    <t>cg16932827</t>
  </si>
  <si>
    <t>cg16933388</t>
  </si>
  <si>
    <t>cg16937583</t>
  </si>
  <si>
    <t>cg16942327</t>
  </si>
  <si>
    <t>cg16943427</t>
  </si>
  <si>
    <t>cg16943783</t>
  </si>
  <si>
    <t>cg16944597</t>
  </si>
  <si>
    <t>cg16945415</t>
  </si>
  <si>
    <t>cg16948053</t>
  </si>
  <si>
    <t>cg16953612</t>
  </si>
  <si>
    <t>cg16954004</t>
  </si>
  <si>
    <t>cg16956691</t>
  </si>
  <si>
    <t>cg16957824</t>
  </si>
  <si>
    <t>cg16957940</t>
  </si>
  <si>
    <t>cg16970087</t>
  </si>
  <si>
    <t>cg16970828</t>
  </si>
  <si>
    <t>cg16974893</t>
  </si>
  <si>
    <t>cg16975095</t>
  </si>
  <si>
    <t>cg16975599</t>
  </si>
  <si>
    <t>cg16976857</t>
  </si>
  <si>
    <t>cg16977510</t>
  </si>
  <si>
    <t>cg16977858</t>
  </si>
  <si>
    <t>cg16983541</t>
  </si>
  <si>
    <t>cg16984944</t>
  </si>
  <si>
    <t>cg16985333</t>
  </si>
  <si>
    <t>cg16989784</t>
  </si>
  <si>
    <t>cg17003736</t>
  </si>
  <si>
    <t>cg17009978</t>
  </si>
  <si>
    <t>cg17014718</t>
  </si>
  <si>
    <t>cg17017335</t>
  </si>
  <si>
    <t>cg17023114</t>
  </si>
  <si>
    <t>cg17024257</t>
  </si>
  <si>
    <t>cg17024542</t>
  </si>
  <si>
    <t>cg17029062</t>
  </si>
  <si>
    <t>cg17038857</t>
  </si>
  <si>
    <t>cg17042946</t>
  </si>
  <si>
    <t>cg17042996</t>
  </si>
  <si>
    <t>cg17047890</t>
  </si>
  <si>
    <t>cg17051733</t>
  </si>
  <si>
    <t>cg17053963</t>
  </si>
  <si>
    <t>cg17054710</t>
  </si>
  <si>
    <t>cg17057138</t>
  </si>
  <si>
    <t>cg17059675</t>
  </si>
  <si>
    <t>cg17060195</t>
  </si>
  <si>
    <t>cg17060249</t>
  </si>
  <si>
    <t>cg17063143</t>
  </si>
  <si>
    <t>cg17064907</t>
  </si>
  <si>
    <t>cg17068417</t>
  </si>
  <si>
    <t>cg17069662</t>
  </si>
  <si>
    <t>cg17071181</t>
  </si>
  <si>
    <t>cg17071731</t>
  </si>
  <si>
    <t>cg17073323</t>
  </si>
  <si>
    <t>cg17078427</t>
  </si>
  <si>
    <t>cg17078629</t>
  </si>
  <si>
    <t>cg17081261</t>
  </si>
  <si>
    <t>cg17081436</t>
  </si>
  <si>
    <t>cg17081570</t>
  </si>
  <si>
    <t>cg17082549</t>
  </si>
  <si>
    <t>cg17087356</t>
  </si>
  <si>
    <t>cg17092349</t>
  </si>
  <si>
    <t>cg17094378</t>
  </si>
  <si>
    <t>cg17127587</t>
  </si>
  <si>
    <t>cg17149019</t>
  </si>
  <si>
    <t>cg17150651</t>
  </si>
  <si>
    <t>cg17150789</t>
  </si>
  <si>
    <t>cg17152757</t>
  </si>
  <si>
    <t>cg17153045</t>
  </si>
  <si>
    <t>cg17153078</t>
  </si>
  <si>
    <t>cg17165055</t>
  </si>
  <si>
    <t>cg17173166</t>
  </si>
  <si>
    <t>cg17174189</t>
  </si>
  <si>
    <t>cg17183009</t>
  </si>
  <si>
    <t>cg17184165</t>
  </si>
  <si>
    <t>cg17184516</t>
  </si>
  <si>
    <t>cg17185404</t>
  </si>
  <si>
    <t>cg17186727</t>
  </si>
  <si>
    <t>cg17188574</t>
  </si>
  <si>
    <t>cg17191919</t>
  </si>
  <si>
    <t>cg17193062</t>
  </si>
  <si>
    <t>cg17196739</t>
  </si>
  <si>
    <t>cg17200204</t>
  </si>
  <si>
    <t>cg17200465</t>
  </si>
  <si>
    <t>cg17201542</t>
  </si>
  <si>
    <t>cg17201947</t>
  </si>
  <si>
    <t>cg17202781</t>
  </si>
  <si>
    <t>cg17207301</t>
  </si>
  <si>
    <t>cg17210535</t>
  </si>
  <si>
    <t>cg17211223</t>
  </si>
  <si>
    <t>cg17212511</t>
  </si>
  <si>
    <t>cg17213060</t>
  </si>
  <si>
    <t>cg17217654</t>
  </si>
  <si>
    <t>cg17218882</t>
  </si>
  <si>
    <t>cg17219740</t>
  </si>
  <si>
    <t>cg17222452</t>
  </si>
  <si>
    <t>cg17228765</t>
  </si>
  <si>
    <t>cg17228960</t>
  </si>
  <si>
    <t>cg17231571</t>
  </si>
  <si>
    <t>cg17235505</t>
  </si>
  <si>
    <t>cg17240004</t>
  </si>
  <si>
    <t>cg17240680</t>
  </si>
  <si>
    <t>cg17250615</t>
  </si>
  <si>
    <t>cg17260449</t>
  </si>
  <si>
    <t>cg17286435</t>
  </si>
  <si>
    <t>cg17286712</t>
  </si>
  <si>
    <t>cg17289734</t>
  </si>
  <si>
    <t>cg17298181</t>
  </si>
  <si>
    <t>cg17298704</t>
  </si>
  <si>
    <t>cg17298859</t>
  </si>
  <si>
    <t>cg17300391</t>
  </si>
  <si>
    <t>cg17302850</t>
  </si>
  <si>
    <t>cg17302852</t>
  </si>
  <si>
    <t>cg17305187</t>
  </si>
  <si>
    <t>cg17306975</t>
  </si>
  <si>
    <t>cg17308959</t>
  </si>
  <si>
    <t>cg17309781</t>
  </si>
  <si>
    <t>cg17311022</t>
  </si>
  <si>
    <t>cg17317561</t>
  </si>
  <si>
    <t>cg17319601</t>
  </si>
  <si>
    <t>cg17321954</t>
  </si>
  <si>
    <t>cg17322125</t>
  </si>
  <si>
    <t>cg17324149</t>
  </si>
  <si>
    <t>cg17328631</t>
  </si>
  <si>
    <t>cg17334836</t>
  </si>
  <si>
    <t>cg17336354</t>
  </si>
  <si>
    <t>cg17337091</t>
  </si>
  <si>
    <t>cg17338212</t>
  </si>
  <si>
    <t>cg17338821</t>
  </si>
  <si>
    <t>cg17339145</t>
  </si>
  <si>
    <t>cg17339521</t>
  </si>
  <si>
    <t>cg17340779</t>
  </si>
  <si>
    <t>cg17343451</t>
  </si>
  <si>
    <t>cg17344598</t>
  </si>
  <si>
    <t>cg17344755</t>
  </si>
  <si>
    <t>cg17362109</t>
  </si>
  <si>
    <t>cg17367915</t>
  </si>
  <si>
    <t>cg17373332</t>
  </si>
  <si>
    <t>cg17374651</t>
  </si>
  <si>
    <t>cg17376141</t>
  </si>
  <si>
    <t>cg17378193</t>
  </si>
  <si>
    <t>cg17386185</t>
  </si>
  <si>
    <t>cg17387903</t>
  </si>
  <si>
    <t>cg17389427</t>
  </si>
  <si>
    <t>cg17389928</t>
  </si>
  <si>
    <t>cg17394126</t>
  </si>
  <si>
    <t>cg17394304</t>
  </si>
  <si>
    <t>cg17408686</t>
  </si>
  <si>
    <t>cg17421623</t>
  </si>
  <si>
    <t>cg17424101</t>
  </si>
  <si>
    <t>cg17445120</t>
  </si>
  <si>
    <t>cg17445812</t>
  </si>
  <si>
    <t>cg17448336</t>
  </si>
  <si>
    <t>cg17451457</t>
  </si>
  <si>
    <t>cg17453778</t>
  </si>
  <si>
    <t>cg17457807</t>
  </si>
  <si>
    <t>cg17460445</t>
  </si>
  <si>
    <t>cg17460737</t>
  </si>
  <si>
    <t>cg17463277</t>
  </si>
  <si>
    <t>cg17466567</t>
  </si>
  <si>
    <t>cg17469356</t>
  </si>
  <si>
    <t>cg17470327</t>
  </si>
  <si>
    <t>cg17472052</t>
  </si>
  <si>
    <t>cg17479303</t>
  </si>
  <si>
    <t>cg17480278</t>
  </si>
  <si>
    <t>cg17483510</t>
  </si>
  <si>
    <t>cg17495555</t>
  </si>
  <si>
    <t>cg17503456</t>
  </si>
  <si>
    <t>cg17516556</t>
  </si>
  <si>
    <t>cg17525674</t>
  </si>
  <si>
    <t>cg17526770</t>
  </si>
  <si>
    <t>cg17527798</t>
  </si>
  <si>
    <t>cg17530058</t>
  </si>
  <si>
    <t>cg17530247</t>
  </si>
  <si>
    <t>cg17533116</t>
  </si>
  <si>
    <t>cg17534899</t>
  </si>
  <si>
    <t>cg17536166</t>
  </si>
  <si>
    <t>cg17536784</t>
  </si>
  <si>
    <t>cg17536822</t>
  </si>
  <si>
    <t>cg17537252</t>
  </si>
  <si>
    <t>cg17537403</t>
  </si>
  <si>
    <t>cg17542594</t>
  </si>
  <si>
    <t>cg17545383</t>
  </si>
  <si>
    <t>cg17546376</t>
  </si>
  <si>
    <t>cg17546478</t>
  </si>
  <si>
    <t>cg17549100</t>
  </si>
  <si>
    <t>cg17557284</t>
  </si>
  <si>
    <t>cg17557870</t>
  </si>
  <si>
    <t>cg17567125</t>
  </si>
  <si>
    <t>cg17569743</t>
  </si>
  <si>
    <t>cg17571559</t>
  </si>
  <si>
    <t>cg17571933</t>
  </si>
  <si>
    <t>cg17574799</t>
  </si>
  <si>
    <t>cg17574958</t>
  </si>
  <si>
    <t>cg17578639</t>
  </si>
  <si>
    <t>cg17579089</t>
  </si>
  <si>
    <t>cg17581925</t>
  </si>
  <si>
    <t>cg17584014</t>
  </si>
  <si>
    <t>cg17584512</t>
  </si>
  <si>
    <t>cg17613592</t>
  </si>
  <si>
    <t>cg17614995</t>
  </si>
  <si>
    <t>cg17621140</t>
  </si>
  <si>
    <t>cg17622131</t>
  </si>
  <si>
    <t>cg17622527</t>
  </si>
  <si>
    <t>cg17623116</t>
  </si>
  <si>
    <t>cg17631451</t>
  </si>
  <si>
    <t>cg17632831</t>
  </si>
  <si>
    <t>cg17633431</t>
  </si>
  <si>
    <t>cg17641631</t>
  </si>
  <si>
    <t>cg17641710</t>
  </si>
  <si>
    <t>cg17642041</t>
  </si>
  <si>
    <t>cg17645664</t>
  </si>
  <si>
    <t>cg17646820</t>
  </si>
  <si>
    <t>cg17650523</t>
  </si>
  <si>
    <t>cg17657737</t>
  </si>
  <si>
    <t>cg17657898</t>
  </si>
  <si>
    <t>cg17660833</t>
  </si>
  <si>
    <t>cg17662182</t>
  </si>
  <si>
    <t>cg17663101</t>
  </si>
  <si>
    <t>cg17663418</t>
  </si>
  <si>
    <t>cg17664265</t>
  </si>
  <si>
    <t>cg17669438</t>
  </si>
  <si>
    <t>cg17679453</t>
  </si>
  <si>
    <t>cg17680813</t>
  </si>
  <si>
    <t>cg17683948</t>
  </si>
  <si>
    <t>cg17684850</t>
  </si>
  <si>
    <t>cg17687551</t>
  </si>
  <si>
    <t>cg17687789</t>
  </si>
  <si>
    <t>cg17691543</t>
  </si>
  <si>
    <t>cg17696234</t>
  </si>
  <si>
    <t>cg17696731</t>
  </si>
  <si>
    <t>cg17696741</t>
  </si>
  <si>
    <t>cg17701073</t>
  </si>
  <si>
    <t>cg17738494</t>
  </si>
  <si>
    <t>cg17755508</t>
  </si>
  <si>
    <t>cg17755730</t>
  </si>
  <si>
    <t>cg17760011</t>
  </si>
  <si>
    <t>cg17763743</t>
  </si>
  <si>
    <t>cg17764203</t>
  </si>
  <si>
    <t>cg17767184</t>
  </si>
  <si>
    <t>cg17773763</t>
  </si>
  <si>
    <t>cg17775713</t>
  </si>
  <si>
    <t>cg17778120</t>
  </si>
  <si>
    <t>cg17778607</t>
  </si>
  <si>
    <t>cg17782025</t>
  </si>
  <si>
    <t>cg17783031</t>
  </si>
  <si>
    <t>cg17783135</t>
  </si>
  <si>
    <t>cg17786388</t>
  </si>
  <si>
    <t>cg17787321</t>
  </si>
  <si>
    <t>cg17787502</t>
  </si>
  <si>
    <t>cg17790113</t>
  </si>
  <si>
    <t>cg17793163</t>
  </si>
  <si>
    <t>cg17795586</t>
  </si>
  <si>
    <t>cg17797395</t>
  </si>
  <si>
    <t>cg17803523</t>
  </si>
  <si>
    <t>cg17803993</t>
  </si>
  <si>
    <t>cg17804071</t>
  </si>
  <si>
    <t>cg17805547</t>
  </si>
  <si>
    <t>cg17806814</t>
  </si>
  <si>
    <t>cg17809780</t>
  </si>
  <si>
    <t>cg17811545</t>
  </si>
  <si>
    <t>cg17812917</t>
  </si>
  <si>
    <t>cg17817057</t>
  </si>
  <si>
    <t>cg17817709</t>
  </si>
  <si>
    <t>cg17821168</t>
  </si>
  <si>
    <t>cg17822165</t>
  </si>
  <si>
    <t>cg17824787</t>
  </si>
  <si>
    <t>cg17828689</t>
  </si>
  <si>
    <t>cg17829401</t>
  </si>
  <si>
    <t>cg17858643</t>
  </si>
  <si>
    <t>cg17860198</t>
  </si>
  <si>
    <t>cg17866711</t>
  </si>
  <si>
    <t>cg17869647</t>
  </si>
  <si>
    <t>cg17871757</t>
  </si>
  <si>
    <t>cg17877071</t>
  </si>
  <si>
    <t>cg17878819</t>
  </si>
  <si>
    <t>cg17878972</t>
  </si>
  <si>
    <t>cg17883067</t>
  </si>
  <si>
    <t>cg17883458</t>
  </si>
  <si>
    <t>cg17884843</t>
  </si>
  <si>
    <t>cg17890764</t>
  </si>
  <si>
    <t>cg17891906</t>
  </si>
  <si>
    <t>cg17892178</t>
  </si>
  <si>
    <t>cg17892917</t>
  </si>
  <si>
    <t>cg17894069</t>
  </si>
  <si>
    <t>cg17894318</t>
  </si>
  <si>
    <t>cg17895880</t>
  </si>
  <si>
    <t>cg17897148</t>
  </si>
  <si>
    <t>cg17906179</t>
  </si>
  <si>
    <t>cg17906873</t>
  </si>
  <si>
    <t>cg17908719</t>
  </si>
  <si>
    <t>cg17909385</t>
  </si>
  <si>
    <t>cg17910586</t>
  </si>
  <si>
    <t>cg17911958</t>
  </si>
  <si>
    <t>cg17912112</t>
  </si>
  <si>
    <t>cg17913386</t>
  </si>
  <si>
    <t>cg17917368</t>
  </si>
  <si>
    <t>cg17926328</t>
  </si>
  <si>
    <t>cg17935281</t>
  </si>
  <si>
    <t>cg17937726</t>
  </si>
  <si>
    <t>cg17939977</t>
  </si>
  <si>
    <t>cg17941049</t>
  </si>
  <si>
    <t>cg17942436</t>
  </si>
  <si>
    <t>cg17946284</t>
  </si>
  <si>
    <t>cg17974142</t>
  </si>
  <si>
    <t>cg17976545</t>
  </si>
  <si>
    <t>cg17977250</t>
  </si>
  <si>
    <t>cg17977780</t>
  </si>
  <si>
    <t>cg17980786</t>
  </si>
  <si>
    <t>cg17992652</t>
  </si>
  <si>
    <t>cg17993504</t>
  </si>
  <si>
    <t>cg17997310</t>
  </si>
  <si>
    <t>cg17997976</t>
  </si>
  <si>
    <t>cg17999865</t>
  </si>
  <si>
    <t>cg18000216</t>
  </si>
  <si>
    <t>cg18003330</t>
  </si>
  <si>
    <t>cg18005180</t>
  </si>
  <si>
    <t>cg18010752</t>
  </si>
  <si>
    <t>cg18016254</t>
  </si>
  <si>
    <t>cg18017245</t>
  </si>
  <si>
    <t>cg18017383</t>
  </si>
  <si>
    <t>cg18017531</t>
  </si>
  <si>
    <t>cg18022496</t>
  </si>
  <si>
    <t>cg18025831</t>
  </si>
  <si>
    <t>cg18027174</t>
  </si>
  <si>
    <t>cg18030453</t>
  </si>
  <si>
    <t>cg18030833</t>
  </si>
  <si>
    <t>cg18031978</t>
  </si>
  <si>
    <t>cg18032164</t>
  </si>
  <si>
    <t>cg18033443</t>
  </si>
  <si>
    <t>cg18034092</t>
  </si>
  <si>
    <t>cg18039847</t>
  </si>
  <si>
    <t>cg18043455</t>
  </si>
  <si>
    <t>cg18047509</t>
  </si>
  <si>
    <t>cg18049386</t>
  </si>
  <si>
    <t>cg18055394</t>
  </si>
  <si>
    <t>cg18056266</t>
  </si>
  <si>
    <t>cg18059321</t>
  </si>
  <si>
    <t>cg18062138</t>
  </si>
  <si>
    <t>cg18064663</t>
  </si>
  <si>
    <t>cg18067163</t>
  </si>
  <si>
    <t>cg18073380</t>
  </si>
  <si>
    <t>cg18073688</t>
  </si>
  <si>
    <t>cg18073874</t>
  </si>
  <si>
    <t>cg18073906</t>
  </si>
  <si>
    <t>cg18080370</t>
  </si>
  <si>
    <t>cg18081171</t>
  </si>
  <si>
    <t>cg18082112</t>
  </si>
  <si>
    <t>cg18082362</t>
  </si>
  <si>
    <t>cg18082912</t>
  </si>
  <si>
    <t>cg18088773</t>
  </si>
  <si>
    <t>cg18089380</t>
  </si>
  <si>
    <t>cg18094261</t>
  </si>
  <si>
    <t>cg18095675</t>
  </si>
  <si>
    <t>cg18096987</t>
  </si>
  <si>
    <t>cg18097189</t>
  </si>
  <si>
    <t>cg18097555</t>
  </si>
  <si>
    <t>cg18100045</t>
  </si>
  <si>
    <t>cg18100827</t>
  </si>
  <si>
    <t>cg18101118</t>
  </si>
  <si>
    <t>cg18104206</t>
  </si>
  <si>
    <t>cg18105854</t>
  </si>
  <si>
    <t>cg18107000</t>
  </si>
  <si>
    <t>cg18107105</t>
  </si>
  <si>
    <t>cg18108216</t>
  </si>
  <si>
    <t>cg18108362</t>
  </si>
  <si>
    <t>cg18109186</t>
  </si>
  <si>
    <t>cg18109369</t>
  </si>
  <si>
    <t>cg18109665</t>
  </si>
  <si>
    <t>cg18109673</t>
  </si>
  <si>
    <t>cg18110883</t>
  </si>
  <si>
    <t>cg18111446</t>
  </si>
  <si>
    <t>cg18113084</t>
  </si>
  <si>
    <t>cg18115541</t>
  </si>
  <si>
    <t>cg18125846</t>
  </si>
  <si>
    <t>cg18129786</t>
  </si>
  <si>
    <t>cg18130622</t>
  </si>
  <si>
    <t>cg18135771</t>
  </si>
  <si>
    <t>cg18135855</t>
  </si>
  <si>
    <t>cg18143296</t>
  </si>
  <si>
    <t>cg18144654</t>
  </si>
  <si>
    <t>cg18148179</t>
  </si>
  <si>
    <t>cg18150721</t>
  </si>
  <si>
    <t>cg18151422</t>
  </si>
  <si>
    <t>cg18163973</t>
  </si>
  <si>
    <t>cg18170070</t>
  </si>
  <si>
    <t>cg18173808</t>
  </si>
  <si>
    <t>cg18179621</t>
  </si>
  <si>
    <t>cg18180181</t>
  </si>
  <si>
    <t>cg18182358</t>
  </si>
  <si>
    <t>cg18182844</t>
  </si>
  <si>
    <t>cg18190847</t>
  </si>
  <si>
    <t>cg18192419</t>
  </si>
  <si>
    <t>cg18193148</t>
  </si>
  <si>
    <t>cg18193219</t>
  </si>
  <si>
    <t>cg18194292</t>
  </si>
  <si>
    <t>cg18194305</t>
  </si>
  <si>
    <t>cg18194850</t>
  </si>
  <si>
    <t>cg18194945</t>
  </si>
  <si>
    <t>cg18196900</t>
  </si>
  <si>
    <t>cg18213440</t>
  </si>
  <si>
    <t>cg18234011</t>
  </si>
  <si>
    <t>cg18241337</t>
  </si>
  <si>
    <t>cg18241840</t>
  </si>
  <si>
    <t>cg18243357</t>
  </si>
  <si>
    <t>cg18250736</t>
  </si>
  <si>
    <t>cg18257541</t>
  </si>
  <si>
    <t>cg18258502</t>
  </si>
  <si>
    <t>cg18260343</t>
  </si>
  <si>
    <t>cg18261601</t>
  </si>
  <si>
    <t>cg18261783</t>
  </si>
  <si>
    <t>cg18262615</t>
  </si>
  <si>
    <t>cg18267381</t>
  </si>
  <si>
    <t>cg18267471</t>
  </si>
  <si>
    <t>cg18269183</t>
  </si>
  <si>
    <t>cg18277764</t>
  </si>
  <si>
    <t>cg18283673</t>
  </si>
  <si>
    <t>cg18290075</t>
  </si>
  <si>
    <t>cg18292434</t>
  </si>
  <si>
    <t>cg18293158</t>
  </si>
  <si>
    <t>cg18294023</t>
  </si>
  <si>
    <t>cg18294881</t>
  </si>
  <si>
    <t>cg18295203</t>
  </si>
  <si>
    <t>cg18303437</t>
  </si>
  <si>
    <t>cg18306943</t>
  </si>
  <si>
    <t>cg18308031</t>
  </si>
  <si>
    <t>cg18313416</t>
  </si>
  <si>
    <t>cg18320188</t>
  </si>
  <si>
    <t>cg18325160</t>
  </si>
  <si>
    <t>cg18328135</t>
  </si>
  <si>
    <t>cg18328190</t>
  </si>
  <si>
    <t>cg18328933</t>
  </si>
  <si>
    <t>cg18331396</t>
  </si>
  <si>
    <t>cg18333041</t>
  </si>
  <si>
    <t>cg18333339</t>
  </si>
  <si>
    <t>cg18342944</t>
  </si>
  <si>
    <t>cg18343556</t>
  </si>
  <si>
    <t>cg18345386</t>
  </si>
  <si>
    <t>cg18348566</t>
  </si>
  <si>
    <t>cg18352162</t>
  </si>
  <si>
    <t>cg18352516</t>
  </si>
  <si>
    <t>cg18353563</t>
  </si>
  <si>
    <t>cg18354370</t>
  </si>
  <si>
    <t>cg18356403</t>
  </si>
  <si>
    <t>cg18357098</t>
  </si>
  <si>
    <t>cg18366455</t>
  </si>
  <si>
    <t>cg18380974</t>
  </si>
  <si>
    <t>cg18404041</t>
  </si>
  <si>
    <t>cg18404374</t>
  </si>
  <si>
    <t>cg18405631</t>
  </si>
  <si>
    <t>cg18405880</t>
  </si>
  <si>
    <t>cg18413240</t>
  </si>
  <si>
    <t>cg18414754</t>
  </si>
  <si>
    <t>cg18419070</t>
  </si>
  <si>
    <t>cg18419164</t>
  </si>
  <si>
    <t>cg18421356</t>
  </si>
  <si>
    <t>cg18422603</t>
  </si>
  <si>
    <t>cg18443411</t>
  </si>
  <si>
    <t>cg18447727</t>
  </si>
  <si>
    <t>cg18447876</t>
  </si>
  <si>
    <t>cg18452449</t>
  </si>
  <si>
    <t>cg18453904</t>
  </si>
  <si>
    <t>cg18454120</t>
  </si>
  <si>
    <t>cg18461436</t>
  </si>
  <si>
    <t>cg18461635</t>
  </si>
  <si>
    <t>cg18467110</t>
  </si>
  <si>
    <t>cg18469103</t>
  </si>
  <si>
    <t>cg18469270</t>
  </si>
  <si>
    <t>cg18471664</t>
  </si>
  <si>
    <t>cg18481087</t>
  </si>
  <si>
    <t>cg18481137</t>
  </si>
  <si>
    <t>cg18482112</t>
  </si>
  <si>
    <t>cg18482576</t>
  </si>
  <si>
    <t>cg18483487</t>
  </si>
  <si>
    <t>cg18484958</t>
  </si>
  <si>
    <t>cg18487916</t>
  </si>
  <si>
    <t>cg18489755</t>
  </si>
  <si>
    <t>cg18496318</t>
  </si>
  <si>
    <t>cg18499250</t>
  </si>
  <si>
    <t>cg18501026</t>
  </si>
  <si>
    <t>cg18503031</t>
  </si>
  <si>
    <t>cg18503554</t>
  </si>
  <si>
    <t>cg18507129</t>
  </si>
  <si>
    <t>cg18507138</t>
  </si>
  <si>
    <t>cg18521796</t>
  </si>
  <si>
    <t>cg18522231</t>
  </si>
  <si>
    <t>cg18527651</t>
  </si>
  <si>
    <t>cg18530511</t>
  </si>
  <si>
    <t>cg18532105</t>
  </si>
  <si>
    <t>cg18535702</t>
  </si>
  <si>
    <t>cg18536327</t>
  </si>
  <si>
    <t>cg18538340</t>
  </si>
  <si>
    <t>cg18542368</t>
  </si>
  <si>
    <t>cg18544740</t>
  </si>
  <si>
    <t>cg18555199</t>
  </si>
  <si>
    <t>cg18556976</t>
  </si>
  <si>
    <t>cg18558859</t>
  </si>
  <si>
    <t>cg18560264</t>
  </si>
  <si>
    <t>cg18560366</t>
  </si>
  <si>
    <t>cg18562243</t>
  </si>
  <si>
    <t>cg18562663</t>
  </si>
  <si>
    <t>cg18563642</t>
  </si>
  <si>
    <t>cg18568657</t>
  </si>
  <si>
    <t>cg18568714</t>
  </si>
  <si>
    <t>cg18569182</t>
  </si>
  <si>
    <t>cg18571412</t>
  </si>
  <si>
    <t>cg18572650</t>
  </si>
  <si>
    <t>cg18578578</t>
  </si>
  <si>
    <t>cg18580327</t>
  </si>
  <si>
    <t>cg18585306</t>
  </si>
  <si>
    <t>cg18589504</t>
  </si>
  <si>
    <t>cg18590502</t>
  </si>
  <si>
    <t>cg18591801</t>
  </si>
  <si>
    <t>cg18593727</t>
  </si>
  <si>
    <t>cg18599081</t>
  </si>
  <si>
    <t>cg18599110</t>
  </si>
  <si>
    <t>cg18599155</t>
  </si>
  <si>
    <t>cg18602811</t>
  </si>
  <si>
    <t>cg18603581</t>
  </si>
  <si>
    <t>cg18604876</t>
  </si>
  <si>
    <t>cg18605031</t>
  </si>
  <si>
    <t>cg18621852</t>
  </si>
  <si>
    <t>cg18623216</t>
  </si>
  <si>
    <t>cg18626709</t>
  </si>
  <si>
    <t>cg18630511</t>
  </si>
  <si>
    <t>cg18633432</t>
  </si>
  <si>
    <t>cg18634499</t>
  </si>
  <si>
    <t>cg18635791</t>
  </si>
  <si>
    <t>cg18636558</t>
  </si>
  <si>
    <t>cg18642234</t>
  </si>
  <si>
    <t>cg18644653</t>
  </si>
  <si>
    <t>cg18644782</t>
  </si>
  <si>
    <t>cg18648917</t>
  </si>
  <si>
    <t>cg18652121</t>
  </si>
  <si>
    <t>cg18656024</t>
  </si>
  <si>
    <t>cg18666075</t>
  </si>
  <si>
    <t>cg18667319</t>
  </si>
  <si>
    <t>cg18667951</t>
  </si>
  <si>
    <t>cg18669588</t>
  </si>
  <si>
    <t>cg18670236</t>
  </si>
  <si>
    <t>cg18672602</t>
  </si>
  <si>
    <t>cg18674466</t>
  </si>
  <si>
    <t>cg18675902</t>
  </si>
  <si>
    <t>cg18676110</t>
  </si>
  <si>
    <t>cg18676803</t>
  </si>
  <si>
    <t>cg18677603</t>
  </si>
  <si>
    <t>cg18678851</t>
  </si>
  <si>
    <t>cg18679410</t>
  </si>
  <si>
    <t>cg18682613</t>
  </si>
  <si>
    <t>cg18684060</t>
  </si>
  <si>
    <t>cg18685883</t>
  </si>
  <si>
    <t>cg18690922</t>
  </si>
  <si>
    <t>cg18694936</t>
  </si>
  <si>
    <t>cg18695263</t>
  </si>
  <si>
    <t>cg18697991</t>
  </si>
  <si>
    <t>cg18704979</t>
  </si>
  <si>
    <t>cg18705362</t>
  </si>
  <si>
    <t>cg18705643</t>
  </si>
  <si>
    <t>cg18713687</t>
  </si>
  <si>
    <t>cg18717423</t>
  </si>
  <si>
    <t>cg18718204</t>
  </si>
  <si>
    <t>cg18718692</t>
  </si>
  <si>
    <t>cg18719939</t>
  </si>
  <si>
    <t>cg18722086</t>
  </si>
  <si>
    <t>cg18723341</t>
  </si>
  <si>
    <t>cg18724257</t>
  </si>
  <si>
    <t>cg18727075</t>
  </si>
  <si>
    <t>cg18728493</t>
  </si>
  <si>
    <t>cg18729488</t>
  </si>
  <si>
    <t>cg18731014</t>
  </si>
  <si>
    <t>cg18731327</t>
  </si>
  <si>
    <t>cg18733433</t>
  </si>
  <si>
    <t>cg18739166</t>
  </si>
  <si>
    <t>cg18741175</t>
  </si>
  <si>
    <t>cg18741586</t>
  </si>
  <si>
    <t>cg18742893</t>
  </si>
  <si>
    <t>cg18745424</t>
  </si>
  <si>
    <t>cg18745629</t>
  </si>
  <si>
    <t>cg18746336</t>
  </si>
  <si>
    <t>cg18751573</t>
  </si>
  <si>
    <t>cg18751974</t>
  </si>
  <si>
    <t>cg18753424</t>
  </si>
  <si>
    <t>cg18755942</t>
  </si>
  <si>
    <t>cg18757077</t>
  </si>
  <si>
    <t>cg18762944</t>
  </si>
  <si>
    <t>cg18766468</t>
  </si>
  <si>
    <t>cg18769074</t>
  </si>
  <si>
    <t>cg18770678</t>
  </si>
  <si>
    <t>cg18770816</t>
  </si>
  <si>
    <t>cg18772838</t>
  </si>
  <si>
    <t>cg18774195</t>
  </si>
  <si>
    <t>cg18775606</t>
  </si>
  <si>
    <t>cg18776764</t>
  </si>
  <si>
    <t>cg18778299</t>
  </si>
  <si>
    <t>cg18779283</t>
  </si>
  <si>
    <t>cg18780769</t>
  </si>
  <si>
    <t>cg18781372</t>
  </si>
  <si>
    <t>cg18783410</t>
  </si>
  <si>
    <t>cg18784113</t>
  </si>
  <si>
    <t>cg18785274</t>
  </si>
  <si>
    <t>cg18786782</t>
  </si>
  <si>
    <t>cg18787382</t>
  </si>
  <si>
    <t>cg18789887</t>
  </si>
  <si>
    <t>cg18797282</t>
  </si>
  <si>
    <t>cg18797923</t>
  </si>
  <si>
    <t>cg18800918</t>
  </si>
  <si>
    <t>cg18801567</t>
  </si>
  <si>
    <t>cg18803642</t>
  </si>
  <si>
    <t>cg18810342</t>
  </si>
  <si>
    <t>cg18812386</t>
  </si>
  <si>
    <t>cg18812699</t>
  </si>
  <si>
    <t>cg18813778</t>
  </si>
  <si>
    <t>cg18816595</t>
  </si>
  <si>
    <t>cg18847227</t>
  </si>
  <si>
    <t>cg18849015</t>
  </si>
  <si>
    <t>cg18853071</t>
  </si>
  <si>
    <t>cg18857899</t>
  </si>
  <si>
    <t>cg18859045</t>
  </si>
  <si>
    <t>cg18868788</t>
  </si>
  <si>
    <t>cg18871670</t>
  </si>
  <si>
    <t>cg18875012</t>
  </si>
  <si>
    <t>cg18886444</t>
  </si>
  <si>
    <t>cg18887186</t>
  </si>
  <si>
    <t>cg18899952</t>
  </si>
  <si>
    <t>cg18902742</t>
  </si>
  <si>
    <t>cg18918831</t>
  </si>
  <si>
    <t>cg18919097</t>
  </si>
  <si>
    <t>cg18930354</t>
  </si>
  <si>
    <t>cg18932540</t>
  </si>
  <si>
    <t>cg18946802</t>
  </si>
  <si>
    <t>cg18956933</t>
  </si>
  <si>
    <t>cg18979819</t>
  </si>
  <si>
    <t>cg18984151</t>
  </si>
  <si>
    <t>cg18985891</t>
  </si>
  <si>
    <t>cg18986335</t>
  </si>
  <si>
    <t>cg18986451</t>
  </si>
  <si>
    <t>cg18989919</t>
  </si>
  <si>
    <t>cg18994377</t>
  </si>
  <si>
    <t>cg18995042</t>
  </si>
  <si>
    <t>cg18996141</t>
  </si>
  <si>
    <t>cg18996171</t>
  </si>
  <si>
    <t>cg18996776</t>
  </si>
  <si>
    <t>cg18998911</t>
  </si>
  <si>
    <t>cg19003815</t>
  </si>
  <si>
    <t>cg19008133</t>
  </si>
  <si>
    <t>cg19008809</t>
  </si>
  <si>
    <t>cg19009644</t>
  </si>
  <si>
    <t>cg19010139</t>
  </si>
  <si>
    <t>cg19012681</t>
  </si>
  <si>
    <t>cg19025187</t>
  </si>
  <si>
    <t>cg19028369</t>
  </si>
  <si>
    <t>cg19028706</t>
  </si>
  <si>
    <t>cg19046725</t>
  </si>
  <si>
    <t>cg19076513</t>
  </si>
  <si>
    <t>cg19081389</t>
  </si>
  <si>
    <t>cg19084916</t>
  </si>
  <si>
    <t>cg19087038</t>
  </si>
  <si>
    <t>cg19088795</t>
  </si>
  <si>
    <t>cg19090128</t>
  </si>
  <si>
    <t>cg19092164</t>
  </si>
  <si>
    <t>cg19092999</t>
  </si>
  <si>
    <t>cg19093820</t>
  </si>
  <si>
    <t>cg19095827</t>
  </si>
  <si>
    <t>cg19100810</t>
  </si>
  <si>
    <t>cg19104026</t>
  </si>
  <si>
    <t>cg19106168</t>
  </si>
  <si>
    <t>cg19108966</t>
  </si>
  <si>
    <t>cg19112895</t>
  </si>
  <si>
    <t>cg19115492</t>
  </si>
  <si>
    <t>cg19115656</t>
  </si>
  <si>
    <t>cg19116023</t>
  </si>
  <si>
    <t>cg19116718</t>
  </si>
  <si>
    <t>cg19118972</t>
  </si>
  <si>
    <t>cg19119016</t>
  </si>
  <si>
    <t>cg19124036</t>
  </si>
  <si>
    <t>cg19126582</t>
  </si>
  <si>
    <t>cg19128261</t>
  </si>
  <si>
    <t>cg19130973</t>
  </si>
  <si>
    <t>cg19131667</t>
  </si>
  <si>
    <t>cg19134567</t>
  </si>
  <si>
    <t>cg19139832</t>
  </si>
  <si>
    <t>cg19141258</t>
  </si>
  <si>
    <t>cg19141448</t>
  </si>
  <si>
    <t>cg19143336</t>
  </si>
  <si>
    <t>cg19145082</t>
  </si>
  <si>
    <t>cg19145607</t>
  </si>
  <si>
    <t>cg19146124</t>
  </si>
  <si>
    <t>cg19149463</t>
  </si>
  <si>
    <t>cg19150852</t>
  </si>
  <si>
    <t>cg19155699</t>
  </si>
  <si>
    <t>cg19161330</t>
  </si>
  <si>
    <t>cg19166302</t>
  </si>
  <si>
    <t>cg19178320</t>
  </si>
  <si>
    <t>cg19206479</t>
  </si>
  <si>
    <t>cg19206910</t>
  </si>
  <si>
    <t>cg19207090</t>
  </si>
  <si>
    <t>cg19209507</t>
  </si>
  <si>
    <t>cg19209799</t>
  </si>
  <si>
    <t>cg19210808</t>
  </si>
  <si>
    <t>cg19215692</t>
  </si>
  <si>
    <t>cg19219364</t>
  </si>
  <si>
    <t>cg19219437</t>
  </si>
  <si>
    <t>cg19219844</t>
  </si>
  <si>
    <t>cg19222574</t>
  </si>
  <si>
    <t>cg19228966</t>
  </si>
  <si>
    <t>cg19229702</t>
  </si>
  <si>
    <t>cg19234171</t>
  </si>
  <si>
    <t>cg19234736</t>
  </si>
  <si>
    <t>cg19234738</t>
  </si>
  <si>
    <t>cg19234897</t>
  </si>
  <si>
    <t>cg19235494</t>
  </si>
  <si>
    <t>cg19241168</t>
  </si>
  <si>
    <t>cg19244312</t>
  </si>
  <si>
    <t>cg19245758</t>
  </si>
  <si>
    <t>cg19248982</t>
  </si>
  <si>
    <t>cg19250213</t>
  </si>
  <si>
    <t>cg19250579</t>
  </si>
  <si>
    <t>cg19251345</t>
  </si>
  <si>
    <t>cg19251857</t>
  </si>
  <si>
    <t>cg19255722</t>
  </si>
  <si>
    <t>cg19258784</t>
  </si>
  <si>
    <t>cg19262573</t>
  </si>
  <si>
    <t>cg19270099</t>
  </si>
  <si>
    <t>cg19272144</t>
  </si>
  <si>
    <t>cg19278414</t>
  </si>
  <si>
    <t>cg19280968</t>
  </si>
  <si>
    <t>cg19282443</t>
  </si>
  <si>
    <t>cg19300741</t>
  </si>
  <si>
    <t>cg19304657</t>
  </si>
  <si>
    <t>cg19332303</t>
  </si>
  <si>
    <t>cg19336328</t>
  </si>
  <si>
    <t>cg19348001</t>
  </si>
  <si>
    <t>cg19373170</t>
  </si>
  <si>
    <t>cg19374779</t>
  </si>
  <si>
    <t>cg19375810</t>
  </si>
  <si>
    <t>cg19377384</t>
  </si>
  <si>
    <t>cg19377754</t>
  </si>
  <si>
    <t>cg19378537</t>
  </si>
  <si>
    <t>cg19381811</t>
  </si>
  <si>
    <t>cg19383430</t>
  </si>
  <si>
    <t>cg19384379</t>
  </si>
  <si>
    <t>cg19392656</t>
  </si>
  <si>
    <t>cg19393281</t>
  </si>
  <si>
    <t>cg19394866</t>
  </si>
  <si>
    <t>cg19399326</t>
  </si>
  <si>
    <t>cg19401111</t>
  </si>
  <si>
    <t>cg19402876</t>
  </si>
  <si>
    <t>cg19408207</t>
  </si>
  <si>
    <t>cg19410732</t>
  </si>
  <si>
    <t>cg19414708</t>
  </si>
  <si>
    <t>cg19418951</t>
  </si>
  <si>
    <t>cg19426522</t>
  </si>
  <si>
    <t>cg19440299</t>
  </si>
  <si>
    <t>cg19440670</t>
  </si>
  <si>
    <t>cg19444609</t>
  </si>
  <si>
    <t>cg19446077</t>
  </si>
  <si>
    <t>cg19446296</t>
  </si>
  <si>
    <t>cg19448644</t>
  </si>
  <si>
    <t>cg19449917</t>
  </si>
  <si>
    <t>cg19450479</t>
  </si>
  <si>
    <t>cg19452782</t>
  </si>
  <si>
    <t>cg19453991</t>
  </si>
  <si>
    <t>cg19458608</t>
  </si>
  <si>
    <t>cg19463199</t>
  </si>
  <si>
    <t>cg19466974</t>
  </si>
  <si>
    <t>cg19468029</t>
  </si>
  <si>
    <t>cg19470159</t>
  </si>
  <si>
    <t>cg19477084</t>
  </si>
  <si>
    <t>cg19480937</t>
  </si>
  <si>
    <t>cg19507267</t>
  </si>
  <si>
    <t>cg19511386</t>
  </si>
  <si>
    <t>cg19511664</t>
  </si>
  <si>
    <t>cg19513744</t>
  </si>
  <si>
    <t>cg19516404</t>
  </si>
  <si>
    <t>cg19522294</t>
  </si>
  <si>
    <t>cg19522332</t>
  </si>
  <si>
    <t>cg19522900</t>
  </si>
  <si>
    <t>cg19523099</t>
  </si>
  <si>
    <t>cg19528963</t>
  </si>
  <si>
    <t>cg19531604</t>
  </si>
  <si>
    <t>cg19532307</t>
  </si>
  <si>
    <t>cg19532454</t>
  </si>
  <si>
    <t>cg19538699</t>
  </si>
  <si>
    <t>cg19542096</t>
  </si>
  <si>
    <t>cg19549171</t>
  </si>
  <si>
    <t>cg19551485</t>
  </si>
  <si>
    <t>cg19553158</t>
  </si>
  <si>
    <t>cg19574488</t>
  </si>
  <si>
    <t>cg19576739</t>
  </si>
  <si>
    <t>cg19596227</t>
  </si>
  <si>
    <t>cg19596509</t>
  </si>
  <si>
    <t>cg19599666</t>
  </si>
  <si>
    <t>cg19599856</t>
  </si>
  <si>
    <t>cg19600372</t>
  </si>
  <si>
    <t>cg19600391</t>
  </si>
  <si>
    <t>cg19600442</t>
  </si>
  <si>
    <t>cg19605565</t>
  </si>
  <si>
    <t>cg19606153</t>
  </si>
  <si>
    <t>cg19606364</t>
  </si>
  <si>
    <t>cg19611163</t>
  </si>
  <si>
    <t>cg19619174</t>
  </si>
  <si>
    <t>cg19622597</t>
  </si>
  <si>
    <t>cg19624299</t>
  </si>
  <si>
    <t>cg19628233</t>
  </si>
  <si>
    <t>cg19629292</t>
  </si>
  <si>
    <t>cg19631651</t>
  </si>
  <si>
    <t>cg19638477</t>
  </si>
  <si>
    <t>cg19642148</t>
  </si>
  <si>
    <t>cg19668234</t>
  </si>
  <si>
    <t>cg19678270</t>
  </si>
  <si>
    <t>cg19682367</t>
  </si>
  <si>
    <t>cg19693403</t>
  </si>
  <si>
    <t>cg19710970</t>
  </si>
  <si>
    <t>cg19711045</t>
  </si>
  <si>
    <t>cg19711782</t>
  </si>
  <si>
    <t>cg19713303</t>
  </si>
  <si>
    <t>cg19720565</t>
  </si>
  <si>
    <t>cg19728055</t>
  </si>
  <si>
    <t>cg19730887</t>
  </si>
  <si>
    <t>cg19734255</t>
  </si>
  <si>
    <t>cg19740375</t>
  </si>
  <si>
    <t>cg19751951</t>
  </si>
  <si>
    <t>cg19755318</t>
  </si>
  <si>
    <t>cg19761337</t>
  </si>
  <si>
    <t>cg19764345</t>
  </si>
  <si>
    <t>cg19766624</t>
  </si>
  <si>
    <t>cg19767734</t>
  </si>
  <si>
    <t>cg19774788</t>
  </si>
  <si>
    <t>cg19775589</t>
  </si>
  <si>
    <t>cg19777998</t>
  </si>
  <si>
    <t>cg19779799</t>
  </si>
  <si>
    <t>cg19784816</t>
  </si>
  <si>
    <t>cg19786221</t>
  </si>
  <si>
    <t>cg19790002</t>
  </si>
  <si>
    <t>cg19793598</t>
  </si>
  <si>
    <t>cg19796351</t>
  </si>
  <si>
    <t>cg19802542</t>
  </si>
  <si>
    <t>cg19803671</t>
  </si>
  <si>
    <t>cg19806398</t>
  </si>
  <si>
    <t>cg19811994</t>
  </si>
  <si>
    <t>cg19815340</t>
  </si>
  <si>
    <t>cg19815720</t>
  </si>
  <si>
    <t>cg19819145</t>
  </si>
  <si>
    <t>cg19820070</t>
  </si>
  <si>
    <t>cg19821425</t>
  </si>
  <si>
    <t>cg19822263</t>
  </si>
  <si>
    <t>cg19822518</t>
  </si>
  <si>
    <t>cg19825437</t>
  </si>
  <si>
    <t>cg19830192</t>
  </si>
  <si>
    <t>cg19835040</t>
  </si>
  <si>
    <t>cg19840693</t>
  </si>
  <si>
    <t>cg19846529</t>
  </si>
  <si>
    <t>cg19850333</t>
  </si>
  <si>
    <t>cg19851999</t>
  </si>
  <si>
    <t>cg19853927</t>
  </si>
  <si>
    <t>cg19854901</t>
  </si>
  <si>
    <t>cg19854915</t>
  </si>
  <si>
    <t>cg19856252</t>
  </si>
  <si>
    <t>cg19857114</t>
  </si>
  <si>
    <t>cg19859270</t>
  </si>
  <si>
    <t>cg19864002</t>
  </si>
  <si>
    <t>cg19864138</t>
  </si>
  <si>
    <t>cg19875216</t>
  </si>
  <si>
    <t>cg19875656</t>
  </si>
  <si>
    <t>cg19879111</t>
  </si>
  <si>
    <t>cg19879491</t>
  </si>
  <si>
    <t>cg19880119</t>
  </si>
  <si>
    <t>cg19887462</t>
  </si>
  <si>
    <t>cg19890834</t>
  </si>
  <si>
    <t>cg19891817</t>
  </si>
  <si>
    <t>cg19909895</t>
  </si>
  <si>
    <t>cg19914607</t>
  </si>
  <si>
    <t>cg19914751</t>
  </si>
  <si>
    <t>cg19915997</t>
  </si>
  <si>
    <t>cg19918027</t>
  </si>
  <si>
    <t>cg19918429</t>
  </si>
  <si>
    <t>cg19919446</t>
  </si>
  <si>
    <t>cg19921389</t>
  </si>
  <si>
    <t>cg19925112</t>
  </si>
  <si>
    <t>cg19928195</t>
  </si>
  <si>
    <t>cg19929403</t>
  </si>
  <si>
    <t>cg19930943</t>
  </si>
  <si>
    <t>cg19934111</t>
  </si>
  <si>
    <t>cg19935505</t>
  </si>
  <si>
    <t>cg19935671</t>
  </si>
  <si>
    <t>cg19936885</t>
  </si>
  <si>
    <t>cg19939065</t>
  </si>
  <si>
    <t>cg19947061</t>
  </si>
  <si>
    <t>cg19951818</t>
  </si>
  <si>
    <t>cg19956113</t>
  </si>
  <si>
    <t>cg19957727</t>
  </si>
  <si>
    <t>cg19959647</t>
  </si>
  <si>
    <t>cg19975560</t>
  </si>
  <si>
    <t>cg19977179</t>
  </si>
  <si>
    <t>cg19979666</t>
  </si>
  <si>
    <t>cg19982570</t>
  </si>
  <si>
    <t>cg19982684</t>
  </si>
  <si>
    <t>cg19986876</t>
  </si>
  <si>
    <t>cg19990498</t>
  </si>
  <si>
    <t>cg19998675</t>
  </si>
  <si>
    <t>cg20000481</t>
  </si>
  <si>
    <t>cg20000847</t>
  </si>
  <si>
    <t>cg20026633</t>
  </si>
  <si>
    <t>cg20031397</t>
  </si>
  <si>
    <t>cg20031584</t>
  </si>
  <si>
    <t>cg20038477</t>
  </si>
  <si>
    <t>cg20047732</t>
  </si>
  <si>
    <t>cg20051033</t>
  </si>
  <si>
    <t>cg20052751</t>
  </si>
  <si>
    <t>cg20053829</t>
  </si>
  <si>
    <t>cg20068074</t>
  </si>
  <si>
    <t>cg20075859</t>
  </si>
  <si>
    <t>cg20076842</t>
  </si>
  <si>
    <t>cg20082170</t>
  </si>
  <si>
    <t>cg20090970</t>
  </si>
  <si>
    <t>cg20096204</t>
  </si>
  <si>
    <t>cg20099464</t>
  </si>
  <si>
    <t>cg20109001</t>
  </si>
  <si>
    <t>cg20114394</t>
  </si>
  <si>
    <t>cg20116569</t>
  </si>
  <si>
    <t>cg20116907</t>
  </si>
  <si>
    <t>cg20116935</t>
  </si>
  <si>
    <t>cg20118409</t>
  </si>
  <si>
    <t>cg20119101</t>
  </si>
  <si>
    <t>cg20120631</t>
  </si>
  <si>
    <t>cg20123637</t>
  </si>
  <si>
    <t>cg20124600</t>
  </si>
  <si>
    <t>cg20126106</t>
  </si>
  <si>
    <t>cg20132173</t>
  </si>
  <si>
    <t>cg20133901</t>
  </si>
  <si>
    <t>cg20136061</t>
  </si>
  <si>
    <t>cg20141751</t>
  </si>
  <si>
    <t>cg20142358</t>
  </si>
  <si>
    <t>cg20146582</t>
  </si>
  <si>
    <t>cg20159072</t>
  </si>
  <si>
    <t>cg20162159</t>
  </si>
  <si>
    <t>cg20169734</t>
  </si>
  <si>
    <t>cg20169913</t>
  </si>
  <si>
    <t>cg20172500</t>
  </si>
  <si>
    <t>cg20173193</t>
  </si>
  <si>
    <t>cg20176220</t>
  </si>
  <si>
    <t>cg20177385</t>
  </si>
  <si>
    <t>cg20177650</t>
  </si>
  <si>
    <t>cg20182358</t>
  </si>
  <si>
    <t>cg20184464</t>
  </si>
  <si>
    <t>cg20191453</t>
  </si>
  <si>
    <t>cg20192464</t>
  </si>
  <si>
    <t>cg20196543</t>
  </si>
  <si>
    <t>cg20202413</t>
  </si>
  <si>
    <t>cg20203114</t>
  </si>
  <si>
    <t>cg20203592</t>
  </si>
  <si>
    <t>cg20207043</t>
  </si>
  <si>
    <t>cg20208384</t>
  </si>
  <si>
    <t>cg20215257</t>
  </si>
  <si>
    <t>cg20215454</t>
  </si>
  <si>
    <t>cg20216935</t>
  </si>
  <si>
    <t>cg20216998</t>
  </si>
  <si>
    <t>cg20217702</t>
  </si>
  <si>
    <t>cg20219911</t>
  </si>
  <si>
    <t>cg20224285</t>
  </si>
  <si>
    <t>cg20224885</t>
  </si>
  <si>
    <t>cg20226230</t>
  </si>
  <si>
    <t>cg20227213</t>
  </si>
  <si>
    <t>cg20230305</t>
  </si>
  <si>
    <t>cg20230732</t>
  </si>
  <si>
    <t>cg20232060</t>
  </si>
  <si>
    <t>cg20235117</t>
  </si>
  <si>
    <t>cg20235651</t>
  </si>
  <si>
    <t>cg20241270</t>
  </si>
  <si>
    <t>cg20242981</t>
  </si>
  <si>
    <t>cg20263733</t>
  </si>
  <si>
    <t>cg20264543</t>
  </si>
  <si>
    <t>cg20267101</t>
  </si>
  <si>
    <t>cg20269185</t>
  </si>
  <si>
    <t>cg20270599</t>
  </si>
  <si>
    <t>cg20271057</t>
  </si>
  <si>
    <t>cg20272205</t>
  </si>
  <si>
    <t>cg20276750</t>
  </si>
  <si>
    <t>cg20279351</t>
  </si>
  <si>
    <t>cg20280182</t>
  </si>
  <si>
    <t>cg20282199</t>
  </si>
  <si>
    <t>cg20288129</t>
  </si>
  <si>
    <t>cg20289491</t>
  </si>
  <si>
    <t>cg20298015</t>
  </si>
  <si>
    <t>cg20300093</t>
  </si>
  <si>
    <t>cg20312228</t>
  </si>
  <si>
    <t>cg20346122</t>
  </si>
  <si>
    <t>cg20354580</t>
  </si>
  <si>
    <t>cg20354777</t>
  </si>
  <si>
    <t>cg20359413</t>
  </si>
  <si>
    <t>cg20364024</t>
  </si>
  <si>
    <t>cg20365867</t>
  </si>
  <si>
    <t>cg20366986</t>
  </si>
  <si>
    <t>cg20370277</t>
  </si>
  <si>
    <t>cg20375342</t>
  </si>
  <si>
    <t>cg20375415</t>
  </si>
  <si>
    <t>cg20378921</t>
  </si>
  <si>
    <t>cg20379919</t>
  </si>
  <si>
    <t>cg20380091</t>
  </si>
  <si>
    <t>cg20383064</t>
  </si>
  <si>
    <t>cg20383299</t>
  </si>
  <si>
    <t>cg20388194</t>
  </si>
  <si>
    <t>cg20388916</t>
  </si>
  <si>
    <t>cg20395773</t>
  </si>
  <si>
    <t>cg20398892</t>
  </si>
  <si>
    <t>cg20425130</t>
  </si>
  <si>
    <t>cg20434811</t>
  </si>
  <si>
    <t>cg20436810</t>
  </si>
  <si>
    <t>cg20440093</t>
  </si>
  <si>
    <t>cg20442536</t>
  </si>
  <si>
    <t>cg20461912</t>
  </si>
  <si>
    <t>cg20472433</t>
  </si>
  <si>
    <t>cg20481171</t>
  </si>
  <si>
    <t>cg20488820</t>
  </si>
  <si>
    <t>cg20495332</t>
  </si>
  <si>
    <t>cg20496896</t>
  </si>
  <si>
    <t>cg20498746</t>
  </si>
  <si>
    <t>cg20501518</t>
  </si>
  <si>
    <t>cg20503117</t>
  </si>
  <si>
    <t>cg20504993</t>
  </si>
  <si>
    <t>cg20505486</t>
  </si>
  <si>
    <t>cg20505728</t>
  </si>
  <si>
    <t>cg20506766</t>
  </si>
  <si>
    <t>cg20512713</t>
  </si>
  <si>
    <t>cg20514239</t>
  </si>
  <si>
    <t>cg20515136</t>
  </si>
  <si>
    <t>cg20517242</t>
  </si>
  <si>
    <t>cg20524216</t>
  </si>
  <si>
    <t>cg20524905</t>
  </si>
  <si>
    <t>cg20526303</t>
  </si>
  <si>
    <t>cg20528780</t>
  </si>
  <si>
    <t>cg20530843</t>
  </si>
  <si>
    <t>cg20532370</t>
  </si>
  <si>
    <t>cg20540428</t>
  </si>
  <si>
    <t>cg20541723</t>
  </si>
  <si>
    <t>cg20543092</t>
  </si>
  <si>
    <t>cg20543426</t>
  </si>
  <si>
    <t>cg20543478</t>
  </si>
  <si>
    <t>cg20545295</t>
  </si>
  <si>
    <t>cg20555138</t>
  </si>
  <si>
    <t>cg20566934</t>
  </si>
  <si>
    <t>cg20568102</t>
  </si>
  <si>
    <t>cg20568140</t>
  </si>
  <si>
    <t>cg20571592</t>
  </si>
  <si>
    <t>cg20574900</t>
  </si>
  <si>
    <t>cg20575173</t>
  </si>
  <si>
    <t>cg20579505</t>
  </si>
  <si>
    <t>cg20581632</t>
  </si>
  <si>
    <t>cg20584157</t>
  </si>
  <si>
    <t>cg20587808</t>
  </si>
  <si>
    <t>cg20608338</t>
  </si>
  <si>
    <t>cg20620272</t>
  </si>
  <si>
    <t>cg20630151</t>
  </si>
  <si>
    <t>cg20660627</t>
  </si>
  <si>
    <t>cg20669012</t>
  </si>
  <si>
    <t>cg20672711</t>
  </si>
  <si>
    <t>cg20674725</t>
  </si>
  <si>
    <t>cg20675869</t>
  </si>
  <si>
    <t>cg20677142</t>
  </si>
  <si>
    <t>cg20683108</t>
  </si>
  <si>
    <t>cg20684180</t>
  </si>
  <si>
    <t>cg20685600</t>
  </si>
  <si>
    <t>cg20687038</t>
  </si>
  <si>
    <t>cg20687414</t>
  </si>
  <si>
    <t>cg20692597</t>
  </si>
  <si>
    <t>cg20695499</t>
  </si>
  <si>
    <t>cg20696605</t>
  </si>
  <si>
    <t>cg20697427</t>
  </si>
  <si>
    <t>cg20699141</t>
  </si>
  <si>
    <t>cg20710258</t>
  </si>
  <si>
    <t>cg20712415</t>
  </si>
  <si>
    <t>cg20714128</t>
  </si>
  <si>
    <t>cg20715847</t>
  </si>
  <si>
    <t>cg20724227</t>
  </si>
  <si>
    <t>cg20725021</t>
  </si>
  <si>
    <t>cg20725907</t>
  </si>
  <si>
    <t>cg20730432</t>
  </si>
  <si>
    <t>cg20731562</t>
  </si>
  <si>
    <t>cg20732160</t>
  </si>
  <si>
    <t>cg20738807</t>
  </si>
  <si>
    <t>cg20739013</t>
  </si>
  <si>
    <t>cg20742234</t>
  </si>
  <si>
    <t>cg20745248</t>
  </si>
  <si>
    <t>cg20746482</t>
  </si>
  <si>
    <t>cg20747538</t>
  </si>
  <si>
    <t>cg20749059</t>
  </si>
  <si>
    <t>cg20749576</t>
  </si>
  <si>
    <t>cg20754708</t>
  </si>
  <si>
    <t>cg20758219</t>
  </si>
  <si>
    <t>cg20760116</t>
  </si>
  <si>
    <t>cg20766179</t>
  </si>
  <si>
    <t>cg20767722</t>
  </si>
  <si>
    <t>cg20768638</t>
  </si>
  <si>
    <t>cg20770409</t>
  </si>
  <si>
    <t>cg20782816</t>
  </si>
  <si>
    <t>cg20785333</t>
  </si>
  <si>
    <t>cg20786367</t>
  </si>
  <si>
    <t>cg20786794</t>
  </si>
  <si>
    <t>cg20788021</t>
  </si>
  <si>
    <t>cg20789595</t>
  </si>
  <si>
    <t>cg20791669</t>
  </si>
  <si>
    <t>cg20793087</t>
  </si>
  <si>
    <t>cg20794824</t>
  </si>
  <si>
    <t>cg20796968</t>
  </si>
  <si>
    <t>cg20804831</t>
  </si>
  <si>
    <t>cg20821082</t>
  </si>
  <si>
    <t>cg20824237</t>
  </si>
  <si>
    <t>cg20826201</t>
  </si>
  <si>
    <t>cg20832020</t>
  </si>
  <si>
    <t>cg20832320</t>
  </si>
  <si>
    <t>cg20835282</t>
  </si>
  <si>
    <t>cg20839145</t>
  </si>
  <si>
    <t>cg20841664</t>
  </si>
  <si>
    <t>cg20849127</t>
  </si>
  <si>
    <t>cg20849835</t>
  </si>
  <si>
    <t>cg20851513</t>
  </si>
  <si>
    <t>cg20852250</t>
  </si>
  <si>
    <t>cg20852557</t>
  </si>
  <si>
    <t>cg20855344</t>
  </si>
  <si>
    <t>cg20860515</t>
  </si>
  <si>
    <t>cg20863339</t>
  </si>
  <si>
    <t>cg20865082</t>
  </si>
  <si>
    <t>cg20865740</t>
  </si>
  <si>
    <t>cg20872461</t>
  </si>
  <si>
    <t>cg20881888</t>
  </si>
  <si>
    <t>cg20886017</t>
  </si>
  <si>
    <t>cg20886263</t>
  </si>
  <si>
    <t>cg20888995</t>
  </si>
  <si>
    <t>cg20889458</t>
  </si>
  <si>
    <t>cg20891225</t>
  </si>
  <si>
    <t>cg20891622</t>
  </si>
  <si>
    <t>cg20896631</t>
  </si>
  <si>
    <t>cg20899213</t>
  </si>
  <si>
    <t>cg20899625</t>
  </si>
  <si>
    <t>cg20899713</t>
  </si>
  <si>
    <t>cg20906621</t>
  </si>
  <si>
    <t>cg20908614</t>
  </si>
  <si>
    <t>cg20911625</t>
  </si>
  <si>
    <t>cg20912205</t>
  </si>
  <si>
    <t>cg20912272</t>
  </si>
  <si>
    <t>cg20918957</t>
  </si>
  <si>
    <t>cg20925462</t>
  </si>
  <si>
    <t>cg20928429</t>
  </si>
  <si>
    <t>cg20929811</t>
  </si>
  <si>
    <t>cg20933631</t>
  </si>
  <si>
    <t>cg20934836</t>
  </si>
  <si>
    <t>cg20935483</t>
  </si>
  <si>
    <t>cg20936348</t>
  </si>
  <si>
    <t>cg20938231</t>
  </si>
  <si>
    <t>cg20938286</t>
  </si>
  <si>
    <t>cg20941170</t>
  </si>
  <si>
    <t>cg20942198</t>
  </si>
  <si>
    <t>cg20945261</t>
  </si>
  <si>
    <t>cg20946041</t>
  </si>
  <si>
    <t>cg20947470</t>
  </si>
  <si>
    <t>cg20948024</t>
  </si>
  <si>
    <t>cg20948091</t>
  </si>
  <si>
    <t>cg20950633</t>
  </si>
  <si>
    <t>cg20954180</t>
  </si>
  <si>
    <t>cg20954484</t>
  </si>
  <si>
    <t>cg20956815</t>
  </si>
  <si>
    <t>cg20957164</t>
  </si>
  <si>
    <t>cg20962137</t>
  </si>
  <si>
    <t>cg20967818</t>
  </si>
  <si>
    <t>cg20971407</t>
  </si>
  <si>
    <t>cg20972950</t>
  </si>
  <si>
    <t>cg20976456</t>
  </si>
  <si>
    <t>cg20978600</t>
  </si>
  <si>
    <t>cg20984065</t>
  </si>
  <si>
    <t>cg20985479</t>
  </si>
  <si>
    <t>cg21008709</t>
  </si>
  <si>
    <t>cg21010050</t>
  </si>
  <si>
    <t>cg21019820</t>
  </si>
  <si>
    <t>cg21023926</t>
  </si>
  <si>
    <t>cg21024916</t>
  </si>
  <si>
    <t>cg21026460</t>
  </si>
  <si>
    <t>cg21030598</t>
  </si>
  <si>
    <t>cg21032008</t>
  </si>
  <si>
    <t>cg21034633</t>
  </si>
  <si>
    <t>cg21044104</t>
  </si>
  <si>
    <t>cg21051086</t>
  </si>
  <si>
    <t>cg21070222</t>
  </si>
  <si>
    <t>cg21071138</t>
  </si>
  <si>
    <t>cg21073650</t>
  </si>
  <si>
    <t>cg21075845</t>
  </si>
  <si>
    <t>cg21079946</t>
  </si>
  <si>
    <t>cg21080112</t>
  </si>
  <si>
    <t>cg21086891</t>
  </si>
  <si>
    <t>cg21089667</t>
  </si>
  <si>
    <t>cg21090962</t>
  </si>
  <si>
    <t>cg21092342</t>
  </si>
  <si>
    <t>cg21093236</t>
  </si>
  <si>
    <t>cg21093618</t>
  </si>
  <si>
    <t>cg21100375</t>
  </si>
  <si>
    <t>cg21102950</t>
  </si>
  <si>
    <t>cg21104412</t>
  </si>
  <si>
    <t>cg21109167</t>
  </si>
  <si>
    <t>cg21111294</t>
  </si>
  <si>
    <t>cg21111416</t>
  </si>
  <si>
    <t>cg21112719</t>
  </si>
  <si>
    <t>cg21113478</t>
  </si>
  <si>
    <t>cg21116871</t>
  </si>
  <si>
    <t>cg21124497</t>
  </si>
  <si>
    <t>cg21128940</t>
  </si>
  <si>
    <t>cg21137773</t>
  </si>
  <si>
    <t>cg21141587</t>
  </si>
  <si>
    <t>cg21144338</t>
  </si>
  <si>
    <t>cg21145686</t>
  </si>
  <si>
    <t>cg21149804</t>
  </si>
  <si>
    <t>cg21152376</t>
  </si>
  <si>
    <t>cg21154617</t>
  </si>
  <si>
    <t>cg21154627</t>
  </si>
  <si>
    <t>cg21170282</t>
  </si>
  <si>
    <t>cg21171373</t>
  </si>
  <si>
    <t>cg21174565</t>
  </si>
  <si>
    <t>cg21175642</t>
  </si>
  <si>
    <t>cg21178254</t>
  </si>
  <si>
    <t>cg21178378</t>
  </si>
  <si>
    <t>cg21182694</t>
  </si>
  <si>
    <t>cg21187194</t>
  </si>
  <si>
    <t>cg21187352</t>
  </si>
  <si>
    <t>cg21192185</t>
  </si>
  <si>
    <t>cg21192621</t>
  </si>
  <si>
    <t>cg21194499</t>
  </si>
  <si>
    <t>cg21197973</t>
  </si>
  <si>
    <t>cg21198147</t>
  </si>
  <si>
    <t>cg21199854</t>
  </si>
  <si>
    <t>cg21203061</t>
  </si>
  <si>
    <t>cg21204310</t>
  </si>
  <si>
    <t>cg21211645</t>
  </si>
  <si>
    <t>cg21212034</t>
  </si>
  <si>
    <t>cg21216268</t>
  </si>
  <si>
    <t>cg21217733</t>
  </si>
  <si>
    <t>cg21220726</t>
  </si>
  <si>
    <t>cg21221516</t>
  </si>
  <si>
    <t>cg21224025</t>
  </si>
  <si>
    <t>cg21246431</t>
  </si>
  <si>
    <t>cg21255732</t>
  </si>
  <si>
    <t>cg21260733</t>
  </si>
  <si>
    <t>cg21283081</t>
  </si>
  <si>
    <t>cg21291896</t>
  </si>
  <si>
    <t>cg21307628</t>
  </si>
  <si>
    <t>cg21307697</t>
  </si>
  <si>
    <t>cg21322149</t>
  </si>
  <si>
    <t>cg21325822</t>
  </si>
  <si>
    <t>cg21328770</t>
  </si>
  <si>
    <t>cg21328779</t>
  </si>
  <si>
    <t>cg21330071</t>
  </si>
  <si>
    <t>cg21331845</t>
  </si>
  <si>
    <t>cg21336049</t>
  </si>
  <si>
    <t>cg21338335</t>
  </si>
  <si>
    <t>cg21341150</t>
  </si>
  <si>
    <t>cg21350073</t>
  </si>
  <si>
    <t>cg21360867</t>
  </si>
  <si>
    <t>cg21366834</t>
  </si>
  <si>
    <t>cg21368467</t>
  </si>
  <si>
    <t>cg21368729</t>
  </si>
  <si>
    <t>cg21369231</t>
  </si>
  <si>
    <t>cg21370924</t>
  </si>
  <si>
    <t>cg21372200</t>
  </si>
  <si>
    <t>cg21377680</t>
  </si>
  <si>
    <t>cg21378047</t>
  </si>
  <si>
    <t>cg21379639</t>
  </si>
  <si>
    <t>cg21379733</t>
  </si>
  <si>
    <t>cg21380740</t>
  </si>
  <si>
    <t>cg21384462</t>
  </si>
  <si>
    <t>cg21384588</t>
  </si>
  <si>
    <t>cg21386647</t>
  </si>
  <si>
    <t>cg21390574</t>
  </si>
  <si>
    <t>cg21393986</t>
  </si>
  <si>
    <t>cg21395519</t>
  </si>
  <si>
    <t>cg21399685</t>
  </si>
  <si>
    <t>cg21402640</t>
  </si>
  <si>
    <t>cg21402687</t>
  </si>
  <si>
    <t>cg21402832</t>
  </si>
  <si>
    <t>cg21408848</t>
  </si>
  <si>
    <t>cg21411674</t>
  </si>
  <si>
    <t>cg21411781</t>
  </si>
  <si>
    <t>cg21413133</t>
  </si>
  <si>
    <t>cg21413797</t>
  </si>
  <si>
    <t>cg21415292</t>
  </si>
  <si>
    <t>cg21415385</t>
  </si>
  <si>
    <t>cg21418575</t>
  </si>
  <si>
    <t>cg21422208</t>
  </si>
  <si>
    <t>cg21423741</t>
  </si>
  <si>
    <t>cg21425296</t>
  </si>
  <si>
    <t>cg21433239</t>
  </si>
  <si>
    <t>cg21435190</t>
  </si>
  <si>
    <t>cg21436456</t>
  </si>
  <si>
    <t>cg21437028</t>
  </si>
  <si>
    <t>cg21445366</t>
  </si>
  <si>
    <t>cg21448444</t>
  </si>
  <si>
    <t>cg21448552</t>
  </si>
  <si>
    <t>cg21448613</t>
  </si>
  <si>
    <t>cg21448870</t>
  </si>
  <si>
    <t>cg21452025</t>
  </si>
  <si>
    <t>cg21456897</t>
  </si>
  <si>
    <t>cg21457909</t>
  </si>
  <si>
    <t>cg21458593</t>
  </si>
  <si>
    <t>cg21458907</t>
  </si>
  <si>
    <t>cg21459419</t>
  </si>
  <si>
    <t>cg21463023</t>
  </si>
  <si>
    <t>cg21464115</t>
  </si>
  <si>
    <t>cg21464278</t>
  </si>
  <si>
    <t>cg21467203</t>
  </si>
  <si>
    <t>cg21468971</t>
  </si>
  <si>
    <t>cg21472737</t>
  </si>
  <si>
    <t>cg21474062</t>
  </si>
  <si>
    <t>cg21475255</t>
  </si>
  <si>
    <t>cg21475256</t>
  </si>
  <si>
    <t>cg21476463</t>
  </si>
  <si>
    <t>cg21477317</t>
  </si>
  <si>
    <t>cg21477417</t>
  </si>
  <si>
    <t>cg21478177</t>
  </si>
  <si>
    <t>cg21482689</t>
  </si>
  <si>
    <t>cg21482969</t>
  </si>
  <si>
    <t>cg21483415</t>
  </si>
  <si>
    <t>cg21499895</t>
  </si>
  <si>
    <t>cg21502476</t>
  </si>
  <si>
    <t>cg21503297</t>
  </si>
  <si>
    <t>cg21503826</t>
  </si>
  <si>
    <t>cg21505923</t>
  </si>
  <si>
    <t>cg21508214</t>
  </si>
  <si>
    <t>cg21510164</t>
  </si>
  <si>
    <t>cg21510841</t>
  </si>
  <si>
    <t>cg21511415</t>
  </si>
  <si>
    <t>cg21512502</t>
  </si>
  <si>
    <t>cg21513826</t>
  </si>
  <si>
    <t>cg21515113</t>
  </si>
  <si>
    <t>cg21520537</t>
  </si>
  <si>
    <t>cg21527132</t>
  </si>
  <si>
    <t>cg21529429</t>
  </si>
  <si>
    <t>cg21529591</t>
  </si>
  <si>
    <t>cg21530419</t>
  </si>
  <si>
    <t>cg21532564</t>
  </si>
  <si>
    <t>cg21534264</t>
  </si>
  <si>
    <t>cg21538194</t>
  </si>
  <si>
    <t>cg21541638</t>
  </si>
  <si>
    <t>cg21542951</t>
  </si>
  <si>
    <t>cg21545313</t>
  </si>
  <si>
    <t>cg21545762</t>
  </si>
  <si>
    <t>cg21547371</t>
  </si>
  <si>
    <t>cg21547982</t>
  </si>
  <si>
    <t>cg21548071</t>
  </si>
  <si>
    <t>cg21548152</t>
  </si>
  <si>
    <t>cg21554552</t>
  </si>
  <si>
    <t>cg21556683</t>
  </si>
  <si>
    <t>cg21557407</t>
  </si>
  <si>
    <t>cg21562208</t>
  </si>
  <si>
    <t>cg21564242</t>
  </si>
  <si>
    <t>cg21566860</t>
  </si>
  <si>
    <t>cg21567371</t>
  </si>
  <si>
    <t>cg21569635</t>
  </si>
  <si>
    <t>cg21572731</t>
  </si>
  <si>
    <t>cg21572897</t>
  </si>
  <si>
    <t>cg21572957</t>
  </si>
  <si>
    <t>cg21574435</t>
  </si>
  <si>
    <t>cg21575509</t>
  </si>
  <si>
    <t>cg21576809</t>
  </si>
  <si>
    <t>cg21578541</t>
  </si>
  <si>
    <t>cg21580456</t>
  </si>
  <si>
    <t>cg21581415</t>
  </si>
  <si>
    <t>cg21582831</t>
  </si>
  <si>
    <t>cg21583957</t>
  </si>
  <si>
    <t>cg21585306</t>
  </si>
  <si>
    <t>cg21587375</t>
  </si>
  <si>
    <t>cg21590729</t>
  </si>
  <si>
    <t>cg21593835</t>
  </si>
  <si>
    <t>cg21593952</t>
  </si>
  <si>
    <t>cg21595053</t>
  </si>
  <si>
    <t>cg21597025</t>
  </si>
  <si>
    <t>cg21604496</t>
  </si>
  <si>
    <t>cg21605271</t>
  </si>
  <si>
    <t>cg21605452</t>
  </si>
  <si>
    <t>cg21609087</t>
  </si>
  <si>
    <t>cg21614211</t>
  </si>
  <si>
    <t>cg21615171</t>
  </si>
  <si>
    <t>cg21616626</t>
  </si>
  <si>
    <t>cg21617903</t>
  </si>
  <si>
    <t>cg21622002</t>
  </si>
  <si>
    <t>cg21623264</t>
  </si>
  <si>
    <t>cg21623865</t>
  </si>
  <si>
    <t>cg21627574</t>
  </si>
  <si>
    <t>cg21631583</t>
  </si>
  <si>
    <t>cg21631878</t>
  </si>
  <si>
    <t>cg21634628</t>
  </si>
  <si>
    <t>cg21639713</t>
  </si>
  <si>
    <t>cg21642245</t>
  </si>
  <si>
    <t>cg21643871</t>
  </si>
  <si>
    <t>cg21644077</t>
  </si>
  <si>
    <t>cg21646392</t>
  </si>
  <si>
    <t>cg21650861</t>
  </si>
  <si>
    <t>cg21655915</t>
  </si>
  <si>
    <t>cg21659425</t>
  </si>
  <si>
    <t>cg21661031</t>
  </si>
  <si>
    <t>cg21664828</t>
  </si>
  <si>
    <t>cg21666675</t>
  </si>
  <si>
    <t>cg21666889</t>
  </si>
  <si>
    <t>cg21672276</t>
  </si>
  <si>
    <t>cg21675030</t>
  </si>
  <si>
    <t>cg21685266</t>
  </si>
  <si>
    <t>cg21718660</t>
  </si>
  <si>
    <t>cg21729847</t>
  </si>
  <si>
    <t>cg21740177</t>
  </si>
  <si>
    <t>cg21746724</t>
  </si>
  <si>
    <t>cg21747496</t>
  </si>
  <si>
    <t>cg21748136</t>
  </si>
  <si>
    <t>cg21751146</t>
  </si>
  <si>
    <t>cg21754727</t>
  </si>
  <si>
    <t>cg21754773</t>
  </si>
  <si>
    <t>cg21756208</t>
  </si>
  <si>
    <t>cg21756485</t>
  </si>
  <si>
    <t>cg21757043</t>
  </si>
  <si>
    <t>cg21757276</t>
  </si>
  <si>
    <t>cg21759685</t>
  </si>
  <si>
    <t>cg21760363</t>
  </si>
  <si>
    <t>cg21761678</t>
  </si>
  <si>
    <t>cg21762680</t>
  </si>
  <si>
    <t>cg21767902</t>
  </si>
  <si>
    <t>cg21770060</t>
  </si>
  <si>
    <t>cg21770617</t>
  </si>
  <si>
    <t>cg21772953</t>
  </si>
  <si>
    <t>cg21776417</t>
  </si>
  <si>
    <t>cg21776813</t>
  </si>
  <si>
    <t>cg21779805</t>
  </si>
  <si>
    <t>cg21780717</t>
  </si>
  <si>
    <t>cg21787567</t>
  </si>
  <si>
    <t>cg21788755</t>
  </si>
  <si>
    <t>cg21790991</t>
  </si>
  <si>
    <t>cg21792150</t>
  </si>
  <si>
    <t>cg21792899</t>
  </si>
  <si>
    <t>cg21794419</t>
  </si>
  <si>
    <t>cg21796234</t>
  </si>
  <si>
    <t>cg21796322</t>
  </si>
  <si>
    <t>cg21797520</t>
  </si>
  <si>
    <t>cg21798608</t>
  </si>
  <si>
    <t>cg21798731</t>
  </si>
  <si>
    <t>cg21799607</t>
  </si>
  <si>
    <t>cg21800196</t>
  </si>
  <si>
    <t>cg21801428</t>
  </si>
  <si>
    <t>cg21814995</t>
  </si>
  <si>
    <t>cg21818274</t>
  </si>
  <si>
    <t>cg21818333</t>
  </si>
  <si>
    <t>cg21828898</t>
  </si>
  <si>
    <t>cg21831931</t>
  </si>
  <si>
    <t>cg21831975</t>
  </si>
  <si>
    <t>cg21833107</t>
  </si>
  <si>
    <t>cg21833841</t>
  </si>
  <si>
    <t>cg21835021</t>
  </si>
  <si>
    <t>cg21837569</t>
  </si>
  <si>
    <t>cg21839588</t>
  </si>
  <si>
    <t>cg21840599</t>
  </si>
  <si>
    <t>cg21845080</t>
  </si>
  <si>
    <t>cg21845273</t>
  </si>
  <si>
    <t>cg21847403</t>
  </si>
  <si>
    <t>cg21848524</t>
  </si>
  <si>
    <t>cg21849552</t>
  </si>
  <si>
    <t>cg21850038</t>
  </si>
  <si>
    <t>cg21857959</t>
  </si>
  <si>
    <t>cg21859053</t>
  </si>
  <si>
    <t>cg21860675</t>
  </si>
  <si>
    <t>cg21864732</t>
  </si>
  <si>
    <t>cg21869219</t>
  </si>
  <si>
    <t>cg21873674</t>
  </si>
  <si>
    <t>cg21874005</t>
  </si>
  <si>
    <t>cg21877238</t>
  </si>
  <si>
    <t>cg21877368</t>
  </si>
  <si>
    <t>cg21877939</t>
  </si>
  <si>
    <t>cg21878420</t>
  </si>
  <si>
    <t>cg21885638</t>
  </si>
  <si>
    <t>cg21885650</t>
  </si>
  <si>
    <t>cg21897004</t>
  </si>
  <si>
    <t>cg21897034</t>
  </si>
  <si>
    <t>cg21899500</t>
  </si>
  <si>
    <t>cg21901604</t>
  </si>
  <si>
    <t>cg21903826</t>
  </si>
  <si>
    <t>cg21906602</t>
  </si>
  <si>
    <t>cg21906728</t>
  </si>
  <si>
    <t>cg21911343</t>
  </si>
  <si>
    <t>cg21911490</t>
  </si>
  <si>
    <t>cg21916479</t>
  </si>
  <si>
    <t>cg21924571</t>
  </si>
  <si>
    <t>cg21926782</t>
  </si>
  <si>
    <t>cg21938436</t>
  </si>
  <si>
    <t>cg21941374</t>
  </si>
  <si>
    <t>cg21941512</t>
  </si>
  <si>
    <t>cg21943842</t>
  </si>
  <si>
    <t>cg21944224</t>
  </si>
  <si>
    <t>cg21948827</t>
  </si>
  <si>
    <t>cg21948906</t>
  </si>
  <si>
    <t>cg21950072</t>
  </si>
  <si>
    <t>cg21951612</t>
  </si>
  <si>
    <t>cg21976560</t>
  </si>
  <si>
    <t>cg21979032</t>
  </si>
  <si>
    <t>cg22012981</t>
  </si>
  <si>
    <t>cg22034555</t>
  </si>
  <si>
    <t>cg22036988</t>
  </si>
  <si>
    <t>cg22039215</t>
  </si>
  <si>
    <t>cg22044848</t>
  </si>
  <si>
    <t>cg22055119</t>
  </si>
  <si>
    <t>cg22055337</t>
  </si>
  <si>
    <t>cg22055427</t>
  </si>
  <si>
    <t>cg22067839</t>
  </si>
  <si>
    <t>cg22068211</t>
  </si>
  <si>
    <t>cg22068985</t>
  </si>
  <si>
    <t>cg22069098</t>
  </si>
  <si>
    <t>cg22070855</t>
  </si>
  <si>
    <t>cg22075146</t>
  </si>
  <si>
    <t>cg22076228</t>
  </si>
  <si>
    <t>cg22077046</t>
  </si>
  <si>
    <t>cg22077997</t>
  </si>
  <si>
    <t>cg22078079</t>
  </si>
  <si>
    <t>cg22079057</t>
  </si>
  <si>
    <t>cg22081832</t>
  </si>
  <si>
    <t>cg22084336</t>
  </si>
  <si>
    <t>cg22084428</t>
  </si>
  <si>
    <t>cg22088263</t>
  </si>
  <si>
    <t>cg22088417</t>
  </si>
  <si>
    <t>cg22089899</t>
  </si>
  <si>
    <t>cg22090271</t>
  </si>
  <si>
    <t>cg22090713</t>
  </si>
  <si>
    <t>cg22092114</t>
  </si>
  <si>
    <t>cg22101147</t>
  </si>
  <si>
    <t>cg22115798</t>
  </si>
  <si>
    <t>cg22117188</t>
  </si>
  <si>
    <t>cg22118017</t>
  </si>
  <si>
    <t>cg22118297</t>
  </si>
  <si>
    <t>cg22120446</t>
  </si>
  <si>
    <t>cg22129809</t>
  </si>
  <si>
    <t>cg22132508</t>
  </si>
  <si>
    <t>cg22132509</t>
  </si>
  <si>
    <t>cg22135160</t>
  </si>
  <si>
    <t>cg22147143</t>
  </si>
  <si>
    <t>cg22149095</t>
  </si>
  <si>
    <t>cg22156128</t>
  </si>
  <si>
    <t>cg22156842</t>
  </si>
  <si>
    <t>cg22160121</t>
  </si>
  <si>
    <t>cg22170177</t>
  </si>
  <si>
    <t>cg22174410</t>
  </si>
  <si>
    <t>cg22176709</t>
  </si>
  <si>
    <t>cg22182110</t>
  </si>
  <si>
    <t>cg22183849</t>
  </si>
  <si>
    <t>cg22187826</t>
  </si>
  <si>
    <t>cg22189386</t>
  </si>
  <si>
    <t>cg22209929</t>
  </si>
  <si>
    <t>cg22211092</t>
  </si>
  <si>
    <t>cg22211233</t>
  </si>
  <si>
    <t>cg22215392</t>
  </si>
  <si>
    <t>cg22215728</t>
  </si>
  <si>
    <t>cg22221730</t>
  </si>
  <si>
    <t>cg22228296</t>
  </si>
  <si>
    <t>cg22230912</t>
  </si>
  <si>
    <t>cg22239952</t>
  </si>
  <si>
    <t>cg22250390</t>
  </si>
  <si>
    <t>cg22257056</t>
  </si>
  <si>
    <t>cg22257374</t>
  </si>
  <si>
    <t>cg22259330</t>
  </si>
  <si>
    <t>cg22259778</t>
  </si>
  <si>
    <t>cg22260076</t>
  </si>
  <si>
    <t>cg22260625</t>
  </si>
  <si>
    <t>cg22261780</t>
  </si>
  <si>
    <t>cg22276685</t>
  </si>
  <si>
    <t>cg22278433</t>
  </si>
  <si>
    <t>cg22282174</t>
  </si>
  <si>
    <t>cg22286764</t>
  </si>
  <si>
    <t>cg22288690</t>
  </si>
  <si>
    <t>cg22290284</t>
  </si>
  <si>
    <t>cg22291974</t>
  </si>
  <si>
    <t>cg22292345</t>
  </si>
  <si>
    <t>cg22293458</t>
  </si>
  <si>
    <t>cg22298236</t>
  </si>
  <si>
    <t>cg22299097</t>
  </si>
  <si>
    <t>cg22304662</t>
  </si>
  <si>
    <t>cg22309267</t>
  </si>
  <si>
    <t>cg22310648</t>
  </si>
  <si>
    <t>cg22314314</t>
  </si>
  <si>
    <t>cg22314684</t>
  </si>
  <si>
    <t>cg22315928</t>
  </si>
  <si>
    <t>cg22319470</t>
  </si>
  <si>
    <t>cg22329233</t>
  </si>
  <si>
    <t>cg22354646</t>
  </si>
  <si>
    <t>cg22366626</t>
  </si>
  <si>
    <t>cg22366885</t>
  </si>
  <si>
    <t>cg22368507</t>
  </si>
  <si>
    <t>cg22373687</t>
  </si>
  <si>
    <t>cg22375757</t>
  </si>
  <si>
    <t>cg22376833</t>
  </si>
  <si>
    <t>cg22377482</t>
  </si>
  <si>
    <t>cg22379463</t>
  </si>
  <si>
    <t>cg22380007</t>
  </si>
  <si>
    <t>cg22380921</t>
  </si>
  <si>
    <t>cg22384366</t>
  </si>
  <si>
    <t>cg22386920</t>
  </si>
  <si>
    <t>cg22396691</t>
  </si>
  <si>
    <t>cg22406518</t>
  </si>
  <si>
    <t>cg22451189</t>
  </si>
  <si>
    <t>cg22459146</t>
  </si>
  <si>
    <t>cg22464200</t>
  </si>
  <si>
    <t>cg22464548</t>
  </si>
  <si>
    <t>cg22465238</t>
  </si>
  <si>
    <t>cg22465341</t>
  </si>
  <si>
    <t>cg22467301</t>
  </si>
  <si>
    <t>cg22469836</t>
  </si>
  <si>
    <t>cg22469841</t>
  </si>
  <si>
    <t>cg22471401</t>
  </si>
  <si>
    <t>cg22480993</t>
  </si>
  <si>
    <t>cg22481643</t>
  </si>
  <si>
    <t>cg22481770</t>
  </si>
  <si>
    <t>cg22484793</t>
  </si>
  <si>
    <t>cg22487242</t>
  </si>
  <si>
    <t>cg22490084</t>
  </si>
  <si>
    <t>cg22499307</t>
  </si>
  <si>
    <t>cg22505778</t>
  </si>
  <si>
    <t>cg22505907</t>
  </si>
  <si>
    <t>cg22505962</t>
  </si>
  <si>
    <t>cg22506343</t>
  </si>
  <si>
    <t>cg22508782</t>
  </si>
  <si>
    <t>cg22514722</t>
  </si>
  <si>
    <t>cg22525069</t>
  </si>
  <si>
    <t>cg22527345</t>
  </si>
  <si>
    <t>cg22530053</t>
  </si>
  <si>
    <t>cg22533419</t>
  </si>
  <si>
    <t>cg22536016</t>
  </si>
  <si>
    <t>cg22539014</t>
  </si>
  <si>
    <t>cg22539505</t>
  </si>
  <si>
    <t>cg22539670</t>
  </si>
  <si>
    <t>cg22553081</t>
  </si>
  <si>
    <t>cg22572214</t>
  </si>
  <si>
    <t>cg22572820</t>
  </si>
  <si>
    <t>cg22573118</t>
  </si>
  <si>
    <t>cg22573456</t>
  </si>
  <si>
    <t>cg22574986</t>
  </si>
  <si>
    <t>cg22575379</t>
  </si>
  <si>
    <t>cg22580937</t>
  </si>
  <si>
    <t>cg22581219</t>
  </si>
  <si>
    <t>cg22584157</t>
  </si>
  <si>
    <t>cg22588644</t>
  </si>
  <si>
    <t>cg22591040</t>
  </si>
  <si>
    <t>cg22592867</t>
  </si>
  <si>
    <t>cg22595235</t>
  </si>
  <si>
    <t>cg22596860</t>
  </si>
  <si>
    <t>cg22598028</t>
  </si>
  <si>
    <t>cg22598267</t>
  </si>
  <si>
    <t>cg22599229</t>
  </si>
  <si>
    <t>cg22601300</t>
  </si>
  <si>
    <t>cg22604013</t>
  </si>
  <si>
    <t>cg22605943</t>
  </si>
  <si>
    <t>cg22610388</t>
  </si>
  <si>
    <t>cg22613010</t>
  </si>
  <si>
    <t>cg22613698</t>
  </si>
  <si>
    <t>cg22614631</t>
  </si>
  <si>
    <t>cg22617394</t>
  </si>
  <si>
    <t>cg22619386</t>
  </si>
  <si>
    <t>cg22619563</t>
  </si>
  <si>
    <t>cg22619572</t>
  </si>
  <si>
    <t>cg22620111</t>
  </si>
  <si>
    <t>cg22620680</t>
  </si>
  <si>
    <t>cg22621663</t>
  </si>
  <si>
    <t>cg22626659</t>
  </si>
  <si>
    <t>cg22631938</t>
  </si>
  <si>
    <t>cg22638542</t>
  </si>
  <si>
    <t>cg22639293</t>
  </si>
  <si>
    <t>cg22670759</t>
  </si>
  <si>
    <t>cg22673275</t>
  </si>
  <si>
    <t>cg22673972</t>
  </si>
  <si>
    <t>cg22674388</t>
  </si>
  <si>
    <t>cg22674577</t>
  </si>
  <si>
    <t>cg22678958</t>
  </si>
  <si>
    <t>cg22679474</t>
  </si>
  <si>
    <t>cg22682751</t>
  </si>
  <si>
    <t>cg22684443</t>
  </si>
  <si>
    <t>cg22685566</t>
  </si>
  <si>
    <t>cg22690884</t>
  </si>
  <si>
    <t>cg22691524</t>
  </si>
  <si>
    <t>cg22694087</t>
  </si>
  <si>
    <t>cg22698904</t>
  </si>
  <si>
    <t>cg22700017</t>
  </si>
  <si>
    <t>cg22704203</t>
  </si>
  <si>
    <t>cg22707878</t>
  </si>
  <si>
    <t>cg22709453</t>
  </si>
  <si>
    <t>cg22714811</t>
  </si>
  <si>
    <t>cg22717015</t>
  </si>
  <si>
    <t>cg22730772</t>
  </si>
  <si>
    <t>cg22753768</t>
  </si>
  <si>
    <t>cg22757384</t>
  </si>
  <si>
    <t>cg22762745</t>
  </si>
  <si>
    <t>cg22782492</t>
  </si>
  <si>
    <t>cg22793458</t>
  </si>
  <si>
    <t>cg22793735</t>
  </si>
  <si>
    <t>cg22796393</t>
  </si>
  <si>
    <t>cg22796509</t>
  </si>
  <si>
    <t>cg22800191</t>
  </si>
  <si>
    <t>cg22800273</t>
  </si>
  <si>
    <t>cg22801992</t>
  </si>
  <si>
    <t>cg22804528</t>
  </si>
  <si>
    <t>cg22811212</t>
  </si>
  <si>
    <t>cg22821981</t>
  </si>
  <si>
    <t>cg22824767</t>
  </si>
  <si>
    <t>cg22826874</t>
  </si>
  <si>
    <t>cg22831314</t>
  </si>
  <si>
    <t>cg22831526</t>
  </si>
  <si>
    <t>cg22833027</t>
  </si>
  <si>
    <t>cg22838882</t>
  </si>
  <si>
    <t>cg22842064</t>
  </si>
  <si>
    <t>cg22845901</t>
  </si>
  <si>
    <t>cg22870661</t>
  </si>
  <si>
    <t>cg22871175</t>
  </si>
  <si>
    <t>cg22873562</t>
  </si>
  <si>
    <t>cg22874627</t>
  </si>
  <si>
    <t>cg22875391</t>
  </si>
  <si>
    <t>cg22876250</t>
  </si>
  <si>
    <t>cg22881265</t>
  </si>
  <si>
    <t>cg22881573</t>
  </si>
  <si>
    <t>cg22884020</t>
  </si>
  <si>
    <t>cg22885052</t>
  </si>
  <si>
    <t>cg22885558</t>
  </si>
  <si>
    <t>cg22888463</t>
  </si>
  <si>
    <t>cg22888718</t>
  </si>
  <si>
    <t>cg22891408</t>
  </si>
  <si>
    <t>cg22891595</t>
  </si>
  <si>
    <t>cg22893494</t>
  </si>
  <si>
    <t>cg22906516</t>
  </si>
  <si>
    <t>cg22907739</t>
  </si>
  <si>
    <t>cg22907952</t>
  </si>
  <si>
    <t>cg22909901</t>
  </si>
  <si>
    <t>cg22913204</t>
  </si>
  <si>
    <t>cg22914389</t>
  </si>
  <si>
    <t>cg22915582</t>
  </si>
  <si>
    <t>cg22916756</t>
  </si>
  <si>
    <t>cg22917487</t>
  </si>
  <si>
    <t>cg22919115</t>
  </si>
  <si>
    <t>cg22919728</t>
  </si>
  <si>
    <t>cg22920594</t>
  </si>
  <si>
    <t>cg22921027</t>
  </si>
  <si>
    <t>cg22925115</t>
  </si>
  <si>
    <t>cg22927302</t>
  </si>
  <si>
    <t>cg22928405</t>
  </si>
  <si>
    <t>cg22929104</t>
  </si>
  <si>
    <t>cg22931604</t>
  </si>
  <si>
    <t>cg22942101</t>
  </si>
  <si>
    <t>cg22949077</t>
  </si>
  <si>
    <t>cg22949732</t>
  </si>
  <si>
    <t>cg22951056</t>
  </si>
  <si>
    <t>cg22951641</t>
  </si>
  <si>
    <t>cg22956060</t>
  </si>
  <si>
    <t>cg22959409</t>
  </si>
  <si>
    <t>cg22960171</t>
  </si>
  <si>
    <t>cg22967298</t>
  </si>
  <si>
    <t>cg22972380</t>
  </si>
  <si>
    <t>cg22978326</t>
  </si>
  <si>
    <t>cg22980771</t>
  </si>
  <si>
    <t>cg22982570</t>
  </si>
  <si>
    <t>cg22985182</t>
  </si>
  <si>
    <t>cg22987447</t>
  </si>
  <si>
    <t>cg22990125</t>
  </si>
  <si>
    <t>cg22990726</t>
  </si>
  <si>
    <t>cg22995904</t>
  </si>
  <si>
    <t>cg22998873</t>
  </si>
  <si>
    <t>cg23003225</t>
  </si>
  <si>
    <t>cg23003926</t>
  </si>
  <si>
    <t>cg23008404</t>
  </si>
  <si>
    <t>cg23009290</t>
  </si>
  <si>
    <t>cg23009315</t>
  </si>
  <si>
    <t>cg23009419</t>
  </si>
  <si>
    <t>cg23013114</t>
  </si>
  <si>
    <t>cg23013392</t>
  </si>
  <si>
    <t>cg23015407</t>
  </si>
  <si>
    <t>cg23016734</t>
  </si>
  <si>
    <t>cg23017915</t>
  </si>
  <si>
    <t>cg23021329</t>
  </si>
  <si>
    <t>cg23023263</t>
  </si>
  <si>
    <t>cg23024484</t>
  </si>
  <si>
    <t>cg23025752</t>
  </si>
  <si>
    <t>cg23028654</t>
  </si>
  <si>
    <t>cg23030903</t>
  </si>
  <si>
    <t>cg23031807</t>
  </si>
  <si>
    <t>cg23032536</t>
  </si>
  <si>
    <t>cg23034014</t>
  </si>
  <si>
    <t>cg23037537</t>
  </si>
  <si>
    <t>cg23039279</t>
  </si>
  <si>
    <t>cg23039837</t>
  </si>
  <si>
    <t>cg23042138</t>
  </si>
  <si>
    <t>cg23043139</t>
  </si>
  <si>
    <t>cg23044130</t>
  </si>
  <si>
    <t>cg23044270</t>
  </si>
  <si>
    <t>cg23045972</t>
  </si>
  <si>
    <t>cg23047271</t>
  </si>
  <si>
    <t>cg23049178</t>
  </si>
  <si>
    <t>cg23056042</t>
  </si>
  <si>
    <t>cg23057732</t>
  </si>
  <si>
    <t>cg23058124</t>
  </si>
  <si>
    <t>cg23059797</t>
  </si>
  <si>
    <t>cg23060272</t>
  </si>
  <si>
    <t>cg23060384</t>
  </si>
  <si>
    <t>cg23064797</t>
  </si>
  <si>
    <t>cg23067317</t>
  </si>
  <si>
    <t>cg23067466</t>
  </si>
  <si>
    <t>cg23072823</t>
  </si>
  <si>
    <t>cg23077509</t>
  </si>
  <si>
    <t>cg23078228</t>
  </si>
  <si>
    <t>cg23079727</t>
  </si>
  <si>
    <t>cg23080908</t>
  </si>
  <si>
    <t>cg23081079</t>
  </si>
  <si>
    <t>cg23081397</t>
  </si>
  <si>
    <t>cg23083277</t>
  </si>
  <si>
    <t>cg23088142</t>
  </si>
  <si>
    <t>cg23141851</t>
  </si>
  <si>
    <t>cg23145322</t>
  </si>
  <si>
    <t>cg23146632</t>
  </si>
  <si>
    <t>cg23147362</t>
  </si>
  <si>
    <t>cg23153546</t>
  </si>
  <si>
    <t>cg23153991</t>
  </si>
  <si>
    <t>cg23154064</t>
  </si>
  <si>
    <t>cg23158419</t>
  </si>
  <si>
    <t>cg23159337</t>
  </si>
  <si>
    <t>cg23165310</t>
  </si>
  <si>
    <t>cg23165545</t>
  </si>
  <si>
    <t>cg23166252</t>
  </si>
  <si>
    <t>cg23166970</t>
  </si>
  <si>
    <t>cg23167178</t>
  </si>
  <si>
    <t>cg23170347</t>
  </si>
  <si>
    <t>cg23170439</t>
  </si>
  <si>
    <t>cg23174148</t>
  </si>
  <si>
    <t>cg23180235</t>
  </si>
  <si>
    <t>cg23184556</t>
  </si>
  <si>
    <t>cg23185753</t>
  </si>
  <si>
    <t>cg23189639</t>
  </si>
  <si>
    <t>cg23193320</t>
  </si>
  <si>
    <t>cg23193420</t>
  </si>
  <si>
    <t>cg23202575</t>
  </si>
  <si>
    <t>cg23208353</t>
  </si>
  <si>
    <t>cg23208397</t>
  </si>
  <si>
    <t>cg23215715</t>
  </si>
  <si>
    <t>cg23220346</t>
  </si>
  <si>
    <t>cg23222278</t>
  </si>
  <si>
    <t>cg23227291</t>
  </si>
  <si>
    <t>cg23236169</t>
  </si>
  <si>
    <t>cg23243608</t>
  </si>
  <si>
    <t>cg23243617</t>
  </si>
  <si>
    <t>cg23249140</t>
  </si>
  <si>
    <t>cg23252387</t>
  </si>
  <si>
    <t>cg23258717</t>
  </si>
  <si>
    <t>cg23273897</t>
  </si>
  <si>
    <t>cg23320649</t>
  </si>
  <si>
    <t>cg23328613</t>
  </si>
  <si>
    <t>cg23328707</t>
  </si>
  <si>
    <t>cg23329061</t>
  </si>
  <si>
    <t>cg23333313</t>
  </si>
  <si>
    <t>cg23337162</t>
  </si>
  <si>
    <t>cg23338654</t>
  </si>
  <si>
    <t>cg23340034</t>
  </si>
  <si>
    <t>cg23340218</t>
  </si>
  <si>
    <t>cg23340249</t>
  </si>
  <si>
    <t>cg23346134</t>
  </si>
  <si>
    <t>cg23350385</t>
  </si>
  <si>
    <t>cg23351010</t>
  </si>
  <si>
    <t>cg23352942</t>
  </si>
  <si>
    <t>cg23353583</t>
  </si>
  <si>
    <t>cg23364287</t>
  </si>
  <si>
    <t>cg23376191</t>
  </si>
  <si>
    <t>cg23391006</t>
  </si>
  <si>
    <t>cg23398385</t>
  </si>
  <si>
    <t>cg23402475</t>
  </si>
  <si>
    <t>cg23405198</t>
  </si>
  <si>
    <t>cg23406136</t>
  </si>
  <si>
    <t>cg23412091</t>
  </si>
  <si>
    <t>cg23415489</t>
  </si>
  <si>
    <t>cg23418465</t>
  </si>
  <si>
    <t>cg23429340</t>
  </si>
  <si>
    <t>cg23430388</t>
  </si>
  <si>
    <t>cg23432896</t>
  </si>
  <si>
    <t>cg23432932</t>
  </si>
  <si>
    <t>cg23435567</t>
  </si>
  <si>
    <t>cg23435730</t>
  </si>
  <si>
    <t>cg23437162</t>
  </si>
  <si>
    <t>cg23437479</t>
  </si>
  <si>
    <t>cg23437843</t>
  </si>
  <si>
    <t>cg23439966</t>
  </si>
  <si>
    <t>cg23440058</t>
  </si>
  <si>
    <t>cg23440144</t>
  </si>
  <si>
    <t>cg23443847</t>
  </si>
  <si>
    <t>cg23445604</t>
  </si>
  <si>
    <t>cg23448348</t>
  </si>
  <si>
    <t>cg23448486</t>
  </si>
  <si>
    <t>cg23448803</t>
  </si>
  <si>
    <t>cg23451076</t>
  </si>
  <si>
    <t>cg23456692</t>
  </si>
  <si>
    <t>cg23459997</t>
  </si>
  <si>
    <t>cg23469230</t>
  </si>
  <si>
    <t>cg23469706</t>
  </si>
  <si>
    <t>cg23475018</t>
  </si>
  <si>
    <t>cg23477460</t>
  </si>
  <si>
    <t>cg23482898</t>
  </si>
  <si>
    <t>cg23484358</t>
  </si>
  <si>
    <t>cg23487015</t>
  </si>
  <si>
    <t>cg23487226</t>
  </si>
  <si>
    <t>cg23487312</t>
  </si>
  <si>
    <t>cg23490014</t>
  </si>
  <si>
    <t>cg23490715</t>
  </si>
  <si>
    <t>cg23493553</t>
  </si>
  <si>
    <t>cg23493751</t>
  </si>
  <si>
    <t>cg23499133</t>
  </si>
  <si>
    <t>cg23501005</t>
  </si>
  <si>
    <t>cg23502565</t>
  </si>
  <si>
    <t>cg23507024</t>
  </si>
  <si>
    <t>cg23507802</t>
  </si>
  <si>
    <t>cg23508813</t>
  </si>
  <si>
    <t>cg23511909</t>
  </si>
  <si>
    <t>cg23512531</t>
  </si>
  <si>
    <t>cg23513600</t>
  </si>
  <si>
    <t>cg23513804</t>
  </si>
  <si>
    <t>cg23517013</t>
  </si>
  <si>
    <t>cg23517298</t>
  </si>
  <si>
    <t>cg23519086</t>
  </si>
  <si>
    <t>cg23520930</t>
  </si>
  <si>
    <t>cg23525596</t>
  </si>
  <si>
    <t>cg23526071</t>
  </si>
  <si>
    <t>cg23527366</t>
  </si>
  <si>
    <t>cg23527468</t>
  </si>
  <si>
    <t>cg23527621</t>
  </si>
  <si>
    <t>cg23528751</t>
  </si>
  <si>
    <t>cg23529139</t>
  </si>
  <si>
    <t>cg23536530</t>
  </si>
  <si>
    <t>cg23537887</t>
  </si>
  <si>
    <t>cg23538703</t>
  </si>
  <si>
    <t>cg23542902</t>
  </si>
  <si>
    <t>cg23542948</t>
  </si>
  <si>
    <t>cg23548201</t>
  </si>
  <si>
    <t>cg23549342</t>
  </si>
  <si>
    <t>cg23549385</t>
  </si>
  <si>
    <t>cg23551917</t>
  </si>
  <si>
    <t>cg23621463</t>
  </si>
  <si>
    <t>cg23637494</t>
  </si>
  <si>
    <t>cg23642200</t>
  </si>
  <si>
    <t>cg23646888</t>
  </si>
  <si>
    <t>cg23652987</t>
  </si>
  <si>
    <t>cg23653025</t>
  </si>
  <si>
    <t>cg23653058</t>
  </si>
  <si>
    <t>cg23654821</t>
  </si>
  <si>
    <t>cg23655039</t>
  </si>
  <si>
    <t>cg23655939</t>
  </si>
  <si>
    <t>cg23657834</t>
  </si>
  <si>
    <t>cg23658014</t>
  </si>
  <si>
    <t>cg23662097</t>
  </si>
  <si>
    <t>cg23669440</t>
  </si>
  <si>
    <t>cg23670794</t>
  </si>
  <si>
    <t>cg23679085</t>
  </si>
  <si>
    <t>cg23681664</t>
  </si>
  <si>
    <t>cg23681974</t>
  </si>
  <si>
    <t>cg23693683</t>
  </si>
  <si>
    <t>cg23704082</t>
  </si>
  <si>
    <t>cg23715029</t>
  </si>
  <si>
    <t>cg23715673</t>
  </si>
  <si>
    <t>cg23716309</t>
  </si>
  <si>
    <t>cg23720974</t>
  </si>
  <si>
    <t>cg23726251</t>
  </si>
  <si>
    <t>cg23730027</t>
  </si>
  <si>
    <t>cg23749739</t>
  </si>
  <si>
    <t>cg23749856</t>
  </si>
  <si>
    <t>cg23756251</t>
  </si>
  <si>
    <t>cg23762206</t>
  </si>
  <si>
    <t>cg23762779</t>
  </si>
  <si>
    <t>cg23769143</t>
  </si>
  <si>
    <t>cg23799276</t>
  </si>
  <si>
    <t>cg23811633</t>
  </si>
  <si>
    <t>cg23814743</t>
  </si>
  <si>
    <t>cg23822879</t>
  </si>
  <si>
    <t>cg23830169</t>
  </si>
  <si>
    <t>cg23835812</t>
  </si>
  <si>
    <t>cg23855093</t>
  </si>
  <si>
    <t>cg23870282</t>
  </si>
  <si>
    <t>cg23881725</t>
  </si>
  <si>
    <t>cg23912721</t>
  </si>
  <si>
    <t>cg23944298</t>
  </si>
  <si>
    <t>cg23949087</t>
  </si>
  <si>
    <t>cg23949667</t>
  </si>
  <si>
    <t>cg23955200</t>
  </si>
  <si>
    <t>cg23957311</t>
  </si>
  <si>
    <t>cg23958524</t>
  </si>
  <si>
    <t>cg23965109</t>
  </si>
  <si>
    <t>cg23967169</t>
  </si>
  <si>
    <t>cg23982436</t>
  </si>
  <si>
    <t>cg23983435</t>
  </si>
  <si>
    <t>cg24005667</t>
  </si>
  <si>
    <t>cg24007644</t>
  </si>
  <si>
    <t>cg24012317</t>
  </si>
  <si>
    <t>cg24015850</t>
  </si>
  <si>
    <t>cg24016448</t>
  </si>
  <si>
    <t>cg24019851</t>
  </si>
  <si>
    <t>cg24022402</t>
  </si>
  <si>
    <t>cg24026974</t>
  </si>
  <si>
    <t>cg24027263</t>
  </si>
  <si>
    <t>cg24027397</t>
  </si>
  <si>
    <t>cg24028350</t>
  </si>
  <si>
    <t>cg24031606</t>
  </si>
  <si>
    <t>cg24032752</t>
  </si>
  <si>
    <t>cg24041269</t>
  </si>
  <si>
    <t>cg24042313</t>
  </si>
  <si>
    <t>cg24042854</t>
  </si>
  <si>
    <t>cg24050630</t>
  </si>
  <si>
    <t>cg24051786</t>
  </si>
  <si>
    <t>cg24054190</t>
  </si>
  <si>
    <t>cg24058120</t>
  </si>
  <si>
    <t>cg24069188</t>
  </si>
  <si>
    <t>cg24075208</t>
  </si>
  <si>
    <t>cg24078708</t>
  </si>
  <si>
    <t>cg24078828</t>
  </si>
  <si>
    <t>cg24080313</t>
  </si>
  <si>
    <t>cg24084693</t>
  </si>
  <si>
    <t>cg24090938</t>
  </si>
  <si>
    <t>cg24092914</t>
  </si>
  <si>
    <t>cg24102420</t>
  </si>
  <si>
    <t>cg24104099</t>
  </si>
  <si>
    <t>cg24111059</t>
  </si>
  <si>
    <t>cg24120800</t>
  </si>
  <si>
    <t>cg24121168</t>
  </si>
  <si>
    <t>cg24123724</t>
  </si>
  <si>
    <t>cg24127244</t>
  </si>
  <si>
    <t>cg24130043</t>
  </si>
  <si>
    <t>cg24135841</t>
  </si>
  <si>
    <t>cg24139835</t>
  </si>
  <si>
    <t>cg24143828</t>
  </si>
  <si>
    <t>cg24144853</t>
  </si>
  <si>
    <t>cg24146269</t>
  </si>
  <si>
    <t>cg24147024</t>
  </si>
  <si>
    <t>cg24147596</t>
  </si>
  <si>
    <t>cg24147849</t>
  </si>
  <si>
    <t>cg24148085</t>
  </si>
  <si>
    <t>cg24149379</t>
  </si>
  <si>
    <t>cg24150385</t>
  </si>
  <si>
    <t>cg24153548</t>
  </si>
  <si>
    <t>cg24154246</t>
  </si>
  <si>
    <t>cg24155429</t>
  </si>
  <si>
    <t>cg24159214</t>
  </si>
  <si>
    <t>cg24162603</t>
  </si>
  <si>
    <t>cg24163658</t>
  </si>
  <si>
    <t>cg24166628</t>
  </si>
  <si>
    <t>cg24166786</t>
  </si>
  <si>
    <t>cg24171689</t>
  </si>
  <si>
    <t>cg24173411</t>
  </si>
  <si>
    <t>cg24175649</t>
  </si>
  <si>
    <t>cg24183575</t>
  </si>
  <si>
    <t>cg24186459</t>
  </si>
  <si>
    <t>cg24190139</t>
  </si>
  <si>
    <t>cg24196008</t>
  </si>
  <si>
    <t>cg24198977</t>
  </si>
  <si>
    <t>cg24201510</t>
  </si>
  <si>
    <t>cg24202522</t>
  </si>
  <si>
    <t>cg24208206</t>
  </si>
  <si>
    <t>cg24210884</t>
  </si>
  <si>
    <t>cg24242968</t>
  </si>
  <si>
    <t>cg24245742</t>
  </si>
  <si>
    <t>cg24259629</t>
  </si>
  <si>
    <t>cg24261921</t>
  </si>
  <si>
    <t>cg24262469</t>
  </si>
  <si>
    <t>cg24266238</t>
  </si>
  <si>
    <t>cg24267378</t>
  </si>
  <si>
    <t>cg24268236</t>
  </si>
  <si>
    <t>cg24268822</t>
  </si>
  <si>
    <t>cg24269840</t>
  </si>
  <si>
    <t>cg24272980</t>
  </si>
  <si>
    <t>cg24273394</t>
  </si>
  <si>
    <t>cg24275088</t>
  </si>
  <si>
    <t>cg24277586</t>
  </si>
  <si>
    <t>cg24278695</t>
  </si>
  <si>
    <t>cg24278817</t>
  </si>
  <si>
    <t>cg24279744</t>
  </si>
  <si>
    <t>cg24281777</t>
  </si>
  <si>
    <t>cg24283093</t>
  </si>
  <si>
    <t>cg24284087</t>
  </si>
  <si>
    <t>cg24284497</t>
  </si>
  <si>
    <t>cg24287460</t>
  </si>
  <si>
    <t>cg24295890</t>
  </si>
  <si>
    <t>cg24296397</t>
  </si>
  <si>
    <t>cg24297348</t>
  </si>
  <si>
    <t>cg24298409</t>
  </si>
  <si>
    <t>cg24301480</t>
  </si>
  <si>
    <t>cg24301690</t>
  </si>
  <si>
    <t>cg24302235</t>
  </si>
  <si>
    <t>cg24305970</t>
  </si>
  <si>
    <t>cg24309076</t>
  </si>
  <si>
    <t>cg24310395</t>
  </si>
  <si>
    <t>cg24314474</t>
  </si>
  <si>
    <t>cg24315815</t>
  </si>
  <si>
    <t>cg24317217</t>
  </si>
  <si>
    <t>cg24317285</t>
  </si>
  <si>
    <t>cg24323597</t>
  </si>
  <si>
    <t>cg24323726</t>
  </si>
  <si>
    <t>cg24327971</t>
  </si>
  <si>
    <t>cg24331354</t>
  </si>
  <si>
    <t>cg24332767</t>
  </si>
  <si>
    <t>cg24333206</t>
  </si>
  <si>
    <t>cg24334879</t>
  </si>
  <si>
    <t>cg24335984</t>
  </si>
  <si>
    <t>cg24336531</t>
  </si>
  <si>
    <t>cg24337025</t>
  </si>
  <si>
    <t>cg24338094</t>
  </si>
  <si>
    <t>cg24339597</t>
  </si>
  <si>
    <t>cg24341311</t>
  </si>
  <si>
    <t>cg24341944</t>
  </si>
  <si>
    <t>cg24342610</t>
  </si>
  <si>
    <t>cg24346204</t>
  </si>
  <si>
    <t>cg24350484</t>
  </si>
  <si>
    <t>cg24350628</t>
  </si>
  <si>
    <t>cg24351916</t>
  </si>
  <si>
    <t>cg24353466</t>
  </si>
  <si>
    <t>cg24356977</t>
  </si>
  <si>
    <t>cg24363020</t>
  </si>
  <si>
    <t>cg24363374</t>
  </si>
  <si>
    <t>cg24364668</t>
  </si>
  <si>
    <t>cg24371217</t>
  </si>
  <si>
    <t>cg24374013</t>
  </si>
  <si>
    <t>cg24376295</t>
  </si>
  <si>
    <t>cg24377070</t>
  </si>
  <si>
    <t>cg24377179</t>
  </si>
  <si>
    <t>cg24377340</t>
  </si>
  <si>
    <t>cg24380053</t>
  </si>
  <si>
    <t>cg24383329</t>
  </si>
  <si>
    <t>cg24383480</t>
  </si>
  <si>
    <t>cg24385513</t>
  </si>
  <si>
    <t>cg24387198</t>
  </si>
  <si>
    <t>cg24389347</t>
  </si>
  <si>
    <t>cg24392548</t>
  </si>
  <si>
    <t>cg24392939</t>
  </si>
  <si>
    <t>cg24393498</t>
  </si>
  <si>
    <t>cg24394643</t>
  </si>
  <si>
    <t>cg24394670</t>
  </si>
  <si>
    <t>cg24396686</t>
  </si>
  <si>
    <t>cg24397936</t>
  </si>
  <si>
    <t>cg24401490</t>
  </si>
  <si>
    <t>cg24405999</t>
  </si>
  <si>
    <t>cg24408199</t>
  </si>
  <si>
    <t>cg24408817</t>
  </si>
  <si>
    <t>cg24431372</t>
  </si>
  <si>
    <t>cg24434653</t>
  </si>
  <si>
    <t>cg24435534</t>
  </si>
  <si>
    <t>cg24436845</t>
  </si>
  <si>
    <t>cg24437943</t>
  </si>
  <si>
    <t>cg24439401</t>
  </si>
  <si>
    <t>cg24445570</t>
  </si>
  <si>
    <t>cg24447625</t>
  </si>
  <si>
    <t>cg24447660</t>
  </si>
  <si>
    <t>cg24448870</t>
  </si>
  <si>
    <t>cg24450180</t>
  </si>
  <si>
    <t>cg24450631</t>
  </si>
  <si>
    <t>cg24452050</t>
  </si>
  <si>
    <t>cg24454374</t>
  </si>
  <si>
    <t>cg24454435</t>
  </si>
  <si>
    <t>cg24458896</t>
  </si>
  <si>
    <t>cg24505341</t>
  </si>
  <si>
    <t>cg24506574</t>
  </si>
  <si>
    <t>cg24508976</t>
  </si>
  <si>
    <t>cg24514773</t>
  </si>
  <si>
    <t>cg24516139</t>
  </si>
  <si>
    <t>cg24517609</t>
  </si>
  <si>
    <t>cg24517666</t>
  </si>
  <si>
    <t>cg24517978</t>
  </si>
  <si>
    <t>cg24522374</t>
  </si>
  <si>
    <t>cg24527262</t>
  </si>
  <si>
    <t>cg24527591</t>
  </si>
  <si>
    <t>cg24532083</t>
  </si>
  <si>
    <t>cg24533347</t>
  </si>
  <si>
    <t>cg24537231</t>
  </si>
  <si>
    <t>cg24569399</t>
  </si>
  <si>
    <t>cg24572745</t>
  </si>
  <si>
    <t>cg24572995</t>
  </si>
  <si>
    <t>cg24574902</t>
  </si>
  <si>
    <t>cg24575128</t>
  </si>
  <si>
    <t>cg24582781</t>
  </si>
  <si>
    <t>cg24583468</t>
  </si>
  <si>
    <t>cg24591090</t>
  </si>
  <si>
    <t>cg24593060</t>
  </si>
  <si>
    <t>cg24594507</t>
  </si>
  <si>
    <t>cg24594997</t>
  </si>
  <si>
    <t>cg24595152</t>
  </si>
  <si>
    <t>cg24596576</t>
  </si>
  <si>
    <t>cg24598678</t>
  </si>
  <si>
    <t>cg24598795</t>
  </si>
  <si>
    <t>cg24600895</t>
  </si>
  <si>
    <t>cg24606939</t>
  </si>
  <si>
    <t>cg24607283</t>
  </si>
  <si>
    <t>cg24608717</t>
  </si>
  <si>
    <t>cg24617466</t>
  </si>
  <si>
    <t>cg24618514</t>
  </si>
  <si>
    <t>cg24622589</t>
  </si>
  <si>
    <t>cg24628310</t>
  </si>
  <si>
    <t>cg24629438</t>
  </si>
  <si>
    <t>cg24629791</t>
  </si>
  <si>
    <t>cg24632865</t>
  </si>
  <si>
    <t>cg24632873</t>
  </si>
  <si>
    <t>cg24632944</t>
  </si>
  <si>
    <t>cg24634593</t>
  </si>
  <si>
    <t>cg24637061</t>
  </si>
  <si>
    <t>cg24642820</t>
  </si>
  <si>
    <t>cg24643062</t>
  </si>
  <si>
    <t>cg24643102</t>
  </si>
  <si>
    <t>cg24647403</t>
  </si>
  <si>
    <t>cg24659328</t>
  </si>
  <si>
    <t>cg24661457</t>
  </si>
  <si>
    <t>cg24663845</t>
  </si>
  <si>
    <t>cg24667363</t>
  </si>
  <si>
    <t>cg24667625</t>
  </si>
  <si>
    <t>cg24672685</t>
  </si>
  <si>
    <t>cg24673605</t>
  </si>
  <si>
    <t>cg24673769</t>
  </si>
  <si>
    <t>cg24678732</t>
  </si>
  <si>
    <t>cg24679124</t>
  </si>
  <si>
    <t>cg24692861</t>
  </si>
  <si>
    <t>cg24701267</t>
  </si>
  <si>
    <t>cg24701270</t>
  </si>
  <si>
    <t>cg24707617</t>
  </si>
  <si>
    <t>cg24716709</t>
  </si>
  <si>
    <t>cg24717490</t>
  </si>
  <si>
    <t>cg24719396</t>
  </si>
  <si>
    <t>cg24720038</t>
  </si>
  <si>
    <t>cg24721157</t>
  </si>
  <si>
    <t>cg24724109</t>
  </si>
  <si>
    <t>cg24724561</t>
  </si>
  <si>
    <t>cg24746522</t>
  </si>
  <si>
    <t>cg24747396</t>
  </si>
  <si>
    <t>cg24757159</t>
  </si>
  <si>
    <t>cg24757926</t>
  </si>
  <si>
    <t>cg24757978</t>
  </si>
  <si>
    <t>cg24767368</t>
  </si>
  <si>
    <t>cg24767956</t>
  </si>
  <si>
    <t>cg24769398</t>
  </si>
  <si>
    <t>cg24769846</t>
  </si>
  <si>
    <t>cg24770850</t>
  </si>
  <si>
    <t>cg24784036</t>
  </si>
  <si>
    <t>cg24785168</t>
  </si>
  <si>
    <t>cg24789299</t>
  </si>
  <si>
    <t>cg24789424</t>
  </si>
  <si>
    <t>cg24791666</t>
  </si>
  <si>
    <t>cg24794531</t>
  </si>
  <si>
    <t>cg24796403</t>
  </si>
  <si>
    <t>cg24815638</t>
  </si>
  <si>
    <t>cg24817053</t>
  </si>
  <si>
    <t>cg24820508</t>
  </si>
  <si>
    <t>cg24822402</t>
  </si>
  <si>
    <t>cg24823485</t>
  </si>
  <si>
    <t>cg24828422</t>
  </si>
  <si>
    <t>cg24828455</t>
  </si>
  <si>
    <t>cg24830876</t>
  </si>
  <si>
    <t>cg24832594</t>
  </si>
  <si>
    <t>cg24837277</t>
  </si>
  <si>
    <t>cg24838136</t>
  </si>
  <si>
    <t>cg24839520</t>
  </si>
  <si>
    <t>cg24841838</t>
  </si>
  <si>
    <t>cg24844441</t>
  </si>
  <si>
    <t>cg24848339</t>
  </si>
  <si>
    <t>cg24848349</t>
  </si>
  <si>
    <t>cg24848794</t>
  </si>
  <si>
    <t>cg24848973</t>
  </si>
  <si>
    <t>cg24849439</t>
  </si>
  <si>
    <t>cg24850121</t>
  </si>
  <si>
    <t>cg24851181</t>
  </si>
  <si>
    <t>cg24851513</t>
  </si>
  <si>
    <t>cg24852949</t>
  </si>
  <si>
    <t>cg24856383</t>
  </si>
  <si>
    <t>cg24856922</t>
  </si>
  <si>
    <t>cg24858591</t>
  </si>
  <si>
    <t>cg24858744</t>
  </si>
  <si>
    <t>cg24859722</t>
  </si>
  <si>
    <t>cg24863254</t>
  </si>
  <si>
    <t>cg24864772</t>
  </si>
  <si>
    <t>cg24866784</t>
  </si>
  <si>
    <t>cg24867653</t>
  </si>
  <si>
    <t>cg24868271</t>
  </si>
  <si>
    <t>cg24869195</t>
  </si>
  <si>
    <t>cg24869336</t>
  </si>
  <si>
    <t>cg24870846</t>
  </si>
  <si>
    <t>cg24874638</t>
  </si>
  <si>
    <t>cg24874998</t>
  </si>
  <si>
    <t>cg24877842</t>
  </si>
  <si>
    <t>cg24879335</t>
  </si>
  <si>
    <t>cg24879560</t>
  </si>
  <si>
    <t>cg24881867</t>
  </si>
  <si>
    <t>cg24894531</t>
  </si>
  <si>
    <t>cg24896477</t>
  </si>
  <si>
    <t>cg24898236</t>
  </si>
  <si>
    <t>cg24900171</t>
  </si>
  <si>
    <t>cg24901488</t>
  </si>
  <si>
    <t>cg24902842</t>
  </si>
  <si>
    <t>cg24904239</t>
  </si>
  <si>
    <t>cg24919972</t>
  </si>
  <si>
    <t>cg24927843</t>
  </si>
  <si>
    <t>cg24929538</t>
  </si>
  <si>
    <t>cg24935598</t>
  </si>
  <si>
    <t>cg24938051</t>
  </si>
  <si>
    <t>cg24938727</t>
  </si>
  <si>
    <t>cg24942186</t>
  </si>
  <si>
    <t>cg24944017</t>
  </si>
  <si>
    <t>cg24944328</t>
  </si>
  <si>
    <t>cg24945740</t>
  </si>
  <si>
    <t>cg24949783</t>
  </si>
  <si>
    <t>cg24951824</t>
  </si>
  <si>
    <t>cg24952380</t>
  </si>
  <si>
    <t>cg24952584</t>
  </si>
  <si>
    <t>cg24952744</t>
  </si>
  <si>
    <t>cg24953321</t>
  </si>
  <si>
    <t>cg24954207</t>
  </si>
  <si>
    <t>cg24960158</t>
  </si>
  <si>
    <t>cg24961583</t>
  </si>
  <si>
    <t>cg24961958</t>
  </si>
  <si>
    <t>cg24962576</t>
  </si>
  <si>
    <t>cg24966958</t>
  </si>
  <si>
    <t>cg24969222</t>
  </si>
  <si>
    <t>cg24969254</t>
  </si>
  <si>
    <t>cg24976089</t>
  </si>
  <si>
    <t>cg24977321</t>
  </si>
  <si>
    <t>cg24977541</t>
  </si>
  <si>
    <t>cg24977981</t>
  </si>
  <si>
    <t>cg24979318</t>
  </si>
  <si>
    <t>cg24980367</t>
  </si>
  <si>
    <t>cg24980458</t>
  </si>
  <si>
    <t>cg24981564</t>
  </si>
  <si>
    <t>cg24985756</t>
  </si>
  <si>
    <t>cg24998020</t>
  </si>
  <si>
    <t>cg25003666</t>
  </si>
  <si>
    <t>cg25005894</t>
  </si>
  <si>
    <t>cg25006829</t>
  </si>
  <si>
    <t>cg25008548</t>
  </si>
  <si>
    <t>cg25008571</t>
  </si>
  <si>
    <t>cg25021247</t>
  </si>
  <si>
    <t>cg25025455</t>
  </si>
  <si>
    <t>cg25049162</t>
  </si>
  <si>
    <t>cg25070010</t>
  </si>
  <si>
    <t>cg25086840</t>
  </si>
  <si>
    <t>cg25087154</t>
  </si>
  <si>
    <t>cg25087341</t>
  </si>
  <si>
    <t>cg25088454</t>
  </si>
  <si>
    <t>cg25089332</t>
  </si>
  <si>
    <t>cg25090325</t>
  </si>
  <si>
    <t>cg25091458</t>
  </si>
  <si>
    <t>cg25091678</t>
  </si>
  <si>
    <t>cg25096103</t>
  </si>
  <si>
    <t>cg25099597</t>
  </si>
  <si>
    <t>cg25100863</t>
  </si>
  <si>
    <t>cg25100871</t>
  </si>
  <si>
    <t>cg25103286</t>
  </si>
  <si>
    <t>cg25103417</t>
  </si>
  <si>
    <t>cg25105657</t>
  </si>
  <si>
    <t>cg25109019</t>
  </si>
  <si>
    <t>cg25109238</t>
  </si>
  <si>
    <t>cg25111284</t>
  </si>
  <si>
    <t>cg25112202</t>
  </si>
  <si>
    <t>cg25112562</t>
  </si>
  <si>
    <t>cg25113589</t>
  </si>
  <si>
    <t>cg25114075</t>
  </si>
  <si>
    <t>cg25119690</t>
  </si>
  <si>
    <t>cg25124938</t>
  </si>
  <si>
    <t>cg25127083</t>
  </si>
  <si>
    <t>cg25129985</t>
  </si>
  <si>
    <t>cg25130920</t>
  </si>
  <si>
    <t>cg25131620</t>
  </si>
  <si>
    <t>cg25134747</t>
  </si>
  <si>
    <t>cg25135145</t>
  </si>
  <si>
    <t>cg25137700</t>
  </si>
  <si>
    <t>cg25138715</t>
  </si>
  <si>
    <t>cg25141957</t>
  </si>
  <si>
    <t>cg25148336</t>
  </si>
  <si>
    <t>cg25149428</t>
  </si>
  <si>
    <t>cg25151498</t>
  </si>
  <si>
    <t>cg25152136</t>
  </si>
  <si>
    <t>cg25152631</t>
  </si>
  <si>
    <t>cg25154581</t>
  </si>
  <si>
    <t>cg25157472</t>
  </si>
  <si>
    <t>cg25160915</t>
  </si>
  <si>
    <t>cg25182621</t>
  </si>
  <si>
    <t>cg25183082</t>
  </si>
  <si>
    <t>cg25184248</t>
  </si>
  <si>
    <t>cg25185429</t>
  </si>
  <si>
    <t>cg25188828</t>
  </si>
  <si>
    <t>cg25190126</t>
  </si>
  <si>
    <t>cg25191741</t>
  </si>
  <si>
    <t>cg25197194</t>
  </si>
  <si>
    <t>cg25198545</t>
  </si>
  <si>
    <t>cg25198967</t>
  </si>
  <si>
    <t>cg25199935</t>
  </si>
  <si>
    <t>cg25201789</t>
  </si>
  <si>
    <t>cg25202636</t>
  </si>
  <si>
    <t>cg25203962</t>
  </si>
  <si>
    <t>cg25213968</t>
  </si>
  <si>
    <t>cg25214310</t>
  </si>
  <si>
    <t>cg25214424</t>
  </si>
  <si>
    <t>cg25214561</t>
  </si>
  <si>
    <t>cg25217347</t>
  </si>
  <si>
    <t>cg25221704</t>
  </si>
  <si>
    <t>cg25221719</t>
  </si>
  <si>
    <t>cg25223095</t>
  </si>
  <si>
    <t>cg25223567</t>
  </si>
  <si>
    <t>cg25225968</t>
  </si>
  <si>
    <t>cg25226014</t>
  </si>
  <si>
    <t>cg25226092</t>
  </si>
  <si>
    <t>cg25229470</t>
  </si>
  <si>
    <t>cg25230708</t>
  </si>
  <si>
    <t>cg25230917</t>
  </si>
  <si>
    <t>cg25234117</t>
  </si>
  <si>
    <t>cg25236427</t>
  </si>
  <si>
    <t>cg25236791</t>
  </si>
  <si>
    <t>cg25249068</t>
  </si>
  <si>
    <t>cg25264554</t>
  </si>
  <si>
    <t>cg25270252</t>
  </si>
  <si>
    <t>cg25276849</t>
  </si>
  <si>
    <t>cg25309956</t>
  </si>
  <si>
    <t>cg25315362</t>
  </si>
  <si>
    <t>cg25318470</t>
  </si>
  <si>
    <t>cg25318579</t>
  </si>
  <si>
    <t>cg25334834</t>
  </si>
  <si>
    <t>cg25336900</t>
  </si>
  <si>
    <t>cg25338134</t>
  </si>
  <si>
    <t>cg25339966</t>
  </si>
  <si>
    <t>cg25340466</t>
  </si>
  <si>
    <t>cg25340675</t>
  </si>
  <si>
    <t>cg25341131</t>
  </si>
  <si>
    <t>cg25342125</t>
  </si>
  <si>
    <t>cg25345005</t>
  </si>
  <si>
    <t>cg25345722</t>
  </si>
  <si>
    <t>cg25352216</t>
  </si>
  <si>
    <t>cg25353297</t>
  </si>
  <si>
    <t>cg25354716</t>
  </si>
  <si>
    <t>cg25355226</t>
  </si>
  <si>
    <t>cg25358250</t>
  </si>
  <si>
    <t>cg25358853</t>
  </si>
  <si>
    <t>cg25365006</t>
  </si>
  <si>
    <t>cg25366141</t>
  </si>
  <si>
    <t>cg25369757</t>
  </si>
  <si>
    <t>cg25370869</t>
  </si>
  <si>
    <t>cg25378769</t>
  </si>
  <si>
    <t>cg25378920</t>
  </si>
  <si>
    <t>cg25382032</t>
  </si>
  <si>
    <t>cg25390230</t>
  </si>
  <si>
    <t>cg25411725</t>
  </si>
  <si>
    <t>cg25415932</t>
  </si>
  <si>
    <t>cg25416014</t>
  </si>
  <si>
    <t>cg25420398</t>
  </si>
  <si>
    <t>cg25423174</t>
  </si>
  <si>
    <t>cg25423647</t>
  </si>
  <si>
    <t>cg25424299</t>
  </si>
  <si>
    <t>cg25425140</t>
  </si>
  <si>
    <t>cg25425705</t>
  </si>
  <si>
    <t>cg25435917</t>
  </si>
  <si>
    <t>cg25438440</t>
  </si>
  <si>
    <t>cg25438762</t>
  </si>
  <si>
    <t>cg25441771</t>
  </si>
  <si>
    <t>cg25445707</t>
  </si>
  <si>
    <t>cg25447806</t>
  </si>
  <si>
    <t>cg25449440</t>
  </si>
  <si>
    <t>cg25450333</t>
  </si>
  <si>
    <t>cg25452485</t>
  </si>
  <si>
    <t>cg25457604</t>
  </si>
  <si>
    <t>cg25461389</t>
  </si>
  <si>
    <t>cg25464457</t>
  </si>
  <si>
    <t>cg25465483</t>
  </si>
  <si>
    <t>cg25466368</t>
  </si>
  <si>
    <t>cg25469234</t>
  </si>
  <si>
    <t>cg25471071</t>
  </si>
  <si>
    <t>cg25478614</t>
  </si>
  <si>
    <t>cg25481888</t>
  </si>
  <si>
    <t>cg25484252</t>
  </si>
  <si>
    <t>cg25485805</t>
  </si>
  <si>
    <t>cg25486757</t>
  </si>
  <si>
    <t>cg25487529</t>
  </si>
  <si>
    <t>cg25490800</t>
  </si>
  <si>
    <t>cg25492569</t>
  </si>
  <si>
    <t>cg25493589</t>
  </si>
  <si>
    <t>cg25496930</t>
  </si>
  <si>
    <t>cg25498541</t>
  </si>
  <si>
    <t>cg25501335</t>
  </si>
  <si>
    <t>cg25503888</t>
  </si>
  <si>
    <t>cg25509643</t>
  </si>
  <si>
    <t>cg25509697</t>
  </si>
  <si>
    <t>cg25512439</t>
  </si>
  <si>
    <t>cg25512936</t>
  </si>
  <si>
    <t>cg25513760</t>
  </si>
  <si>
    <t>cg25516803</t>
  </si>
  <si>
    <t>cg25538664</t>
  </si>
  <si>
    <t>cg25552889</t>
  </si>
  <si>
    <t>cg25562664</t>
  </si>
  <si>
    <t>cg25564800</t>
  </si>
  <si>
    <t>cg25567280</t>
  </si>
  <si>
    <t>cg25567674</t>
  </si>
  <si>
    <t>cg25574691</t>
  </si>
  <si>
    <t>cg25575835</t>
  </si>
  <si>
    <t>cg25575937</t>
  </si>
  <si>
    <t>cg25576227</t>
  </si>
  <si>
    <t>cg25577437</t>
  </si>
  <si>
    <t>cg25577940</t>
  </si>
  <si>
    <t>cg25581063</t>
  </si>
  <si>
    <t>cg25581347</t>
  </si>
  <si>
    <t>cg25586848</t>
  </si>
  <si>
    <t>cg25594876</t>
  </si>
  <si>
    <t>cg25597307</t>
  </si>
  <si>
    <t>cg25597623</t>
  </si>
  <si>
    <t>cg25598319</t>
  </si>
  <si>
    <t>cg25607670</t>
  </si>
  <si>
    <t>cg25609434</t>
  </si>
  <si>
    <t>cg25616514</t>
  </si>
  <si>
    <t>cg25616869</t>
  </si>
  <si>
    <t>cg25616979</t>
  </si>
  <si>
    <t>cg25618118</t>
  </si>
  <si>
    <t>cg25624887</t>
  </si>
  <si>
    <t>cg25625616</t>
  </si>
  <si>
    <t>cg25628310</t>
  </si>
  <si>
    <t>cg25629615</t>
  </si>
  <si>
    <t>cg25630588</t>
  </si>
  <si>
    <t>cg25635352</t>
  </si>
  <si>
    <t>cg25636075</t>
  </si>
  <si>
    <t>cg25647415</t>
  </si>
  <si>
    <t>cg25649680</t>
  </si>
  <si>
    <t>cg25661769</t>
  </si>
  <si>
    <t>cg25663755</t>
  </si>
  <si>
    <t>cg25664938</t>
  </si>
  <si>
    <t>cg25665283</t>
  </si>
  <si>
    <t>cg25668416</t>
  </si>
  <si>
    <t>cg25668878</t>
  </si>
  <si>
    <t>cg25671418</t>
  </si>
  <si>
    <t>cg25671428</t>
  </si>
  <si>
    <t>cg25675349</t>
  </si>
  <si>
    <t>cg25677394</t>
  </si>
  <si>
    <t>cg25678292</t>
  </si>
  <si>
    <t>cg25680629</t>
  </si>
  <si>
    <t>cg25686812</t>
  </si>
  <si>
    <t>cg25686860</t>
  </si>
  <si>
    <t>cg25686905</t>
  </si>
  <si>
    <t>cg25691553</t>
  </si>
  <si>
    <t>cg25691899</t>
  </si>
  <si>
    <t>cg25693132</t>
  </si>
  <si>
    <t>cg25693769</t>
  </si>
  <si>
    <t>cg25694447</t>
  </si>
  <si>
    <t>cg25695658</t>
  </si>
  <si>
    <t>cg25699727</t>
  </si>
  <si>
    <t>cg25702780</t>
  </si>
  <si>
    <t>cg25703122</t>
  </si>
  <si>
    <t>cg25703937</t>
  </si>
  <si>
    <t>cg25704207</t>
  </si>
  <si>
    <t>cg25706810</t>
  </si>
  <si>
    <t>cg25707238</t>
  </si>
  <si>
    <t>cg25707669</t>
  </si>
  <si>
    <t>cg25707924</t>
  </si>
  <si>
    <t>cg25711078</t>
  </si>
  <si>
    <t>cg25713346</t>
  </si>
  <si>
    <t>cg25714392</t>
  </si>
  <si>
    <t>cg25716871</t>
  </si>
  <si>
    <t>cg25717917</t>
  </si>
  <si>
    <t>cg25719102</t>
  </si>
  <si>
    <t>cg25726549</t>
  </si>
  <si>
    <t>cg25727025</t>
  </si>
  <si>
    <t>cg25727569</t>
  </si>
  <si>
    <t>cg25731943</t>
  </si>
  <si>
    <t>cg25732410</t>
  </si>
  <si>
    <t>cg25734279</t>
  </si>
  <si>
    <t>cg25735294</t>
  </si>
  <si>
    <t>cg25740513</t>
  </si>
  <si>
    <t>cg25747030</t>
  </si>
  <si>
    <t>cg25747192</t>
  </si>
  <si>
    <t>cg25748542</t>
  </si>
  <si>
    <t>cg25754862</t>
  </si>
  <si>
    <t>cg25755107</t>
  </si>
  <si>
    <t>cg25757737</t>
  </si>
  <si>
    <t>cg25762262</t>
  </si>
  <si>
    <t>cg25766774</t>
  </si>
  <si>
    <t>cg25767504</t>
  </si>
  <si>
    <t>cg25770572</t>
  </si>
  <si>
    <t>cg25771026</t>
  </si>
  <si>
    <t>cg25772723</t>
  </si>
  <si>
    <t>cg25773386</t>
  </si>
  <si>
    <t>cg25773515</t>
  </si>
  <si>
    <t>cg25775247</t>
  </si>
  <si>
    <t>cg25779127</t>
  </si>
  <si>
    <t>cg25779154</t>
  </si>
  <si>
    <t>cg25781123</t>
  </si>
  <si>
    <t>cg25782665</t>
  </si>
  <si>
    <t>cg25782835</t>
  </si>
  <si>
    <t>cg25785495</t>
  </si>
  <si>
    <t>cg25788729</t>
  </si>
  <si>
    <t>cg25789721</t>
  </si>
  <si>
    <t>cg25791330</t>
  </si>
  <si>
    <t>cg25792961</t>
  </si>
  <si>
    <t>cg25793571</t>
  </si>
  <si>
    <t>cg25795197</t>
  </si>
  <si>
    <t>cg25799059</t>
  </si>
  <si>
    <t>cg25808906</t>
  </si>
  <si>
    <t>cg25809215</t>
  </si>
  <si>
    <t>cg25810357</t>
  </si>
  <si>
    <t>cg25811633</t>
  </si>
  <si>
    <t>cg25816127</t>
  </si>
  <si>
    <t>cg25818214</t>
  </si>
  <si>
    <t>cg25821245</t>
  </si>
  <si>
    <t>cg25824509</t>
  </si>
  <si>
    <t>cg25827351</t>
  </si>
  <si>
    <t>cg25828607</t>
  </si>
  <si>
    <t>cg25829945</t>
  </si>
  <si>
    <t>cg25831204</t>
  </si>
  <si>
    <t>cg25831418</t>
  </si>
  <si>
    <t>cg25832303</t>
  </si>
  <si>
    <t>cg25833200</t>
  </si>
  <si>
    <t>cg25834130</t>
  </si>
  <si>
    <t>cg25835936</t>
  </si>
  <si>
    <t>cg25837984</t>
  </si>
  <si>
    <t>cg25839023</t>
  </si>
  <si>
    <t>cg25845705</t>
  </si>
  <si>
    <t>cg25845890</t>
  </si>
  <si>
    <t>cg25848990</t>
  </si>
  <si>
    <t>cg25849085</t>
  </si>
  <si>
    <t>cg25849262</t>
  </si>
  <si>
    <t>cg25853624</t>
  </si>
  <si>
    <t>cg25854303</t>
  </si>
  <si>
    <t>cg25857637</t>
  </si>
  <si>
    <t>cg25858682</t>
  </si>
  <si>
    <t>cg25859972</t>
  </si>
  <si>
    <t>cg25860793</t>
  </si>
  <si>
    <t>cg25865542</t>
  </si>
  <si>
    <t>cg25867545</t>
  </si>
  <si>
    <t>cg25871427</t>
  </si>
  <si>
    <t>cg25881170</t>
  </si>
  <si>
    <t>cg25920535</t>
  </si>
  <si>
    <t>cg25920857</t>
  </si>
  <si>
    <t>cg25921654</t>
  </si>
  <si>
    <t>cg25923450</t>
  </si>
  <si>
    <t>cg25925669</t>
  </si>
  <si>
    <t>cg25927124</t>
  </si>
  <si>
    <t>cg25929731</t>
  </si>
  <si>
    <t>cg25934064</t>
  </si>
  <si>
    <t>cg25937714</t>
  </si>
  <si>
    <t>cg25939630</t>
  </si>
  <si>
    <t>cg25943821</t>
  </si>
  <si>
    <t>cg25948075</t>
  </si>
  <si>
    <t>cg25955359</t>
  </si>
  <si>
    <t>cg25957043</t>
  </si>
  <si>
    <t>cg25958582</t>
  </si>
  <si>
    <t>cg25960893</t>
  </si>
  <si>
    <t>cg25961579</t>
  </si>
  <si>
    <t>cg25962699</t>
  </si>
  <si>
    <t>cg25965498</t>
  </si>
  <si>
    <t>cg25966295</t>
  </si>
  <si>
    <t>cg25966976</t>
  </si>
  <si>
    <t>cg25968247</t>
  </si>
  <si>
    <t>cg25972360</t>
  </si>
  <si>
    <t>cg25974167</t>
  </si>
  <si>
    <t>cg25976932</t>
  </si>
  <si>
    <t>cg25979992</t>
  </si>
  <si>
    <t>cg25982743</t>
  </si>
  <si>
    <t>cg26007399</t>
  </si>
  <si>
    <t>cg26010751</t>
  </si>
  <si>
    <t>cg26021633</t>
  </si>
  <si>
    <t>cg26028315</t>
  </si>
  <si>
    <t>cg26029248</t>
  </si>
  <si>
    <t>cg26033586</t>
  </si>
  <si>
    <t>cg26044026</t>
  </si>
  <si>
    <t>cg26048523</t>
  </si>
  <si>
    <t>cg26052377</t>
  </si>
  <si>
    <t>cg26053346</t>
  </si>
  <si>
    <t>cg26055770</t>
  </si>
  <si>
    <t>cg26057969</t>
  </si>
  <si>
    <t>cg26059822</t>
  </si>
  <si>
    <t>cg26061177</t>
  </si>
  <si>
    <t>cg26061510</t>
  </si>
  <si>
    <t>cg26068215</t>
  </si>
  <si>
    <t>cg26069049</t>
  </si>
  <si>
    <t>cg26069719</t>
  </si>
  <si>
    <t>cg26073427</t>
  </si>
  <si>
    <t>cg26075423</t>
  </si>
  <si>
    <t>cg26082023</t>
  </si>
  <si>
    <t>cg26085162</t>
  </si>
  <si>
    <t>cg26086358</t>
  </si>
  <si>
    <t>cg26093175</t>
  </si>
  <si>
    <t>cg26099138</t>
  </si>
  <si>
    <t>cg26099316</t>
  </si>
  <si>
    <t>cg26102819</t>
  </si>
  <si>
    <t>cg26106948</t>
  </si>
  <si>
    <t>cg26107778</t>
  </si>
  <si>
    <t>cg26108046</t>
  </si>
  <si>
    <t>cg26113512</t>
  </si>
  <si>
    <t>cg26113925</t>
  </si>
  <si>
    <t>cg26116045</t>
  </si>
  <si>
    <t>cg26121234</t>
  </si>
  <si>
    <t>cg26123605</t>
  </si>
  <si>
    <t>cg26124466</t>
  </si>
  <si>
    <t>cg26125811</t>
  </si>
  <si>
    <t>cg26129769</t>
  </si>
  <si>
    <t>cg26130396</t>
  </si>
  <si>
    <t>cg26132647</t>
  </si>
  <si>
    <t>cg26135967</t>
  </si>
  <si>
    <t>cg26136365</t>
  </si>
  <si>
    <t>cg26139360</t>
  </si>
  <si>
    <t>cg26140174</t>
  </si>
  <si>
    <t>cg26140483</t>
  </si>
  <si>
    <t>cg26147279</t>
  </si>
  <si>
    <t>cg26147664</t>
  </si>
  <si>
    <t>cg26151310</t>
  </si>
  <si>
    <t>cg26152983</t>
  </si>
  <si>
    <t>cg26153642</t>
  </si>
  <si>
    <t>cg26154235</t>
  </si>
  <si>
    <t>cg26156179</t>
  </si>
  <si>
    <t>cg26158023</t>
  </si>
  <si>
    <t>cg26166688</t>
  </si>
  <si>
    <t>cg26168249</t>
  </si>
  <si>
    <t>cg26169558</t>
  </si>
  <si>
    <t>cg26172051</t>
  </si>
  <si>
    <t>cg26174674</t>
  </si>
  <si>
    <t>cg26181727</t>
  </si>
  <si>
    <t>cg26184741</t>
  </si>
  <si>
    <t>cg26188543</t>
  </si>
  <si>
    <t>cg26190723</t>
  </si>
  <si>
    <t>cg26193484</t>
  </si>
  <si>
    <t>cg26215406</t>
  </si>
  <si>
    <t>cg26224785</t>
  </si>
  <si>
    <t>cg26226650</t>
  </si>
  <si>
    <t>cg26227248</t>
  </si>
  <si>
    <t>cg26229307</t>
  </si>
  <si>
    <t>cg26236504</t>
  </si>
  <si>
    <t>cg26256401</t>
  </si>
  <si>
    <t>cg26259546</t>
  </si>
  <si>
    <t>cg26264008</t>
  </si>
  <si>
    <t>cg26266786</t>
  </si>
  <si>
    <t>cg26266876</t>
  </si>
  <si>
    <t>cg26275430</t>
  </si>
  <si>
    <t>cg26276898</t>
  </si>
  <si>
    <t>cg26277102</t>
  </si>
  <si>
    <t>cg26278370</t>
  </si>
  <si>
    <t>cg26278813</t>
  </si>
  <si>
    <t>cg26283222</t>
  </si>
  <si>
    <t>cg26286408</t>
  </si>
  <si>
    <t>cg26289788</t>
  </si>
  <si>
    <t>cg26298814</t>
  </si>
  <si>
    <t>cg26310273</t>
  </si>
  <si>
    <t>cg26313511</t>
  </si>
  <si>
    <t>cg26314330</t>
  </si>
  <si>
    <t>cg26315417</t>
  </si>
  <si>
    <t>cg26317206</t>
  </si>
  <si>
    <t>cg26318116</t>
  </si>
  <si>
    <t>cg26321609</t>
  </si>
  <si>
    <t>cg26322434</t>
  </si>
  <si>
    <t>cg26325740</t>
  </si>
  <si>
    <t>cg26326806</t>
  </si>
  <si>
    <t>cg26331343</t>
  </si>
  <si>
    <t>cg26334154</t>
  </si>
  <si>
    <t>cg26335377</t>
  </si>
  <si>
    <t>cg26335760</t>
  </si>
  <si>
    <t>cg26339924</t>
  </si>
  <si>
    <t>cg26340532</t>
  </si>
  <si>
    <t>cg26345916</t>
  </si>
  <si>
    <t>cg26346477</t>
  </si>
  <si>
    <t>cg26350092</t>
  </si>
  <si>
    <t>cg26353484</t>
  </si>
  <si>
    <t>cg26357744</t>
  </si>
  <si>
    <t>cg26360732</t>
  </si>
  <si>
    <t>cg26364205</t>
  </si>
  <si>
    <t>cg26368049</t>
  </si>
  <si>
    <t>cg26368431</t>
  </si>
  <si>
    <t>cg26372612</t>
  </si>
  <si>
    <t>cg26374154</t>
  </si>
  <si>
    <t>cg26375196</t>
  </si>
  <si>
    <t>cg26379672</t>
  </si>
  <si>
    <t>cg26386653</t>
  </si>
  <si>
    <t>cg26386826</t>
  </si>
  <si>
    <t>cg26388642</t>
  </si>
  <si>
    <t>cg26394191</t>
  </si>
  <si>
    <t>cg26395066</t>
  </si>
  <si>
    <t>cg26395694</t>
  </si>
  <si>
    <t>cg26396290</t>
  </si>
  <si>
    <t>cg26399662</t>
  </si>
  <si>
    <t>cg26400693</t>
  </si>
  <si>
    <t>cg26402401</t>
  </si>
  <si>
    <t>cg26402422</t>
  </si>
  <si>
    <t>cg26405148</t>
  </si>
  <si>
    <t>cg26405475</t>
  </si>
  <si>
    <t>cg26407212</t>
  </si>
  <si>
    <t>cg26426223</t>
  </si>
  <si>
    <t>cg26434197</t>
  </si>
  <si>
    <t>cg26435013</t>
  </si>
  <si>
    <t>cg26435149</t>
  </si>
  <si>
    <t>cg26435502</t>
  </si>
  <si>
    <t>cg26436315</t>
  </si>
  <si>
    <t>cg26459500</t>
  </si>
  <si>
    <t>cg26466027</t>
  </si>
  <si>
    <t>cg26466145</t>
  </si>
  <si>
    <t>cg26466524</t>
  </si>
  <si>
    <t>cg26466970</t>
  </si>
  <si>
    <t>cg26468693</t>
  </si>
  <si>
    <t>cg26474288</t>
  </si>
  <si>
    <t>cg26475097</t>
  </si>
  <si>
    <t>cg26501599</t>
  </si>
  <si>
    <t>cg26523005</t>
  </si>
  <si>
    <t>cg26533949</t>
  </si>
  <si>
    <t>cg26536164</t>
  </si>
  <si>
    <t>cg26538682</t>
  </si>
  <si>
    <t>cg26539349</t>
  </si>
  <si>
    <t>cg26550936</t>
  </si>
  <si>
    <t>cg26551412</t>
  </si>
  <si>
    <t>cg26555149</t>
  </si>
  <si>
    <t>cg26558862</t>
  </si>
  <si>
    <t>cg26561148</t>
  </si>
  <si>
    <t>cg26561230</t>
  </si>
  <si>
    <t>cg26567442</t>
  </si>
  <si>
    <t>cg26575445</t>
  </si>
  <si>
    <t>cg26582338</t>
  </si>
  <si>
    <t>cg26601922</t>
  </si>
  <si>
    <t>cg26625518</t>
  </si>
  <si>
    <t>cg26640549</t>
  </si>
  <si>
    <t>cg26647219</t>
  </si>
  <si>
    <t>cg26647524</t>
  </si>
  <si>
    <t>cg26652484</t>
  </si>
  <si>
    <t>cg26652809</t>
  </si>
  <si>
    <t>cg26655873</t>
  </si>
  <si>
    <t>cg26679855</t>
  </si>
  <si>
    <t>cg26684511</t>
  </si>
  <si>
    <t>cg26686927</t>
  </si>
  <si>
    <t>cg26687567</t>
  </si>
  <si>
    <t>cg26688993</t>
  </si>
  <si>
    <t>cg26692296</t>
  </si>
  <si>
    <t>cg26693329</t>
  </si>
  <si>
    <t>cg26709627</t>
  </si>
  <si>
    <t>cg26715540</t>
  </si>
  <si>
    <t>cg26719755</t>
  </si>
  <si>
    <t>cg26738080</t>
  </si>
  <si>
    <t>cg26740536</t>
  </si>
  <si>
    <t>cg26740639</t>
  </si>
  <si>
    <t>cg26763398</t>
  </si>
  <si>
    <t>cg26764243</t>
  </si>
  <si>
    <t>cg26764345</t>
  </si>
  <si>
    <t>cg26764555</t>
  </si>
  <si>
    <t>cg26766694</t>
  </si>
  <si>
    <t>cg26770187</t>
  </si>
  <si>
    <t>cg26772854</t>
  </si>
  <si>
    <t>cg26777836</t>
  </si>
  <si>
    <t>cg26779346</t>
  </si>
  <si>
    <t>cg26780911</t>
  </si>
  <si>
    <t>cg26783679</t>
  </si>
  <si>
    <t>cg26784596</t>
  </si>
  <si>
    <t>cg26785220</t>
  </si>
  <si>
    <t>cg26788993</t>
  </si>
  <si>
    <t>cg26794477</t>
  </si>
  <si>
    <t>cg26821462</t>
  </si>
  <si>
    <t>cg26825532</t>
  </si>
  <si>
    <t>cg26836233</t>
  </si>
  <si>
    <t>cg26838900</t>
  </si>
  <si>
    <t>cg26842588</t>
  </si>
  <si>
    <t>cg26850451</t>
  </si>
  <si>
    <t>cg26851727</t>
  </si>
  <si>
    <t>cg26856316</t>
  </si>
  <si>
    <t>cg26861995</t>
  </si>
  <si>
    <t>cg26862175</t>
  </si>
  <si>
    <t>cg26864061</t>
  </si>
  <si>
    <t>cg26864526</t>
  </si>
  <si>
    <t>cg26868345</t>
  </si>
  <si>
    <t>cg26896572</t>
  </si>
  <si>
    <t>cg26958735</t>
  </si>
  <si>
    <t>cg26968008</t>
  </si>
  <si>
    <t>cg26985201</t>
  </si>
  <si>
    <t>cg26994334</t>
  </si>
  <si>
    <t>cg27016592</t>
  </si>
  <si>
    <t>cg27018461</t>
  </si>
  <si>
    <t>cg27019059</t>
  </si>
  <si>
    <t>cg27020216</t>
  </si>
  <si>
    <t>cg27022853</t>
  </si>
  <si>
    <t>cg27024515</t>
  </si>
  <si>
    <t>cg27025856</t>
  </si>
  <si>
    <t>cg27026033</t>
  </si>
  <si>
    <t>cg27033479</t>
  </si>
  <si>
    <t>cg27034836</t>
  </si>
  <si>
    <t>cg27056145</t>
  </si>
  <si>
    <t>cg27059819</t>
  </si>
  <si>
    <t>cg27082881</t>
  </si>
  <si>
    <t>cg27084712</t>
  </si>
  <si>
    <t>cg27084781</t>
  </si>
  <si>
    <t>cg27088176</t>
  </si>
  <si>
    <t>cg27088194</t>
  </si>
  <si>
    <t>cg27089226</t>
  </si>
  <si>
    <t>cg27090988</t>
  </si>
  <si>
    <t>cg27091787</t>
  </si>
  <si>
    <t>cg27092248</t>
  </si>
  <si>
    <t>cg27092704</t>
  </si>
  <si>
    <t>cg27103436</t>
  </si>
  <si>
    <t>cg27104695</t>
  </si>
  <si>
    <t>cg27108452</t>
  </si>
  <si>
    <t>cg27108889</t>
  </si>
  <si>
    <t>cg27117179</t>
  </si>
  <si>
    <t>cg27127091</t>
  </si>
  <si>
    <t>cg27133959</t>
  </si>
  <si>
    <t>cg27134832</t>
  </si>
  <si>
    <t>cg27137836</t>
  </si>
  <si>
    <t>cg27138727</t>
  </si>
  <si>
    <t>cg27143326</t>
  </si>
  <si>
    <t>cg27145044</t>
  </si>
  <si>
    <t>cg27148471</t>
  </si>
  <si>
    <t>cg27168438</t>
  </si>
  <si>
    <t>cg27175819</t>
  </si>
  <si>
    <t>cg27177803</t>
  </si>
  <si>
    <t>cg27181343</t>
  </si>
  <si>
    <t>cg27181496</t>
  </si>
  <si>
    <t>cg27181716</t>
  </si>
  <si>
    <t>cg27182923</t>
  </si>
  <si>
    <t>cg27185267</t>
  </si>
  <si>
    <t>cg27192012</t>
  </si>
  <si>
    <t>cg27193080</t>
  </si>
  <si>
    <t>cg27193335</t>
  </si>
  <si>
    <t>cg27198997</t>
  </si>
  <si>
    <t>cg27199494</t>
  </si>
  <si>
    <t>cg27199976</t>
  </si>
  <si>
    <t>cg27201297</t>
  </si>
  <si>
    <t>cg27203560</t>
  </si>
  <si>
    <t>cg27204163</t>
  </si>
  <si>
    <t>cg27209130</t>
  </si>
  <si>
    <t>cg27212541</t>
  </si>
  <si>
    <t>cg27215641</t>
  </si>
  <si>
    <t>cg27215765</t>
  </si>
  <si>
    <t>cg27218437</t>
  </si>
  <si>
    <t>cg27221334</t>
  </si>
  <si>
    <t>cg27225068</t>
  </si>
  <si>
    <t>cg27227100</t>
  </si>
  <si>
    <t>cg27227598</t>
  </si>
  <si>
    <t>cg27228383</t>
  </si>
  <si>
    <t>cg27230009</t>
  </si>
  <si>
    <t>cg27230510</t>
  </si>
  <si>
    <t>cg27230534</t>
  </si>
  <si>
    <t>cg27235662</t>
  </si>
  <si>
    <t>cg27235955</t>
  </si>
  <si>
    <t>cg27239157</t>
  </si>
  <si>
    <t>cg27239921</t>
  </si>
  <si>
    <t>cg27243507</t>
  </si>
  <si>
    <t>cg27244379</t>
  </si>
  <si>
    <t>cg27246744</t>
  </si>
  <si>
    <t>cg27248643</t>
  </si>
  <si>
    <t>cg27252776</t>
  </si>
  <si>
    <t>cg27257452</t>
  </si>
  <si>
    <t>cg27257822</t>
  </si>
  <si>
    <t>cg27260148</t>
  </si>
  <si>
    <t>cg27260312</t>
  </si>
  <si>
    <t>cg27265118</t>
  </si>
  <si>
    <t>cg27269442</t>
  </si>
  <si>
    <t>cg27269488</t>
  </si>
  <si>
    <t>cg27272605</t>
  </si>
  <si>
    <t>cg27275023</t>
  </si>
  <si>
    <t>cg27276190</t>
  </si>
  <si>
    <t>cg27280037</t>
  </si>
  <si>
    <t>cg27282987</t>
  </si>
  <si>
    <t>cg27286107</t>
  </si>
  <si>
    <t>cg27286227</t>
  </si>
  <si>
    <t>cg27288595</t>
  </si>
  <si>
    <t>cg27291138</t>
  </si>
  <si>
    <t>cg27292264</t>
  </si>
  <si>
    <t>cg27293741</t>
  </si>
  <si>
    <t>cg27295197</t>
  </si>
  <si>
    <t>cg27295594</t>
  </si>
  <si>
    <t>cg27298170</t>
  </si>
  <si>
    <t>cg27299660</t>
  </si>
  <si>
    <t>cg27301231</t>
  </si>
  <si>
    <t>cg27301280</t>
  </si>
  <si>
    <t>cg27302963</t>
  </si>
  <si>
    <t>cg27303272</t>
  </si>
  <si>
    <t>cg27305835</t>
  </si>
  <si>
    <t>cg27306243</t>
  </si>
  <si>
    <t>cg27306382</t>
  </si>
  <si>
    <t>cg27308130</t>
  </si>
  <si>
    <t>cg27308432</t>
  </si>
  <si>
    <t>cg27310486</t>
  </si>
  <si>
    <t>cg27314503</t>
  </si>
  <si>
    <t>cg27315556</t>
  </si>
  <si>
    <t>cg27316598</t>
  </si>
  <si>
    <t>cg27316754</t>
  </si>
  <si>
    <t>cg27317909</t>
  </si>
  <si>
    <t>cg27319445</t>
  </si>
  <si>
    <t>cg27323046</t>
  </si>
  <si>
    <t>cg27324527</t>
  </si>
  <si>
    <t>cg27328930</t>
  </si>
  <si>
    <t>cg27329908</t>
  </si>
  <si>
    <t>cg27330502</t>
  </si>
  <si>
    <t>cg27331851</t>
  </si>
  <si>
    <t>cg27332227</t>
  </si>
  <si>
    <t>cg27339452</t>
  </si>
  <si>
    <t>cg27340749</t>
  </si>
  <si>
    <t>cg27345757</t>
  </si>
  <si>
    <t>cg27349302</t>
  </si>
  <si>
    <t>cg27351581</t>
  </si>
  <si>
    <t>cg27353085</t>
  </si>
  <si>
    <t>cg27353919</t>
  </si>
  <si>
    <t>cg27356396</t>
  </si>
  <si>
    <t>cg27360567</t>
  </si>
  <si>
    <t>cg27366280</t>
  </si>
  <si>
    <t>cg27371741</t>
  </si>
  <si>
    <t>cg27374508</t>
  </si>
  <si>
    <t>cg27376027</t>
  </si>
  <si>
    <t>cg27376548</t>
  </si>
  <si>
    <t>cg27381979</t>
  </si>
  <si>
    <t>cg27383859</t>
  </si>
  <si>
    <t>cg27384355</t>
  </si>
  <si>
    <t>cg27385773</t>
  </si>
  <si>
    <t>cg27386912</t>
  </si>
  <si>
    <t>cg27388911</t>
  </si>
  <si>
    <t>cg27390220</t>
  </si>
  <si>
    <t>cg27394962</t>
  </si>
  <si>
    <t>cg27394987</t>
  </si>
  <si>
    <t>cg27396056</t>
  </si>
  <si>
    <t>cg27399079</t>
  </si>
  <si>
    <t>cg27409802</t>
  </si>
  <si>
    <t>cg27409991</t>
  </si>
  <si>
    <t>cg27411450</t>
  </si>
  <si>
    <t>cg27415969</t>
  </si>
  <si>
    <t>cg27418204</t>
  </si>
  <si>
    <t>cg27421679</t>
  </si>
  <si>
    <t>cg27423739</t>
  </si>
  <si>
    <t>cg27425383</t>
  </si>
  <si>
    <t>cg27430182</t>
  </si>
  <si>
    <t>cg27457941</t>
  </si>
  <si>
    <t>cg27462371</t>
  </si>
  <si>
    <t>cg27476262</t>
  </si>
  <si>
    <t>cg27477205</t>
  </si>
  <si>
    <t>cg27480377</t>
  </si>
  <si>
    <t>cg27495109</t>
  </si>
  <si>
    <t>cg27504745</t>
  </si>
  <si>
    <t>cg27509153</t>
  </si>
  <si>
    <t>cg27510539</t>
  </si>
  <si>
    <t>cg27512631</t>
  </si>
  <si>
    <t>cg27513339</t>
  </si>
  <si>
    <t>cg27515369</t>
  </si>
  <si>
    <t>cg27516824</t>
  </si>
  <si>
    <t>cg27518272</t>
  </si>
  <si>
    <t>cg27526665</t>
  </si>
  <si>
    <t>cg27533999</t>
  </si>
  <si>
    <t>cg27536453</t>
  </si>
  <si>
    <t>cg27539627</t>
  </si>
  <si>
    <t>cg27545985</t>
  </si>
  <si>
    <t>cg27554342</t>
  </si>
  <si>
    <t>cg27554556</t>
  </si>
  <si>
    <t>cg27555944</t>
  </si>
  <si>
    <t>cg27558485</t>
  </si>
  <si>
    <t>cg27561099</t>
  </si>
  <si>
    <t>cg27563048</t>
  </si>
  <si>
    <t>cg27564792</t>
  </si>
  <si>
    <t>cg27565473</t>
  </si>
  <si>
    <t>cg27567922</t>
  </si>
  <si>
    <t>cg27570892</t>
  </si>
  <si>
    <t>cg27571405</t>
  </si>
  <si>
    <t>cg27573935</t>
  </si>
  <si>
    <t>cg27574595</t>
  </si>
  <si>
    <t>cg27575501</t>
  </si>
  <si>
    <t>cg27576434</t>
  </si>
  <si>
    <t>cg27583169</t>
  </si>
  <si>
    <t>cg27586588</t>
  </si>
  <si>
    <t>cg27588384</t>
  </si>
  <si>
    <t>cg27589809</t>
  </si>
  <si>
    <t>cg27591870</t>
  </si>
  <si>
    <t>cg27604416</t>
  </si>
  <si>
    <t>cg27606607</t>
  </si>
  <si>
    <t>cg27607520</t>
  </si>
  <si>
    <t>cg27614038</t>
  </si>
  <si>
    <t>cg27616378</t>
  </si>
  <si>
    <t>cg27621721</t>
  </si>
  <si>
    <t>cg27621925</t>
  </si>
  <si>
    <t>cg27622679</t>
  </si>
  <si>
    <t>cg27639142</t>
  </si>
  <si>
    <t>cg27640348</t>
  </si>
  <si>
    <t>cg27658031</t>
  </si>
  <si>
    <t>ch.3.90857F</t>
  </si>
  <si>
    <t>ch.3.13151741F</t>
  </si>
  <si>
    <t>ch.3.19571190R</t>
  </si>
  <si>
    <t>ch.3.22673962R</t>
  </si>
  <si>
    <t>ch.3.30723819R</t>
  </si>
  <si>
    <t>ch.3.32825806F</t>
  </si>
  <si>
    <t>ch.3.33893856R</t>
  </si>
  <si>
    <t>ch.3.35408643R</t>
  </si>
  <si>
    <t>ch.3.38006391R</t>
  </si>
  <si>
    <t>ch.3.39794766R</t>
  </si>
  <si>
    <t>ch.3.43988081F</t>
  </si>
  <si>
    <t>ch.3.948191R</t>
  </si>
  <si>
    <t>ch.3.46171638R</t>
  </si>
  <si>
    <t>ch.3.1021608R</t>
  </si>
  <si>
    <t>ch.3.1045756F</t>
  </si>
  <si>
    <t>ch.3.1083063F</t>
  </si>
  <si>
    <t>ch.3.1121988R</t>
  </si>
  <si>
    <t>ch.3.1132748F</t>
  </si>
  <si>
    <t>ch.3.52262431R</t>
  </si>
  <si>
    <t>ch.3.54000268R</t>
  </si>
  <si>
    <t>ch.3.1455028R</t>
  </si>
  <si>
    <t>ch.3.72725365F</t>
  </si>
  <si>
    <t>ch.3.72737075R</t>
  </si>
  <si>
    <t>ch.3.2787532R</t>
  </si>
  <si>
    <t>ch.3.2883011F</t>
  </si>
  <si>
    <t>ch.3.3439883F</t>
  </si>
  <si>
    <t>cg00002490</t>
  </si>
  <si>
    <t>cg00003091</t>
  </si>
  <si>
    <t>cg00007239</t>
  </si>
  <si>
    <t>cg00010992</t>
  </si>
  <si>
    <t>cg00011460</t>
  </si>
  <si>
    <t>cg00015770</t>
  </si>
  <si>
    <t>cg00019301</t>
  </si>
  <si>
    <t>cg00019826</t>
  </si>
  <si>
    <t>cg00026290</t>
  </si>
  <si>
    <t>cg00028232</t>
  </si>
  <si>
    <t>cg00032805</t>
  </si>
  <si>
    <t>cg00035889</t>
  </si>
  <si>
    <t>cg00035945</t>
  </si>
  <si>
    <t>cg00036664</t>
  </si>
  <si>
    <t>cg00040008</t>
  </si>
  <si>
    <t>cg00053393</t>
  </si>
  <si>
    <t>cg00060484</t>
  </si>
  <si>
    <t>cg00063357</t>
  </si>
  <si>
    <t>cg00068810</t>
  </si>
  <si>
    <t>cg00068909</t>
  </si>
  <si>
    <t>cg00070383</t>
  </si>
  <si>
    <t>cg00070460</t>
  </si>
  <si>
    <t>cg00071950</t>
  </si>
  <si>
    <t>cg00075634</t>
  </si>
  <si>
    <t>cg00080333</t>
  </si>
  <si>
    <t>cg00084184</t>
  </si>
  <si>
    <t>cg00087098</t>
  </si>
  <si>
    <t>cg00090731</t>
  </si>
  <si>
    <t>cg00092309</t>
  </si>
  <si>
    <t>cg00093890</t>
  </si>
  <si>
    <t>cg00096536</t>
  </si>
  <si>
    <t>cg00097088</t>
  </si>
  <si>
    <t>cg00107632</t>
  </si>
  <si>
    <t>cg00119279</t>
  </si>
  <si>
    <t>cg00124213</t>
  </si>
  <si>
    <t>cg00125406</t>
  </si>
  <si>
    <t>cg00126148</t>
  </si>
  <si>
    <t>cg00130165</t>
  </si>
  <si>
    <t>cg00130393</t>
  </si>
  <si>
    <t>cg00144335</t>
  </si>
  <si>
    <t>cg00145849</t>
  </si>
  <si>
    <t>cg00146676</t>
  </si>
  <si>
    <t>cg00148286</t>
  </si>
  <si>
    <t>cg00148825</t>
  </si>
  <si>
    <t>cg00150882</t>
  </si>
  <si>
    <t>cg00151271</t>
  </si>
  <si>
    <t>cg00160902</t>
  </si>
  <si>
    <t>cg00162104</t>
  </si>
  <si>
    <t>cg00162344</t>
  </si>
  <si>
    <t>cg00163668</t>
  </si>
  <si>
    <t>cg00166352</t>
  </si>
  <si>
    <t>cg00170487</t>
  </si>
  <si>
    <t>cg00177468</t>
  </si>
  <si>
    <t>cg00179787</t>
  </si>
  <si>
    <t>cg00183107</t>
  </si>
  <si>
    <t>cg00183886</t>
  </si>
  <si>
    <t>cg00187229</t>
  </si>
  <si>
    <t>cg00187414</t>
  </si>
  <si>
    <t>cg00188315</t>
  </si>
  <si>
    <t>cg00193021</t>
  </si>
  <si>
    <t>cg00206356</t>
  </si>
  <si>
    <t>cg00208504</t>
  </si>
  <si>
    <t>cg00213119</t>
  </si>
  <si>
    <t>cg00217225</t>
  </si>
  <si>
    <t>cg00224083</t>
  </si>
  <si>
    <t>cg00225765</t>
  </si>
  <si>
    <t>cg00226822</t>
  </si>
  <si>
    <t>cg00230271</t>
  </si>
  <si>
    <t>cg00231728</t>
  </si>
  <si>
    <t>cg00231918</t>
  </si>
  <si>
    <t>cg00235336</t>
  </si>
  <si>
    <t>cg00236919</t>
  </si>
  <si>
    <t>cg00244517</t>
  </si>
  <si>
    <t>cg00247629</t>
  </si>
  <si>
    <t>cg00248574</t>
  </si>
  <si>
    <t>cg00250123</t>
  </si>
  <si>
    <t>cg00252095</t>
  </si>
  <si>
    <t>cg00252616</t>
  </si>
  <si>
    <t>cg00256873</t>
  </si>
  <si>
    <t>cg00257303</t>
  </si>
  <si>
    <t>cg00257712</t>
  </si>
  <si>
    <t>cg00258409</t>
  </si>
  <si>
    <t>cg00262159</t>
  </si>
  <si>
    <t>cg00267751</t>
  </si>
  <si>
    <t>cg00268009</t>
  </si>
  <si>
    <t>cg00288763</t>
  </si>
  <si>
    <t>cg00292290</t>
  </si>
  <si>
    <t>cg00292701</t>
  </si>
  <si>
    <t>cg00296291</t>
  </si>
  <si>
    <t>cg00301879</t>
  </si>
  <si>
    <t>cg00302793</t>
  </si>
  <si>
    <t>cg00302979</t>
  </si>
  <si>
    <t>cg00307066</t>
  </si>
  <si>
    <t>cg00308458</t>
  </si>
  <si>
    <t>cg00312921</t>
  </si>
  <si>
    <t>cg00317648</t>
  </si>
  <si>
    <t>cg00319655</t>
  </si>
  <si>
    <t>cg00321931</t>
  </si>
  <si>
    <t>cg00322262</t>
  </si>
  <si>
    <t>cg00330059</t>
  </si>
  <si>
    <t>cg00332153</t>
  </si>
  <si>
    <t>cg00338519</t>
  </si>
  <si>
    <t>cg00339682</t>
  </si>
  <si>
    <t>cg00344372</t>
  </si>
  <si>
    <t>cg00356499</t>
  </si>
  <si>
    <t>cg00357610</t>
  </si>
  <si>
    <t>cg00368055</t>
  </si>
  <si>
    <t>cg00372249</t>
  </si>
  <si>
    <t>cg00372278</t>
  </si>
  <si>
    <t>cg00373455</t>
  </si>
  <si>
    <t>cg00375964</t>
  </si>
  <si>
    <t>cg00378228</t>
  </si>
  <si>
    <t>cg00379467</t>
  </si>
  <si>
    <t>cg00381131</t>
  </si>
  <si>
    <t>cg00387357</t>
  </si>
  <si>
    <t>cg00387964</t>
  </si>
  <si>
    <t>cg00392156</t>
  </si>
  <si>
    <t>cg00393373</t>
  </si>
  <si>
    <t>cg00393407</t>
  </si>
  <si>
    <t>cg00398048</t>
  </si>
  <si>
    <t>cg00404717</t>
  </si>
  <si>
    <t>cg00412094</t>
  </si>
  <si>
    <t>cg00414689</t>
  </si>
  <si>
    <t>cg00415978</t>
  </si>
  <si>
    <t>cg00417071</t>
  </si>
  <si>
    <t>cg00418511</t>
  </si>
  <si>
    <t>cg00420354</t>
  </si>
  <si>
    <t>cg00422347</t>
  </si>
  <si>
    <t>cg00426517</t>
  </si>
  <si>
    <t>cg00429513</t>
  </si>
  <si>
    <t>cg00433050</t>
  </si>
  <si>
    <t>cg00443094</t>
  </si>
  <si>
    <t>cg00443971</t>
  </si>
  <si>
    <t>cg00447376</t>
  </si>
  <si>
    <t>cg00462007</t>
  </si>
  <si>
    <t>cg00466839</t>
  </si>
  <si>
    <t>cg00469541</t>
  </si>
  <si>
    <t>cg00472292</t>
  </si>
  <si>
    <t>cg00486340</t>
  </si>
  <si>
    <t>cg00488718</t>
  </si>
  <si>
    <t>cg00493422</t>
  </si>
  <si>
    <t>cg00495574</t>
  </si>
  <si>
    <t>cg00497219</t>
  </si>
  <si>
    <t>cg00508526</t>
  </si>
  <si>
    <t>cg00511464</t>
  </si>
  <si>
    <t>cg00512031</t>
  </si>
  <si>
    <t>cg00519884</t>
  </si>
  <si>
    <t>cg00543944</t>
  </si>
  <si>
    <t>cg00547103</t>
  </si>
  <si>
    <t>cg00548467</t>
  </si>
  <si>
    <t>cg00554437</t>
  </si>
  <si>
    <t>cg00557872</t>
  </si>
  <si>
    <t>cg00562118</t>
  </si>
  <si>
    <t>cg00563107</t>
  </si>
  <si>
    <t>cg00565658</t>
  </si>
  <si>
    <t>cg00570362</t>
  </si>
  <si>
    <t>cg00575672</t>
  </si>
  <si>
    <t>cg00594011</t>
  </si>
  <si>
    <t>cg00597801</t>
  </si>
  <si>
    <t>cg00598235</t>
  </si>
  <si>
    <t>cg00599266</t>
  </si>
  <si>
    <t>cg00599280</t>
  </si>
  <si>
    <t>cg00600024</t>
  </si>
  <si>
    <t>cg00612467</t>
  </si>
  <si>
    <t>cg00614081</t>
  </si>
  <si>
    <t>cg00622677</t>
  </si>
  <si>
    <t>cg00625939</t>
  </si>
  <si>
    <t>cg00629217</t>
  </si>
  <si>
    <t>cg00632792</t>
  </si>
  <si>
    <t>cg00633520</t>
  </si>
  <si>
    <t>cg00642501</t>
  </si>
  <si>
    <t>cg00651923</t>
  </si>
  <si>
    <t>cg00654816</t>
  </si>
  <si>
    <t>cg00660105</t>
  </si>
  <si>
    <t>cg00667841</t>
  </si>
  <si>
    <t>cg00679383</t>
  </si>
  <si>
    <t>cg00679960</t>
  </si>
  <si>
    <t>cg00686694</t>
  </si>
  <si>
    <t>cg00688421</t>
  </si>
  <si>
    <t>cg00688620</t>
  </si>
  <si>
    <t>cg00689360</t>
  </si>
  <si>
    <t>cg00689492</t>
  </si>
  <si>
    <t>cg00692611</t>
  </si>
  <si>
    <t>cg00699219</t>
  </si>
  <si>
    <t>cg00699238</t>
  </si>
  <si>
    <t>cg00699947</t>
  </si>
  <si>
    <t>cg00703822</t>
  </si>
  <si>
    <t>cg00704873</t>
  </si>
  <si>
    <t>cg00705808</t>
  </si>
  <si>
    <t>cg00713278</t>
  </si>
  <si>
    <t>cg00720845</t>
  </si>
  <si>
    <t>cg00721603</t>
  </si>
  <si>
    <t>cg00727112</t>
  </si>
  <si>
    <t>cg00730857</t>
  </si>
  <si>
    <t>cg00731886</t>
  </si>
  <si>
    <t>cg00732166</t>
  </si>
  <si>
    <t>cg00732432</t>
  </si>
  <si>
    <t>cg00737514</t>
  </si>
  <si>
    <t>cg00737846</t>
  </si>
  <si>
    <t>cg00741986</t>
  </si>
  <si>
    <t>cg00748821</t>
  </si>
  <si>
    <t>cg00749498</t>
  </si>
  <si>
    <t>cg00752195</t>
  </si>
  <si>
    <t>cg00752263</t>
  </si>
  <si>
    <t>cg00753676</t>
  </si>
  <si>
    <t>cg00760935</t>
  </si>
  <si>
    <t>cg00770723</t>
  </si>
  <si>
    <t>cg00778930</t>
  </si>
  <si>
    <t>cg00788025</t>
  </si>
  <si>
    <t>cg00790371</t>
  </si>
  <si>
    <t>cg00790535</t>
  </si>
  <si>
    <t>cg00791764</t>
  </si>
  <si>
    <t>cg00798428</t>
  </si>
  <si>
    <t>cg00800634</t>
  </si>
  <si>
    <t>cg00800679</t>
  </si>
  <si>
    <t>cg00802478</t>
  </si>
  <si>
    <t>cg00810483</t>
  </si>
  <si>
    <t>cg00812557</t>
  </si>
  <si>
    <t>cg00812761</t>
  </si>
  <si>
    <t>cg00817189</t>
  </si>
  <si>
    <t>cg00824379</t>
  </si>
  <si>
    <t>cg00829753</t>
  </si>
  <si>
    <t>cg00833989</t>
  </si>
  <si>
    <t>cg00847387</t>
  </si>
  <si>
    <t>cg00849148</t>
  </si>
  <si>
    <t>cg00849943</t>
  </si>
  <si>
    <t>cg00856157</t>
  </si>
  <si>
    <t>cg00861207</t>
  </si>
  <si>
    <t>cg00865429</t>
  </si>
  <si>
    <t>cg00872062</t>
  </si>
  <si>
    <t>cg00872471</t>
  </si>
  <si>
    <t>cg00872683</t>
  </si>
  <si>
    <t>cg00873850</t>
  </si>
  <si>
    <t>cg00876141</t>
  </si>
  <si>
    <t>cg00876501</t>
  </si>
  <si>
    <t>cg00877938</t>
  </si>
  <si>
    <t>cg00882175</t>
  </si>
  <si>
    <t>cg00883123</t>
  </si>
  <si>
    <t>cg00884081</t>
  </si>
  <si>
    <t>cg00885788</t>
  </si>
  <si>
    <t>cg00886909</t>
  </si>
  <si>
    <t>cg00887814</t>
  </si>
  <si>
    <t>cg00890363</t>
  </si>
  <si>
    <t>cg00893343</t>
  </si>
  <si>
    <t>cg00895231</t>
  </si>
  <si>
    <t>cg00899086</t>
  </si>
  <si>
    <t>cg00900226</t>
  </si>
  <si>
    <t>cg00901554</t>
  </si>
  <si>
    <t>cg00901765</t>
  </si>
  <si>
    <t>cg00906147</t>
  </si>
  <si>
    <t>cg00907884</t>
  </si>
  <si>
    <t>cg00917642</t>
  </si>
  <si>
    <t>cg00919567</t>
  </si>
  <si>
    <t>cg00919715</t>
  </si>
  <si>
    <t>cg00922110</t>
  </si>
  <si>
    <t>cg00923860</t>
  </si>
  <si>
    <t>cg00935307</t>
  </si>
  <si>
    <t>cg00937681</t>
  </si>
  <si>
    <t>cg00941912</t>
  </si>
  <si>
    <t>cg00944862</t>
  </si>
  <si>
    <t>cg00949511</t>
  </si>
  <si>
    <t>cg00954382</t>
  </si>
  <si>
    <t>cg00954518</t>
  </si>
  <si>
    <t>cg00958560</t>
  </si>
  <si>
    <t>cg00961252</t>
  </si>
  <si>
    <t>cg00961450</t>
  </si>
  <si>
    <t>cg00964997</t>
  </si>
  <si>
    <t>cg00966522</t>
  </si>
  <si>
    <t>cg00967552</t>
  </si>
  <si>
    <t>cg00969254</t>
  </si>
  <si>
    <t>cg00972950</t>
  </si>
  <si>
    <t>cg00974629</t>
  </si>
  <si>
    <t>cg00974653</t>
  </si>
  <si>
    <t>cg00979348</t>
  </si>
  <si>
    <t>cg00999950</t>
  </si>
  <si>
    <t>cg01001314</t>
  </si>
  <si>
    <t>cg01007345</t>
  </si>
  <si>
    <t>cg01008097</t>
  </si>
  <si>
    <t>cg01008894</t>
  </si>
  <si>
    <t>cg01008941</t>
  </si>
  <si>
    <t>cg01010512</t>
  </si>
  <si>
    <t>cg01012445</t>
  </si>
  <si>
    <t>cg01018492</t>
  </si>
  <si>
    <t>cg01021724</t>
  </si>
  <si>
    <t>cg01022871</t>
  </si>
  <si>
    <t>cg01022951</t>
  </si>
  <si>
    <t>cg01026744</t>
  </si>
  <si>
    <t>cg01027937</t>
  </si>
  <si>
    <t>cg01035160</t>
  </si>
  <si>
    <t>cg01036399</t>
  </si>
  <si>
    <t>cg01041222</t>
  </si>
  <si>
    <t>cg01046961</t>
  </si>
  <si>
    <t>cg01049530</t>
  </si>
  <si>
    <t>cg01052636</t>
  </si>
  <si>
    <t>cg01052699</t>
  </si>
  <si>
    <t>cg01056775</t>
  </si>
  <si>
    <t>cg01061956</t>
  </si>
  <si>
    <t>cg01062651</t>
  </si>
  <si>
    <t>cg01067936</t>
  </si>
  <si>
    <t>cg01081775</t>
  </si>
  <si>
    <t>cg01085866</t>
  </si>
  <si>
    <t>cg01088561</t>
  </si>
  <si>
    <t>cg01091514</t>
  </si>
  <si>
    <t>cg01096266</t>
  </si>
  <si>
    <t>cg01105427</t>
  </si>
  <si>
    <t>cg01106419</t>
  </si>
  <si>
    <t>cg01117572</t>
  </si>
  <si>
    <t>cg01130406</t>
  </si>
  <si>
    <t>cg01132407</t>
  </si>
  <si>
    <t>cg01135648</t>
  </si>
  <si>
    <t>cg01137708</t>
  </si>
  <si>
    <t>cg01141413</t>
  </si>
  <si>
    <t>cg01142579</t>
  </si>
  <si>
    <t>cg01149896</t>
  </si>
  <si>
    <t>cg01152072</t>
  </si>
  <si>
    <t>cg01154775</t>
  </si>
  <si>
    <t>cg01157304</t>
  </si>
  <si>
    <t>cg01157871</t>
  </si>
  <si>
    <t>cg01159601</t>
  </si>
  <si>
    <t>cg01171588</t>
  </si>
  <si>
    <t>cg01171706</t>
  </si>
  <si>
    <t>cg01174264</t>
  </si>
  <si>
    <t>cg01181227</t>
  </si>
  <si>
    <t>cg01184676</t>
  </si>
  <si>
    <t>cg01189011</t>
  </si>
  <si>
    <t>cg01189092</t>
  </si>
  <si>
    <t>cg01189872</t>
  </si>
  <si>
    <t>cg01193403</t>
  </si>
  <si>
    <t>cg01196336</t>
  </si>
  <si>
    <t>cg01198208</t>
  </si>
  <si>
    <t>cg01200256</t>
  </si>
  <si>
    <t>cg01200289</t>
  </si>
  <si>
    <t>cg01202265</t>
  </si>
  <si>
    <t>cg01203614</t>
  </si>
  <si>
    <t>cg01208224</t>
  </si>
  <si>
    <t>cg01210550</t>
  </si>
  <si>
    <t>cg01212965</t>
  </si>
  <si>
    <t>cg01214155</t>
  </si>
  <si>
    <t>cg01215215</t>
  </si>
  <si>
    <t>cg01219000</t>
  </si>
  <si>
    <t>cg01220264</t>
  </si>
  <si>
    <t>cg01220768</t>
  </si>
  <si>
    <t>cg01223512</t>
  </si>
  <si>
    <t>cg01227492</t>
  </si>
  <si>
    <t>cg01228355</t>
  </si>
  <si>
    <t>cg01235387</t>
  </si>
  <si>
    <t>cg01238639</t>
  </si>
  <si>
    <t>cg01242123</t>
  </si>
  <si>
    <t>cg01245787</t>
  </si>
  <si>
    <t>cg01253818</t>
  </si>
  <si>
    <t>cg01254575</t>
  </si>
  <si>
    <t>cg01254991</t>
  </si>
  <si>
    <t>cg01256270</t>
  </si>
  <si>
    <t>cg01258200</t>
  </si>
  <si>
    <t>cg01263075</t>
  </si>
  <si>
    <t>cg01278041</t>
  </si>
  <si>
    <t>cg01283202</t>
  </si>
  <si>
    <t>cg01285706</t>
  </si>
  <si>
    <t>cg01290904</t>
  </si>
  <si>
    <t>cg01300684</t>
  </si>
  <si>
    <t>cg01300700</t>
  </si>
  <si>
    <t>cg01304710</t>
  </si>
  <si>
    <t>cg01304890</t>
  </si>
  <si>
    <t>cg01305547</t>
  </si>
  <si>
    <t>cg01305830</t>
  </si>
  <si>
    <t>cg01306662</t>
  </si>
  <si>
    <t>cg01314597</t>
  </si>
  <si>
    <t>cg01314834</t>
  </si>
  <si>
    <t>cg01321174</t>
  </si>
  <si>
    <t>cg01321419</t>
  </si>
  <si>
    <t>cg01322400</t>
  </si>
  <si>
    <t>cg01324212</t>
  </si>
  <si>
    <t>cg01326610</t>
  </si>
  <si>
    <t>cg01333350</t>
  </si>
  <si>
    <t>cg01335372</t>
  </si>
  <si>
    <t>cg01340163</t>
  </si>
  <si>
    <t>cg01342746</t>
  </si>
  <si>
    <t>cg01345055</t>
  </si>
  <si>
    <t>cg01347682</t>
  </si>
  <si>
    <t>cg01348570</t>
  </si>
  <si>
    <t>cg01352688</t>
  </si>
  <si>
    <t>cg01353064</t>
  </si>
  <si>
    <t>cg01354411</t>
  </si>
  <si>
    <t>cg01355875</t>
  </si>
  <si>
    <t>cg01357116</t>
  </si>
  <si>
    <t>cg01360720</t>
  </si>
  <si>
    <t>cg01369033</t>
  </si>
  <si>
    <t>cg01371072</t>
  </si>
  <si>
    <t>cg01374918</t>
  </si>
  <si>
    <t>cg01379317</t>
  </si>
  <si>
    <t>cg01381617</t>
  </si>
  <si>
    <t>cg01394167</t>
  </si>
  <si>
    <t>cg01397763</t>
  </si>
  <si>
    <t>cg01401344</t>
  </si>
  <si>
    <t>cg01401762</t>
  </si>
  <si>
    <t>cg01403339</t>
  </si>
  <si>
    <t>cg01408654</t>
  </si>
  <si>
    <t>cg01410531</t>
  </si>
  <si>
    <t>cg01412011</t>
  </si>
  <si>
    <t>cg01416712</t>
  </si>
  <si>
    <t>cg01418124</t>
  </si>
  <si>
    <t>cg01419539</t>
  </si>
  <si>
    <t>cg01420589</t>
  </si>
  <si>
    <t>cg01420931</t>
  </si>
  <si>
    <t>cg01434783</t>
  </si>
  <si>
    <t>cg01437235</t>
  </si>
  <si>
    <t>cg01440841</t>
  </si>
  <si>
    <t>cg01441014</t>
  </si>
  <si>
    <t>cg01441113</t>
  </si>
  <si>
    <t>cg01442064</t>
  </si>
  <si>
    <t>cg01442104</t>
  </si>
  <si>
    <t>cg01442334</t>
  </si>
  <si>
    <t>cg01447185</t>
  </si>
  <si>
    <t>cg01449224</t>
  </si>
  <si>
    <t>cg01454430</t>
  </si>
  <si>
    <t>cg01455828</t>
  </si>
  <si>
    <t>cg01456640</t>
  </si>
  <si>
    <t>cg01458504</t>
  </si>
  <si>
    <t>cg01458961</t>
  </si>
  <si>
    <t>cg01460991</t>
  </si>
  <si>
    <t>cg01462829</t>
  </si>
  <si>
    <t>cg01465102</t>
  </si>
  <si>
    <t>cg01469823</t>
  </si>
  <si>
    <t>cg01471384</t>
  </si>
  <si>
    <t>cg01472375</t>
  </si>
  <si>
    <t>cg01473942</t>
  </si>
  <si>
    <t>cg01492523</t>
  </si>
  <si>
    <t>cg01493016</t>
  </si>
  <si>
    <t>cg01496203</t>
  </si>
  <si>
    <t>cg01503065</t>
  </si>
  <si>
    <t>cg01504248</t>
  </si>
  <si>
    <t>cg01506678</t>
  </si>
  <si>
    <t>cg01509451</t>
  </si>
  <si>
    <t>cg01512721</t>
  </si>
  <si>
    <t>cg01515239</t>
  </si>
  <si>
    <t>cg01519742</t>
  </si>
  <si>
    <t>cg01520956</t>
  </si>
  <si>
    <t>cg01523860</t>
  </si>
  <si>
    <t>cg01526177</t>
  </si>
  <si>
    <t>cg01532230</t>
  </si>
  <si>
    <t>cg01534608</t>
  </si>
  <si>
    <t>cg01539483</t>
  </si>
  <si>
    <t>cg01542143</t>
  </si>
  <si>
    <t>cg01546047</t>
  </si>
  <si>
    <t>cg01550909</t>
  </si>
  <si>
    <t>cg01553866</t>
  </si>
  <si>
    <t>cg01566213</t>
  </si>
  <si>
    <t>cg01566965</t>
  </si>
  <si>
    <t>cg01567672</t>
  </si>
  <si>
    <t>cg01575392</t>
  </si>
  <si>
    <t>cg01580681</t>
  </si>
  <si>
    <t>cg01585180</t>
  </si>
  <si>
    <t>cg01586851</t>
  </si>
  <si>
    <t>cg01592387</t>
  </si>
  <si>
    <t>cg01594125</t>
  </si>
  <si>
    <t>cg01595178</t>
  </si>
  <si>
    <t>cg01595640</t>
  </si>
  <si>
    <t>cg01601573</t>
  </si>
  <si>
    <t>cg01606085</t>
  </si>
  <si>
    <t>cg01607468</t>
  </si>
  <si>
    <t>cg01609081</t>
  </si>
  <si>
    <t>cg01610838</t>
  </si>
  <si>
    <t>cg01610979</t>
  </si>
  <si>
    <t>cg01612003</t>
  </si>
  <si>
    <t>cg01612660</t>
  </si>
  <si>
    <t>cg01618829</t>
  </si>
  <si>
    <t>cg01623050</t>
  </si>
  <si>
    <t>cg01634057</t>
  </si>
  <si>
    <t>cg01634386</t>
  </si>
  <si>
    <t>cg01635878</t>
  </si>
  <si>
    <t>cg01638188</t>
  </si>
  <si>
    <t>cg01640456</t>
  </si>
  <si>
    <t>cg01649867</t>
  </si>
  <si>
    <t>cg01654582</t>
  </si>
  <si>
    <t>cg01661567</t>
  </si>
  <si>
    <t>cg01664241</t>
  </si>
  <si>
    <t>cg01673240</t>
  </si>
  <si>
    <t>cg01674130</t>
  </si>
  <si>
    <t>cg01674147</t>
  </si>
  <si>
    <t>cg01681072</t>
  </si>
  <si>
    <t>cg01683270</t>
  </si>
  <si>
    <t>cg01683986</t>
  </si>
  <si>
    <t>cg01685883</t>
  </si>
  <si>
    <t>cg01699584</t>
  </si>
  <si>
    <t>cg01704534</t>
  </si>
  <si>
    <t>cg01708636</t>
  </si>
  <si>
    <t>cg01709975</t>
  </si>
  <si>
    <t>cg01710358</t>
  </si>
  <si>
    <t>cg01710886</t>
  </si>
  <si>
    <t>cg01718222</t>
  </si>
  <si>
    <t>cg01718739</t>
  </si>
  <si>
    <t>cg01723464</t>
  </si>
  <si>
    <t>cg01725318</t>
  </si>
  <si>
    <t>cg01728507</t>
  </si>
  <si>
    <t>cg01733638</t>
  </si>
  <si>
    <t>cg01737906</t>
  </si>
  <si>
    <t>cg01749792</t>
  </si>
  <si>
    <t>cg01751337</t>
  </si>
  <si>
    <t>cg01751800</t>
  </si>
  <si>
    <t>cg01758805</t>
  </si>
  <si>
    <t>cg01777812</t>
  </si>
  <si>
    <t>cg01778701</t>
  </si>
  <si>
    <t>cg01783015</t>
  </si>
  <si>
    <t>cg01783151</t>
  </si>
  <si>
    <t>cg01784327</t>
  </si>
  <si>
    <t>cg01787559</t>
  </si>
  <si>
    <t>cg01788029</t>
  </si>
  <si>
    <t>cg01789499</t>
  </si>
  <si>
    <t>cg01802453</t>
  </si>
  <si>
    <t>cg01802653</t>
  </si>
  <si>
    <t>cg01802687</t>
  </si>
  <si>
    <t>cg01816633</t>
  </si>
  <si>
    <t>cg01819568</t>
  </si>
  <si>
    <t>cg01821854</t>
  </si>
  <si>
    <t>cg01829407</t>
  </si>
  <si>
    <t>cg01850230</t>
  </si>
  <si>
    <t>cg01850798</t>
  </si>
  <si>
    <t>cg01852585</t>
  </si>
  <si>
    <t>cg01853541</t>
  </si>
  <si>
    <t>cg01854076</t>
  </si>
  <si>
    <t>cg01854459</t>
  </si>
  <si>
    <t>cg01855760</t>
  </si>
  <si>
    <t>cg01868379</t>
  </si>
  <si>
    <t>cg01870330</t>
  </si>
  <si>
    <t>cg01874672</t>
  </si>
  <si>
    <t>cg01877606</t>
  </si>
  <si>
    <t>cg01881046</t>
  </si>
  <si>
    <t>cg01881442</t>
  </si>
  <si>
    <t>cg01881828</t>
  </si>
  <si>
    <t>cg01882541</t>
  </si>
  <si>
    <t>cg01886556</t>
  </si>
  <si>
    <t>cg01896579</t>
  </si>
  <si>
    <t>cg01897562</t>
  </si>
  <si>
    <t>cg01899937</t>
  </si>
  <si>
    <t>cg01901089</t>
  </si>
  <si>
    <t>cg01902355</t>
  </si>
  <si>
    <t>cg01915895</t>
  </si>
  <si>
    <t>cg01916421</t>
  </si>
  <si>
    <t>cg01918487</t>
  </si>
  <si>
    <t>cg01919885</t>
  </si>
  <si>
    <t>cg01924435</t>
  </si>
  <si>
    <t>cg01926348</t>
  </si>
  <si>
    <t>cg01933318</t>
  </si>
  <si>
    <t>cg01936091</t>
  </si>
  <si>
    <t>cg01939195</t>
  </si>
  <si>
    <t>cg01940437</t>
  </si>
  <si>
    <t>cg01941671</t>
  </si>
  <si>
    <t>cg01942226</t>
  </si>
  <si>
    <t>cg01943185</t>
  </si>
  <si>
    <t>cg01945624</t>
  </si>
  <si>
    <t>cg01945816</t>
  </si>
  <si>
    <t>cg01954188</t>
  </si>
  <si>
    <t>cg01961956</t>
  </si>
  <si>
    <t>cg01962650</t>
  </si>
  <si>
    <t>cg01968759</t>
  </si>
  <si>
    <t>cg01969796</t>
  </si>
  <si>
    <t>cg01978746</t>
  </si>
  <si>
    <t>cg01983105</t>
  </si>
  <si>
    <t>cg01986205</t>
  </si>
  <si>
    <t>cg01997878</t>
  </si>
  <si>
    <t>cg01998801</t>
  </si>
  <si>
    <t>cg02008770</t>
  </si>
  <si>
    <t>cg02010524</t>
  </si>
  <si>
    <t>cg02014217</t>
  </si>
  <si>
    <t>cg02026013</t>
  </si>
  <si>
    <t>cg02026377</t>
  </si>
  <si>
    <t>cg02026770</t>
  </si>
  <si>
    <t>cg02029926</t>
  </si>
  <si>
    <t>cg02032558</t>
  </si>
  <si>
    <t>cg02057386</t>
  </si>
  <si>
    <t>cg02057501</t>
  </si>
  <si>
    <t>cg02057943</t>
  </si>
  <si>
    <t>cg02062230</t>
  </si>
  <si>
    <t>cg02070118</t>
  </si>
  <si>
    <t>cg02071076</t>
  </si>
  <si>
    <t>cg02084403</t>
  </si>
  <si>
    <t>cg02089348</t>
  </si>
  <si>
    <t>cg02092882</t>
  </si>
  <si>
    <t>cg02093808</t>
  </si>
  <si>
    <t>cg02096793</t>
  </si>
  <si>
    <t>cg02100008</t>
  </si>
  <si>
    <t>cg02104700</t>
  </si>
  <si>
    <t>cg02106223</t>
  </si>
  <si>
    <t>cg02117721</t>
  </si>
  <si>
    <t>cg02130453</t>
  </si>
  <si>
    <t>cg02130555</t>
  </si>
  <si>
    <t>cg02132458</t>
  </si>
  <si>
    <t>cg02133849</t>
  </si>
  <si>
    <t>cg02137691</t>
  </si>
  <si>
    <t>cg02140579</t>
  </si>
  <si>
    <t>cg02148270</t>
  </si>
  <si>
    <t>cg02149376</t>
  </si>
  <si>
    <t>cg02155262</t>
  </si>
  <si>
    <t>cg02163322</t>
  </si>
  <si>
    <t>cg02170478</t>
  </si>
  <si>
    <t>cg02175873</t>
  </si>
  <si>
    <t>cg02178081</t>
  </si>
  <si>
    <t>cg02182354</t>
  </si>
  <si>
    <t>cg02182571</t>
  </si>
  <si>
    <t>cg02192528</t>
  </si>
  <si>
    <t>cg02196227</t>
  </si>
  <si>
    <t>cg02197330</t>
  </si>
  <si>
    <t>cg02200584</t>
  </si>
  <si>
    <t>cg02201012</t>
  </si>
  <si>
    <t>cg02205221</t>
  </si>
  <si>
    <t>cg02234043</t>
  </si>
  <si>
    <t>cg02239163</t>
  </si>
  <si>
    <t>cg02241358</t>
  </si>
  <si>
    <t>cg02245119</t>
  </si>
  <si>
    <t>cg02251799</t>
  </si>
  <si>
    <t>cg02257884</t>
  </si>
  <si>
    <t>cg02261696</t>
  </si>
  <si>
    <t>cg02262221</t>
  </si>
  <si>
    <t>cg02267488</t>
  </si>
  <si>
    <t>cg02272859</t>
  </si>
  <si>
    <t>cg02286715</t>
  </si>
  <si>
    <t>cg02289038</t>
  </si>
  <si>
    <t>cg02296478</t>
  </si>
  <si>
    <t>cg02303933</t>
  </si>
  <si>
    <t>cg02307239</t>
  </si>
  <si>
    <t>cg02311456</t>
  </si>
  <si>
    <t>cg02317251</t>
  </si>
  <si>
    <t>cg02324432</t>
  </si>
  <si>
    <t>cg02324529</t>
  </si>
  <si>
    <t>cg02334660</t>
  </si>
  <si>
    <t>cg02336128</t>
  </si>
  <si>
    <t>cg02350740</t>
  </si>
  <si>
    <t>cg02353258</t>
  </si>
  <si>
    <t>cg02357046</t>
  </si>
  <si>
    <t>cg02359511</t>
  </si>
  <si>
    <t>cg02360560</t>
  </si>
  <si>
    <t>cg02364492</t>
  </si>
  <si>
    <t>cg02367167</t>
  </si>
  <si>
    <t>cg02373784</t>
  </si>
  <si>
    <t>cg02379856</t>
  </si>
  <si>
    <t>cg02381898</t>
  </si>
  <si>
    <t>cg02382073</t>
  </si>
  <si>
    <t>cg02384251</t>
  </si>
  <si>
    <t>cg02387843</t>
  </si>
  <si>
    <t>cg02393156</t>
  </si>
  <si>
    <t>cg02401554</t>
  </si>
  <si>
    <t>cg02406484</t>
  </si>
  <si>
    <t>cg02413100</t>
  </si>
  <si>
    <t>cg02419901</t>
  </si>
  <si>
    <t>cg02425729</t>
  </si>
  <si>
    <t>cg02426410</t>
  </si>
  <si>
    <t>cg02430305</t>
  </si>
  <si>
    <t>cg02434836</t>
  </si>
  <si>
    <t>cg02441747</t>
  </si>
  <si>
    <t>cg02458396</t>
  </si>
  <si>
    <t>cg02466113</t>
  </si>
  <si>
    <t>cg02467765</t>
  </si>
  <si>
    <t>cg02471028</t>
  </si>
  <si>
    <t>cg02481294</t>
  </si>
  <si>
    <t>cg02481307</t>
  </si>
  <si>
    <t>cg02482946</t>
  </si>
  <si>
    <t>cg02489958</t>
  </si>
  <si>
    <t>cg02491802</t>
  </si>
  <si>
    <t>cg02493486</t>
  </si>
  <si>
    <t>cg02494368</t>
  </si>
  <si>
    <t>cg02500042</t>
  </si>
  <si>
    <t>cg02511320</t>
  </si>
  <si>
    <t>cg02512764</t>
  </si>
  <si>
    <t>cg02512878</t>
  </si>
  <si>
    <t>cg02514022</t>
  </si>
  <si>
    <t>cg02515725</t>
  </si>
  <si>
    <t>cg02519806</t>
  </si>
  <si>
    <t>cg02521641</t>
  </si>
  <si>
    <t>cg02523617</t>
  </si>
  <si>
    <t>cg02524475</t>
  </si>
  <si>
    <t>cg02525719</t>
  </si>
  <si>
    <t>cg02525826</t>
  </si>
  <si>
    <t>cg02526417</t>
  </si>
  <si>
    <t>cg02530336</t>
  </si>
  <si>
    <t>cg02530824</t>
  </si>
  <si>
    <t>cg02532293</t>
  </si>
  <si>
    <t>cg02538089</t>
  </si>
  <si>
    <t>cg02540307</t>
  </si>
  <si>
    <t>cg02545222</t>
  </si>
  <si>
    <t>cg02547426</t>
  </si>
  <si>
    <t>cg02549314</t>
  </si>
  <si>
    <t>cg02553486</t>
  </si>
  <si>
    <t>cg02554315</t>
  </si>
  <si>
    <t>cg02559915</t>
  </si>
  <si>
    <t>cg02564761</t>
  </si>
  <si>
    <t>cg02568902</t>
  </si>
  <si>
    <t>cg02576938</t>
  </si>
  <si>
    <t>cg02577436</t>
  </si>
  <si>
    <t>cg02580005</t>
  </si>
  <si>
    <t>cg02582973</t>
  </si>
  <si>
    <t>cg02582997</t>
  </si>
  <si>
    <t>cg02589501</t>
  </si>
  <si>
    <t>cg02596645</t>
  </si>
  <si>
    <t>cg02600394</t>
  </si>
  <si>
    <t>cg02602915</t>
  </si>
  <si>
    <t>cg02607330</t>
  </si>
  <si>
    <t>cg02613917</t>
  </si>
  <si>
    <t>cg02621694</t>
  </si>
  <si>
    <t>cg02622782</t>
  </si>
  <si>
    <t>cg02628823</t>
  </si>
  <si>
    <t>cg02628902</t>
  </si>
  <si>
    <t>cg02633148</t>
  </si>
  <si>
    <t>cg02635407</t>
  </si>
  <si>
    <t>cg02640260</t>
  </si>
  <si>
    <t>cg02645970</t>
  </si>
  <si>
    <t>cg02650728</t>
  </si>
  <si>
    <t>cg02650964</t>
  </si>
  <si>
    <t>cg02653612</t>
  </si>
  <si>
    <t>cg02656792</t>
  </si>
  <si>
    <t>cg02659117</t>
  </si>
  <si>
    <t>cg02666901</t>
  </si>
  <si>
    <t>cg02673944</t>
  </si>
  <si>
    <t>cg02680341</t>
  </si>
  <si>
    <t>cg02682050</t>
  </si>
  <si>
    <t>cg02687786</t>
  </si>
  <si>
    <t>cg02688643</t>
  </si>
  <si>
    <t>cg02693127</t>
  </si>
  <si>
    <t>cg02708003</t>
  </si>
  <si>
    <t>cg02708121</t>
  </si>
  <si>
    <t>cg02715115</t>
  </si>
  <si>
    <t>cg02719154</t>
  </si>
  <si>
    <t>cg02722188</t>
  </si>
  <si>
    <t>cg02723068</t>
  </si>
  <si>
    <t>cg02725013</t>
  </si>
  <si>
    <t>cg02725795</t>
  </si>
  <si>
    <t>cg02735486</t>
  </si>
  <si>
    <t>cg02738272</t>
  </si>
  <si>
    <t>cg02741554</t>
  </si>
  <si>
    <t>cg02745683</t>
  </si>
  <si>
    <t>cg02756176</t>
  </si>
  <si>
    <t>cg02757456</t>
  </si>
  <si>
    <t>cg02758628</t>
  </si>
  <si>
    <t>cg02759489</t>
  </si>
  <si>
    <t>cg02766173</t>
  </si>
  <si>
    <t>cg02768101</t>
  </si>
  <si>
    <t>cg02774439</t>
  </si>
  <si>
    <t>cg02778826</t>
  </si>
  <si>
    <t>cg02781618</t>
  </si>
  <si>
    <t>cg02786012</t>
  </si>
  <si>
    <t>cg02790486</t>
  </si>
  <si>
    <t>cg02812207</t>
  </si>
  <si>
    <t>cg02821500</t>
  </si>
  <si>
    <t>cg02822257</t>
  </si>
  <si>
    <t>cg02823293</t>
  </si>
  <si>
    <t>cg02824817</t>
  </si>
  <si>
    <t>cg02826685</t>
  </si>
  <si>
    <t>cg02826844</t>
  </si>
  <si>
    <t>cg02827112</t>
  </si>
  <si>
    <t>cg02832245</t>
  </si>
  <si>
    <t>cg02832697</t>
  </si>
  <si>
    <t>cg02839950</t>
  </si>
  <si>
    <t>cg02853616</t>
  </si>
  <si>
    <t>cg02854179</t>
  </si>
  <si>
    <t>cg02854972</t>
  </si>
  <si>
    <t>cg02857943</t>
  </si>
  <si>
    <t>cg02876258</t>
  </si>
  <si>
    <t>cg02876341</t>
  </si>
  <si>
    <t>cg02876925</t>
  </si>
  <si>
    <t>cg02877152</t>
  </si>
  <si>
    <t>cg02881158</t>
  </si>
  <si>
    <t>cg02882530</t>
  </si>
  <si>
    <t>cg02883621</t>
  </si>
  <si>
    <t>cg02886188</t>
  </si>
  <si>
    <t>cg02886284</t>
  </si>
  <si>
    <t>cg02891522</t>
  </si>
  <si>
    <t>cg02891664</t>
  </si>
  <si>
    <t>cg02891774</t>
  </si>
  <si>
    <t>cg02894109</t>
  </si>
  <si>
    <t>cg02897230</t>
  </si>
  <si>
    <t>cg02901723</t>
  </si>
  <si>
    <t>cg02916809</t>
  </si>
  <si>
    <t>cg02921779</t>
  </si>
  <si>
    <t>cg02931753</t>
  </si>
  <si>
    <t>cg02933639</t>
  </si>
  <si>
    <t>cg02934504</t>
  </si>
  <si>
    <t>cg02934525</t>
  </si>
  <si>
    <t>cg02938414</t>
  </si>
  <si>
    <t>cg02941286</t>
  </si>
  <si>
    <t>cg02942142</t>
  </si>
  <si>
    <t>cg02951847</t>
  </si>
  <si>
    <t>cg02953590</t>
  </si>
  <si>
    <t>cg02954015</t>
  </si>
  <si>
    <t>cg02968741</t>
  </si>
  <si>
    <t>cg02971546</t>
  </si>
  <si>
    <t>cg02971882</t>
  </si>
  <si>
    <t>cg02977710</t>
  </si>
  <si>
    <t>cg02979487</t>
  </si>
  <si>
    <t>cg02980670</t>
  </si>
  <si>
    <t>cg02989600</t>
  </si>
  <si>
    <t>cg02990869</t>
  </si>
  <si>
    <t>cg02992596</t>
  </si>
  <si>
    <t>cg02993699</t>
  </si>
  <si>
    <t>cg02996801</t>
  </si>
  <si>
    <t>cg02997922</t>
  </si>
  <si>
    <t>cg03002428</t>
  </si>
  <si>
    <t>cg03003009</t>
  </si>
  <si>
    <t>cg03005261</t>
  </si>
  <si>
    <t>cg03008339</t>
  </si>
  <si>
    <t>cg03008693</t>
  </si>
  <si>
    <t>cg03008707</t>
  </si>
  <si>
    <t>cg03024478</t>
  </si>
  <si>
    <t>cg03024740</t>
  </si>
  <si>
    <t>cg03025880</t>
  </si>
  <si>
    <t>cg03033111</t>
  </si>
  <si>
    <t>cg03033182</t>
  </si>
  <si>
    <t>cg03033572</t>
  </si>
  <si>
    <t>cg03044435</t>
  </si>
  <si>
    <t>cg03047813</t>
  </si>
  <si>
    <t>cg03063309</t>
  </si>
  <si>
    <t>cg03064914</t>
  </si>
  <si>
    <t>cg03065467</t>
  </si>
  <si>
    <t>cg03084652</t>
  </si>
  <si>
    <t>cg03085491</t>
  </si>
  <si>
    <t>cg03091776</t>
  </si>
  <si>
    <t>cg03095982</t>
  </si>
  <si>
    <t>cg03098159</t>
  </si>
  <si>
    <t>cg03108827</t>
  </si>
  <si>
    <t>cg03113740</t>
  </si>
  <si>
    <t>cg03124231</t>
  </si>
  <si>
    <t>cg03129910</t>
  </si>
  <si>
    <t>cg03133580</t>
  </si>
  <si>
    <t>cg03143395</t>
  </si>
  <si>
    <t>cg03145124</t>
  </si>
  <si>
    <t>cg03147627</t>
  </si>
  <si>
    <t>cg03148140</t>
  </si>
  <si>
    <t>cg03148184</t>
  </si>
  <si>
    <t>cg03148234</t>
  </si>
  <si>
    <t>cg03151540</t>
  </si>
  <si>
    <t>cg03165752</t>
  </si>
  <si>
    <t>cg03166265</t>
  </si>
  <si>
    <t>cg03173807</t>
  </si>
  <si>
    <t>cg03183601</t>
  </si>
  <si>
    <t>cg03189678</t>
  </si>
  <si>
    <t>cg03191998</t>
  </si>
  <si>
    <t>cg03193299</t>
  </si>
  <si>
    <t>cg03196097</t>
  </si>
  <si>
    <t>cg03199651</t>
  </si>
  <si>
    <t>cg03200786</t>
  </si>
  <si>
    <t>cg03202738</t>
  </si>
  <si>
    <t>cg03202804</t>
  </si>
  <si>
    <t>cg03208010</t>
  </si>
  <si>
    <t>cg03209412</t>
  </si>
  <si>
    <t>cg03211828</t>
  </si>
  <si>
    <t>cg03217528</t>
  </si>
  <si>
    <t>cg03233918</t>
  </si>
  <si>
    <t>cg03234123</t>
  </si>
  <si>
    <t>cg03237316</t>
  </si>
  <si>
    <t>cg03237868</t>
  </si>
  <si>
    <t>cg03238216</t>
  </si>
  <si>
    <t>cg03265664</t>
  </si>
  <si>
    <t>cg03265826</t>
  </si>
  <si>
    <t>cg03267220</t>
  </si>
  <si>
    <t>cg03267502</t>
  </si>
  <si>
    <t>cg03271761</t>
  </si>
  <si>
    <t>cg03280063</t>
  </si>
  <si>
    <t>cg03286735</t>
  </si>
  <si>
    <t>cg03297966</t>
  </si>
  <si>
    <t>cg03301671</t>
  </si>
  <si>
    <t>cg03303774</t>
  </si>
  <si>
    <t>cg03310003</t>
  </si>
  <si>
    <t>cg03313895</t>
  </si>
  <si>
    <t>cg03315557</t>
  </si>
  <si>
    <t>cg03321813</t>
  </si>
  <si>
    <t>cg03334213</t>
  </si>
  <si>
    <t>cg03334839</t>
  </si>
  <si>
    <t>cg03336984</t>
  </si>
  <si>
    <t>cg03345976</t>
  </si>
  <si>
    <t>cg03346521</t>
  </si>
  <si>
    <t>cg03347050</t>
  </si>
  <si>
    <t>cg03354519</t>
  </si>
  <si>
    <t>cg03356900</t>
  </si>
  <si>
    <t>cg03358154</t>
  </si>
  <si>
    <t>cg03358982</t>
  </si>
  <si>
    <t>cg03365985</t>
  </si>
  <si>
    <t>cg03369807</t>
  </si>
  <si>
    <t>cg03371306</t>
  </si>
  <si>
    <t>cg03373646</t>
  </si>
  <si>
    <t>cg03375579</t>
  </si>
  <si>
    <t>cg03380964</t>
  </si>
  <si>
    <t>cg03384938</t>
  </si>
  <si>
    <t>cg03395562</t>
  </si>
  <si>
    <t>cg03399598</t>
  </si>
  <si>
    <t>cg03401093</t>
  </si>
  <si>
    <t>cg03404279</t>
  </si>
  <si>
    <t>cg03408271</t>
  </si>
  <si>
    <t>cg03413465</t>
  </si>
  <si>
    <t>cg03419320</t>
  </si>
  <si>
    <t>cg03421014</t>
  </si>
  <si>
    <t>cg03422749</t>
  </si>
  <si>
    <t>cg03423497</t>
  </si>
  <si>
    <t>cg03424213</t>
  </si>
  <si>
    <t>cg03433655</t>
  </si>
  <si>
    <t>cg03441993</t>
  </si>
  <si>
    <t>cg03442951</t>
  </si>
  <si>
    <t>cg03444122</t>
  </si>
  <si>
    <t>cg03446427</t>
  </si>
  <si>
    <t>cg03456560</t>
  </si>
  <si>
    <t>cg03460109</t>
  </si>
  <si>
    <t>cg03463411</t>
  </si>
  <si>
    <t>cg03464689</t>
  </si>
  <si>
    <t>cg03466031</t>
  </si>
  <si>
    <t>cg03467027</t>
  </si>
  <si>
    <t>cg03467809</t>
  </si>
  <si>
    <t>cg03469086</t>
  </si>
  <si>
    <t>cg03469461</t>
  </si>
  <si>
    <t>cg03471893</t>
  </si>
  <si>
    <t>cg03477792</t>
  </si>
  <si>
    <t>cg03480535</t>
  </si>
  <si>
    <t>cg03485217</t>
  </si>
  <si>
    <t>cg03493768</t>
  </si>
  <si>
    <t>cg03500398</t>
  </si>
  <si>
    <t>cg03501075</t>
  </si>
  <si>
    <t>cg03504160</t>
  </si>
  <si>
    <t>cg03504865</t>
  </si>
  <si>
    <t>cg03505125</t>
  </si>
  <si>
    <t>cg03506316</t>
  </si>
  <si>
    <t>cg03508112</t>
  </si>
  <si>
    <t>cg03509106</t>
  </si>
  <si>
    <t>cg03521085</t>
  </si>
  <si>
    <t>cg03527919</t>
  </si>
  <si>
    <t>cg03538934</t>
  </si>
  <si>
    <t>cg03550485</t>
  </si>
  <si>
    <t>cg03553246</t>
  </si>
  <si>
    <t>cg03554174</t>
  </si>
  <si>
    <t>cg03554749</t>
  </si>
  <si>
    <t>cg03557391</t>
  </si>
  <si>
    <t>cg03563667</t>
  </si>
  <si>
    <t>cg03573788</t>
  </si>
  <si>
    <t>cg03575792</t>
  </si>
  <si>
    <t>cg03576854</t>
  </si>
  <si>
    <t>cg03577139</t>
  </si>
  <si>
    <t>cg03577502</t>
  </si>
  <si>
    <t>cg03581621</t>
  </si>
  <si>
    <t>cg03584891</t>
  </si>
  <si>
    <t>cg03585280</t>
  </si>
  <si>
    <t>cg03593419</t>
  </si>
  <si>
    <t>cg03597159</t>
  </si>
  <si>
    <t>cg03604819</t>
  </si>
  <si>
    <t>cg03607115</t>
  </si>
  <si>
    <t>cg03616357</t>
  </si>
  <si>
    <t>cg03629777</t>
  </si>
  <si>
    <t>cg03642513</t>
  </si>
  <si>
    <t>cg03666053</t>
  </si>
  <si>
    <t>cg03667033</t>
  </si>
  <si>
    <t>cg03669782</t>
  </si>
  <si>
    <t>cg03670132</t>
  </si>
  <si>
    <t>cg03670393</t>
  </si>
  <si>
    <t>cg03672274</t>
  </si>
  <si>
    <t>cg03673671</t>
  </si>
  <si>
    <t>cg03673684</t>
  </si>
  <si>
    <t>cg03675082</t>
  </si>
  <si>
    <t>cg03676512</t>
  </si>
  <si>
    <t>cg03683031</t>
  </si>
  <si>
    <t>cg03698980</t>
  </si>
  <si>
    <t>cg03710295</t>
  </si>
  <si>
    <t>cg03710333</t>
  </si>
  <si>
    <t>cg03712476</t>
  </si>
  <si>
    <t>cg03717979</t>
  </si>
  <si>
    <t>cg03719040</t>
  </si>
  <si>
    <t>cg03719694</t>
  </si>
  <si>
    <t>cg03725404</t>
  </si>
  <si>
    <t>cg03726209</t>
  </si>
  <si>
    <t>cg03729292</t>
  </si>
  <si>
    <t>cg03729818</t>
  </si>
  <si>
    <t>cg03732753</t>
  </si>
  <si>
    <t>cg03732759</t>
  </si>
  <si>
    <t>cg03734750</t>
  </si>
  <si>
    <t>cg03736062</t>
  </si>
  <si>
    <t>cg03742238</t>
  </si>
  <si>
    <t>cg03743432</t>
  </si>
  <si>
    <t>cg03744197</t>
  </si>
  <si>
    <t>cg03761979</t>
  </si>
  <si>
    <t>cg03767310</t>
  </si>
  <si>
    <t>cg03771185</t>
  </si>
  <si>
    <t>cg03782453</t>
  </si>
  <si>
    <t>cg03783039</t>
  </si>
  <si>
    <t>cg03785955</t>
  </si>
  <si>
    <t>cg03786424</t>
  </si>
  <si>
    <t>cg03786743</t>
  </si>
  <si>
    <t>cg03787486</t>
  </si>
  <si>
    <t>cg03791579</t>
  </si>
  <si>
    <t>cg03792767</t>
  </si>
  <si>
    <t>cg03797398</t>
  </si>
  <si>
    <t>cg03808462</t>
  </si>
  <si>
    <t>cg03809403</t>
  </si>
  <si>
    <t>cg03813885</t>
  </si>
  <si>
    <t>cg03814389</t>
  </si>
  <si>
    <t>cg03816507</t>
  </si>
  <si>
    <t>cg03817673</t>
  </si>
  <si>
    <t>cg03822639</t>
  </si>
  <si>
    <t>cg03831971</t>
  </si>
  <si>
    <t>cg03835229</t>
  </si>
  <si>
    <t>cg03835669</t>
  </si>
  <si>
    <t>cg03838868</t>
  </si>
  <si>
    <t>cg03840289</t>
  </si>
  <si>
    <t>cg03841832</t>
  </si>
  <si>
    <t>cg03843978</t>
  </si>
  <si>
    <t>cg03847636</t>
  </si>
  <si>
    <t>cg03848857</t>
  </si>
  <si>
    <t>cg03849231</t>
  </si>
  <si>
    <t>cg03850597</t>
  </si>
  <si>
    <t>cg03853253</t>
  </si>
  <si>
    <t>cg03854543</t>
  </si>
  <si>
    <t>cg03860252</t>
  </si>
  <si>
    <t>cg03863591</t>
  </si>
  <si>
    <t>cg03870842</t>
  </si>
  <si>
    <t>cg03870976</t>
  </si>
  <si>
    <t>cg03874978</t>
  </si>
  <si>
    <t>cg03876618</t>
  </si>
  <si>
    <t>cg03877332</t>
  </si>
  <si>
    <t>cg03877364</t>
  </si>
  <si>
    <t>cg03882270</t>
  </si>
  <si>
    <t>cg03889450</t>
  </si>
  <si>
    <t>cg03900446</t>
  </si>
  <si>
    <t>cg03910048</t>
  </si>
  <si>
    <t>cg03915012</t>
  </si>
  <si>
    <t>cg03922834</t>
  </si>
  <si>
    <t>cg03926846</t>
  </si>
  <si>
    <t>cg03931518</t>
  </si>
  <si>
    <t>cg03940064</t>
  </si>
  <si>
    <t>cg03941587</t>
  </si>
  <si>
    <t>cg03943773</t>
  </si>
  <si>
    <t>cg03943887</t>
  </si>
  <si>
    <t>cg03946923</t>
  </si>
  <si>
    <t>cg03955568</t>
  </si>
  <si>
    <t>cg03959472</t>
  </si>
  <si>
    <t>cg03963654</t>
  </si>
  <si>
    <t>cg03971808</t>
  </si>
  <si>
    <t>cg03977443</t>
  </si>
  <si>
    <t>cg03984750</t>
  </si>
  <si>
    <t>cg03984866</t>
  </si>
  <si>
    <t>cg03987648</t>
  </si>
  <si>
    <t>cg03988540</t>
  </si>
  <si>
    <t>cg03990551</t>
  </si>
  <si>
    <t>cg03993213</t>
  </si>
  <si>
    <t>cg03997663</t>
  </si>
  <si>
    <t>cg04003903</t>
  </si>
  <si>
    <t>cg04005707</t>
  </si>
  <si>
    <t>cg04009456</t>
  </si>
  <si>
    <t>cg04012817</t>
  </si>
  <si>
    <t>cg04016957</t>
  </si>
  <si>
    <t>cg04021526</t>
  </si>
  <si>
    <t>cg04022194</t>
  </si>
  <si>
    <t>cg04023369</t>
  </si>
  <si>
    <t>cg04030492</t>
  </si>
  <si>
    <t>cg04031424</t>
  </si>
  <si>
    <t>cg04035209</t>
  </si>
  <si>
    <t>cg04035403</t>
  </si>
  <si>
    <t>cg04040095</t>
  </si>
  <si>
    <t>cg04042828</t>
  </si>
  <si>
    <t>cg04058563</t>
  </si>
  <si>
    <t>cg04058639</t>
  </si>
  <si>
    <t>cg04066115</t>
  </si>
  <si>
    <t>cg04077085</t>
  </si>
  <si>
    <t>cg04078939</t>
  </si>
  <si>
    <t>cg04081326</t>
  </si>
  <si>
    <t>cg04084236</t>
  </si>
  <si>
    <t>cg04085901</t>
  </si>
  <si>
    <t>cg04086012</t>
  </si>
  <si>
    <t>cg04090412</t>
  </si>
  <si>
    <t>cg04098479</t>
  </si>
  <si>
    <t>cg04101194</t>
  </si>
  <si>
    <t>cg04102620</t>
  </si>
  <si>
    <t>cg04103021</t>
  </si>
  <si>
    <t>cg04105342</t>
  </si>
  <si>
    <t>cg04106633</t>
  </si>
  <si>
    <t>cg04107037</t>
  </si>
  <si>
    <t>cg04113154</t>
  </si>
  <si>
    <t>cg04116983</t>
  </si>
  <si>
    <t>cg04125205</t>
  </si>
  <si>
    <t>cg04127765</t>
  </si>
  <si>
    <t>cg04129911</t>
  </si>
  <si>
    <t>cg04130557</t>
  </si>
  <si>
    <t>cg04134731</t>
  </si>
  <si>
    <t>cg04143736</t>
  </si>
  <si>
    <t>cg04145065</t>
  </si>
  <si>
    <t>cg04145890</t>
  </si>
  <si>
    <t>cg04168185</t>
  </si>
  <si>
    <t>cg04177251</t>
  </si>
  <si>
    <t>cg04181032</t>
  </si>
  <si>
    <t>cg04183638</t>
  </si>
  <si>
    <t>cg04184185</t>
  </si>
  <si>
    <t>cg04187668</t>
  </si>
  <si>
    <t>cg04187935</t>
  </si>
  <si>
    <t>cg04195454</t>
  </si>
  <si>
    <t>cg04216936</t>
  </si>
  <si>
    <t>cg04220088</t>
  </si>
  <si>
    <t>cg04226952</t>
  </si>
  <si>
    <t>cg04228021</t>
  </si>
  <si>
    <t>cg04228849</t>
  </si>
  <si>
    <t>cg04229851</t>
  </si>
  <si>
    <t>cg04231042</t>
  </si>
  <si>
    <t>cg04231701</t>
  </si>
  <si>
    <t>cg04235768</t>
  </si>
  <si>
    <t>cg04236901</t>
  </si>
  <si>
    <t>cg04237666</t>
  </si>
  <si>
    <t>cg04242577</t>
  </si>
  <si>
    <t>cg04249586</t>
  </si>
  <si>
    <t>cg04252851</t>
  </si>
  <si>
    <t>cg04254690</t>
  </si>
  <si>
    <t>cg04256888</t>
  </si>
  <si>
    <t>cg04263186</t>
  </si>
  <si>
    <t>cg04264549</t>
  </si>
  <si>
    <t>cg04265971</t>
  </si>
  <si>
    <t>cg04266908</t>
  </si>
  <si>
    <t>cg04275490</t>
  </si>
  <si>
    <t>cg04283838</t>
  </si>
  <si>
    <t>cg04283882</t>
  </si>
  <si>
    <t>cg04284956</t>
  </si>
  <si>
    <t>cg04288299</t>
  </si>
  <si>
    <t>cg04294412</t>
  </si>
  <si>
    <t>cg04300684</t>
  </si>
  <si>
    <t>cg04301614</t>
  </si>
  <si>
    <t>cg04304927</t>
  </si>
  <si>
    <t>cg04307083</t>
  </si>
  <si>
    <t>cg04314790</t>
  </si>
  <si>
    <t>cg04322202</t>
  </si>
  <si>
    <t>cg04332373</t>
  </si>
  <si>
    <t>cg04332454</t>
  </si>
  <si>
    <t>cg04337174</t>
  </si>
  <si>
    <t>cg04337611</t>
  </si>
  <si>
    <t>cg04340567</t>
  </si>
  <si>
    <t>cg04340772</t>
  </si>
  <si>
    <t>cg04343927</t>
  </si>
  <si>
    <t>cg04346530</t>
  </si>
  <si>
    <t>cg04349839</t>
  </si>
  <si>
    <t>cg04353483</t>
  </si>
  <si>
    <t>cg04369018</t>
  </si>
  <si>
    <t>cg04370174</t>
  </si>
  <si>
    <t>cg04371567</t>
  </si>
  <si>
    <t>cg04373334</t>
  </si>
  <si>
    <t>cg04382416</t>
  </si>
  <si>
    <t>cg04385753</t>
  </si>
  <si>
    <t>cg04391972</t>
  </si>
  <si>
    <t>cg04396098</t>
  </si>
  <si>
    <t>cg04396242</t>
  </si>
  <si>
    <t>cg04397429</t>
  </si>
  <si>
    <t>cg04398861</t>
  </si>
  <si>
    <t>cg04401710</t>
  </si>
  <si>
    <t>cg04409981</t>
  </si>
  <si>
    <t>cg04413130</t>
  </si>
  <si>
    <t>cg04414816</t>
  </si>
  <si>
    <t>cg04418752</t>
  </si>
  <si>
    <t>cg04421611</t>
  </si>
  <si>
    <t>cg04422618</t>
  </si>
  <si>
    <t>cg04423976</t>
  </si>
  <si>
    <t>cg04425005</t>
  </si>
  <si>
    <t>cg04426007</t>
  </si>
  <si>
    <t>cg04427469</t>
  </si>
  <si>
    <t>cg04427852</t>
  </si>
  <si>
    <t>cg04428662</t>
  </si>
  <si>
    <t>cg04430835</t>
  </si>
  <si>
    <t>cg04436459</t>
  </si>
  <si>
    <t>cg04442017</t>
  </si>
  <si>
    <t>cg04442892</t>
  </si>
  <si>
    <t>cg04448477</t>
  </si>
  <si>
    <t>cg04451448</t>
  </si>
  <si>
    <t>cg04457051</t>
  </si>
  <si>
    <t>cg04457631</t>
  </si>
  <si>
    <t>cg04459504</t>
  </si>
  <si>
    <t>cg04460609</t>
  </si>
  <si>
    <t>cg04461123</t>
  </si>
  <si>
    <t>cg04473167</t>
  </si>
  <si>
    <t>cg04474085</t>
  </si>
  <si>
    <t>cg04478698</t>
  </si>
  <si>
    <t>cg04480280</t>
  </si>
  <si>
    <t>cg04485603</t>
  </si>
  <si>
    <t>cg04492193</t>
  </si>
  <si>
    <t>cg04493432</t>
  </si>
  <si>
    <t>cg04495224</t>
  </si>
  <si>
    <t>cg04495313</t>
  </si>
  <si>
    <t>cg04497889</t>
  </si>
  <si>
    <t>cg04498624</t>
  </si>
  <si>
    <t>cg04498801</t>
  </si>
  <si>
    <t>cg04507768</t>
  </si>
  <si>
    <t>cg04510919</t>
  </si>
  <si>
    <t>cg04512424</t>
  </si>
  <si>
    <t>cg04514020</t>
  </si>
  <si>
    <t>cg04514249</t>
  </si>
  <si>
    <t>cg04517429</t>
  </si>
  <si>
    <t>cg04518155</t>
  </si>
  <si>
    <t>cg04523320</t>
  </si>
  <si>
    <t>cg04524652</t>
  </si>
  <si>
    <t>cg04526298</t>
  </si>
  <si>
    <t>cg04526738</t>
  </si>
  <si>
    <t>cg04527840</t>
  </si>
  <si>
    <t>cg04529193</t>
  </si>
  <si>
    <t>cg04535008</t>
  </si>
  <si>
    <t>cg04550941</t>
  </si>
  <si>
    <t>cg04557125</t>
  </si>
  <si>
    <t>cg04567323</t>
  </si>
  <si>
    <t>cg04574135</t>
  </si>
  <si>
    <t>cg04595983</t>
  </si>
  <si>
    <t>cg04597894</t>
  </si>
  <si>
    <t>cg04599631</t>
  </si>
  <si>
    <t>cg04600233</t>
  </si>
  <si>
    <t>cg04602787</t>
  </si>
  <si>
    <t>cg04604666</t>
  </si>
  <si>
    <t>cg04605681</t>
  </si>
  <si>
    <t>cg04607521</t>
  </si>
  <si>
    <t>cg04628797</t>
  </si>
  <si>
    <t>cg04636069</t>
  </si>
  <si>
    <t>cg04638710</t>
  </si>
  <si>
    <t>cg04641962</t>
  </si>
  <si>
    <t>cg04644883</t>
  </si>
  <si>
    <t>cg04645430</t>
  </si>
  <si>
    <t>cg04645886</t>
  </si>
  <si>
    <t>cg04646876</t>
  </si>
  <si>
    <t>cg04648402</t>
  </si>
  <si>
    <t>cg04657325</t>
  </si>
  <si>
    <t>cg04658846</t>
  </si>
  <si>
    <t>cg04660829</t>
  </si>
  <si>
    <t>cg04661991</t>
  </si>
  <si>
    <t>cg04662714</t>
  </si>
  <si>
    <t>cg04672903</t>
  </si>
  <si>
    <t>cg04673825</t>
  </si>
  <si>
    <t>cg04674267</t>
  </si>
  <si>
    <t>cg04675539</t>
  </si>
  <si>
    <t>cg04676463</t>
  </si>
  <si>
    <t>cg04676766</t>
  </si>
  <si>
    <t>cg04687616</t>
  </si>
  <si>
    <t>cg04699482</t>
  </si>
  <si>
    <t>cg04700838</t>
  </si>
  <si>
    <t>cg04702527</t>
  </si>
  <si>
    <t>cg04710179</t>
  </si>
  <si>
    <t>cg04718733</t>
  </si>
  <si>
    <t>cg04718987</t>
  </si>
  <si>
    <t>cg04721863</t>
  </si>
  <si>
    <t>cg04727357</t>
  </si>
  <si>
    <t>cg04731813</t>
  </si>
  <si>
    <t>cg04733933</t>
  </si>
  <si>
    <t>cg04738109</t>
  </si>
  <si>
    <t>cg04742556</t>
  </si>
  <si>
    <t>cg04748051</t>
  </si>
  <si>
    <t>cg04748511</t>
  </si>
  <si>
    <t>cg04748637</t>
  </si>
  <si>
    <t>cg04750593</t>
  </si>
  <si>
    <t>cg04761746</t>
  </si>
  <si>
    <t>cg04762347</t>
  </si>
  <si>
    <t>cg04770370</t>
  </si>
  <si>
    <t>cg04771133</t>
  </si>
  <si>
    <t>cg04776445</t>
  </si>
  <si>
    <t>cg04787407</t>
  </si>
  <si>
    <t>cg04794887</t>
  </si>
  <si>
    <t>cg04798523</t>
  </si>
  <si>
    <t>cg04814467</t>
  </si>
  <si>
    <t>cg04822456</t>
  </si>
  <si>
    <t>cg04824913</t>
  </si>
  <si>
    <t>cg04831244</t>
  </si>
  <si>
    <t>cg04833648</t>
  </si>
  <si>
    <t>cg04835811</t>
  </si>
  <si>
    <t>cg04844267</t>
  </si>
  <si>
    <t>cg04857395</t>
  </si>
  <si>
    <t>cg04868219</t>
  </si>
  <si>
    <t>cg04874673</t>
  </si>
  <si>
    <t>cg04875614</t>
  </si>
  <si>
    <t>cg04876451</t>
  </si>
  <si>
    <t>cg04878813</t>
  </si>
  <si>
    <t>cg04881642</t>
  </si>
  <si>
    <t>cg04886981</t>
  </si>
  <si>
    <t>cg04912050</t>
  </si>
  <si>
    <t>cg04919784</t>
  </si>
  <si>
    <t>cg04923441</t>
  </si>
  <si>
    <t>cg04926732</t>
  </si>
  <si>
    <t>cg04931383</t>
  </si>
  <si>
    <t>cg04939673</t>
  </si>
  <si>
    <t>cg04941033</t>
  </si>
  <si>
    <t>cg04941721</t>
  </si>
  <si>
    <t>cg04943241</t>
  </si>
  <si>
    <t>cg04945626</t>
  </si>
  <si>
    <t>cg04955210</t>
  </si>
  <si>
    <t>cg04959517</t>
  </si>
  <si>
    <t>cg04961553</t>
  </si>
  <si>
    <t>cg04969804</t>
  </si>
  <si>
    <t>cg04972947</t>
  </si>
  <si>
    <t>cg04973839</t>
  </si>
  <si>
    <t>cg04974130</t>
  </si>
  <si>
    <t>cg04976479</t>
  </si>
  <si>
    <t>cg04977810</t>
  </si>
  <si>
    <t>cg04980832</t>
  </si>
  <si>
    <t>cg04988370</t>
  </si>
  <si>
    <t>cg04988918</t>
  </si>
  <si>
    <t>cg04993089</t>
  </si>
  <si>
    <t>cg04993795</t>
  </si>
  <si>
    <t>cg04996238</t>
  </si>
  <si>
    <t>cg05000136</t>
  </si>
  <si>
    <t>cg05005308</t>
  </si>
  <si>
    <t>cg05007549</t>
  </si>
  <si>
    <t>cg05012661</t>
  </si>
  <si>
    <t>cg05020685</t>
  </si>
  <si>
    <t>cg05024413</t>
  </si>
  <si>
    <t>cg05024939</t>
  </si>
  <si>
    <t>cg05026014</t>
  </si>
  <si>
    <t>cg05027594</t>
  </si>
  <si>
    <t>cg05028306</t>
  </si>
  <si>
    <t>cg05028750</t>
  </si>
  <si>
    <t>cg05029983</t>
  </si>
  <si>
    <t>cg05031993</t>
  </si>
  <si>
    <t>cg05032625</t>
  </si>
  <si>
    <t>cg05036183</t>
  </si>
  <si>
    <t>cg05037077</t>
  </si>
  <si>
    <t>cg05039671</t>
  </si>
  <si>
    <t>cg05042123</t>
  </si>
  <si>
    <t>cg05050944</t>
  </si>
  <si>
    <t>cg05052463</t>
  </si>
  <si>
    <t>cg05058040</t>
  </si>
  <si>
    <t>cg05060602</t>
  </si>
  <si>
    <t>cg05065100</t>
  </si>
  <si>
    <t>cg05069909</t>
  </si>
  <si>
    <t>cg05074133</t>
  </si>
  <si>
    <t>cg05075308</t>
  </si>
  <si>
    <t>cg05076677</t>
  </si>
  <si>
    <t>cg05077452</t>
  </si>
  <si>
    <t>cg05078019</t>
  </si>
  <si>
    <t>cg05080877</t>
  </si>
  <si>
    <t>cg05082708</t>
  </si>
  <si>
    <t>cg05083128</t>
  </si>
  <si>
    <t>cg05089225</t>
  </si>
  <si>
    <t>cg05096700</t>
  </si>
  <si>
    <t>cg05102394</t>
  </si>
  <si>
    <t>cg05103917</t>
  </si>
  <si>
    <t>cg05106659</t>
  </si>
  <si>
    <t>cg05110837</t>
  </si>
  <si>
    <t>cg05110901</t>
  </si>
  <si>
    <t>cg05118638</t>
  </si>
  <si>
    <t>cg05121006</t>
  </si>
  <si>
    <t>cg05122605</t>
  </si>
  <si>
    <t>cg05124166</t>
  </si>
  <si>
    <t>cg05125037</t>
  </si>
  <si>
    <t>cg05129258</t>
  </si>
  <si>
    <t>cg05130129</t>
  </si>
  <si>
    <t>cg05134796</t>
  </si>
  <si>
    <t>cg05140593</t>
  </si>
  <si>
    <t>cg05146536</t>
  </si>
  <si>
    <t>cg05155319</t>
  </si>
  <si>
    <t>cg05158197</t>
  </si>
  <si>
    <t>cg05158538</t>
  </si>
  <si>
    <t>cg05159925</t>
  </si>
  <si>
    <t>cg05165044</t>
  </si>
  <si>
    <t>cg05186522</t>
  </si>
  <si>
    <t>cg05196410</t>
  </si>
  <si>
    <t>cg05206762</t>
  </si>
  <si>
    <t>cg05208196</t>
  </si>
  <si>
    <t>cg05209506</t>
  </si>
  <si>
    <t>cg05209814</t>
  </si>
  <si>
    <t>cg05210798</t>
  </si>
  <si>
    <t>cg05212802</t>
  </si>
  <si>
    <t>cg05214404</t>
  </si>
  <si>
    <t>cg05221349</t>
  </si>
  <si>
    <t>cg05234599</t>
  </si>
  <si>
    <t>cg05235192</t>
  </si>
  <si>
    <t>cg05241277</t>
  </si>
  <si>
    <t>cg05241406</t>
  </si>
  <si>
    <t>cg05246887</t>
  </si>
  <si>
    <t>cg05247096</t>
  </si>
  <si>
    <t>cg05248542</t>
  </si>
  <si>
    <t>cg05250061</t>
  </si>
  <si>
    <t>cg05255537</t>
  </si>
  <si>
    <t>cg05257291</t>
  </si>
  <si>
    <t>cg05257850</t>
  </si>
  <si>
    <t>cg05259872</t>
  </si>
  <si>
    <t>cg05262382</t>
  </si>
  <si>
    <t>cg05264110</t>
  </si>
  <si>
    <t>cg05267524</t>
  </si>
  <si>
    <t>cg05274323</t>
  </si>
  <si>
    <t>cg05283091</t>
  </si>
  <si>
    <t>cg05295006</t>
  </si>
  <si>
    <t>cg05295696</t>
  </si>
  <si>
    <t>cg05297121</t>
  </si>
  <si>
    <t>cg05307908</t>
  </si>
  <si>
    <t>cg05318361</t>
  </si>
  <si>
    <t>cg05319305</t>
  </si>
  <si>
    <t>cg05321808</t>
  </si>
  <si>
    <t>cg05326140</t>
  </si>
  <si>
    <t>cg05330921</t>
  </si>
  <si>
    <t>cg05333968</t>
  </si>
  <si>
    <t>cg05336051</t>
  </si>
  <si>
    <t>cg05337137</t>
  </si>
  <si>
    <t>cg05340395</t>
  </si>
  <si>
    <t>cg05342469</t>
  </si>
  <si>
    <t>cg05347925</t>
  </si>
  <si>
    <t>cg05350411</t>
  </si>
  <si>
    <t>cg05352250</t>
  </si>
  <si>
    <t>cg05354432</t>
  </si>
  <si>
    <t>cg05355167</t>
  </si>
  <si>
    <t>cg05358385</t>
  </si>
  <si>
    <t>cg05373723</t>
  </si>
  <si>
    <t>cg05380304</t>
  </si>
  <si>
    <t>cg05382097</t>
  </si>
  <si>
    <t>cg05382501</t>
  </si>
  <si>
    <t>cg05384957</t>
  </si>
  <si>
    <t>cg05385306</t>
  </si>
  <si>
    <t>cg05389335</t>
  </si>
  <si>
    <t>cg05396987</t>
  </si>
  <si>
    <t>cg05400079</t>
  </si>
  <si>
    <t>cg05409601</t>
  </si>
  <si>
    <t>cg05410587</t>
  </si>
  <si>
    <t>cg05422957</t>
  </si>
  <si>
    <t>cg05423209</t>
  </si>
  <si>
    <t>cg05431842</t>
  </si>
  <si>
    <t>cg05434900</t>
  </si>
  <si>
    <t>cg05436939</t>
  </si>
  <si>
    <t>cg05440869</t>
  </si>
  <si>
    <t>cg05441596</t>
  </si>
  <si>
    <t>cg05448404</t>
  </si>
  <si>
    <t>cg05450563</t>
  </si>
  <si>
    <t>cg05452645</t>
  </si>
  <si>
    <t>cg05454975</t>
  </si>
  <si>
    <t>cg05459650</t>
  </si>
  <si>
    <t>cg05464817</t>
  </si>
  <si>
    <t>cg05467597</t>
  </si>
  <si>
    <t>cg05470809</t>
  </si>
  <si>
    <t>cg05474265</t>
  </si>
  <si>
    <t>cg05474943</t>
  </si>
  <si>
    <t>cg05475028</t>
  </si>
  <si>
    <t>cg05477920</t>
  </si>
  <si>
    <t>cg05492170</t>
  </si>
  <si>
    <t>cg05505855</t>
  </si>
  <si>
    <t>cg05507894</t>
  </si>
  <si>
    <t>cg05509609</t>
  </si>
  <si>
    <t>cg05512620</t>
  </si>
  <si>
    <t>cg05513576</t>
  </si>
  <si>
    <t>cg05514257</t>
  </si>
  <si>
    <t>cg05518482</t>
  </si>
  <si>
    <t>cg05518543</t>
  </si>
  <si>
    <t>cg05522383</t>
  </si>
  <si>
    <t>cg05523065</t>
  </si>
  <si>
    <t>cg05528782</t>
  </si>
  <si>
    <t>cg05536800</t>
  </si>
  <si>
    <t>cg05537210</t>
  </si>
  <si>
    <t>cg05541417</t>
  </si>
  <si>
    <t>cg05545441</t>
  </si>
  <si>
    <t>cg05548469</t>
  </si>
  <si>
    <t>cg05549970</t>
  </si>
  <si>
    <t>cg05550861</t>
  </si>
  <si>
    <t>cg05554866</t>
  </si>
  <si>
    <t>cg05554885</t>
  </si>
  <si>
    <t>cg05562080</t>
  </si>
  <si>
    <t>cg05562327</t>
  </si>
  <si>
    <t>cg05568762</t>
  </si>
  <si>
    <t>cg05570735</t>
  </si>
  <si>
    <t>cg05571820</t>
  </si>
  <si>
    <t>cg05572800</t>
  </si>
  <si>
    <t>cg05573434</t>
  </si>
  <si>
    <t>cg05575375</t>
  </si>
  <si>
    <t>cg05577016</t>
  </si>
  <si>
    <t>cg05582310</t>
  </si>
  <si>
    <t>cg05584605</t>
  </si>
  <si>
    <t>cg05603881</t>
  </si>
  <si>
    <t>cg05607935</t>
  </si>
  <si>
    <t>cg05615763</t>
  </si>
  <si>
    <t>cg05618426</t>
  </si>
  <si>
    <t>cg05625074</t>
  </si>
  <si>
    <t>cg05625362</t>
  </si>
  <si>
    <t>cg05626927</t>
  </si>
  <si>
    <t>cg05628394</t>
  </si>
  <si>
    <t>cg05634255</t>
  </si>
  <si>
    <t>cg05639690</t>
  </si>
  <si>
    <t>cg05641882</t>
  </si>
  <si>
    <t>cg05643286</t>
  </si>
  <si>
    <t>cg05647660</t>
  </si>
  <si>
    <t>cg05649126</t>
  </si>
  <si>
    <t>cg05657564</t>
  </si>
  <si>
    <t>cg05658182</t>
  </si>
  <si>
    <t>cg05662090</t>
  </si>
  <si>
    <t>cg05671702</t>
  </si>
  <si>
    <t>cg05672616</t>
  </si>
  <si>
    <t>cg05676400</t>
  </si>
  <si>
    <t>cg05678100</t>
  </si>
  <si>
    <t>cg05693910</t>
  </si>
  <si>
    <t>cg05695762</t>
  </si>
  <si>
    <t>cg05708637</t>
  </si>
  <si>
    <t>cg05712295</t>
  </si>
  <si>
    <t>cg05713693</t>
  </si>
  <si>
    <t>cg05719599</t>
  </si>
  <si>
    <t>cg05720751</t>
  </si>
  <si>
    <t>cg05721427</t>
  </si>
  <si>
    <t>cg05722981</t>
  </si>
  <si>
    <t>cg05725892</t>
  </si>
  <si>
    <t>cg05728667</t>
  </si>
  <si>
    <t>cg05729984</t>
  </si>
  <si>
    <t>cg05733181</t>
  </si>
  <si>
    <t>cg05733917</t>
  </si>
  <si>
    <t>cg05745142</t>
  </si>
  <si>
    <t>cg05747848</t>
  </si>
  <si>
    <t>cg05750542</t>
  </si>
  <si>
    <t>cg05751839</t>
  </si>
  <si>
    <t>cg05763228</t>
  </si>
  <si>
    <t>cg05774801</t>
  </si>
  <si>
    <t>cg05779630</t>
  </si>
  <si>
    <t>cg05781918</t>
  </si>
  <si>
    <t>cg05786548</t>
  </si>
  <si>
    <t>cg05787792</t>
  </si>
  <si>
    <t>cg05790084</t>
  </si>
  <si>
    <t>cg05797623</t>
  </si>
  <si>
    <t>cg05805445</t>
  </si>
  <si>
    <t>cg05805852</t>
  </si>
  <si>
    <t>cg05805997</t>
  </si>
  <si>
    <t>cg05810170</t>
  </si>
  <si>
    <t>cg05812836</t>
  </si>
  <si>
    <t>cg05815906</t>
  </si>
  <si>
    <t>cg05822739</t>
  </si>
  <si>
    <t>cg05827190</t>
  </si>
  <si>
    <t>cg05828119</t>
  </si>
  <si>
    <t>cg05833104</t>
  </si>
  <si>
    <t>cg05843106</t>
  </si>
  <si>
    <t>cg05844193</t>
  </si>
  <si>
    <t>cg05856015</t>
  </si>
  <si>
    <t>cg05856777</t>
  </si>
  <si>
    <t>cg05865660</t>
  </si>
  <si>
    <t>cg05867996</t>
  </si>
  <si>
    <t>cg05871425</t>
  </si>
  <si>
    <t>cg05872609</t>
  </si>
  <si>
    <t>cg05874561</t>
  </si>
  <si>
    <t>cg05874888</t>
  </si>
  <si>
    <t>cg05881697</t>
  </si>
  <si>
    <t>cg05881745</t>
  </si>
  <si>
    <t>cg05888027</t>
  </si>
  <si>
    <t>cg05890019</t>
  </si>
  <si>
    <t>cg05897918</t>
  </si>
  <si>
    <t>cg05898246</t>
  </si>
  <si>
    <t>cg05899741</t>
  </si>
  <si>
    <t>cg05911003</t>
  </si>
  <si>
    <t>cg05919202</t>
  </si>
  <si>
    <t>cg05924254</t>
  </si>
  <si>
    <t>cg05934276</t>
  </si>
  <si>
    <t>cg05935311</t>
  </si>
  <si>
    <t>cg05936283</t>
  </si>
  <si>
    <t>cg05936471</t>
  </si>
  <si>
    <t>cg05942760</t>
  </si>
  <si>
    <t>cg05962055</t>
  </si>
  <si>
    <t>cg05965402</t>
  </si>
  <si>
    <t>cg05970398</t>
  </si>
  <si>
    <t>cg05970992</t>
  </si>
  <si>
    <t>cg05972216</t>
  </si>
  <si>
    <t>cg05973455</t>
  </si>
  <si>
    <t>cg05978244</t>
  </si>
  <si>
    <t>cg05979517</t>
  </si>
  <si>
    <t>cg05980726</t>
  </si>
  <si>
    <t>cg05983231</t>
  </si>
  <si>
    <t>cg05983323</t>
  </si>
  <si>
    <t>cg05984092</t>
  </si>
  <si>
    <t>cg05988291</t>
  </si>
  <si>
    <t>cg05993056</t>
  </si>
  <si>
    <t>cg05993265</t>
  </si>
  <si>
    <t>cg05994794</t>
  </si>
  <si>
    <t>cg05995460</t>
  </si>
  <si>
    <t>cg05995991</t>
  </si>
  <si>
    <t>cg05996984</t>
  </si>
  <si>
    <t>cg06005199</t>
  </si>
  <si>
    <t>cg06007323</t>
  </si>
  <si>
    <t>cg06015060</t>
  </si>
  <si>
    <t>cg06015993</t>
  </si>
  <si>
    <t>cg06019448</t>
  </si>
  <si>
    <t>cg06035049</t>
  </si>
  <si>
    <t>cg06037943</t>
  </si>
  <si>
    <t>cg06044751</t>
  </si>
  <si>
    <t>cg06046705</t>
  </si>
  <si>
    <t>cg06055014</t>
  </si>
  <si>
    <t>cg06070644</t>
  </si>
  <si>
    <t>cg06080250</t>
  </si>
  <si>
    <t>cg06080688</t>
  </si>
  <si>
    <t>cg06085011</t>
  </si>
  <si>
    <t>cg06089269</t>
  </si>
  <si>
    <t>cg06089512</t>
  </si>
  <si>
    <t>cg06090383</t>
  </si>
  <si>
    <t>cg06090569</t>
  </si>
  <si>
    <t>cg06091804</t>
  </si>
  <si>
    <t>cg06093038</t>
  </si>
  <si>
    <t>cg06097772</t>
  </si>
  <si>
    <t>cg06100991</t>
  </si>
  <si>
    <t>cg06103218</t>
  </si>
  <si>
    <t>cg06109284</t>
  </si>
  <si>
    <t>cg06113665</t>
  </si>
  <si>
    <t>cg06120755</t>
  </si>
  <si>
    <t>cg06121772</t>
  </si>
  <si>
    <t>cg06126743</t>
  </si>
  <si>
    <t>cg06147143</t>
  </si>
  <si>
    <t>cg06154597</t>
  </si>
  <si>
    <t>cg06154827</t>
  </si>
  <si>
    <t>cg06156768</t>
  </si>
  <si>
    <t>cg06160171</t>
  </si>
  <si>
    <t>cg06161099</t>
  </si>
  <si>
    <t>cg06166341</t>
  </si>
  <si>
    <t>cg06170754</t>
  </si>
  <si>
    <t>cg06173470</t>
  </si>
  <si>
    <t>cg06184669</t>
  </si>
  <si>
    <t>cg06193169</t>
  </si>
  <si>
    <t>cg06201207</t>
  </si>
  <si>
    <t>cg06202276</t>
  </si>
  <si>
    <t>cg06207290</t>
  </si>
  <si>
    <t>cg06210240</t>
  </si>
  <si>
    <t>cg06213233</t>
  </si>
  <si>
    <t>cg06213327</t>
  </si>
  <si>
    <t>cg06214807</t>
  </si>
  <si>
    <t>cg06214925</t>
  </si>
  <si>
    <t>cg06226630</t>
  </si>
  <si>
    <t>cg06231140</t>
  </si>
  <si>
    <t>cg06233211</t>
  </si>
  <si>
    <t>cg06235642</t>
  </si>
  <si>
    <t>cg06252645</t>
  </si>
  <si>
    <t>cg06274159</t>
  </si>
  <si>
    <t>cg06275130</t>
  </si>
  <si>
    <t>cg06275417</t>
  </si>
  <si>
    <t>cg06275859</t>
  </si>
  <si>
    <t>cg06281296</t>
  </si>
  <si>
    <t>cg06293170</t>
  </si>
  <si>
    <t>cg06294766</t>
  </si>
  <si>
    <t>cg06296788</t>
  </si>
  <si>
    <t>cg06308538</t>
  </si>
  <si>
    <t>cg06313716</t>
  </si>
  <si>
    <t>cg06317090</t>
  </si>
  <si>
    <t>cg06329345</t>
  </si>
  <si>
    <t>cg06341054</t>
  </si>
  <si>
    <t>cg06341779</t>
  </si>
  <si>
    <t>cg06346388</t>
  </si>
  <si>
    <t>cg06367693</t>
  </si>
  <si>
    <t>cg06367702</t>
  </si>
  <si>
    <t>cg06369248</t>
  </si>
  <si>
    <t>cg06372249</t>
  </si>
  <si>
    <t>cg06373584</t>
  </si>
  <si>
    <t>cg06373870</t>
  </si>
  <si>
    <t>cg06375949</t>
  </si>
  <si>
    <t>cg06383113</t>
  </si>
  <si>
    <t>cg06383233</t>
  </si>
  <si>
    <t>cg06388350</t>
  </si>
  <si>
    <t>cg06392442</t>
  </si>
  <si>
    <t>cg06393290</t>
  </si>
  <si>
    <t>cg06398236</t>
  </si>
  <si>
    <t>cg06399905</t>
  </si>
  <si>
    <t>cg06405222</t>
  </si>
  <si>
    <t>cg06411479</t>
  </si>
  <si>
    <t>cg06416060</t>
  </si>
  <si>
    <t>cg06421590</t>
  </si>
  <si>
    <t>cg06422693</t>
  </si>
  <si>
    <t>cg06428211</t>
  </si>
  <si>
    <t>cg06432753</t>
  </si>
  <si>
    <t>cg06436626</t>
  </si>
  <si>
    <t>cg06436905</t>
  </si>
  <si>
    <t>cg06440348</t>
  </si>
  <si>
    <t>cg06441568</t>
  </si>
  <si>
    <t>cg06444452</t>
  </si>
  <si>
    <t>cg06453088</t>
  </si>
  <si>
    <t>cg06453997</t>
  </si>
  <si>
    <t>cg06457625</t>
  </si>
  <si>
    <t>cg06464025</t>
  </si>
  <si>
    <t>cg06465196</t>
  </si>
  <si>
    <t>cg06468908</t>
  </si>
  <si>
    <t>cg06473261</t>
  </si>
  <si>
    <t>cg06482428</t>
  </si>
  <si>
    <t>cg06483432</t>
  </si>
  <si>
    <t>cg06493846</t>
  </si>
  <si>
    <t>cg06494872</t>
  </si>
  <si>
    <t>cg06496198</t>
  </si>
  <si>
    <t>cg06496803</t>
  </si>
  <si>
    <t>cg06513819</t>
  </si>
  <si>
    <t>cg06527816</t>
  </si>
  <si>
    <t>cg06531800</t>
  </si>
  <si>
    <t>cg06536988</t>
  </si>
  <si>
    <t>cg06545804</t>
  </si>
  <si>
    <t>cg06549216</t>
  </si>
  <si>
    <t>cg06549863</t>
  </si>
  <si>
    <t>cg06551022</t>
  </si>
  <si>
    <t>cg06561741</t>
  </si>
  <si>
    <t>cg06562964</t>
  </si>
  <si>
    <t>cg06563602</t>
  </si>
  <si>
    <t>cg06570432</t>
  </si>
  <si>
    <t>cg06582266</t>
  </si>
  <si>
    <t>cg06585690</t>
  </si>
  <si>
    <t>cg06586197</t>
  </si>
  <si>
    <t>cg06587443</t>
  </si>
  <si>
    <t>cg06588087</t>
  </si>
  <si>
    <t>cg06593565</t>
  </si>
  <si>
    <t>cg06609182</t>
  </si>
  <si>
    <t>cg06610376</t>
  </si>
  <si>
    <t>cg06614206</t>
  </si>
  <si>
    <t>cg06614472</t>
  </si>
  <si>
    <t>cg06618866</t>
  </si>
  <si>
    <t>cg06628679</t>
  </si>
  <si>
    <t>cg06636938</t>
  </si>
  <si>
    <t>cg06648812</t>
  </si>
  <si>
    <t>cg06649520</t>
  </si>
  <si>
    <t>cg06650364</t>
  </si>
  <si>
    <t>cg06656551</t>
  </si>
  <si>
    <t>cg06658146</t>
  </si>
  <si>
    <t>cg06660395</t>
  </si>
  <si>
    <t>cg06660523</t>
  </si>
  <si>
    <t>cg06664054</t>
  </si>
  <si>
    <t>cg06667761</t>
  </si>
  <si>
    <t>cg06669056</t>
  </si>
  <si>
    <t>cg06669374</t>
  </si>
  <si>
    <t>cg06671387</t>
  </si>
  <si>
    <t>cg06673130</t>
  </si>
  <si>
    <t>cg06676006</t>
  </si>
  <si>
    <t>cg06677470</t>
  </si>
  <si>
    <t>cg06677690</t>
  </si>
  <si>
    <t>cg06685319</t>
  </si>
  <si>
    <t>cg06688323</t>
  </si>
  <si>
    <t>cg06697600</t>
  </si>
  <si>
    <t>cg06702880</t>
  </si>
  <si>
    <t>cg06704631</t>
  </si>
  <si>
    <t>cg06716568</t>
  </si>
  <si>
    <t>cg06732976</t>
  </si>
  <si>
    <t>cg06736554</t>
  </si>
  <si>
    <t>cg06737308</t>
  </si>
  <si>
    <t>cg06742678</t>
  </si>
  <si>
    <t>cg06742778</t>
  </si>
  <si>
    <t>cg06743599</t>
  </si>
  <si>
    <t>cg06745941</t>
  </si>
  <si>
    <t>cg06749819</t>
  </si>
  <si>
    <t>cg06754984</t>
  </si>
  <si>
    <t>cg06759806</t>
  </si>
  <si>
    <t>cg06767059</t>
  </si>
  <si>
    <t>cg06768993</t>
  </si>
  <si>
    <t>cg06781910</t>
  </si>
  <si>
    <t>cg06802374</t>
  </si>
  <si>
    <t>cg06805348</t>
  </si>
  <si>
    <t>cg06808825</t>
  </si>
  <si>
    <t>cg06822120</t>
  </si>
  <si>
    <t>cg06832446</t>
  </si>
  <si>
    <t>cg06834035</t>
  </si>
  <si>
    <t>cg06834998</t>
  </si>
  <si>
    <t>cg06837034</t>
  </si>
  <si>
    <t>cg06837308</t>
  </si>
  <si>
    <t>cg06841464</t>
  </si>
  <si>
    <t>cg06845858</t>
  </si>
  <si>
    <t>cg06846310</t>
  </si>
  <si>
    <t>cg06849515</t>
  </si>
  <si>
    <t>cg06854306</t>
  </si>
  <si>
    <t>cg06855666</t>
  </si>
  <si>
    <t>cg06857289</t>
  </si>
  <si>
    <t>cg06859969</t>
  </si>
  <si>
    <t>cg06860998</t>
  </si>
  <si>
    <t>cg06862062</t>
  </si>
  <si>
    <t>cg06864127</t>
  </si>
  <si>
    <t>cg06872356</t>
  </si>
  <si>
    <t>cg06873514</t>
  </si>
  <si>
    <t>cg06882544</t>
  </si>
  <si>
    <t>cg06883206</t>
  </si>
  <si>
    <t>cg06884401</t>
  </si>
  <si>
    <t>cg06885910</t>
  </si>
  <si>
    <t>cg06886789</t>
  </si>
  <si>
    <t>cg06890950</t>
  </si>
  <si>
    <t>cg06891006</t>
  </si>
  <si>
    <t>cg06894334</t>
  </si>
  <si>
    <t>cg06908241</t>
  </si>
  <si>
    <t>cg06913579</t>
  </si>
  <si>
    <t>cg06914725</t>
  </si>
  <si>
    <t>cg06914837</t>
  </si>
  <si>
    <t>cg06918925</t>
  </si>
  <si>
    <t>cg06919490</t>
  </si>
  <si>
    <t>cg06922352</t>
  </si>
  <si>
    <t>cg06922635</t>
  </si>
  <si>
    <t>cg06924976</t>
  </si>
  <si>
    <t>cg06934132</t>
  </si>
  <si>
    <t>cg06943431</t>
  </si>
  <si>
    <t>cg06952190</t>
  </si>
  <si>
    <t>cg06968674</t>
  </si>
  <si>
    <t>cg06972010</t>
  </si>
  <si>
    <t>cg06975206</t>
  </si>
  <si>
    <t>cg06976589</t>
  </si>
  <si>
    <t>cg06977575</t>
  </si>
  <si>
    <t>cg06978288</t>
  </si>
  <si>
    <t>cg06982834</t>
  </si>
  <si>
    <t>cg07004925</t>
  </si>
  <si>
    <t>cg07005654</t>
  </si>
  <si>
    <t>cg07005843</t>
  </si>
  <si>
    <t>cg07007312</t>
  </si>
  <si>
    <t>cg07008213</t>
  </si>
  <si>
    <t>cg07018980</t>
  </si>
  <si>
    <t>cg07025242</t>
  </si>
  <si>
    <t>cg07030950</t>
  </si>
  <si>
    <t>cg07032359</t>
  </si>
  <si>
    <t>cg07033876</t>
  </si>
  <si>
    <t>cg07035147</t>
  </si>
  <si>
    <t>cg07035659</t>
  </si>
  <si>
    <t>cg07070182</t>
  </si>
  <si>
    <t>cg07073544</t>
  </si>
  <si>
    <t>cg07077240</t>
  </si>
  <si>
    <t>cg07079724</t>
  </si>
  <si>
    <t>cg07086226</t>
  </si>
  <si>
    <t>cg07089077</t>
  </si>
  <si>
    <t>cg07089232</t>
  </si>
  <si>
    <t>cg07095252</t>
  </si>
  <si>
    <t>cg07095995</t>
  </si>
  <si>
    <t>cg07097005</t>
  </si>
  <si>
    <t>cg07099915</t>
  </si>
  <si>
    <t>cg07120806</t>
  </si>
  <si>
    <t>cg07124719</t>
  </si>
  <si>
    <t>cg07131451</t>
  </si>
  <si>
    <t>cg07132183</t>
  </si>
  <si>
    <t>cg07136029</t>
  </si>
  <si>
    <t>cg07137006</t>
  </si>
  <si>
    <t>cg07140808</t>
  </si>
  <si>
    <t>cg07147475</t>
  </si>
  <si>
    <t>cg07150629</t>
  </si>
  <si>
    <t>cg07156296</t>
  </si>
  <si>
    <t>cg07160277</t>
  </si>
  <si>
    <t>cg07174347</t>
  </si>
  <si>
    <t>cg07175506</t>
  </si>
  <si>
    <t>cg07190698</t>
  </si>
  <si>
    <t>cg07190966</t>
  </si>
  <si>
    <t>cg07196992</t>
  </si>
  <si>
    <t>cg07207220</t>
  </si>
  <si>
    <t>cg07207957</t>
  </si>
  <si>
    <t>cg07209631</t>
  </si>
  <si>
    <t>cg07210669</t>
  </si>
  <si>
    <t>cg07211020</t>
  </si>
  <si>
    <t>cg07222844</t>
  </si>
  <si>
    <t>cg07229893</t>
  </si>
  <si>
    <t>cg07230078</t>
  </si>
  <si>
    <t>cg07234028</t>
  </si>
  <si>
    <t>cg07234102</t>
  </si>
  <si>
    <t>cg07240470</t>
  </si>
  <si>
    <t>cg07244076</t>
  </si>
  <si>
    <t>cg07245225</t>
  </si>
  <si>
    <t>cg07248486</t>
  </si>
  <si>
    <t>cg07252778</t>
  </si>
  <si>
    <t>cg07259581</t>
  </si>
  <si>
    <t>cg07263178</t>
  </si>
  <si>
    <t>cg07265588</t>
  </si>
  <si>
    <t>cg07266616</t>
  </si>
  <si>
    <t>cg07278705</t>
  </si>
  <si>
    <t>cg07285838</t>
  </si>
  <si>
    <t>cg07290190</t>
  </si>
  <si>
    <t>cg07290865</t>
  </si>
  <si>
    <t>cg07298104</t>
  </si>
  <si>
    <t>cg07311659</t>
  </si>
  <si>
    <t>cg07312445</t>
  </si>
  <si>
    <t>cg07318284</t>
  </si>
  <si>
    <t>cg07318417</t>
  </si>
  <si>
    <t>cg07319098</t>
  </si>
  <si>
    <t>cg07320695</t>
  </si>
  <si>
    <t>cg07321032</t>
  </si>
  <si>
    <t>cg07322750</t>
  </si>
  <si>
    <t>cg07323399</t>
  </si>
  <si>
    <t>cg07327396</t>
  </si>
  <si>
    <t>cg07328317</t>
  </si>
  <si>
    <t>cg07333191</t>
  </si>
  <si>
    <t>cg07346242</t>
  </si>
  <si>
    <t>cg07350470</t>
  </si>
  <si>
    <t>cg07364780</t>
  </si>
  <si>
    <t>cg07364841</t>
  </si>
  <si>
    <t>cg07376313</t>
  </si>
  <si>
    <t>cg07378577</t>
  </si>
  <si>
    <t>cg07399299</t>
  </si>
  <si>
    <t>cg07406289</t>
  </si>
  <si>
    <t>cg07407736</t>
  </si>
  <si>
    <t>cg07409292</t>
  </si>
  <si>
    <t>cg07410217</t>
  </si>
  <si>
    <t>cg07410746</t>
  </si>
  <si>
    <t>cg07418175</t>
  </si>
  <si>
    <t>cg07421005</t>
  </si>
  <si>
    <t>cg07423540</t>
  </si>
  <si>
    <t>cg07428959</t>
  </si>
  <si>
    <t>cg07434579</t>
  </si>
  <si>
    <t>cg07444408</t>
  </si>
  <si>
    <t>cg07447193</t>
  </si>
  <si>
    <t>cg07447870</t>
  </si>
  <si>
    <t>cg07452654</t>
  </si>
  <si>
    <t>cg07462756</t>
  </si>
  <si>
    <t>cg07462790</t>
  </si>
  <si>
    <t>cg07465140</t>
  </si>
  <si>
    <t>cg07465899</t>
  </si>
  <si>
    <t>cg07472158</t>
  </si>
  <si>
    <t>cg07473822</t>
  </si>
  <si>
    <t>cg07478111</t>
  </si>
  <si>
    <t>cg07478392</t>
  </si>
  <si>
    <t>cg07478397</t>
  </si>
  <si>
    <t>cg07485777</t>
  </si>
  <si>
    <t>cg07486252</t>
  </si>
  <si>
    <t>cg07487572</t>
  </si>
  <si>
    <t>cg07492240</t>
  </si>
  <si>
    <t>cg07500410</t>
  </si>
  <si>
    <t>cg07500707</t>
  </si>
  <si>
    <t>cg07507271</t>
  </si>
  <si>
    <t>cg07529260</t>
  </si>
  <si>
    <t>cg07534099</t>
  </si>
  <si>
    <t>cg07542078</t>
  </si>
  <si>
    <t>cg07549376</t>
  </si>
  <si>
    <t>cg07549924</t>
  </si>
  <si>
    <t>cg07550016</t>
  </si>
  <si>
    <t>cg07562742</t>
  </si>
  <si>
    <t>cg07564767</t>
  </si>
  <si>
    <t>cg07580895</t>
  </si>
  <si>
    <t>cg07594341</t>
  </si>
  <si>
    <t>cg07619799</t>
  </si>
  <si>
    <t>cg07625546</t>
  </si>
  <si>
    <t>cg07625840</t>
  </si>
  <si>
    <t>cg07627445</t>
  </si>
  <si>
    <t>cg07630238</t>
  </si>
  <si>
    <t>cg07634959</t>
  </si>
  <si>
    <t>cg07635567</t>
  </si>
  <si>
    <t>cg07638479</t>
  </si>
  <si>
    <t>cg07646665</t>
  </si>
  <si>
    <t>cg07650252</t>
  </si>
  <si>
    <t>cg07651857</t>
  </si>
  <si>
    <t>cg07655479</t>
  </si>
  <si>
    <t>cg07661848</t>
  </si>
  <si>
    <t>cg07661849</t>
  </si>
  <si>
    <t>cg07664029</t>
  </si>
  <si>
    <t>cg07665387</t>
  </si>
  <si>
    <t>cg07666984</t>
  </si>
  <si>
    <t>cg07673740</t>
  </si>
  <si>
    <t>cg07674022</t>
  </si>
  <si>
    <t>cg07680129</t>
  </si>
  <si>
    <t>cg07683663</t>
  </si>
  <si>
    <t>cg07685947</t>
  </si>
  <si>
    <t>cg07687798</t>
  </si>
  <si>
    <t>cg07694025</t>
  </si>
  <si>
    <t>cg07696354</t>
  </si>
  <si>
    <t>cg07697276</t>
  </si>
  <si>
    <t>cg07719077</t>
  </si>
  <si>
    <t>cg07727721</t>
  </si>
  <si>
    <t>cg07730946</t>
  </si>
  <si>
    <t>cg07740071</t>
  </si>
  <si>
    <t>cg07745915</t>
  </si>
  <si>
    <t>cg07756135</t>
  </si>
  <si>
    <t>cg07757535</t>
  </si>
  <si>
    <t>cg07760026</t>
  </si>
  <si>
    <t>cg07760204</t>
  </si>
  <si>
    <t>cg07760910</t>
  </si>
  <si>
    <t>cg07765262</t>
  </si>
  <si>
    <t>cg07768107</t>
  </si>
  <si>
    <t>cg07769507</t>
  </si>
  <si>
    <t>cg07770049</t>
  </si>
  <si>
    <t>cg07775547</t>
  </si>
  <si>
    <t>cg07775601</t>
  </si>
  <si>
    <t>cg07776847</t>
  </si>
  <si>
    <t>cg07777349</t>
  </si>
  <si>
    <t>cg07780086</t>
  </si>
  <si>
    <t>cg07786760</t>
  </si>
  <si>
    <t>cg07795325</t>
  </si>
  <si>
    <t>cg07798694</t>
  </si>
  <si>
    <t>cg07799157</t>
  </si>
  <si>
    <t>cg07808087</t>
  </si>
  <si>
    <t>cg07816074</t>
  </si>
  <si>
    <t>cg07820842</t>
  </si>
  <si>
    <t>cg07822143</t>
  </si>
  <si>
    <t>cg07822477</t>
  </si>
  <si>
    <t>cg07824172</t>
  </si>
  <si>
    <t>cg07824907</t>
  </si>
  <si>
    <t>cg07828233</t>
  </si>
  <si>
    <t>cg07830103</t>
  </si>
  <si>
    <t>cg07837764</t>
  </si>
  <si>
    <t>cg07840318</t>
  </si>
  <si>
    <t>cg07844828</t>
  </si>
  <si>
    <t>cg07846297</t>
  </si>
  <si>
    <t>cg07846400</t>
  </si>
  <si>
    <t>cg07850948</t>
  </si>
  <si>
    <t>cg07852224</t>
  </si>
  <si>
    <t>cg07852756</t>
  </si>
  <si>
    <t>cg07853246</t>
  </si>
  <si>
    <t>cg07854831</t>
  </si>
  <si>
    <t>cg07854954</t>
  </si>
  <si>
    <t>cg07857469</t>
  </si>
  <si>
    <t>cg07859799</t>
  </si>
  <si>
    <t>cg07867360</t>
  </si>
  <si>
    <t>cg07870920</t>
  </si>
  <si>
    <t>cg07891069</t>
  </si>
  <si>
    <t>cg07895210</t>
  </si>
  <si>
    <t>cg07924535</t>
  </si>
  <si>
    <t>cg07927617</t>
  </si>
  <si>
    <t>cg07928191</t>
  </si>
  <si>
    <t>cg07934026</t>
  </si>
  <si>
    <t>cg07934561</t>
  </si>
  <si>
    <t>cg07935727</t>
  </si>
  <si>
    <t>cg07935784</t>
  </si>
  <si>
    <t>cg07937443</t>
  </si>
  <si>
    <t>cg07937578</t>
  </si>
  <si>
    <t>cg07940440</t>
  </si>
  <si>
    <t>cg07945480</t>
  </si>
  <si>
    <t>cg07952985</t>
  </si>
  <si>
    <t>cg07954844</t>
  </si>
  <si>
    <t>cg07956200</t>
  </si>
  <si>
    <t>cg07961637</t>
  </si>
  <si>
    <t>cg07964133</t>
  </si>
  <si>
    <t>cg07965335</t>
  </si>
  <si>
    <t>cg07973390</t>
  </si>
  <si>
    <t>cg07973709</t>
  </si>
  <si>
    <t>cg07974125</t>
  </si>
  <si>
    <t>cg07976864</t>
  </si>
  <si>
    <t>cg07980242</t>
  </si>
  <si>
    <t>cg07980466</t>
  </si>
  <si>
    <t>cg07991704</t>
  </si>
  <si>
    <t>cg07992040</t>
  </si>
  <si>
    <t>cg07993178</t>
  </si>
  <si>
    <t>cg07994661</t>
  </si>
  <si>
    <t>cg07999845</t>
  </si>
  <si>
    <t>cg08003742</t>
  </si>
  <si>
    <t>cg08018825</t>
  </si>
  <si>
    <t>cg08029287</t>
  </si>
  <si>
    <t>cg08034535</t>
  </si>
  <si>
    <t>cg08038052</t>
  </si>
  <si>
    <t>cg08046471</t>
  </si>
  <si>
    <t>cg08053686</t>
  </si>
  <si>
    <t>cg08056778</t>
  </si>
  <si>
    <t>cg08057869</t>
  </si>
  <si>
    <t>cg08058470</t>
  </si>
  <si>
    <t>cg08068007</t>
  </si>
  <si>
    <t>cg08070200</t>
  </si>
  <si>
    <t>cg08072487</t>
  </si>
  <si>
    <t>cg08075508</t>
  </si>
  <si>
    <t>cg08083689</t>
  </si>
  <si>
    <t>cg08090452</t>
  </si>
  <si>
    <t>cg08103568</t>
  </si>
  <si>
    <t>cg08106124</t>
  </si>
  <si>
    <t>cg08111167</t>
  </si>
  <si>
    <t>cg08112737</t>
  </si>
  <si>
    <t>cg08116915</t>
  </si>
  <si>
    <t>cg08118273</t>
  </si>
  <si>
    <t>cg08122100</t>
  </si>
  <si>
    <t>cg08125031</t>
  </si>
  <si>
    <t>cg08125181</t>
  </si>
  <si>
    <t>cg08125574</t>
  </si>
  <si>
    <t>cg08125755</t>
  </si>
  <si>
    <t>cg08126798</t>
  </si>
  <si>
    <t>cg08129266</t>
  </si>
  <si>
    <t>cg08145949</t>
  </si>
  <si>
    <t>cg08154039</t>
  </si>
  <si>
    <t>cg08160091</t>
  </si>
  <si>
    <t>cg08160350</t>
  </si>
  <si>
    <t>cg08161323</t>
  </si>
  <si>
    <t>cg08167110</t>
  </si>
  <si>
    <t>cg08167129</t>
  </si>
  <si>
    <t>cg08168847</t>
  </si>
  <si>
    <t>cg08174890</t>
  </si>
  <si>
    <t>cg08176056</t>
  </si>
  <si>
    <t>cg08176812</t>
  </si>
  <si>
    <t>cg08178441</t>
  </si>
  <si>
    <t>cg08179155</t>
  </si>
  <si>
    <t>cg08179817</t>
  </si>
  <si>
    <t>cg08180187</t>
  </si>
  <si>
    <t>cg08197880</t>
  </si>
  <si>
    <t>cg08198265</t>
  </si>
  <si>
    <t>cg08201690</t>
  </si>
  <si>
    <t>cg08205686</t>
  </si>
  <si>
    <t>cg08206079</t>
  </si>
  <si>
    <t>cg08209133</t>
  </si>
  <si>
    <t>cg08211091</t>
  </si>
  <si>
    <t>cg08219107</t>
  </si>
  <si>
    <t>cg08220628</t>
  </si>
  <si>
    <t>cg08225341</t>
  </si>
  <si>
    <t>cg08229518</t>
  </si>
  <si>
    <t>cg08262002</t>
  </si>
  <si>
    <t>cg08270573</t>
  </si>
  <si>
    <t>cg08271909</t>
  </si>
  <si>
    <t>cg08273640</t>
  </si>
  <si>
    <t>cg08273672</t>
  </si>
  <si>
    <t>cg08276984</t>
  </si>
  <si>
    <t>cg08286012</t>
  </si>
  <si>
    <t>cg08291342</t>
  </si>
  <si>
    <t>cg08299791</t>
  </si>
  <si>
    <t>cg08300164</t>
  </si>
  <si>
    <t>cg08308725</t>
  </si>
  <si>
    <t>cg08317058</t>
  </si>
  <si>
    <t>cg08319991</t>
  </si>
  <si>
    <t>cg08320703</t>
  </si>
  <si>
    <t>cg08321483</t>
  </si>
  <si>
    <t>cg08326515</t>
  </si>
  <si>
    <t>cg08330919</t>
  </si>
  <si>
    <t>cg08332875</t>
  </si>
  <si>
    <t>cg08332990</t>
  </si>
  <si>
    <t>cg08335618</t>
  </si>
  <si>
    <t>cg08339159</t>
  </si>
  <si>
    <t>cg08345040</t>
  </si>
  <si>
    <t>cg08354106</t>
  </si>
  <si>
    <t>cg08371947</t>
  </si>
  <si>
    <t>cg08376020</t>
  </si>
  <si>
    <t>cg08393516</t>
  </si>
  <si>
    <t>cg08395459</t>
  </si>
  <si>
    <t>cg08396113</t>
  </si>
  <si>
    <t>cg08400124</t>
  </si>
  <si>
    <t>cg08402246</t>
  </si>
  <si>
    <t>cg08403043</t>
  </si>
  <si>
    <t>cg08405119</t>
  </si>
  <si>
    <t>cg08415281</t>
  </si>
  <si>
    <t>cg08415977</t>
  </si>
  <si>
    <t>cg08416023</t>
  </si>
  <si>
    <t>cg08441269</t>
  </si>
  <si>
    <t>cg08442934</t>
  </si>
  <si>
    <t>cg08443305</t>
  </si>
  <si>
    <t>cg08443767</t>
  </si>
  <si>
    <t>cg08453458</t>
  </si>
  <si>
    <t>cg08459783</t>
  </si>
  <si>
    <t>cg08460812</t>
  </si>
  <si>
    <t>cg08462122</t>
  </si>
  <si>
    <t>cg08462372</t>
  </si>
  <si>
    <t>cg08462501</t>
  </si>
  <si>
    <t>cg08472008</t>
  </si>
  <si>
    <t>cg08475096</t>
  </si>
  <si>
    <t>cg08488569</t>
  </si>
  <si>
    <t>cg08493463</t>
  </si>
  <si>
    <t>cg08494390</t>
  </si>
  <si>
    <t>cg08519643</t>
  </si>
  <si>
    <t>cg08524525</t>
  </si>
  <si>
    <t>cg08529267</t>
  </si>
  <si>
    <t>cg08545123</t>
  </si>
  <si>
    <t>cg08547601</t>
  </si>
  <si>
    <t>cg08549536</t>
  </si>
  <si>
    <t>cg08553601</t>
  </si>
  <si>
    <t>cg08553868</t>
  </si>
  <si>
    <t>cg08554860</t>
  </si>
  <si>
    <t>cg08555552</t>
  </si>
  <si>
    <t>cg08555912</t>
  </si>
  <si>
    <t>cg08557246</t>
  </si>
  <si>
    <t>cg08574758</t>
  </si>
  <si>
    <t>cg08575049</t>
  </si>
  <si>
    <t>cg08576208</t>
  </si>
  <si>
    <t>cg08577991</t>
  </si>
  <si>
    <t>cg08578776</t>
  </si>
  <si>
    <t>cg08579038</t>
  </si>
  <si>
    <t>cg08579192</t>
  </si>
  <si>
    <t>cg08582773</t>
  </si>
  <si>
    <t>cg08592733</t>
  </si>
  <si>
    <t>cg08611689</t>
  </si>
  <si>
    <t>cg08614163</t>
  </si>
  <si>
    <t>cg08615699</t>
  </si>
  <si>
    <t>cg08619954</t>
  </si>
  <si>
    <t>cg08627193</t>
  </si>
  <si>
    <t>cg08635822</t>
  </si>
  <si>
    <t>cg08644023</t>
  </si>
  <si>
    <t>cg08644045</t>
  </si>
  <si>
    <t>cg08650251</t>
  </si>
  <si>
    <t>cg08652808</t>
  </si>
  <si>
    <t>cg08655181</t>
  </si>
  <si>
    <t>cg08655871</t>
  </si>
  <si>
    <t>cg08659203</t>
  </si>
  <si>
    <t>cg08661470</t>
  </si>
  <si>
    <t>cg08666333</t>
  </si>
  <si>
    <t>cg08666833</t>
  </si>
  <si>
    <t>cg08669018</t>
  </si>
  <si>
    <t>cg08671647</t>
  </si>
  <si>
    <t>cg08674236</t>
  </si>
  <si>
    <t>cg08675565</t>
  </si>
  <si>
    <t>cg08679403</t>
  </si>
  <si>
    <t>cg08683831</t>
  </si>
  <si>
    <t>cg08703151</t>
  </si>
  <si>
    <t>cg08713005</t>
  </si>
  <si>
    <t>cg08713626</t>
  </si>
  <si>
    <t>cg08715469</t>
  </si>
  <si>
    <t>cg08721746</t>
  </si>
  <si>
    <t>cg08722675</t>
  </si>
  <si>
    <t>cg08733172</t>
  </si>
  <si>
    <t>cg08733824</t>
  </si>
  <si>
    <t>cg08736446</t>
  </si>
  <si>
    <t>cg08736516</t>
  </si>
  <si>
    <t>cg08740010</t>
  </si>
  <si>
    <t>cg08741280</t>
  </si>
  <si>
    <t>cg08741531</t>
  </si>
  <si>
    <t>cg08741578</t>
  </si>
  <si>
    <t>cg08741843</t>
  </si>
  <si>
    <t>cg08746785</t>
  </si>
  <si>
    <t>cg08751845</t>
  </si>
  <si>
    <t>cg08758727</t>
  </si>
  <si>
    <t>cg08767627</t>
  </si>
  <si>
    <t>cg08769300</t>
  </si>
  <si>
    <t>cg08775211</t>
  </si>
  <si>
    <t>cg08783845</t>
  </si>
  <si>
    <t>cg08785164</t>
  </si>
  <si>
    <t>cg08786822</t>
  </si>
  <si>
    <t>cg08808571</t>
  </si>
  <si>
    <t>cg08809542</t>
  </si>
  <si>
    <t>cg08811082</t>
  </si>
  <si>
    <t>cg08813325</t>
  </si>
  <si>
    <t>cg08814640</t>
  </si>
  <si>
    <t>cg08814800</t>
  </si>
  <si>
    <t>cg08815403</t>
  </si>
  <si>
    <t>cg08817983</t>
  </si>
  <si>
    <t>cg08820079</t>
  </si>
  <si>
    <t>cg08821557</t>
  </si>
  <si>
    <t>cg08821747</t>
  </si>
  <si>
    <t>cg08831277</t>
  </si>
  <si>
    <t>cg08833778</t>
  </si>
  <si>
    <t>cg08838260</t>
  </si>
  <si>
    <t>cg08845028</t>
  </si>
  <si>
    <t>cg08847300</t>
  </si>
  <si>
    <t>cg08847417</t>
  </si>
  <si>
    <t>cg08855742</t>
  </si>
  <si>
    <t>cg08867413</t>
  </si>
  <si>
    <t>cg08872085</t>
  </si>
  <si>
    <t>cg08874747</t>
  </si>
  <si>
    <t>cg08890690</t>
  </si>
  <si>
    <t>cg08894790</t>
  </si>
  <si>
    <t>cg08896942</t>
  </si>
  <si>
    <t>cg08898622</t>
  </si>
  <si>
    <t>cg08901578</t>
  </si>
  <si>
    <t>cg08904095</t>
  </si>
  <si>
    <t>cg08905895</t>
  </si>
  <si>
    <t>cg08906246</t>
  </si>
  <si>
    <t>cg08906576</t>
  </si>
  <si>
    <t>cg08914932</t>
  </si>
  <si>
    <t>cg08922603</t>
  </si>
  <si>
    <t>cg08924430</t>
  </si>
  <si>
    <t>cg08924554</t>
  </si>
  <si>
    <t>cg08929548</t>
  </si>
  <si>
    <t>cg08931847</t>
  </si>
  <si>
    <t>cg08931861</t>
  </si>
  <si>
    <t>cg08935526</t>
  </si>
  <si>
    <t>cg08937613</t>
  </si>
  <si>
    <t>cg08942875</t>
  </si>
  <si>
    <t>cg08943292</t>
  </si>
  <si>
    <t>cg08948841</t>
  </si>
  <si>
    <t>cg08949974</t>
  </si>
  <si>
    <t>cg08958755</t>
  </si>
  <si>
    <t>cg08961294</t>
  </si>
  <si>
    <t>cg08961408</t>
  </si>
  <si>
    <t>cg08963972</t>
  </si>
  <si>
    <t>cg08968034</t>
  </si>
  <si>
    <t>cg08969937</t>
  </si>
  <si>
    <t>cg08979895</t>
  </si>
  <si>
    <t>cg08983064</t>
  </si>
  <si>
    <t>cg08985063</t>
  </si>
  <si>
    <t>cg08985979</t>
  </si>
  <si>
    <t>cg09010346</t>
  </si>
  <si>
    <t>cg09010372</t>
  </si>
  <si>
    <t>cg09015566</t>
  </si>
  <si>
    <t>cg09018429</t>
  </si>
  <si>
    <t>cg09018824</t>
  </si>
  <si>
    <t>cg09022993</t>
  </si>
  <si>
    <t>cg09023584</t>
  </si>
  <si>
    <t>cg09027651</t>
  </si>
  <si>
    <t>cg09029046</t>
  </si>
  <si>
    <t>cg09029193</t>
  </si>
  <si>
    <t>cg09058931</t>
  </si>
  <si>
    <t>cg09062218</t>
  </si>
  <si>
    <t>cg09074743</t>
  </si>
  <si>
    <t>cg09087966</t>
  </si>
  <si>
    <t>cg09088577</t>
  </si>
  <si>
    <t>cg09089644</t>
  </si>
  <si>
    <t>cg09091273</t>
  </si>
  <si>
    <t>cg09095914</t>
  </si>
  <si>
    <t>cg09096084</t>
  </si>
  <si>
    <t>cg09107603</t>
  </si>
  <si>
    <t>cg09108314</t>
  </si>
  <si>
    <t>cg09114528</t>
  </si>
  <si>
    <t>cg09114672</t>
  </si>
  <si>
    <t>cg09120456</t>
  </si>
  <si>
    <t>cg09120873</t>
  </si>
  <si>
    <t>cg09122442</t>
  </si>
  <si>
    <t>cg09124415</t>
  </si>
  <si>
    <t>cg09133192</t>
  </si>
  <si>
    <t>cg09133485</t>
  </si>
  <si>
    <t>cg09142408</t>
  </si>
  <si>
    <t>cg09146695</t>
  </si>
  <si>
    <t>cg09160776</t>
  </si>
  <si>
    <t>cg09169953</t>
  </si>
  <si>
    <t>cg09170553</t>
  </si>
  <si>
    <t>cg09172812</t>
  </si>
  <si>
    <t>cg09178384</t>
  </si>
  <si>
    <t>cg09190280</t>
  </si>
  <si>
    <t>cg09191036</t>
  </si>
  <si>
    <t>cg09191232</t>
  </si>
  <si>
    <t>cg09205065</t>
  </si>
  <si>
    <t>cg09216008</t>
  </si>
  <si>
    <t>cg09216442</t>
  </si>
  <si>
    <t>cg09218510</t>
  </si>
  <si>
    <t>cg09221867</t>
  </si>
  <si>
    <t>cg09229947</t>
  </si>
  <si>
    <t>cg09237302</t>
  </si>
  <si>
    <t>cg09241455</t>
  </si>
  <si>
    <t>cg09256880</t>
  </si>
  <si>
    <t>cg09269619</t>
  </si>
  <si>
    <t>cg09278540</t>
  </si>
  <si>
    <t>cg09290600</t>
  </si>
  <si>
    <t>cg09292525</t>
  </si>
  <si>
    <t>cg09295382</t>
  </si>
  <si>
    <t>cg09298466</t>
  </si>
  <si>
    <t>cg09301458</t>
  </si>
  <si>
    <t>cg09308801</t>
  </si>
  <si>
    <t>cg09308803</t>
  </si>
  <si>
    <t>cg09308829</t>
  </si>
  <si>
    <t>cg09311149</t>
  </si>
  <si>
    <t>cg09315464</t>
  </si>
  <si>
    <t>cg09317554</t>
  </si>
  <si>
    <t>cg09327821</t>
  </si>
  <si>
    <t>cg09333481</t>
  </si>
  <si>
    <t>cg09339763</t>
  </si>
  <si>
    <t>cg09346617</t>
  </si>
  <si>
    <t>cg09349604</t>
  </si>
  <si>
    <t>cg09350414</t>
  </si>
  <si>
    <t>cg09357979</t>
  </si>
  <si>
    <t>cg09359391</t>
  </si>
  <si>
    <t>cg09362354</t>
  </si>
  <si>
    <t>cg09371344</t>
  </si>
  <si>
    <t>cg09381178</t>
  </si>
  <si>
    <t>cg09382601</t>
  </si>
  <si>
    <t>cg09407239</t>
  </si>
  <si>
    <t>cg09409168</t>
  </si>
  <si>
    <t>cg09414773</t>
  </si>
  <si>
    <t>cg09422701</t>
  </si>
  <si>
    <t>cg09423836</t>
  </si>
  <si>
    <t>cg09424308</t>
  </si>
  <si>
    <t>cg09427998</t>
  </si>
  <si>
    <t>cg09428031</t>
  </si>
  <si>
    <t>cg09428681</t>
  </si>
  <si>
    <t>cg09430391</t>
  </si>
  <si>
    <t>cg09434803</t>
  </si>
  <si>
    <t>cg09435090</t>
  </si>
  <si>
    <t>cg09439010</t>
  </si>
  <si>
    <t>cg09447808</t>
  </si>
  <si>
    <t>cg09450657</t>
  </si>
  <si>
    <t>cg09457801</t>
  </si>
  <si>
    <t>cg09458197</t>
  </si>
  <si>
    <t>cg09459044</t>
  </si>
  <si>
    <t>cg09461545</t>
  </si>
  <si>
    <t>cg09462240</t>
  </si>
  <si>
    <t>cg09463174</t>
  </si>
  <si>
    <t>cg09468051</t>
  </si>
  <si>
    <t>cg09472821</t>
  </si>
  <si>
    <t>cg09476891</t>
  </si>
  <si>
    <t>cg09491068</t>
  </si>
  <si>
    <t>cg09491670</t>
  </si>
  <si>
    <t>cg09503566</t>
  </si>
  <si>
    <t>cg09503927</t>
  </si>
  <si>
    <t>cg09519400</t>
  </si>
  <si>
    <t>cg09520393</t>
  </si>
  <si>
    <t>cg09525490</t>
  </si>
  <si>
    <t>cg09526685</t>
  </si>
  <si>
    <t>cg09526697</t>
  </si>
  <si>
    <t>cg09528056</t>
  </si>
  <si>
    <t>cg09531225</t>
  </si>
  <si>
    <t>cg09532503</t>
  </si>
  <si>
    <t>cg09533783</t>
  </si>
  <si>
    <t>cg09535718</t>
  </si>
  <si>
    <t>cg09544641</t>
  </si>
  <si>
    <t>cg09545984</t>
  </si>
  <si>
    <t>cg09548167</t>
  </si>
  <si>
    <t>cg09550768</t>
  </si>
  <si>
    <t>cg09555544</t>
  </si>
  <si>
    <t>cg09555706</t>
  </si>
  <si>
    <t>cg09557149</t>
  </si>
  <si>
    <t>cg09560294</t>
  </si>
  <si>
    <t>cg09561739</t>
  </si>
  <si>
    <t>cg09562045</t>
  </si>
  <si>
    <t>cg09563777</t>
  </si>
  <si>
    <t>cg09566237</t>
  </si>
  <si>
    <t>cg09568483</t>
  </si>
  <si>
    <t>cg09573795</t>
  </si>
  <si>
    <t>cg09578568</t>
  </si>
  <si>
    <t>cg09578829</t>
  </si>
  <si>
    <t>cg09595275</t>
  </si>
  <si>
    <t>cg09635541</t>
  </si>
  <si>
    <t>cg09636525</t>
  </si>
  <si>
    <t>cg09639094</t>
  </si>
  <si>
    <t>cg09657538</t>
  </si>
  <si>
    <t>cg09669853</t>
  </si>
  <si>
    <t>cg09680447</t>
  </si>
  <si>
    <t>cg09681089</t>
  </si>
  <si>
    <t>cg09682129</t>
  </si>
  <si>
    <t>cg09689224</t>
  </si>
  <si>
    <t>cg09691317</t>
  </si>
  <si>
    <t>cg09691861</t>
  </si>
  <si>
    <t>cg09693004</t>
  </si>
  <si>
    <t>cg09693228</t>
  </si>
  <si>
    <t>cg09702453</t>
  </si>
  <si>
    <t>cg09707262</t>
  </si>
  <si>
    <t>cg09719750</t>
  </si>
  <si>
    <t>cg09720785</t>
  </si>
  <si>
    <t>cg09730689</t>
  </si>
  <si>
    <t>cg09735869</t>
  </si>
  <si>
    <t>cg09749049</t>
  </si>
  <si>
    <t>cg09752496</t>
  </si>
  <si>
    <t>cg09768983</t>
  </si>
  <si>
    <t>cg09788843</t>
  </si>
  <si>
    <t>cg09789721</t>
  </si>
  <si>
    <t>cg09802192</t>
  </si>
  <si>
    <t>cg09807565</t>
  </si>
  <si>
    <t>cg09816652</t>
  </si>
  <si>
    <t>cg09821936</t>
  </si>
  <si>
    <t>cg09826550</t>
  </si>
  <si>
    <t>cg09831144</t>
  </si>
  <si>
    <t>cg09845184</t>
  </si>
  <si>
    <t>cg09846177</t>
  </si>
  <si>
    <t>cg09848324</t>
  </si>
  <si>
    <t>cg09848659</t>
  </si>
  <si>
    <t>cg09849472</t>
  </si>
  <si>
    <t>cg09852389</t>
  </si>
  <si>
    <t>cg09866119</t>
  </si>
  <si>
    <t>cg09867452</t>
  </si>
  <si>
    <t>cg09870834</t>
  </si>
  <si>
    <t>cg09883255</t>
  </si>
  <si>
    <t>cg09883987</t>
  </si>
  <si>
    <t>cg09884257</t>
  </si>
  <si>
    <t>cg09884451</t>
  </si>
  <si>
    <t>cg09887298</t>
  </si>
  <si>
    <t>cg09888336</t>
  </si>
  <si>
    <t>cg09892710</t>
  </si>
  <si>
    <t>cg09906193</t>
  </si>
  <si>
    <t>cg09907542</t>
  </si>
  <si>
    <t>cg09910856</t>
  </si>
  <si>
    <t>cg09912079</t>
  </si>
  <si>
    <t>cg09912806</t>
  </si>
  <si>
    <t>cg09913413</t>
  </si>
  <si>
    <t>cg09915299</t>
  </si>
  <si>
    <t>cg09916234</t>
  </si>
  <si>
    <t>cg09917805</t>
  </si>
  <si>
    <t>cg09919471</t>
  </si>
  <si>
    <t>cg09919982</t>
  </si>
  <si>
    <t>cg09926747</t>
  </si>
  <si>
    <t>cg09934926</t>
  </si>
  <si>
    <t>cg09936561</t>
  </si>
  <si>
    <t>cg09942303</t>
  </si>
  <si>
    <t>cg09942463</t>
  </si>
  <si>
    <t>cg09949789</t>
  </si>
  <si>
    <t>cg09963123</t>
  </si>
  <si>
    <t>cg09964246</t>
  </si>
  <si>
    <t>cg09979924</t>
  </si>
  <si>
    <t>cg09981884</t>
  </si>
  <si>
    <t>cg09985615</t>
  </si>
  <si>
    <t>cg09988738</t>
  </si>
  <si>
    <t>cg09998004</t>
  </si>
  <si>
    <t>cg10005960</t>
  </si>
  <si>
    <t>cg10019083</t>
  </si>
  <si>
    <t>cg10024909</t>
  </si>
  <si>
    <t>cg10030636</t>
  </si>
  <si>
    <t>cg10032668</t>
  </si>
  <si>
    <t>cg10049708</t>
  </si>
  <si>
    <t>cg10049783</t>
  </si>
  <si>
    <t>cg10051588</t>
  </si>
  <si>
    <t>cg10051615</t>
  </si>
  <si>
    <t>cg10056520</t>
  </si>
  <si>
    <t>cg10059511</t>
  </si>
  <si>
    <t>cg10063179</t>
  </si>
  <si>
    <t>cg10074544</t>
  </si>
  <si>
    <t>cg10085474</t>
  </si>
  <si>
    <t>cg10087973</t>
  </si>
  <si>
    <t>cg10092607</t>
  </si>
  <si>
    <t>cg10094846</t>
  </si>
  <si>
    <t>cg10096405</t>
  </si>
  <si>
    <t>cg10096955</t>
  </si>
  <si>
    <t>cg10098221</t>
  </si>
  <si>
    <t>cg10113197</t>
  </si>
  <si>
    <t>cg10117400</t>
  </si>
  <si>
    <t>cg10117734</t>
  </si>
  <si>
    <t>cg10120605</t>
  </si>
  <si>
    <t>cg10120856</t>
  </si>
  <si>
    <t>cg10122877</t>
  </si>
  <si>
    <t>cg10127275</t>
  </si>
  <si>
    <t>cg10133171</t>
  </si>
  <si>
    <t>cg10133462</t>
  </si>
  <si>
    <t>cg10134425</t>
  </si>
  <si>
    <t>cg10134910</t>
  </si>
  <si>
    <t>cg10136560</t>
  </si>
  <si>
    <t>cg10136736</t>
  </si>
  <si>
    <t>cg10147479</t>
  </si>
  <si>
    <t>cg10149329</t>
  </si>
  <si>
    <t>cg10150813</t>
  </si>
  <si>
    <t>cg10150824</t>
  </si>
  <si>
    <t>cg10158181</t>
  </si>
  <si>
    <t>cg10172669</t>
  </si>
  <si>
    <t>cg10182321</t>
  </si>
  <si>
    <t>cg10183150</t>
  </si>
  <si>
    <t>cg10187907</t>
  </si>
  <si>
    <t>cg10189607</t>
  </si>
  <si>
    <t>cg10189695</t>
  </si>
  <si>
    <t>cg10190898</t>
  </si>
  <si>
    <t>cg10194319</t>
  </si>
  <si>
    <t>cg10195692</t>
  </si>
  <si>
    <t>cg10203523</t>
  </si>
  <si>
    <t>cg10203610</t>
  </si>
  <si>
    <t>cg10205287</t>
  </si>
  <si>
    <t>cg10207052</t>
  </si>
  <si>
    <t>cg10207656</t>
  </si>
  <si>
    <t>cg10208132</t>
  </si>
  <si>
    <t>cg10218799</t>
  </si>
  <si>
    <t>cg10219157</t>
  </si>
  <si>
    <t>cg10221240</t>
  </si>
  <si>
    <t>cg10227830</t>
  </si>
  <si>
    <t>cg10227863</t>
  </si>
  <si>
    <t>cg10228293</t>
  </si>
  <si>
    <t>cg10231049</t>
  </si>
  <si>
    <t>cg10235056</t>
  </si>
  <si>
    <t>cg10235817</t>
  </si>
  <si>
    <t>cg10236603</t>
  </si>
  <si>
    <t>cg10242160</t>
  </si>
  <si>
    <t>cg10242279</t>
  </si>
  <si>
    <t>cg10242602</t>
  </si>
  <si>
    <t>cg10248878</t>
  </si>
  <si>
    <t>cg10249132</t>
  </si>
  <si>
    <t>cg10250534</t>
  </si>
  <si>
    <t>cg10266211</t>
  </si>
  <si>
    <t>cg10267809</t>
  </si>
  <si>
    <t>cg10268889</t>
  </si>
  <si>
    <t>cg10272520</t>
  </si>
  <si>
    <t>cg10279832</t>
  </si>
  <si>
    <t>cg10281378</t>
  </si>
  <si>
    <t>cg10288772</t>
  </si>
  <si>
    <t>cg10289060</t>
  </si>
  <si>
    <t>cg10289080</t>
  </si>
  <si>
    <t>cg10291288</t>
  </si>
  <si>
    <t>cg10310081</t>
  </si>
  <si>
    <t>cg10313093</t>
  </si>
  <si>
    <t>cg10315333</t>
  </si>
  <si>
    <t>cg10324419</t>
  </si>
  <si>
    <t>cg10329173</t>
  </si>
  <si>
    <t>cg10334354</t>
  </si>
  <si>
    <t>cg10338817</t>
  </si>
  <si>
    <t>cg10348863</t>
  </si>
  <si>
    <t>cg10349919</t>
  </si>
  <si>
    <t>cg10356277</t>
  </si>
  <si>
    <t>cg10363284</t>
  </si>
  <si>
    <t>cg10364374</t>
  </si>
  <si>
    <t>cg10364833</t>
  </si>
  <si>
    <t>cg10365246</t>
  </si>
  <si>
    <t>cg10367724</t>
  </si>
  <si>
    <t>cg10367743</t>
  </si>
  <si>
    <t>cg10369125</t>
  </si>
  <si>
    <t>cg10373086</t>
  </si>
  <si>
    <t>cg10375110</t>
  </si>
  <si>
    <t>cg10377451</t>
  </si>
  <si>
    <t>cg10387769</t>
  </si>
  <si>
    <t>cg10389982</t>
  </si>
  <si>
    <t>cg10396609</t>
  </si>
  <si>
    <t>cg10397389</t>
  </si>
  <si>
    <t>cg10399929</t>
  </si>
  <si>
    <t>cg10411272</t>
  </si>
  <si>
    <t>cg10418567</t>
  </si>
  <si>
    <t>cg10423757</t>
  </si>
  <si>
    <t>cg10424795</t>
  </si>
  <si>
    <t>cg10437224</t>
  </si>
  <si>
    <t>cg10456937</t>
  </si>
  <si>
    <t>cg10457539</t>
  </si>
  <si>
    <t>cg10459202</t>
  </si>
  <si>
    <t>cg10460820</t>
  </si>
  <si>
    <t>cg10465672</t>
  </si>
  <si>
    <t>cg10465680</t>
  </si>
  <si>
    <t>cg10469791</t>
  </si>
  <si>
    <t>cg10481740</t>
  </si>
  <si>
    <t>cg10484485</t>
  </si>
  <si>
    <t>cg10492240</t>
  </si>
  <si>
    <t>cg10492511</t>
  </si>
  <si>
    <t>cg10494397</t>
  </si>
  <si>
    <t>cg10498390</t>
  </si>
  <si>
    <t>cg10509254</t>
  </si>
  <si>
    <t>cg10511758</t>
  </si>
  <si>
    <t>cg10520887</t>
  </si>
  <si>
    <t>cg10521638</t>
  </si>
  <si>
    <t>cg10524033</t>
  </si>
  <si>
    <t>cg10525488</t>
  </si>
  <si>
    <t>cg10525642</t>
  </si>
  <si>
    <t>cg10528218</t>
  </si>
  <si>
    <t>cg10531263</t>
  </si>
  <si>
    <t>cg10534544</t>
  </si>
  <si>
    <t>cg10536462</t>
  </si>
  <si>
    <t>cg10537927</t>
  </si>
  <si>
    <t>cg10539507</t>
  </si>
  <si>
    <t>cg10541534</t>
  </si>
  <si>
    <t>cg10543784</t>
  </si>
  <si>
    <t>cg10544839</t>
  </si>
  <si>
    <t>cg10573181</t>
  </si>
  <si>
    <t>cg10574494</t>
  </si>
  <si>
    <t>cg10586619</t>
  </si>
  <si>
    <t>cg10587047</t>
  </si>
  <si>
    <t>cg10590842</t>
  </si>
  <si>
    <t>cg10591801</t>
  </si>
  <si>
    <t>cg10621979</t>
  </si>
  <si>
    <t>cg10630155</t>
  </si>
  <si>
    <t>cg10631546</t>
  </si>
  <si>
    <t>cg10644206</t>
  </si>
  <si>
    <t>cg10647739</t>
  </si>
  <si>
    <t>cg10663973</t>
  </si>
  <si>
    <t>cg10671830</t>
  </si>
  <si>
    <t>cg10674754</t>
  </si>
  <si>
    <t>cg10677214</t>
  </si>
  <si>
    <t>cg10681992</t>
  </si>
  <si>
    <t>cg10682057</t>
  </si>
  <si>
    <t>cg10682299</t>
  </si>
  <si>
    <t>cg10683646</t>
  </si>
  <si>
    <t>cg10685144</t>
  </si>
  <si>
    <t>cg10685945</t>
  </si>
  <si>
    <t>cg10695325</t>
  </si>
  <si>
    <t>cg10699857</t>
  </si>
  <si>
    <t>cg10700114</t>
  </si>
  <si>
    <t>cg10724791</t>
  </si>
  <si>
    <t>cg10728104</t>
  </si>
  <si>
    <t>cg10731073</t>
  </si>
  <si>
    <t>cg10735211</t>
  </si>
  <si>
    <t>cg10735361</t>
  </si>
  <si>
    <t>cg10737625</t>
  </si>
  <si>
    <t>cg10742523</t>
  </si>
  <si>
    <t>cg10745272</t>
  </si>
  <si>
    <t>cg10756099</t>
  </si>
  <si>
    <t>cg10756127</t>
  </si>
  <si>
    <t>cg10766585</t>
  </si>
  <si>
    <t>cg10773799</t>
  </si>
  <si>
    <t>cg10774361</t>
  </si>
  <si>
    <t>cg10778379</t>
  </si>
  <si>
    <t>cg10778915</t>
  </si>
  <si>
    <t>cg10790791</t>
  </si>
  <si>
    <t>cg10815229</t>
  </si>
  <si>
    <t>cg10816700</t>
  </si>
  <si>
    <t>cg10816921</t>
  </si>
  <si>
    <t>cg10817093</t>
  </si>
  <si>
    <t>cg10839823</t>
  </si>
  <si>
    <t>cg10843276</t>
  </si>
  <si>
    <t>cg10847094</t>
  </si>
  <si>
    <t>cg10852861</t>
  </si>
  <si>
    <t>cg10855342</t>
  </si>
  <si>
    <t>cg10858686</t>
  </si>
  <si>
    <t>cg10858909</t>
  </si>
  <si>
    <t>cg10866833</t>
  </si>
  <si>
    <t>cg10868668</t>
  </si>
  <si>
    <t>cg10869131</t>
  </si>
  <si>
    <t>cg10869531</t>
  </si>
  <si>
    <t>cg10870083</t>
  </si>
  <si>
    <t>cg10873330</t>
  </si>
  <si>
    <t>cg10874251</t>
  </si>
  <si>
    <t>cg10879992</t>
  </si>
  <si>
    <t>cg10880006</t>
  </si>
  <si>
    <t>cg10888461</t>
  </si>
  <si>
    <t>cg10898127</t>
  </si>
  <si>
    <t>cg10904061</t>
  </si>
  <si>
    <t>cg10905898</t>
  </si>
  <si>
    <t>cg10910862</t>
  </si>
  <si>
    <t>cg10911747</t>
  </si>
  <si>
    <t>cg10920378</t>
  </si>
  <si>
    <t>cg10923036</t>
  </si>
  <si>
    <t>cg10925991</t>
  </si>
  <si>
    <t>cg10933003</t>
  </si>
  <si>
    <t>cg10936964</t>
  </si>
  <si>
    <t>cg10942136</t>
  </si>
  <si>
    <t>cg10943359</t>
  </si>
  <si>
    <t>cg10946669</t>
  </si>
  <si>
    <t>cg10947001</t>
  </si>
  <si>
    <t>cg10954765</t>
  </si>
  <si>
    <t>cg10959242</t>
  </si>
  <si>
    <t>cg10959820</t>
  </si>
  <si>
    <t>cg10959907</t>
  </si>
  <si>
    <t>cg10960198</t>
  </si>
  <si>
    <t>cg10966208</t>
  </si>
  <si>
    <t>cg10966830</t>
  </si>
  <si>
    <t>cg10972353</t>
  </si>
  <si>
    <t>cg10976673</t>
  </si>
  <si>
    <t>cg10985479</t>
  </si>
  <si>
    <t>cg10996816</t>
  </si>
  <si>
    <t>cg11003309</t>
  </si>
  <si>
    <t>cg11005692</t>
  </si>
  <si>
    <t>cg11010122</t>
  </si>
  <si>
    <t>cg11014917</t>
  </si>
  <si>
    <t>cg11016749</t>
  </si>
  <si>
    <t>cg11021317</t>
  </si>
  <si>
    <t>cg11022537</t>
  </si>
  <si>
    <t>cg11025256</t>
  </si>
  <si>
    <t>cg11028201</t>
  </si>
  <si>
    <t>cg11030446</t>
  </si>
  <si>
    <t>cg11032810</t>
  </si>
  <si>
    <t>cg11034191</t>
  </si>
  <si>
    <t>cg11036672</t>
  </si>
  <si>
    <t>cg11046315</t>
  </si>
  <si>
    <t>cg11060856</t>
  </si>
  <si>
    <t>cg11065718</t>
  </si>
  <si>
    <t>cg11075754</t>
  </si>
  <si>
    <t>cg11076306</t>
  </si>
  <si>
    <t>cg11076487</t>
  </si>
  <si>
    <t>cg11100798</t>
  </si>
  <si>
    <t>cg11102122</t>
  </si>
  <si>
    <t>cg11104736</t>
  </si>
  <si>
    <t>cg11106865</t>
  </si>
  <si>
    <t>cg11110248</t>
  </si>
  <si>
    <t>cg11115235</t>
  </si>
  <si>
    <t>cg11125787</t>
  </si>
  <si>
    <t>cg11141692</t>
  </si>
  <si>
    <t>cg11142489</t>
  </si>
  <si>
    <t>cg11154040</t>
  </si>
  <si>
    <t>cg11155673</t>
  </si>
  <si>
    <t>cg11158629</t>
  </si>
  <si>
    <t>cg11164441</t>
  </si>
  <si>
    <t>cg11164860</t>
  </si>
  <si>
    <t>cg11168004</t>
  </si>
  <si>
    <t>cg11168687</t>
  </si>
  <si>
    <t>cg11171429</t>
  </si>
  <si>
    <t>cg11185039</t>
  </si>
  <si>
    <t>cg11188666</t>
  </si>
  <si>
    <t>cg11192223</t>
  </si>
  <si>
    <t>cg11197905</t>
  </si>
  <si>
    <t>cg11202160</t>
  </si>
  <si>
    <t>cg11208915</t>
  </si>
  <si>
    <t>cg11219917</t>
  </si>
  <si>
    <t>cg11227637</t>
  </si>
  <si>
    <t>cg11242764</t>
  </si>
  <si>
    <t>cg11243196</t>
  </si>
  <si>
    <t>cg11244051</t>
  </si>
  <si>
    <t>cg11247497</t>
  </si>
  <si>
    <t>cg11249129</t>
  </si>
  <si>
    <t>cg11251499</t>
  </si>
  <si>
    <t>cg11255265</t>
  </si>
  <si>
    <t>cg11258108</t>
  </si>
  <si>
    <t>cg11266682</t>
  </si>
  <si>
    <t>cg11270806</t>
  </si>
  <si>
    <t>cg11277230</t>
  </si>
  <si>
    <t>cg11278107</t>
  </si>
  <si>
    <t>cg11284329</t>
  </si>
  <si>
    <t>cg11285937</t>
  </si>
  <si>
    <t>cg11287388</t>
  </si>
  <si>
    <t>cg11287885</t>
  </si>
  <si>
    <t>cg11294626</t>
  </si>
  <si>
    <t>cg11298412</t>
  </si>
  <si>
    <t>cg11301795</t>
  </si>
  <si>
    <t>cg11302293</t>
  </si>
  <si>
    <t>cg11304950</t>
  </si>
  <si>
    <t>cg11306783</t>
  </si>
  <si>
    <t>cg11315544</t>
  </si>
  <si>
    <t>cg11320032</t>
  </si>
  <si>
    <t>cg11321144</t>
  </si>
  <si>
    <t>cg11324010</t>
  </si>
  <si>
    <t>cg11327857</t>
  </si>
  <si>
    <t>cg11330465</t>
  </si>
  <si>
    <t>cg11331717</t>
  </si>
  <si>
    <t>cg11331739</t>
  </si>
  <si>
    <t>cg11332163</t>
  </si>
  <si>
    <t>cg11353748</t>
  </si>
  <si>
    <t>cg11354906</t>
  </si>
  <si>
    <t>cg11366178</t>
  </si>
  <si>
    <t>cg11367658</t>
  </si>
  <si>
    <t>cg11369235</t>
  </si>
  <si>
    <t>cg11372422</t>
  </si>
  <si>
    <t>cg11372831</t>
  </si>
  <si>
    <t>cg11373356</t>
  </si>
  <si>
    <t>cg11375652</t>
  </si>
  <si>
    <t>cg11376227</t>
  </si>
  <si>
    <t>cg11382291</t>
  </si>
  <si>
    <t>cg11391431</t>
  </si>
  <si>
    <t>cg11392765</t>
  </si>
  <si>
    <t>cg11393122</t>
  </si>
  <si>
    <t>cg11395606</t>
  </si>
  <si>
    <t>cg11395610</t>
  </si>
  <si>
    <t>cg11404039</t>
  </si>
  <si>
    <t>cg11404380</t>
  </si>
  <si>
    <t>cg11411228</t>
  </si>
  <si>
    <t>cg11413443</t>
  </si>
  <si>
    <t>cg11416290</t>
  </si>
  <si>
    <t>cg11418177</t>
  </si>
  <si>
    <t>cg11426170</t>
  </si>
  <si>
    <t>cg11427855</t>
  </si>
  <si>
    <t>cg11432275</t>
  </si>
  <si>
    <t>cg11436899</t>
  </si>
  <si>
    <t>cg11444009</t>
  </si>
  <si>
    <t>cg11468319</t>
  </si>
  <si>
    <t>cg11469285</t>
  </si>
  <si>
    <t>cg11471262</t>
  </si>
  <si>
    <t>cg11481288</t>
  </si>
  <si>
    <t>cg11482719</t>
  </si>
  <si>
    <t>cg11486133</t>
  </si>
  <si>
    <t>cg11489580</t>
  </si>
  <si>
    <t>cg11491436</t>
  </si>
  <si>
    <t>cg11495966</t>
  </si>
  <si>
    <t>cg11501976</t>
  </si>
  <si>
    <t>cg11507473</t>
  </si>
  <si>
    <t>cg11512289</t>
  </si>
  <si>
    <t>cg11512859</t>
  </si>
  <si>
    <t>cg11513002</t>
  </si>
  <si>
    <t>cg11516031</t>
  </si>
  <si>
    <t>cg11517936</t>
  </si>
  <si>
    <t>cg11522145</t>
  </si>
  <si>
    <t>cg11523290</t>
  </si>
  <si>
    <t>cg11524428</t>
  </si>
  <si>
    <t>cg11525552</t>
  </si>
  <si>
    <t>cg11528666</t>
  </si>
  <si>
    <t>cg11545457</t>
  </si>
  <si>
    <t>cg11553868</t>
  </si>
  <si>
    <t>cg11553983</t>
  </si>
  <si>
    <t>cg11557636</t>
  </si>
  <si>
    <t>cg11561301</t>
  </si>
  <si>
    <t>cg11562502</t>
  </si>
  <si>
    <t>cg11569478</t>
  </si>
  <si>
    <t>cg11569486</t>
  </si>
  <si>
    <t>cg11570011</t>
  </si>
  <si>
    <t>cg11571453</t>
  </si>
  <si>
    <t>cg11571772</t>
  </si>
  <si>
    <t>cg11576176</t>
  </si>
  <si>
    <t>cg11579059</t>
  </si>
  <si>
    <t>cg11580341</t>
  </si>
  <si>
    <t>cg11580948</t>
  </si>
  <si>
    <t>cg11587799</t>
  </si>
  <si>
    <t>cg11595794</t>
  </si>
  <si>
    <t>cg11597515</t>
  </si>
  <si>
    <t>cg11598178</t>
  </si>
  <si>
    <t>cg11617585</t>
  </si>
  <si>
    <t>cg11620996</t>
  </si>
  <si>
    <t>cg11629380</t>
  </si>
  <si>
    <t>cg11630404</t>
  </si>
  <si>
    <t>cg11634531</t>
  </si>
  <si>
    <t>cg11636960</t>
  </si>
  <si>
    <t>cg11637968</t>
  </si>
  <si>
    <t>cg11638298</t>
  </si>
  <si>
    <t>cg11646192</t>
  </si>
  <si>
    <t>cg11648720</t>
  </si>
  <si>
    <t>cg11652691</t>
  </si>
  <si>
    <t>cg11656163</t>
  </si>
  <si>
    <t>cg11659747</t>
  </si>
  <si>
    <t>cg11659918</t>
  </si>
  <si>
    <t>cg11663667</t>
  </si>
  <si>
    <t>cg11671598</t>
  </si>
  <si>
    <t>cg11677222</t>
  </si>
  <si>
    <t>cg11678324</t>
  </si>
  <si>
    <t>cg11678896</t>
  </si>
  <si>
    <t>cg11688578</t>
  </si>
  <si>
    <t>cg11688944</t>
  </si>
  <si>
    <t>cg11691938</t>
  </si>
  <si>
    <t>cg11695370</t>
  </si>
  <si>
    <t>cg11718648</t>
  </si>
  <si>
    <t>cg11720325</t>
  </si>
  <si>
    <t>cg11722587</t>
  </si>
  <si>
    <t>cg11725718</t>
  </si>
  <si>
    <t>cg11740166</t>
  </si>
  <si>
    <t>cg11743349</t>
  </si>
  <si>
    <t>cg11746359</t>
  </si>
  <si>
    <t>cg11748071</t>
  </si>
  <si>
    <t>cg11754095</t>
  </si>
  <si>
    <t>cg11765430</t>
  </si>
  <si>
    <t>cg11768886</t>
  </si>
  <si>
    <t>cg11773816</t>
  </si>
  <si>
    <t>cg11778362</t>
  </si>
  <si>
    <t>cg11784578</t>
  </si>
  <si>
    <t>cg11803251</t>
  </si>
  <si>
    <t>cg11807261</t>
  </si>
  <si>
    <t>cg11809094</t>
  </si>
  <si>
    <t>cg11814421</t>
  </si>
  <si>
    <t>cg11819342</t>
  </si>
  <si>
    <t>cg11823502</t>
  </si>
  <si>
    <t>cg11824304</t>
  </si>
  <si>
    <t>cg11824985</t>
  </si>
  <si>
    <t>cg11835582</t>
  </si>
  <si>
    <t>cg11836444</t>
  </si>
  <si>
    <t>cg11848060</t>
  </si>
  <si>
    <t>cg11854860</t>
  </si>
  <si>
    <t>cg11856542</t>
  </si>
  <si>
    <t>cg11857835</t>
  </si>
  <si>
    <t>cg11858516</t>
  </si>
  <si>
    <t>cg11867016</t>
  </si>
  <si>
    <t>cg11888738</t>
  </si>
  <si>
    <t>cg11891330</t>
  </si>
  <si>
    <t>cg11894100</t>
  </si>
  <si>
    <t>cg11901188</t>
  </si>
  <si>
    <t>cg11918830</t>
  </si>
  <si>
    <t>cg11923054</t>
  </si>
  <si>
    <t>cg11930400</t>
  </si>
  <si>
    <t>cg11930592</t>
  </si>
  <si>
    <t>cg11930926</t>
  </si>
  <si>
    <t>cg11932225</t>
  </si>
  <si>
    <t>cg11935344</t>
  </si>
  <si>
    <t>cg11937241</t>
  </si>
  <si>
    <t>cg11941231</t>
  </si>
  <si>
    <t>cg11945276</t>
  </si>
  <si>
    <t>cg11947262</t>
  </si>
  <si>
    <t>cg11950778</t>
  </si>
  <si>
    <t>cg11952908</t>
  </si>
  <si>
    <t>cg11967108</t>
  </si>
  <si>
    <t>cg11970349</t>
  </si>
  <si>
    <t>cg11971461</t>
  </si>
  <si>
    <t>cg11974796</t>
  </si>
  <si>
    <t>cg11977605</t>
  </si>
  <si>
    <t>cg11993506</t>
  </si>
  <si>
    <t>cg12001634</t>
  </si>
  <si>
    <t>cg12009023</t>
  </si>
  <si>
    <t>cg12010173</t>
  </si>
  <si>
    <t>cg12016437</t>
  </si>
  <si>
    <t>cg12019576</t>
  </si>
  <si>
    <t>cg12020230</t>
  </si>
  <si>
    <t>cg12032396</t>
  </si>
  <si>
    <t>cg12036017</t>
  </si>
  <si>
    <t>cg12037802</t>
  </si>
  <si>
    <t>cg12049949</t>
  </si>
  <si>
    <t>cg12058185</t>
  </si>
  <si>
    <t>cg12062995</t>
  </si>
  <si>
    <t>cg12072001</t>
  </si>
  <si>
    <t>cg12073319</t>
  </si>
  <si>
    <t>cg12078092</t>
  </si>
  <si>
    <t>cg12086464</t>
  </si>
  <si>
    <t>cg12093976</t>
  </si>
  <si>
    <t>cg12104108</t>
  </si>
  <si>
    <t>cg12105240</t>
  </si>
  <si>
    <t>cg12112021</t>
  </si>
  <si>
    <t>cg12114584</t>
  </si>
  <si>
    <t>cg12115081</t>
  </si>
  <si>
    <t>cg12117212</t>
  </si>
  <si>
    <t>cg12133554</t>
  </si>
  <si>
    <t>cg12145043</t>
  </si>
  <si>
    <t>cg12147105</t>
  </si>
  <si>
    <t>cg12177702</t>
  </si>
  <si>
    <t>cg12179884</t>
  </si>
  <si>
    <t>cg12194493</t>
  </si>
  <si>
    <t>cg12204423</t>
  </si>
  <si>
    <t>cg12209448</t>
  </si>
  <si>
    <t>cg12214451</t>
  </si>
  <si>
    <t>cg12219496</t>
  </si>
  <si>
    <t>cg12229172</t>
  </si>
  <si>
    <t>cg12232903</t>
  </si>
  <si>
    <t>cg12235062</t>
  </si>
  <si>
    <t>cg12250496</t>
  </si>
  <si>
    <t>cg12271022</t>
  </si>
  <si>
    <t>cg12283584</t>
  </si>
  <si>
    <t>cg12290660</t>
  </si>
  <si>
    <t>cg12303341</t>
  </si>
  <si>
    <t>cg12337525</t>
  </si>
  <si>
    <t>cg12341047</t>
  </si>
  <si>
    <t>cg12342753</t>
  </si>
  <si>
    <t>cg12351587</t>
  </si>
  <si>
    <t>cg12360424</t>
  </si>
  <si>
    <t>cg12370884</t>
  </si>
  <si>
    <t>cg12372106</t>
  </si>
  <si>
    <t>cg12382557</t>
  </si>
  <si>
    <t>cg12383491</t>
  </si>
  <si>
    <t>cg12386285</t>
  </si>
  <si>
    <t>cg12401738</t>
  </si>
  <si>
    <t>cg12410584</t>
  </si>
  <si>
    <t>cg12412390</t>
  </si>
  <si>
    <t>cg12417549</t>
  </si>
  <si>
    <t>cg12417808</t>
  </si>
  <si>
    <t>cg12422844</t>
  </si>
  <si>
    <t>cg12425700</t>
  </si>
  <si>
    <t>cg12432155</t>
  </si>
  <si>
    <t>cg12434986</t>
  </si>
  <si>
    <t>cg12435134</t>
  </si>
  <si>
    <t>cg12435758</t>
  </si>
  <si>
    <t>cg12435792</t>
  </si>
  <si>
    <t>cg12441791</t>
  </si>
  <si>
    <t>cg12442902</t>
  </si>
  <si>
    <t>cg12443213</t>
  </si>
  <si>
    <t>cg12463110</t>
  </si>
  <si>
    <t>cg12464148</t>
  </si>
  <si>
    <t>cg12464561</t>
  </si>
  <si>
    <t>cg12474824</t>
  </si>
  <si>
    <t>cg12479933</t>
  </si>
  <si>
    <t>cg12489960</t>
  </si>
  <si>
    <t>cg12494277</t>
  </si>
  <si>
    <t>cg12494515</t>
  </si>
  <si>
    <t>cg12494528</t>
  </si>
  <si>
    <t>cg12497851</t>
  </si>
  <si>
    <t>cg12502460</t>
  </si>
  <si>
    <t>cg12505230</t>
  </si>
  <si>
    <t>cg12506971</t>
  </si>
  <si>
    <t>cg12514868</t>
  </si>
  <si>
    <t>cg12524338</t>
  </si>
  <si>
    <t>cg12527684</t>
  </si>
  <si>
    <t>cg12532563</t>
  </si>
  <si>
    <t>cg12556164</t>
  </si>
  <si>
    <t>cg12558966</t>
  </si>
  <si>
    <t>cg12560479</t>
  </si>
  <si>
    <t>cg12566138</t>
  </si>
  <si>
    <t>cg12572049</t>
  </si>
  <si>
    <t>cg12572295</t>
  </si>
  <si>
    <t>cg12594001</t>
  </si>
  <si>
    <t>cg12598054</t>
  </si>
  <si>
    <t>cg12600550</t>
  </si>
  <si>
    <t>cg12612137</t>
  </si>
  <si>
    <t>cg12614529</t>
  </si>
  <si>
    <t>cg12616592</t>
  </si>
  <si>
    <t>cg12622958</t>
  </si>
  <si>
    <t>cg12623364</t>
  </si>
  <si>
    <t>cg12632249</t>
  </si>
  <si>
    <t>cg12635937</t>
  </si>
  <si>
    <t>cg12636882</t>
  </si>
  <si>
    <t>cg12639279</t>
  </si>
  <si>
    <t>cg12640656</t>
  </si>
  <si>
    <t>cg12647643</t>
  </si>
  <si>
    <t>cg12652641</t>
  </si>
  <si>
    <t>cg12656666</t>
  </si>
  <si>
    <t>cg12661610</t>
  </si>
  <si>
    <t>cg12662388</t>
  </si>
  <si>
    <t>cg12674840</t>
  </si>
  <si>
    <t>cg12675714</t>
  </si>
  <si>
    <t>cg12688884</t>
  </si>
  <si>
    <t>cg12693875</t>
  </si>
  <si>
    <t>cg12713012</t>
  </si>
  <si>
    <t>cg12713835</t>
  </si>
  <si>
    <t>cg12714758</t>
  </si>
  <si>
    <t>cg12716837</t>
  </si>
  <si>
    <t>cg12717203</t>
  </si>
  <si>
    <t>cg12723011</t>
  </si>
  <si>
    <t>cg12723809</t>
  </si>
  <si>
    <t>cg12728606</t>
  </si>
  <si>
    <t>cg12746427</t>
  </si>
  <si>
    <t>cg12756718</t>
  </si>
  <si>
    <t>cg12756893</t>
  </si>
  <si>
    <t>cg12759554</t>
  </si>
  <si>
    <t>cg12760719</t>
  </si>
  <si>
    <t>cg12769354</t>
  </si>
  <si>
    <t>cg12769732</t>
  </si>
  <si>
    <t>cg12771852</t>
  </si>
  <si>
    <t>cg12772858</t>
  </si>
  <si>
    <t>cg12780322</t>
  </si>
  <si>
    <t>cg12788866</t>
  </si>
  <si>
    <t>cg12793610</t>
  </si>
  <si>
    <t>cg12802900</t>
  </si>
  <si>
    <t>cg12806663</t>
  </si>
  <si>
    <t>cg12810548</t>
  </si>
  <si>
    <t>cg12812233</t>
  </si>
  <si>
    <t>cg12817494</t>
  </si>
  <si>
    <t>cg12819144</t>
  </si>
  <si>
    <t>cg12820264</t>
  </si>
  <si>
    <t>cg12833118</t>
  </si>
  <si>
    <t>cg12843518</t>
  </si>
  <si>
    <t>cg12845682</t>
  </si>
  <si>
    <t>cg12853184</t>
  </si>
  <si>
    <t>cg12853199</t>
  </si>
  <si>
    <t>cg12862611</t>
  </si>
  <si>
    <t>cg12866229</t>
  </si>
  <si>
    <t>cg12867319</t>
  </si>
  <si>
    <t>cg12876620</t>
  </si>
  <si>
    <t>cg12879425</t>
  </si>
  <si>
    <t>cg12881854</t>
  </si>
  <si>
    <t>cg12895779</t>
  </si>
  <si>
    <t>cg12912920</t>
  </si>
  <si>
    <t>cg12914062</t>
  </si>
  <si>
    <t>cg12918009</t>
  </si>
  <si>
    <t>cg12923613</t>
  </si>
  <si>
    <t>cg12925881</t>
  </si>
  <si>
    <t>cg12927785</t>
  </si>
  <si>
    <t>cg12929487</t>
  </si>
  <si>
    <t>cg12931625</t>
  </si>
  <si>
    <t>cg12931642</t>
  </si>
  <si>
    <t>cg12934599</t>
  </si>
  <si>
    <t>cg12935434</t>
  </si>
  <si>
    <t>cg12936797</t>
  </si>
  <si>
    <t>cg12938003</t>
  </si>
  <si>
    <t>cg12938239</t>
  </si>
  <si>
    <t>cg12939049</t>
  </si>
  <si>
    <t>cg12940669</t>
  </si>
  <si>
    <t>cg12943363</t>
  </si>
  <si>
    <t>cg12950492</t>
  </si>
  <si>
    <t>cg12952128</t>
  </si>
  <si>
    <t>cg12952136</t>
  </si>
  <si>
    <t>cg12958778</t>
  </si>
  <si>
    <t>cg12960126</t>
  </si>
  <si>
    <t>cg12964657</t>
  </si>
  <si>
    <t>cg12968752</t>
  </si>
  <si>
    <t>cg12973315</t>
  </si>
  <si>
    <t>cg12973941</t>
  </si>
  <si>
    <t>cg12988996</t>
  </si>
  <si>
    <t>cg12989463</t>
  </si>
  <si>
    <t>cg12990093</t>
  </si>
  <si>
    <t>cg12990465</t>
  </si>
  <si>
    <t>cg12995330</t>
  </si>
  <si>
    <t>cg12995370</t>
  </si>
  <si>
    <t>cg13000635</t>
  </si>
  <si>
    <t>cg13006591</t>
  </si>
  <si>
    <t>cg13028471</t>
  </si>
  <si>
    <t>cg13036656</t>
  </si>
  <si>
    <t>cg13038108</t>
  </si>
  <si>
    <t>cg13043378</t>
  </si>
  <si>
    <t>cg13056510</t>
  </si>
  <si>
    <t>cg13074686</t>
  </si>
  <si>
    <t>cg13084677</t>
  </si>
  <si>
    <t>cg13086586</t>
  </si>
  <si>
    <t>cg13087943</t>
  </si>
  <si>
    <t>cg13096128</t>
  </si>
  <si>
    <t>cg13099892</t>
  </si>
  <si>
    <t>cg13101184</t>
  </si>
  <si>
    <t>cg13105234</t>
  </si>
  <si>
    <t>cg13107169</t>
  </si>
  <si>
    <t>cg13111919</t>
  </si>
  <si>
    <t>cg13112524</t>
  </si>
  <si>
    <t>cg13120726</t>
  </si>
  <si>
    <t>cg13130338</t>
  </si>
  <si>
    <t>cg13131329</t>
  </si>
  <si>
    <t>cg13131859</t>
  </si>
  <si>
    <t>cg13131878</t>
  </si>
  <si>
    <t>cg13135420</t>
  </si>
  <si>
    <t>cg13137032</t>
  </si>
  <si>
    <t>cg13142019</t>
  </si>
  <si>
    <t>cg13149387</t>
  </si>
  <si>
    <t>cg13152082</t>
  </si>
  <si>
    <t>cg13152819</t>
  </si>
  <si>
    <t>cg13152856</t>
  </si>
  <si>
    <t>cg13153190</t>
  </si>
  <si>
    <t>cg13154012</t>
  </si>
  <si>
    <t>cg13154880</t>
  </si>
  <si>
    <t>cg13169527</t>
  </si>
  <si>
    <t>cg13188120</t>
  </si>
  <si>
    <t>cg13189718</t>
  </si>
  <si>
    <t>cg13193239</t>
  </si>
  <si>
    <t>cg13193962</t>
  </si>
  <si>
    <t>cg13195569</t>
  </si>
  <si>
    <t>cg13198594</t>
  </si>
  <si>
    <t>cg13218435</t>
  </si>
  <si>
    <t>cg13237657</t>
  </si>
  <si>
    <t>cg13259925</t>
  </si>
  <si>
    <t>cg13260474</t>
  </si>
  <si>
    <t>cg13260633</t>
  </si>
  <si>
    <t>cg13262687</t>
  </si>
  <si>
    <t>cg13265789</t>
  </si>
  <si>
    <t>cg13272465</t>
  </si>
  <si>
    <t>cg13278359</t>
  </si>
  <si>
    <t>cg13279083</t>
  </si>
  <si>
    <t>cg13280524</t>
  </si>
  <si>
    <t>cg13281248</t>
  </si>
  <si>
    <t>cg13282486</t>
  </si>
  <si>
    <t>cg13285105</t>
  </si>
  <si>
    <t>cg13290719</t>
  </si>
  <si>
    <t>cg13291394</t>
  </si>
  <si>
    <t>cg13294300</t>
  </si>
  <si>
    <t>cg13313295</t>
  </si>
  <si>
    <t>cg13316430</t>
  </si>
  <si>
    <t>cg13323912</t>
  </si>
  <si>
    <t>cg13325228</t>
  </si>
  <si>
    <t>cg13326581</t>
  </si>
  <si>
    <t>cg13332326</t>
  </si>
  <si>
    <t>cg13338454</t>
  </si>
  <si>
    <t>cg13351830</t>
  </si>
  <si>
    <t>cg13353160</t>
  </si>
  <si>
    <t>cg13371456</t>
  </si>
  <si>
    <t>cg13378388</t>
  </si>
  <si>
    <t>cg13379236</t>
  </si>
  <si>
    <t>cg13387232</t>
  </si>
  <si>
    <t>cg13390372</t>
  </si>
  <si>
    <t>cg13401079</t>
  </si>
  <si>
    <t>cg13403815</t>
  </si>
  <si>
    <t>cg13405381</t>
  </si>
  <si>
    <t>cg13423172</t>
  </si>
  <si>
    <t>cg13435229</t>
  </si>
  <si>
    <t>cg13440003</t>
  </si>
  <si>
    <t>cg13442256</t>
  </si>
  <si>
    <t>cg13443950</t>
  </si>
  <si>
    <t>cg13447915</t>
  </si>
  <si>
    <t>cg13451236</t>
  </si>
  <si>
    <t>cg13466897</t>
  </si>
  <si>
    <t>cg13467708</t>
  </si>
  <si>
    <t>cg13469311</t>
  </si>
  <si>
    <t>cg13469633</t>
  </si>
  <si>
    <t>cg13482714</t>
  </si>
  <si>
    <t>cg13485685</t>
  </si>
  <si>
    <t>cg13496270</t>
  </si>
  <si>
    <t>cg13497089</t>
  </si>
  <si>
    <t>cg13500194</t>
  </si>
  <si>
    <t>cg13513349</t>
  </si>
  <si>
    <t>cg13515674</t>
  </si>
  <si>
    <t>cg13528854</t>
  </si>
  <si>
    <t>cg13529269</t>
  </si>
  <si>
    <t>cg13531963</t>
  </si>
  <si>
    <t>cg13531988</t>
  </si>
  <si>
    <t>cg13535626</t>
  </si>
  <si>
    <t>cg13541888</t>
  </si>
  <si>
    <t>cg13543216</t>
  </si>
  <si>
    <t>cg13549845</t>
  </si>
  <si>
    <t>cg13555050</t>
  </si>
  <si>
    <t>cg13555290</t>
  </si>
  <si>
    <t>cg13558774</t>
  </si>
  <si>
    <t>cg13572260</t>
  </si>
  <si>
    <t>cg13572539</t>
  </si>
  <si>
    <t>cg13573761</t>
  </si>
  <si>
    <t>cg13578194</t>
  </si>
  <si>
    <t>cg13593297</t>
  </si>
  <si>
    <t>cg13609167</t>
  </si>
  <si>
    <t>cg13610014</t>
  </si>
  <si>
    <t>cg13610072</t>
  </si>
  <si>
    <t>cg13621396</t>
  </si>
  <si>
    <t>cg13622267</t>
  </si>
  <si>
    <t>cg13622436</t>
  </si>
  <si>
    <t>cg13627258</t>
  </si>
  <si>
    <t>cg13640145</t>
  </si>
  <si>
    <t>cg13643796</t>
  </si>
  <si>
    <t>cg13649728</t>
  </si>
  <si>
    <t>cg13652653</t>
  </si>
  <si>
    <t>cg13653809</t>
  </si>
  <si>
    <t>cg13662778</t>
  </si>
  <si>
    <t>cg13663626</t>
  </si>
  <si>
    <t>cg13666293</t>
  </si>
  <si>
    <t>cg13676538</t>
  </si>
  <si>
    <t>cg13679010</t>
  </si>
  <si>
    <t>cg13688098</t>
  </si>
  <si>
    <t>cg13688770</t>
  </si>
  <si>
    <t>cg13695498</t>
  </si>
  <si>
    <t>cg13702185</t>
  </si>
  <si>
    <t>cg13726191</t>
  </si>
  <si>
    <t>cg13730841</t>
  </si>
  <si>
    <t>cg13733008</t>
  </si>
  <si>
    <t>cg13736376</t>
  </si>
  <si>
    <t>cg13740236</t>
  </si>
  <si>
    <t>cg13740508</t>
  </si>
  <si>
    <t>cg13743031</t>
  </si>
  <si>
    <t>cg13749822</t>
  </si>
  <si>
    <t>cg13750354</t>
  </si>
  <si>
    <t>cg13754552</t>
  </si>
  <si>
    <t>cg13754879</t>
  </si>
  <si>
    <t>cg13755144</t>
  </si>
  <si>
    <t>cg13755419</t>
  </si>
  <si>
    <t>cg13763289</t>
  </si>
  <si>
    <t>cg13784474</t>
  </si>
  <si>
    <t>cg13784889</t>
  </si>
  <si>
    <t>cg13786807</t>
  </si>
  <si>
    <t>cg13789548</t>
  </si>
  <si>
    <t>cg13794807</t>
  </si>
  <si>
    <t>cg13796272</t>
  </si>
  <si>
    <t>cg13798302</t>
  </si>
  <si>
    <t>cg13825058</t>
  </si>
  <si>
    <t>cg13829980</t>
  </si>
  <si>
    <t>cg13841742</t>
  </si>
  <si>
    <t>cg13842240</t>
  </si>
  <si>
    <t>cg13843773</t>
  </si>
  <si>
    <t>cg13847226</t>
  </si>
  <si>
    <t>cg13850355</t>
  </si>
  <si>
    <t>cg13850625</t>
  </si>
  <si>
    <t>cg13866688</t>
  </si>
  <si>
    <t>cg13873684</t>
  </si>
  <si>
    <t>cg13873733</t>
  </si>
  <si>
    <t>cg13882284</t>
  </si>
  <si>
    <t>cg13883590</t>
  </si>
  <si>
    <t>cg13889934</t>
  </si>
  <si>
    <t>cg13891181</t>
  </si>
  <si>
    <t>cg13891220</t>
  </si>
  <si>
    <t>cg13891682</t>
  </si>
  <si>
    <t>cg13893358</t>
  </si>
  <si>
    <t>cg13895771</t>
  </si>
  <si>
    <t>cg13901819</t>
  </si>
  <si>
    <t>cg13909879</t>
  </si>
  <si>
    <t>cg13913012</t>
  </si>
  <si>
    <t>cg13913247</t>
  </si>
  <si>
    <t>cg13915501</t>
  </si>
  <si>
    <t>cg13917589</t>
  </si>
  <si>
    <t>cg13918811</t>
  </si>
  <si>
    <t>cg13927560</t>
  </si>
  <si>
    <t>cg13929970</t>
  </si>
  <si>
    <t>cg13930468</t>
  </si>
  <si>
    <t>cg13939978</t>
  </si>
  <si>
    <t>cg13941153</t>
  </si>
  <si>
    <t>cg13941682</t>
  </si>
  <si>
    <t>cg13943980</t>
  </si>
  <si>
    <t>cg13966557</t>
  </si>
  <si>
    <t>cg13966883</t>
  </si>
  <si>
    <t>cg13977280</t>
  </si>
  <si>
    <t>cg13978856</t>
  </si>
  <si>
    <t>cg13985817</t>
  </si>
  <si>
    <t>cg13996392</t>
  </si>
  <si>
    <t>cg13996731</t>
  </si>
  <si>
    <t>cg13999143</t>
  </si>
  <si>
    <t>cg14003611</t>
  </si>
  <si>
    <t>cg14006405</t>
  </si>
  <si>
    <t>cg14008106</t>
  </si>
  <si>
    <t>cg14008500</t>
  </si>
  <si>
    <t>cg14011327</t>
  </si>
  <si>
    <t>cg14011854</t>
  </si>
  <si>
    <t>cg14015226</t>
  </si>
  <si>
    <t>cg14016057</t>
  </si>
  <si>
    <t>cg14016257</t>
  </si>
  <si>
    <t>cg14017034</t>
  </si>
  <si>
    <t>cg14018231</t>
  </si>
  <si>
    <t>cg14021572</t>
  </si>
  <si>
    <t>cg14026538</t>
  </si>
  <si>
    <t>cg14031265</t>
  </si>
  <si>
    <t>cg14037937</t>
  </si>
  <si>
    <t>cg14039306</t>
  </si>
  <si>
    <t>cg14039968</t>
  </si>
  <si>
    <t>cg14042601</t>
  </si>
  <si>
    <t>cg14045955</t>
  </si>
  <si>
    <t>cg14049461</t>
  </si>
  <si>
    <t>cg14050395</t>
  </si>
  <si>
    <t>cg14053749</t>
  </si>
  <si>
    <t>cg14056644</t>
  </si>
  <si>
    <t>cg14066993</t>
  </si>
  <si>
    <t>cg14078518</t>
  </si>
  <si>
    <t>cg14078662</t>
  </si>
  <si>
    <t>cg14079414</t>
  </si>
  <si>
    <t>cg14080925</t>
  </si>
  <si>
    <t>cg14084689</t>
  </si>
  <si>
    <t>cg14091589</t>
  </si>
  <si>
    <t>cg14094543</t>
  </si>
  <si>
    <t>cg14095959</t>
  </si>
  <si>
    <t>cg14101976</t>
  </si>
  <si>
    <t>cg14104327</t>
  </si>
  <si>
    <t>cg14105047</t>
  </si>
  <si>
    <t>cg14107488</t>
  </si>
  <si>
    <t>cg14128315</t>
  </si>
  <si>
    <t>cg14129775</t>
  </si>
  <si>
    <t>cg14134658</t>
  </si>
  <si>
    <t>cg14139870</t>
  </si>
  <si>
    <t>cg14140379</t>
  </si>
  <si>
    <t>cg14144025</t>
  </si>
  <si>
    <t>cg14155027</t>
  </si>
  <si>
    <t>cg14163494</t>
  </si>
  <si>
    <t>cg14173613</t>
  </si>
  <si>
    <t>cg14183865</t>
  </si>
  <si>
    <t>cg14186187</t>
  </si>
  <si>
    <t>cg14189571</t>
  </si>
  <si>
    <t>cg14197071</t>
  </si>
  <si>
    <t>cg14197923</t>
  </si>
  <si>
    <t>cg14206979</t>
  </si>
  <si>
    <t>cg14209186</t>
  </si>
  <si>
    <t>cg14213692</t>
  </si>
  <si>
    <t>cg14217589</t>
  </si>
  <si>
    <t>cg14223995</t>
  </si>
  <si>
    <t>cg14224789</t>
  </si>
  <si>
    <t>cg14226747</t>
  </si>
  <si>
    <t>cg14227486</t>
  </si>
  <si>
    <t>cg14228029</t>
  </si>
  <si>
    <t>cg14232128</t>
  </si>
  <si>
    <t>cg14236118</t>
  </si>
  <si>
    <t>cg14247476</t>
  </si>
  <si>
    <t>cg14259096</t>
  </si>
  <si>
    <t>cg14261474</t>
  </si>
  <si>
    <t>cg14264079</t>
  </si>
  <si>
    <t>cg14272935</t>
  </si>
  <si>
    <t>cg14296331</t>
  </si>
  <si>
    <t>cg14315992</t>
  </si>
  <si>
    <t>cg14320796</t>
  </si>
  <si>
    <t>cg14322233</t>
  </si>
  <si>
    <t>cg14323109</t>
  </si>
  <si>
    <t>cg14323984</t>
  </si>
  <si>
    <t>cg14326413</t>
  </si>
  <si>
    <t>cg14333520</t>
  </si>
  <si>
    <t>cg14334897</t>
  </si>
  <si>
    <t>cg14339343</t>
  </si>
  <si>
    <t>cg14339789</t>
  </si>
  <si>
    <t>cg14349144</t>
  </si>
  <si>
    <t>cg14349977</t>
  </si>
  <si>
    <t>cg14361458</t>
  </si>
  <si>
    <t>cg14369318</t>
  </si>
  <si>
    <t>cg14372486</t>
  </si>
  <si>
    <t>cg14376467</t>
  </si>
  <si>
    <t>cg14377370</t>
  </si>
  <si>
    <t>cg14378348</t>
  </si>
  <si>
    <t>cg14382835</t>
  </si>
  <si>
    <t>cg14384960</t>
  </si>
  <si>
    <t>cg14386311</t>
  </si>
  <si>
    <t>cg14394265</t>
  </si>
  <si>
    <t>cg14397231</t>
  </si>
  <si>
    <t>cg14399850</t>
  </si>
  <si>
    <t>cg14400886</t>
  </si>
  <si>
    <t>cg14405197</t>
  </si>
  <si>
    <t>cg14410319</t>
  </si>
  <si>
    <t>cg14413368</t>
  </si>
  <si>
    <t>cg14414891</t>
  </si>
  <si>
    <t>cg14415062</t>
  </si>
  <si>
    <t>cg14425960</t>
  </si>
  <si>
    <t>cg14436769</t>
  </si>
  <si>
    <t>cg14451216</t>
  </si>
  <si>
    <t>cg14468236</t>
  </si>
  <si>
    <t>cg14470398</t>
  </si>
  <si>
    <t>cg14471619</t>
  </si>
  <si>
    <t>cg14478049</t>
  </si>
  <si>
    <t>cg14489884</t>
  </si>
  <si>
    <t>cg14497202</t>
  </si>
  <si>
    <t>cg14497545</t>
  </si>
  <si>
    <t>cg14500801</t>
  </si>
  <si>
    <t>cg14503694</t>
  </si>
  <si>
    <t>cg14505741</t>
  </si>
  <si>
    <t>cg14506195</t>
  </si>
  <si>
    <t>cg14506696</t>
  </si>
  <si>
    <t>cg14515211</t>
  </si>
  <si>
    <t>cg14517359</t>
  </si>
  <si>
    <t>cg14517917</t>
  </si>
  <si>
    <t>cg14524622</t>
  </si>
  <si>
    <t>cg14525379</t>
  </si>
  <si>
    <t>cg14528046</t>
  </si>
  <si>
    <t>cg14530295</t>
  </si>
  <si>
    <t>cg14530801</t>
  </si>
  <si>
    <t>cg14533992</t>
  </si>
  <si>
    <t>cg14541462</t>
  </si>
  <si>
    <t>cg14542004</t>
  </si>
  <si>
    <t>cg14542156</t>
  </si>
  <si>
    <t>cg14542378</t>
  </si>
  <si>
    <t>cg14543780</t>
  </si>
  <si>
    <t>cg14553853</t>
  </si>
  <si>
    <t>cg14561362</t>
  </si>
  <si>
    <t>cg14568768</t>
  </si>
  <si>
    <t>cg14569771</t>
  </si>
  <si>
    <t>cg14574843</t>
  </si>
  <si>
    <t>cg14580567</t>
  </si>
  <si>
    <t>cg14580649</t>
  </si>
  <si>
    <t>cg14583124</t>
  </si>
  <si>
    <t>cg14586939</t>
  </si>
  <si>
    <t>cg14592399</t>
  </si>
  <si>
    <t>cg14594044</t>
  </si>
  <si>
    <t>cg14594295</t>
  </si>
  <si>
    <t>cg14599380</t>
  </si>
  <si>
    <t>cg14600813</t>
  </si>
  <si>
    <t>cg14602164</t>
  </si>
  <si>
    <t>cg14609568</t>
  </si>
  <si>
    <t>cg14617908</t>
  </si>
  <si>
    <t>cg14626309</t>
  </si>
  <si>
    <t>cg14631165</t>
  </si>
  <si>
    <t>cg14632469</t>
  </si>
  <si>
    <t>cg14636942</t>
  </si>
  <si>
    <t>cg14647287</t>
  </si>
  <si>
    <t>cg14647451</t>
  </si>
  <si>
    <t>cg14647845</t>
  </si>
  <si>
    <t>cg14650167</t>
  </si>
  <si>
    <t>cg14652646</t>
  </si>
  <si>
    <t>cg14654731</t>
  </si>
  <si>
    <t>cg14655345</t>
  </si>
  <si>
    <t>cg14666734</t>
  </si>
  <si>
    <t>cg14689953</t>
  </si>
  <si>
    <t>cg14692106</t>
  </si>
  <si>
    <t>cg14711869</t>
  </si>
  <si>
    <t>cg14712262</t>
  </si>
  <si>
    <t>cg14712611</t>
  </si>
  <si>
    <t>cg14727650</t>
  </si>
  <si>
    <t>cg14742148</t>
  </si>
  <si>
    <t>cg14748746</t>
  </si>
  <si>
    <t>cg14755019</t>
  </si>
  <si>
    <t>cg14771077</t>
  </si>
  <si>
    <t>cg14772087</t>
  </si>
  <si>
    <t>cg14778074</t>
  </si>
  <si>
    <t>cg14780132</t>
  </si>
  <si>
    <t>cg14780276</t>
  </si>
  <si>
    <t>cg14798745</t>
  </si>
  <si>
    <t>cg14804593</t>
  </si>
  <si>
    <t>cg14812474</t>
  </si>
  <si>
    <t>cg14816007</t>
  </si>
  <si>
    <t>cg14820199</t>
  </si>
  <si>
    <t>cg14827643</t>
  </si>
  <si>
    <t>cg14832661</t>
  </si>
  <si>
    <t>cg14834721</t>
  </si>
  <si>
    <t>cg14838256</t>
  </si>
  <si>
    <t>cg14841879</t>
  </si>
  <si>
    <t>cg14844756</t>
  </si>
  <si>
    <t>cg14853282</t>
  </si>
  <si>
    <t>cg14853946</t>
  </si>
  <si>
    <t>cg14869372</t>
  </si>
  <si>
    <t>cg14876761</t>
  </si>
  <si>
    <t>cg14878065</t>
  </si>
  <si>
    <t>cg14879314</t>
  </si>
  <si>
    <t>cg14879397</t>
  </si>
  <si>
    <t>cg14880894</t>
  </si>
  <si>
    <t>cg14884747</t>
  </si>
  <si>
    <t>cg14884984</t>
  </si>
  <si>
    <t>cg14885038</t>
  </si>
  <si>
    <t>cg14892066</t>
  </si>
  <si>
    <t>cg14900031</t>
  </si>
  <si>
    <t>cg14904733</t>
  </si>
  <si>
    <t>cg14910061</t>
  </si>
  <si>
    <t>cg14938772</t>
  </si>
  <si>
    <t>cg14948279</t>
  </si>
  <si>
    <t>cg14948448</t>
  </si>
  <si>
    <t>cg14949231</t>
  </si>
  <si>
    <t>cg14950515</t>
  </si>
  <si>
    <t>cg14953762</t>
  </si>
  <si>
    <t>cg14956886</t>
  </si>
  <si>
    <t>cg14959580</t>
  </si>
  <si>
    <t>cg14967987</t>
  </si>
  <si>
    <t>cg14972143</t>
  </si>
  <si>
    <t>cg14973995</t>
  </si>
  <si>
    <t>cg14988083</t>
  </si>
  <si>
    <t>cg14988503</t>
  </si>
  <si>
    <t>cg15003465</t>
  </si>
  <si>
    <t>cg15003695</t>
  </si>
  <si>
    <t>cg15004023</t>
  </si>
  <si>
    <t>cg15007448</t>
  </si>
  <si>
    <t>cg15008401</t>
  </si>
  <si>
    <t>cg15009431</t>
  </si>
  <si>
    <t>cg15010390</t>
  </si>
  <si>
    <t>cg15032098</t>
  </si>
  <si>
    <t>cg15038123</t>
  </si>
  <si>
    <t>cg15047484</t>
  </si>
  <si>
    <t>cg15048480</t>
  </si>
  <si>
    <t>cg15058036</t>
  </si>
  <si>
    <t>cg15062216</t>
  </si>
  <si>
    <t>cg15065821</t>
  </si>
  <si>
    <t>cg15067144</t>
  </si>
  <si>
    <t>cg15076145</t>
  </si>
  <si>
    <t>cg15077922</t>
  </si>
  <si>
    <t>cg15091868</t>
  </si>
  <si>
    <t>cg15098690</t>
  </si>
  <si>
    <t>cg15105060</t>
  </si>
  <si>
    <t>cg15105182</t>
  </si>
  <si>
    <t>cg15109550</t>
  </si>
  <si>
    <t>cg15127832</t>
  </si>
  <si>
    <t>cg15129401</t>
  </si>
  <si>
    <t>cg15137566</t>
  </si>
  <si>
    <t>cg15137838</t>
  </si>
  <si>
    <t>cg15139668</t>
  </si>
  <si>
    <t>cg15148757</t>
  </si>
  <si>
    <t>cg15148933</t>
  </si>
  <si>
    <t>cg15162330</t>
  </si>
  <si>
    <t>cg15175162</t>
  </si>
  <si>
    <t>cg15181153</t>
  </si>
  <si>
    <t>cg15190742</t>
  </si>
  <si>
    <t>cg15191465</t>
  </si>
  <si>
    <t>cg15191795</t>
  </si>
  <si>
    <t>cg15194966</t>
  </si>
  <si>
    <t>cg15201545</t>
  </si>
  <si>
    <t>cg15203770</t>
  </si>
  <si>
    <t>cg15207055</t>
  </si>
  <si>
    <t>cg15207826</t>
  </si>
  <si>
    <t>cg15214284</t>
  </si>
  <si>
    <t>cg15233074</t>
  </si>
  <si>
    <t>cg15234400</t>
  </si>
  <si>
    <t>cg15256972</t>
  </si>
  <si>
    <t>cg15269385</t>
  </si>
  <si>
    <t>cg15287126</t>
  </si>
  <si>
    <t>cg15299721</t>
  </si>
  <si>
    <t>cg15305511</t>
  </si>
  <si>
    <t>cg15307169</t>
  </si>
  <si>
    <t>cg15331633</t>
  </si>
  <si>
    <t>cg15333426</t>
  </si>
  <si>
    <t>cg15347627</t>
  </si>
  <si>
    <t>cg15347662</t>
  </si>
  <si>
    <t>cg15350110</t>
  </si>
  <si>
    <t>cg15353612</t>
  </si>
  <si>
    <t>cg15380744</t>
  </si>
  <si>
    <t>cg15381708</t>
  </si>
  <si>
    <t>cg15393234</t>
  </si>
  <si>
    <t>cg15393461</t>
  </si>
  <si>
    <t>cg15397506</t>
  </si>
  <si>
    <t>cg15398841</t>
  </si>
  <si>
    <t>cg15400629</t>
  </si>
  <si>
    <t>cg15401952</t>
  </si>
  <si>
    <t>cg15406387</t>
  </si>
  <si>
    <t>cg15412201</t>
  </si>
  <si>
    <t>cg15412971</t>
  </si>
  <si>
    <t>cg15425280</t>
  </si>
  <si>
    <t>cg15439725</t>
  </si>
  <si>
    <t>cg15448990</t>
  </si>
  <si>
    <t>cg15450966</t>
  </si>
  <si>
    <t>cg15451250</t>
  </si>
  <si>
    <t>cg15451853</t>
  </si>
  <si>
    <t>cg15452573</t>
  </si>
  <si>
    <t>cg15454383</t>
  </si>
  <si>
    <t>cg15457481</t>
  </si>
  <si>
    <t>cg15460294</t>
  </si>
  <si>
    <t>cg15467503</t>
  </si>
  <si>
    <t>cg15475109</t>
  </si>
  <si>
    <t>cg15478045</t>
  </si>
  <si>
    <t>cg15478441</t>
  </si>
  <si>
    <t>cg15482082</t>
  </si>
  <si>
    <t>cg15493618</t>
  </si>
  <si>
    <t>cg15509575</t>
  </si>
  <si>
    <t>cg15510601</t>
  </si>
  <si>
    <t>cg15529290</t>
  </si>
  <si>
    <t>cg15542784</t>
  </si>
  <si>
    <t>cg15553500</t>
  </si>
  <si>
    <t>cg15556886</t>
  </si>
  <si>
    <t>cg15562399</t>
  </si>
  <si>
    <t>cg15569052</t>
  </si>
  <si>
    <t>cg15586439</t>
  </si>
  <si>
    <t>cg15589153</t>
  </si>
  <si>
    <t>cg15593398</t>
  </si>
  <si>
    <t>cg15595551</t>
  </si>
  <si>
    <t>cg15597147</t>
  </si>
  <si>
    <t>cg15597424</t>
  </si>
  <si>
    <t>cg15599409</t>
  </si>
  <si>
    <t>cg15600051</t>
  </si>
  <si>
    <t>cg15602102</t>
  </si>
  <si>
    <t>cg15603957</t>
  </si>
  <si>
    <t>cg15621697</t>
  </si>
  <si>
    <t>cg15622155</t>
  </si>
  <si>
    <t>cg15625697</t>
  </si>
  <si>
    <t>cg15636504</t>
  </si>
  <si>
    <t>cg15639776</t>
  </si>
  <si>
    <t>cg15641162</t>
  </si>
  <si>
    <t>cg15642468</t>
  </si>
  <si>
    <t>cg15645344</t>
  </si>
  <si>
    <t>cg15657686</t>
  </si>
  <si>
    <t>cg15657936</t>
  </si>
  <si>
    <t>cg15688324</t>
  </si>
  <si>
    <t>cg15689795</t>
  </si>
  <si>
    <t>cg15697036</t>
  </si>
  <si>
    <t>cg15700776</t>
  </si>
  <si>
    <t>cg15701178</t>
  </si>
  <si>
    <t>cg15711616</t>
  </si>
  <si>
    <t>cg15712076</t>
  </si>
  <si>
    <t>cg15718066</t>
  </si>
  <si>
    <t>cg15730068</t>
  </si>
  <si>
    <t>cg15730464</t>
  </si>
  <si>
    <t>cg15736994</t>
  </si>
  <si>
    <t>cg15750102</t>
  </si>
  <si>
    <t>cg15750461</t>
  </si>
  <si>
    <t>cg15755084</t>
  </si>
  <si>
    <t>cg15756227</t>
  </si>
  <si>
    <t>cg15759338</t>
  </si>
  <si>
    <t>cg15763121</t>
  </si>
  <si>
    <t>cg15765486</t>
  </si>
  <si>
    <t>cg15772393</t>
  </si>
  <si>
    <t>cg15773230</t>
  </si>
  <si>
    <t>cg15784124</t>
  </si>
  <si>
    <t>cg15785860</t>
  </si>
  <si>
    <t>cg15792688</t>
  </si>
  <si>
    <t>cg15795630</t>
  </si>
  <si>
    <t>cg15807035</t>
  </si>
  <si>
    <t>cg15813266</t>
  </si>
  <si>
    <t>cg15813460</t>
  </si>
  <si>
    <t>cg15814150</t>
  </si>
  <si>
    <t>cg15814405</t>
  </si>
  <si>
    <t>cg15815948</t>
  </si>
  <si>
    <t>cg15843217</t>
  </si>
  <si>
    <t>cg15847195</t>
  </si>
  <si>
    <t>cg15859278</t>
  </si>
  <si>
    <t>cg15871647</t>
  </si>
  <si>
    <t>cg15875904</t>
  </si>
  <si>
    <t>cg15881238</t>
  </si>
  <si>
    <t>cg15881994</t>
  </si>
  <si>
    <t>cg15884185</t>
  </si>
  <si>
    <t>cg15885274</t>
  </si>
  <si>
    <t>cg15889705</t>
  </si>
  <si>
    <t>cg15908308</t>
  </si>
  <si>
    <t>cg15913375</t>
  </si>
  <si>
    <t>cg15918284</t>
  </si>
  <si>
    <t>cg15921240</t>
  </si>
  <si>
    <t>cg15925090</t>
  </si>
  <si>
    <t>cg15928132</t>
  </si>
  <si>
    <t>cg15934066</t>
  </si>
  <si>
    <t>cg15938989</t>
  </si>
  <si>
    <t>cg15950795</t>
  </si>
  <si>
    <t>cg15957291</t>
  </si>
  <si>
    <t>cg15957394</t>
  </si>
  <si>
    <t>cg15959921</t>
  </si>
  <si>
    <t>cg15966603</t>
  </si>
  <si>
    <t>cg15969776</t>
  </si>
  <si>
    <t>cg15972560</t>
  </si>
  <si>
    <t>cg15984712</t>
  </si>
  <si>
    <t>cg15984718</t>
  </si>
  <si>
    <t>cg15986164</t>
  </si>
  <si>
    <t>cg15994554</t>
  </si>
  <si>
    <t>cg16007497</t>
  </si>
  <si>
    <t>cg16008918</t>
  </si>
  <si>
    <t>cg16009407</t>
  </si>
  <si>
    <t>cg16012041</t>
  </si>
  <si>
    <t>cg16020805</t>
  </si>
  <si>
    <t>cg16039660</t>
  </si>
  <si>
    <t>cg16039724</t>
  </si>
  <si>
    <t>cg16043190</t>
  </si>
  <si>
    <t>cg16043230</t>
  </si>
  <si>
    <t>cg16044573</t>
  </si>
  <si>
    <t>cg16068199</t>
  </si>
  <si>
    <t>cg16070743</t>
  </si>
  <si>
    <t>cg16072462</t>
  </si>
  <si>
    <t>cg16080746</t>
  </si>
  <si>
    <t>cg16091845</t>
  </si>
  <si>
    <t>cg16092834</t>
  </si>
  <si>
    <t>cg16092956</t>
  </si>
  <si>
    <t>cg16092991</t>
  </si>
  <si>
    <t>cg16107224</t>
  </si>
  <si>
    <t>cg16117774</t>
  </si>
  <si>
    <t>cg16118592</t>
  </si>
  <si>
    <t>cg16140913</t>
  </si>
  <si>
    <t>cg16141652</t>
  </si>
  <si>
    <t>cg16142054</t>
  </si>
  <si>
    <t>cg16142855</t>
  </si>
  <si>
    <t>cg16148403</t>
  </si>
  <si>
    <t>cg16161825</t>
  </si>
  <si>
    <t>cg16172026</t>
  </si>
  <si>
    <t>cg16181202</t>
  </si>
  <si>
    <t>cg16184803</t>
  </si>
  <si>
    <t>cg16185996</t>
  </si>
  <si>
    <t>cg16199881</t>
  </si>
  <si>
    <t>cg16207305</t>
  </si>
  <si>
    <t>cg16209064</t>
  </si>
  <si>
    <t>cg16214053</t>
  </si>
  <si>
    <t>cg16214582</t>
  </si>
  <si>
    <t>cg16216269</t>
  </si>
  <si>
    <t>cg16216407</t>
  </si>
  <si>
    <t>cg16217610</t>
  </si>
  <si>
    <t>cg16219246</t>
  </si>
  <si>
    <t>cg16220802</t>
  </si>
  <si>
    <t>cg16222840</t>
  </si>
  <si>
    <t>cg16224417</t>
  </si>
  <si>
    <t>cg16225753</t>
  </si>
  <si>
    <t>cg16234490</t>
  </si>
  <si>
    <t>cg16236108</t>
  </si>
  <si>
    <t>cg16239117</t>
  </si>
  <si>
    <t>cg16243195</t>
  </si>
  <si>
    <t>cg16243981</t>
  </si>
  <si>
    <t>cg16263887</t>
  </si>
  <si>
    <t>cg16265557</t>
  </si>
  <si>
    <t>cg16270231</t>
  </si>
  <si>
    <t>cg16294425</t>
  </si>
  <si>
    <t>cg16314369</t>
  </si>
  <si>
    <t>cg16314672</t>
  </si>
  <si>
    <t>cg16318271</t>
  </si>
  <si>
    <t>cg16324409</t>
  </si>
  <si>
    <t>cg16329589</t>
  </si>
  <si>
    <t>cg16330066</t>
  </si>
  <si>
    <t>cg16332065</t>
  </si>
  <si>
    <t>cg16357866</t>
  </si>
  <si>
    <t>cg16357969</t>
  </si>
  <si>
    <t>cg16358826</t>
  </si>
  <si>
    <t>cg16360322</t>
  </si>
  <si>
    <t>cg16386945</t>
  </si>
  <si>
    <t>cg16395123</t>
  </si>
  <si>
    <t>cg16406708</t>
  </si>
  <si>
    <t>cg16411191</t>
  </si>
  <si>
    <t>cg16413535</t>
  </si>
  <si>
    <t>cg16415104</t>
  </si>
  <si>
    <t>cg16415857</t>
  </si>
  <si>
    <t>cg16416165</t>
  </si>
  <si>
    <t>cg16418329</t>
  </si>
  <si>
    <t>cg16420530</t>
  </si>
  <si>
    <t>cg16433265</t>
  </si>
  <si>
    <t>cg16449012</t>
  </si>
  <si>
    <t>cg16461335</t>
  </si>
  <si>
    <t>cg16465012</t>
  </si>
  <si>
    <t>cg16467811</t>
  </si>
  <si>
    <t>cg16474684</t>
  </si>
  <si>
    <t>cg16475712</t>
  </si>
  <si>
    <t>cg16498514</t>
  </si>
  <si>
    <t>cg16500150</t>
  </si>
  <si>
    <t>cg16501140</t>
  </si>
  <si>
    <t>cg16502931</t>
  </si>
  <si>
    <t>cg16506959</t>
  </si>
  <si>
    <t>cg16509355</t>
  </si>
  <si>
    <t>cg16509531</t>
  </si>
  <si>
    <t>cg16511795</t>
  </si>
  <si>
    <t>cg16516091</t>
  </si>
  <si>
    <t>cg16525575</t>
  </si>
  <si>
    <t>cg16525999</t>
  </si>
  <si>
    <t>cg16527108</t>
  </si>
  <si>
    <t>cg16531136</t>
  </si>
  <si>
    <t>cg16532497</t>
  </si>
  <si>
    <t>cg16546442</t>
  </si>
  <si>
    <t>cg16550757</t>
  </si>
  <si>
    <t>cg16552881</t>
  </si>
  <si>
    <t>cg16556399</t>
  </si>
  <si>
    <t>cg16558177</t>
  </si>
  <si>
    <t>cg16579049</t>
  </si>
  <si>
    <t>cg16581308</t>
  </si>
  <si>
    <t>cg16588137</t>
  </si>
  <si>
    <t>cg16593628</t>
  </si>
  <si>
    <t>cg16599298</t>
  </si>
  <si>
    <t>cg16606320</t>
  </si>
  <si>
    <t>cg16616971</t>
  </si>
  <si>
    <t>cg16625216</t>
  </si>
  <si>
    <t>cg16649791</t>
  </si>
  <si>
    <t>cg16651827</t>
  </si>
  <si>
    <t>cg16660345</t>
  </si>
  <si>
    <t>cg16663022</t>
  </si>
  <si>
    <t>cg16664876</t>
  </si>
  <si>
    <t>cg16686135</t>
  </si>
  <si>
    <t>cg16692923</t>
  </si>
  <si>
    <t>cg16696645</t>
  </si>
  <si>
    <t>cg16709901</t>
  </si>
  <si>
    <t>cg16717431</t>
  </si>
  <si>
    <t>cg16718094</t>
  </si>
  <si>
    <t>cg16718539</t>
  </si>
  <si>
    <t>cg16718710</t>
  </si>
  <si>
    <t>cg16720619</t>
  </si>
  <si>
    <t>cg16724588</t>
  </si>
  <si>
    <t>cg16735190</t>
  </si>
  <si>
    <t>cg16735290</t>
  </si>
  <si>
    <t>cg16739530</t>
  </si>
  <si>
    <t>cg16742481</t>
  </si>
  <si>
    <t>cg16742873</t>
  </si>
  <si>
    <t>cg16746737</t>
  </si>
  <si>
    <t>cg16747109</t>
  </si>
  <si>
    <t>cg16750157</t>
  </si>
  <si>
    <t>cg16757896</t>
  </si>
  <si>
    <t>cg16767590</t>
  </si>
  <si>
    <t>cg16774354</t>
  </si>
  <si>
    <t>cg16775971</t>
  </si>
  <si>
    <t>cg16781992</t>
  </si>
  <si>
    <t>cg16782236</t>
  </si>
  <si>
    <t>cg16785938</t>
  </si>
  <si>
    <t>cg16786102</t>
  </si>
  <si>
    <t>cg16788014</t>
  </si>
  <si>
    <t>cg16790291</t>
  </si>
  <si>
    <t>cg16792888</t>
  </si>
  <si>
    <t>cg16793274</t>
  </si>
  <si>
    <t>cg16809806</t>
  </si>
  <si>
    <t>cg16817180</t>
  </si>
  <si>
    <t>cg16823610</t>
  </si>
  <si>
    <t>cg16826064</t>
  </si>
  <si>
    <t>cg16828491</t>
  </si>
  <si>
    <t>cg16832693</t>
  </si>
  <si>
    <t>cg16833566</t>
  </si>
  <si>
    <t>cg16847428</t>
  </si>
  <si>
    <t>cg16852115</t>
  </si>
  <si>
    <t>cg16854524</t>
  </si>
  <si>
    <t>cg16854876</t>
  </si>
  <si>
    <t>cg16855355</t>
  </si>
  <si>
    <t>cg16860991</t>
  </si>
  <si>
    <t>cg16862063</t>
  </si>
  <si>
    <t>cg16863617</t>
  </si>
  <si>
    <t>cg16870215</t>
  </si>
  <si>
    <t>cg16875637</t>
  </si>
  <si>
    <t>cg16876829</t>
  </si>
  <si>
    <t>cg16895261</t>
  </si>
  <si>
    <t>cg16913361</t>
  </si>
  <si>
    <t>cg16919074</t>
  </si>
  <si>
    <t>cg16936060</t>
  </si>
  <si>
    <t>cg16947947</t>
  </si>
  <si>
    <t>cg16955704</t>
  </si>
  <si>
    <t>cg16962412</t>
  </si>
  <si>
    <t>cg16968623</t>
  </si>
  <si>
    <t>cg16975367</t>
  </si>
  <si>
    <t>cg16975863</t>
  </si>
  <si>
    <t>cg16987761</t>
  </si>
  <si>
    <t>cg17010112</t>
  </si>
  <si>
    <t>cg17023149</t>
  </si>
  <si>
    <t>cg17030981</t>
  </si>
  <si>
    <t>cg17031543</t>
  </si>
  <si>
    <t>cg17031751</t>
  </si>
  <si>
    <t>cg17035770</t>
  </si>
  <si>
    <t>cg17045844</t>
  </si>
  <si>
    <t>cg17055207</t>
  </si>
  <si>
    <t>cg17058288</t>
  </si>
  <si>
    <t>cg17062829</t>
  </si>
  <si>
    <t>cg17069541</t>
  </si>
  <si>
    <t>cg17071045</t>
  </si>
  <si>
    <t>cg17071409</t>
  </si>
  <si>
    <t>cg17071446</t>
  </si>
  <si>
    <t>cg17073306</t>
  </si>
  <si>
    <t>cg17078219</t>
  </si>
  <si>
    <t>cg17079688</t>
  </si>
  <si>
    <t>cg17080423</t>
  </si>
  <si>
    <t>cg17082661</t>
  </si>
  <si>
    <t>cg17084007</t>
  </si>
  <si>
    <t>cg17084361</t>
  </si>
  <si>
    <t>cg17087414</t>
  </si>
  <si>
    <t>cg17090401</t>
  </si>
  <si>
    <t>cg17092939</t>
  </si>
  <si>
    <t>cg17103155</t>
  </si>
  <si>
    <t>cg17103634</t>
  </si>
  <si>
    <t>cg17108430</t>
  </si>
  <si>
    <t>cg17118391</t>
  </si>
  <si>
    <t>cg17123334</t>
  </si>
  <si>
    <t>cg17125267</t>
  </si>
  <si>
    <t>cg17128308</t>
  </si>
  <si>
    <t>cg17128892</t>
  </si>
  <si>
    <t>cg17135503</t>
  </si>
  <si>
    <t>cg17139666</t>
  </si>
  <si>
    <t>cg17140673</t>
  </si>
  <si>
    <t>cg17147265</t>
  </si>
  <si>
    <t>cg17160094</t>
  </si>
  <si>
    <t>cg17161924</t>
  </si>
  <si>
    <t>cg17183546</t>
  </si>
  <si>
    <t>cg17185267</t>
  </si>
  <si>
    <t>cg17187183</t>
  </si>
  <si>
    <t>cg17187673</t>
  </si>
  <si>
    <t>cg17196244</t>
  </si>
  <si>
    <t>cg17198929</t>
  </si>
  <si>
    <t>cg17200999</t>
  </si>
  <si>
    <t>cg17201760</t>
  </si>
  <si>
    <t>cg17207337</t>
  </si>
  <si>
    <t>cg17214351</t>
  </si>
  <si>
    <t>cg17214502</t>
  </si>
  <si>
    <t>cg17218827</t>
  </si>
  <si>
    <t>cg17221455</t>
  </si>
  <si>
    <t>cg17222000</t>
  </si>
  <si>
    <t>cg17227014</t>
  </si>
  <si>
    <t>cg17231293</t>
  </si>
  <si>
    <t>cg17232217</t>
  </si>
  <si>
    <t>cg17232393</t>
  </si>
  <si>
    <t>cg17233452</t>
  </si>
  <si>
    <t>cg17234201</t>
  </si>
  <si>
    <t>cg17241657</t>
  </si>
  <si>
    <t>cg17242937</t>
  </si>
  <si>
    <t>cg17243896</t>
  </si>
  <si>
    <t>cg17245405</t>
  </si>
  <si>
    <t>cg17247122</t>
  </si>
  <si>
    <t>cg17250429</t>
  </si>
  <si>
    <t>cg17252605</t>
  </si>
  <si>
    <t>cg17255063</t>
  </si>
  <si>
    <t>cg17256260</t>
  </si>
  <si>
    <t>cg17264417</t>
  </si>
  <si>
    <t>cg17265358</t>
  </si>
  <si>
    <t>cg17273285</t>
  </si>
  <si>
    <t>cg17276535</t>
  </si>
  <si>
    <t>cg17277949</t>
  </si>
  <si>
    <t>cg17279557</t>
  </si>
  <si>
    <t>cg17286640</t>
  </si>
  <si>
    <t>cg17290403</t>
  </si>
  <si>
    <t>cg17301015</t>
  </si>
  <si>
    <t>cg17307558</t>
  </si>
  <si>
    <t>cg17307696</t>
  </si>
  <si>
    <t>cg17307791</t>
  </si>
  <si>
    <t>cg17310600</t>
  </si>
  <si>
    <t>cg17312632</t>
  </si>
  <si>
    <t>cg17322505</t>
  </si>
  <si>
    <t>cg17330176</t>
  </si>
  <si>
    <t>cg17332705</t>
  </si>
  <si>
    <t>cg17332708</t>
  </si>
  <si>
    <t>cg17334978</t>
  </si>
  <si>
    <t>cg17335372</t>
  </si>
  <si>
    <t>cg17337917</t>
  </si>
  <si>
    <t>cg17338352</t>
  </si>
  <si>
    <t>cg17339234</t>
  </si>
  <si>
    <t>cg17341358</t>
  </si>
  <si>
    <t>cg17343253</t>
  </si>
  <si>
    <t>cg17348730</t>
  </si>
  <si>
    <t>cg17350432</t>
  </si>
  <si>
    <t>cg17358883</t>
  </si>
  <si>
    <t>cg17360330</t>
  </si>
  <si>
    <t>cg17366294</t>
  </si>
  <si>
    <t>cg17368632</t>
  </si>
  <si>
    <t>cg17368837</t>
  </si>
  <si>
    <t>cg17374227</t>
  </si>
  <si>
    <t>cg17384436</t>
  </si>
  <si>
    <t>cg17385318</t>
  </si>
  <si>
    <t>cg17386050</t>
  </si>
  <si>
    <t>cg17393702</t>
  </si>
  <si>
    <t>cg17394237</t>
  </si>
  <si>
    <t>cg17394306</t>
  </si>
  <si>
    <t>cg17396989</t>
  </si>
  <si>
    <t>cg17411135</t>
  </si>
  <si>
    <t>cg17441887</t>
  </si>
  <si>
    <t>cg17444738</t>
  </si>
  <si>
    <t>cg17445101</t>
  </si>
  <si>
    <t>cg17446958</t>
  </si>
  <si>
    <t>cg17452384</t>
  </si>
  <si>
    <t>cg17453359</t>
  </si>
  <si>
    <t>cg17456304</t>
  </si>
  <si>
    <t>cg17459092</t>
  </si>
  <si>
    <t>cg17459778</t>
  </si>
  <si>
    <t>cg17473656</t>
  </si>
  <si>
    <t>cg17480221</t>
  </si>
  <si>
    <t>cg17486101</t>
  </si>
  <si>
    <t>cg17491449</t>
  </si>
  <si>
    <t>cg17491947</t>
  </si>
  <si>
    <t>cg17492965</t>
  </si>
  <si>
    <t>cg17493815</t>
  </si>
  <si>
    <t>cg17500103</t>
  </si>
  <si>
    <t>cg17503252</t>
  </si>
  <si>
    <t>cg17507360</t>
  </si>
  <si>
    <t>cg17507671</t>
  </si>
  <si>
    <t>cg17509202</t>
  </si>
  <si>
    <t>cg17511472</t>
  </si>
  <si>
    <t>cg17512133</t>
  </si>
  <si>
    <t>cg17517733</t>
  </si>
  <si>
    <t>cg17520203</t>
  </si>
  <si>
    <t>cg17536750</t>
  </si>
  <si>
    <t>cg17540159</t>
  </si>
  <si>
    <t>cg17547898</t>
  </si>
  <si>
    <t>cg17547928</t>
  </si>
  <si>
    <t>cg17550495</t>
  </si>
  <si>
    <t>cg17550744</t>
  </si>
  <si>
    <t>cg17554814</t>
  </si>
  <si>
    <t>cg17559786</t>
  </si>
  <si>
    <t>cg17564203</t>
  </si>
  <si>
    <t>cg17565299</t>
  </si>
  <si>
    <t>cg17565478</t>
  </si>
  <si>
    <t>cg17566936</t>
  </si>
  <si>
    <t>cg17576613</t>
  </si>
  <si>
    <t>cg17584633</t>
  </si>
  <si>
    <t>cg17588400</t>
  </si>
  <si>
    <t>cg17592292</t>
  </si>
  <si>
    <t>cg17594047</t>
  </si>
  <si>
    <t>cg17598704</t>
  </si>
  <si>
    <t>cg17599582</t>
  </si>
  <si>
    <t>cg17604223</t>
  </si>
  <si>
    <t>cg17605476</t>
  </si>
  <si>
    <t>cg17609931</t>
  </si>
  <si>
    <t>cg17609976</t>
  </si>
  <si>
    <t>cg17613550</t>
  </si>
  <si>
    <t>cg17634650</t>
  </si>
  <si>
    <t>cg17636986</t>
  </si>
  <si>
    <t>cg17646765</t>
  </si>
  <si>
    <t>cg17656165</t>
  </si>
  <si>
    <t>cg17658546</t>
  </si>
  <si>
    <t>cg17662872</t>
  </si>
  <si>
    <t>cg17665830</t>
  </si>
  <si>
    <t>cg17669581</t>
  </si>
  <si>
    <t>cg17677988</t>
  </si>
  <si>
    <t>cg17678224</t>
  </si>
  <si>
    <t>cg17678847</t>
  </si>
  <si>
    <t>cg17682704</t>
  </si>
  <si>
    <t>cg17688837</t>
  </si>
  <si>
    <t>cg17689763</t>
  </si>
  <si>
    <t>cg17691657</t>
  </si>
  <si>
    <t>cg17691988</t>
  </si>
  <si>
    <t>cg17695145</t>
  </si>
  <si>
    <t>cg17699047</t>
  </si>
  <si>
    <t>cg17699214</t>
  </si>
  <si>
    <t>cg17705041</t>
  </si>
  <si>
    <t>cg17709884</t>
  </si>
  <si>
    <t>cg17711763</t>
  </si>
  <si>
    <t>cg17714987</t>
  </si>
  <si>
    <t>cg17715141</t>
  </si>
  <si>
    <t>cg17716297</t>
  </si>
  <si>
    <t>cg17721480</t>
  </si>
  <si>
    <t>cg17724147</t>
  </si>
  <si>
    <t>cg17749374</t>
  </si>
  <si>
    <t>cg17757055</t>
  </si>
  <si>
    <t>cg17758673</t>
  </si>
  <si>
    <t>cg17783509</t>
  </si>
  <si>
    <t>cg17790400</t>
  </si>
  <si>
    <t>cg17796016</t>
  </si>
  <si>
    <t>cg17805540</t>
  </si>
  <si>
    <t>cg17808823</t>
  </si>
  <si>
    <t>cg17809748</t>
  </si>
  <si>
    <t>cg17811646</t>
  </si>
  <si>
    <t>cg17813310</t>
  </si>
  <si>
    <t>cg17814479</t>
  </si>
  <si>
    <t>cg17815841</t>
  </si>
  <si>
    <t>cg17826763</t>
  </si>
  <si>
    <t>cg17829318</t>
  </si>
  <si>
    <t>cg17840021</t>
  </si>
  <si>
    <t>cg17840047</t>
  </si>
  <si>
    <t>cg17840355</t>
  </si>
  <si>
    <t>cg17841303</t>
  </si>
  <si>
    <t>cg17853089</t>
  </si>
  <si>
    <t>cg17854066</t>
  </si>
  <si>
    <t>cg17861424</t>
  </si>
  <si>
    <t>cg17871966</t>
  </si>
  <si>
    <t>cg17872261</t>
  </si>
  <si>
    <t>cg17875845</t>
  </si>
  <si>
    <t>cg17879352</t>
  </si>
  <si>
    <t>cg17886413</t>
  </si>
  <si>
    <t>cg17898925</t>
  </si>
  <si>
    <t>cg17900047</t>
  </si>
  <si>
    <t>cg17902573</t>
  </si>
  <si>
    <t>cg17903879</t>
  </si>
  <si>
    <t>cg17910931</t>
  </si>
  <si>
    <t>cg17915139</t>
  </si>
  <si>
    <t>cg17920195</t>
  </si>
  <si>
    <t>cg17920868</t>
  </si>
  <si>
    <t>cg17924813</t>
  </si>
  <si>
    <t>cg17924901</t>
  </si>
  <si>
    <t>cg17931409</t>
  </si>
  <si>
    <t>cg17934294</t>
  </si>
  <si>
    <t>cg17935422</t>
  </si>
  <si>
    <t>cg17938612</t>
  </si>
  <si>
    <t>cg17942382</t>
  </si>
  <si>
    <t>cg17949915</t>
  </si>
  <si>
    <t>cg17952262</t>
  </si>
  <si>
    <t>cg17960516</t>
  </si>
  <si>
    <t>cg17971113</t>
  </si>
  <si>
    <t>cg17972100</t>
  </si>
  <si>
    <t>cg17981552</t>
  </si>
  <si>
    <t>cg17984267</t>
  </si>
  <si>
    <t>cg17984638</t>
  </si>
  <si>
    <t>cg17985608</t>
  </si>
  <si>
    <t>cg17988021</t>
  </si>
  <si>
    <t>cg18002905</t>
  </si>
  <si>
    <t>cg18005867</t>
  </si>
  <si>
    <t>cg18007268</t>
  </si>
  <si>
    <t>cg18007463</t>
  </si>
  <si>
    <t>cg18009653</t>
  </si>
  <si>
    <t>cg18023724</t>
  </si>
  <si>
    <t>cg18025976</t>
  </si>
  <si>
    <t>cg18030372</t>
  </si>
  <si>
    <t>cg18030409</t>
  </si>
  <si>
    <t>cg18030960</t>
  </si>
  <si>
    <t>cg18034737</t>
  </si>
  <si>
    <t>cg18050903</t>
  </si>
  <si>
    <t>cg18054302</t>
  </si>
  <si>
    <t>cg18054327</t>
  </si>
  <si>
    <t>cg18059088</t>
  </si>
  <si>
    <t>cg18061035</t>
  </si>
  <si>
    <t>cg18063486</t>
  </si>
  <si>
    <t>cg18064927</t>
  </si>
  <si>
    <t>cg18068664</t>
  </si>
  <si>
    <t>cg18073357</t>
  </si>
  <si>
    <t>cg18077418</t>
  </si>
  <si>
    <t>cg18077632</t>
  </si>
  <si>
    <t>cg18081881</t>
  </si>
  <si>
    <t>cg18083114</t>
  </si>
  <si>
    <t>cg18085660</t>
  </si>
  <si>
    <t>cg18085683</t>
  </si>
  <si>
    <t>cg18086520</t>
  </si>
  <si>
    <t>cg18094824</t>
  </si>
  <si>
    <t>cg18099189</t>
  </si>
  <si>
    <t>cg18100734</t>
  </si>
  <si>
    <t>cg18101225</t>
  </si>
  <si>
    <t>cg18102697</t>
  </si>
  <si>
    <t>cg18108513</t>
  </si>
  <si>
    <t>cg18120446</t>
  </si>
  <si>
    <t>cg18139878</t>
  </si>
  <si>
    <t>cg18140479</t>
  </si>
  <si>
    <t>cg18146246</t>
  </si>
  <si>
    <t>cg18149485</t>
  </si>
  <si>
    <t>cg18164599</t>
  </si>
  <si>
    <t>cg18176712</t>
  </si>
  <si>
    <t>cg18179491</t>
  </si>
  <si>
    <t>cg18180107</t>
  </si>
  <si>
    <t>cg18183961</t>
  </si>
  <si>
    <t>cg18186914</t>
  </si>
  <si>
    <t>cg18190323</t>
  </si>
  <si>
    <t>cg18194738</t>
  </si>
  <si>
    <t>cg18197092</t>
  </si>
  <si>
    <t>cg18207201</t>
  </si>
  <si>
    <t>cg18207742</t>
  </si>
  <si>
    <t>cg18219490</t>
  </si>
  <si>
    <t>cg18221610</t>
  </si>
  <si>
    <t>cg18229859</t>
  </si>
  <si>
    <t>cg18234547</t>
  </si>
  <si>
    <t>cg18235100</t>
  </si>
  <si>
    <t>cg18242907</t>
  </si>
  <si>
    <t>cg18246991</t>
  </si>
  <si>
    <t>cg18255353</t>
  </si>
  <si>
    <t>cg18257485</t>
  </si>
  <si>
    <t>cg18270285</t>
  </si>
  <si>
    <t>cg18270926</t>
  </si>
  <si>
    <t>cg18271914</t>
  </si>
  <si>
    <t>cg18274325</t>
  </si>
  <si>
    <t>cg18277508</t>
  </si>
  <si>
    <t>cg18297736</t>
  </si>
  <si>
    <t>cg18299634</t>
  </si>
  <si>
    <t>cg18304448</t>
  </si>
  <si>
    <t>cg18308184</t>
  </si>
  <si>
    <t>cg18309528</t>
  </si>
  <si>
    <t>cg18315963</t>
  </si>
  <si>
    <t>cg18319433</t>
  </si>
  <si>
    <t>cg18333643</t>
  </si>
  <si>
    <t>cg18334849</t>
  </si>
  <si>
    <t>cg18337337</t>
  </si>
  <si>
    <t>cg18344745</t>
  </si>
  <si>
    <t>cg18351406</t>
  </si>
  <si>
    <t>cg18354948</t>
  </si>
  <si>
    <t>cg18368669</t>
  </si>
  <si>
    <t>cg18375441</t>
  </si>
  <si>
    <t>cg18377183</t>
  </si>
  <si>
    <t>cg18380675</t>
  </si>
  <si>
    <t>cg18406106</t>
  </si>
  <si>
    <t>cg18409732</t>
  </si>
  <si>
    <t>cg18415148</t>
  </si>
  <si>
    <t>cg18420965</t>
  </si>
  <si>
    <t>cg18421710</t>
  </si>
  <si>
    <t>cg18427648</t>
  </si>
  <si>
    <t>cg18431297</t>
  </si>
  <si>
    <t>cg18431856</t>
  </si>
  <si>
    <t>cg18436737</t>
  </si>
  <si>
    <t>cg18438777</t>
  </si>
  <si>
    <t>cg18449721</t>
  </si>
  <si>
    <t>cg18459475</t>
  </si>
  <si>
    <t>cg18470101</t>
  </si>
  <si>
    <t>cg18470593</t>
  </si>
  <si>
    <t>cg18470649</t>
  </si>
  <si>
    <t>cg18471687</t>
  </si>
  <si>
    <t>cg18472185</t>
  </si>
  <si>
    <t>cg18483704</t>
  </si>
  <si>
    <t>cg18500469</t>
  </si>
  <si>
    <t>cg18500988</t>
  </si>
  <si>
    <t>cg18501555</t>
  </si>
  <si>
    <t>cg18515449</t>
  </si>
  <si>
    <t>cg18523371</t>
  </si>
  <si>
    <t>cg18526270</t>
  </si>
  <si>
    <t>cg18544809</t>
  </si>
  <si>
    <t>cg18567682</t>
  </si>
  <si>
    <t>cg18569909</t>
  </si>
  <si>
    <t>cg18571419</t>
  </si>
  <si>
    <t>cg18579447</t>
  </si>
  <si>
    <t>cg18583381</t>
  </si>
  <si>
    <t>cg18609078</t>
  </si>
  <si>
    <t>cg18619267</t>
  </si>
  <si>
    <t>cg18622493</t>
  </si>
  <si>
    <t>cg18628449</t>
  </si>
  <si>
    <t>cg18629151</t>
  </si>
  <si>
    <t>cg18637901</t>
  </si>
  <si>
    <t>cg18640444</t>
  </si>
  <si>
    <t>cg18652446</t>
  </si>
  <si>
    <t>cg18656765</t>
  </si>
  <si>
    <t>cg18664369</t>
  </si>
  <si>
    <t>cg18665513</t>
  </si>
  <si>
    <t>cg18674643</t>
  </si>
  <si>
    <t>cg18681028</t>
  </si>
  <si>
    <t>cg18685561</t>
  </si>
  <si>
    <t>cg18695917</t>
  </si>
  <si>
    <t>cg18697089</t>
  </si>
  <si>
    <t>cg18699025</t>
  </si>
  <si>
    <t>cg18705541</t>
  </si>
  <si>
    <t>cg18714412</t>
  </si>
  <si>
    <t>cg18720803</t>
  </si>
  <si>
    <t>cg18737349</t>
  </si>
  <si>
    <t>cg18744777</t>
  </si>
  <si>
    <t>cg18753646</t>
  </si>
  <si>
    <t>cg18760594</t>
  </si>
  <si>
    <t>cg18763629</t>
  </si>
  <si>
    <t>cg18764836</t>
  </si>
  <si>
    <t>cg18773997</t>
  </si>
  <si>
    <t>cg18777299</t>
  </si>
  <si>
    <t>cg18779296</t>
  </si>
  <si>
    <t>cg18789841</t>
  </si>
  <si>
    <t>cg18803251</t>
  </si>
  <si>
    <t>cg18815539</t>
  </si>
  <si>
    <t>cg18817990</t>
  </si>
  <si>
    <t>cg18821742</t>
  </si>
  <si>
    <t>cg18825458</t>
  </si>
  <si>
    <t>cg18837947</t>
  </si>
  <si>
    <t>cg18845838</t>
  </si>
  <si>
    <t>cg18849102</t>
  </si>
  <si>
    <t>cg18860310</t>
  </si>
  <si>
    <t>cg18860812</t>
  </si>
  <si>
    <t>cg18873097</t>
  </si>
  <si>
    <t>cg18887962</t>
  </si>
  <si>
    <t>cg18894054</t>
  </si>
  <si>
    <t>cg18894815</t>
  </si>
  <si>
    <t>cg18898336</t>
  </si>
  <si>
    <t>cg18904784</t>
  </si>
  <si>
    <t>cg18906283</t>
  </si>
  <si>
    <t>cg18907098</t>
  </si>
  <si>
    <t>cg18909973</t>
  </si>
  <si>
    <t>cg18913527</t>
  </si>
  <si>
    <t>cg18920034</t>
  </si>
  <si>
    <t>cg18928811</t>
  </si>
  <si>
    <t>cg18929663</t>
  </si>
  <si>
    <t>cg18948646</t>
  </si>
  <si>
    <t>cg18954401</t>
  </si>
  <si>
    <t>cg18954865</t>
  </si>
  <si>
    <t>cg18965055</t>
  </si>
  <si>
    <t>cg18967788</t>
  </si>
  <si>
    <t>cg18968278</t>
  </si>
  <si>
    <t>cg18969798</t>
  </si>
  <si>
    <t>cg18971647</t>
  </si>
  <si>
    <t>cg18972811</t>
  </si>
  <si>
    <t>cg18976869</t>
  </si>
  <si>
    <t>cg18993949</t>
  </si>
  <si>
    <t>cg19000186</t>
  </si>
  <si>
    <t>cg19006127</t>
  </si>
  <si>
    <t>cg19021080</t>
  </si>
  <si>
    <t>cg19021496</t>
  </si>
  <si>
    <t>cg19037143</t>
  </si>
  <si>
    <t>cg19037167</t>
  </si>
  <si>
    <t>cg19037480</t>
  </si>
  <si>
    <t>cg19037922</t>
  </si>
  <si>
    <t>cg19039028</t>
  </si>
  <si>
    <t>cg19039739</t>
  </si>
  <si>
    <t>cg19051608</t>
  </si>
  <si>
    <t>cg19069553</t>
  </si>
  <si>
    <t>cg19090437</t>
  </si>
  <si>
    <t>cg19092489</t>
  </si>
  <si>
    <t>cg19095920</t>
  </si>
  <si>
    <t>cg19096034</t>
  </si>
  <si>
    <t>cg19101433</t>
  </si>
  <si>
    <t>cg19117520</t>
  </si>
  <si>
    <t>cg19122004</t>
  </si>
  <si>
    <t>cg19123095</t>
  </si>
  <si>
    <t>cg19123916</t>
  </si>
  <si>
    <t>cg19125577</t>
  </si>
  <si>
    <t>cg19128113</t>
  </si>
  <si>
    <t>cg19129145</t>
  </si>
  <si>
    <t>cg19133933</t>
  </si>
  <si>
    <t>cg19134568</t>
  </si>
  <si>
    <t>cg19134765</t>
  </si>
  <si>
    <t>cg19142035</t>
  </si>
  <si>
    <t>cg19142319</t>
  </si>
  <si>
    <t>cg19152770</t>
  </si>
  <si>
    <t>cg19162496</t>
  </si>
  <si>
    <t>cg19163818</t>
  </si>
  <si>
    <t>cg19167230</t>
  </si>
  <si>
    <t>cg19172052</t>
  </si>
  <si>
    <t>cg19180698</t>
  </si>
  <si>
    <t>cg19186307</t>
  </si>
  <si>
    <t>cg19191984</t>
  </si>
  <si>
    <t>cg19199805</t>
  </si>
  <si>
    <t>cg19207803</t>
  </si>
  <si>
    <t>cg19210358</t>
  </si>
  <si>
    <t>cg19211295</t>
  </si>
  <si>
    <t>cg19216056</t>
  </si>
  <si>
    <t>cg19216561</t>
  </si>
  <si>
    <t>cg19237337</t>
  </si>
  <si>
    <t>cg19255853</t>
  </si>
  <si>
    <t>cg19273995</t>
  </si>
  <si>
    <t>cg19274680</t>
  </si>
  <si>
    <t>cg19274698</t>
  </si>
  <si>
    <t>cg19277389</t>
  </si>
  <si>
    <t>cg19278744</t>
  </si>
  <si>
    <t>cg19279265</t>
  </si>
  <si>
    <t>cg19282068</t>
  </si>
  <si>
    <t>cg19283196</t>
  </si>
  <si>
    <t>cg19296501</t>
  </si>
  <si>
    <t>cg19296509</t>
  </si>
  <si>
    <t>cg19299094</t>
  </si>
  <si>
    <t>cg19302283</t>
  </si>
  <si>
    <t>cg19303305</t>
  </si>
  <si>
    <t>cg19303728</t>
  </si>
  <si>
    <t>cg19304088</t>
  </si>
  <si>
    <t>cg19311244</t>
  </si>
  <si>
    <t>cg19312667</t>
  </si>
  <si>
    <t>cg19313023</t>
  </si>
  <si>
    <t>cg19315697</t>
  </si>
  <si>
    <t>cg19318218</t>
  </si>
  <si>
    <t>cg19320928</t>
  </si>
  <si>
    <t>cg19324172</t>
  </si>
  <si>
    <t>cg19338524</t>
  </si>
  <si>
    <t>cg19339179</t>
  </si>
  <si>
    <t>cg19339841</t>
  </si>
  <si>
    <t>cg19339902</t>
  </si>
  <si>
    <t>cg19341849</t>
  </si>
  <si>
    <t>cg19345417</t>
  </si>
  <si>
    <t>cg19350469</t>
  </si>
  <si>
    <t>cg19350538</t>
  </si>
  <si>
    <t>cg19370653</t>
  </si>
  <si>
    <t>cg19371708</t>
  </si>
  <si>
    <t>cg19379625</t>
  </si>
  <si>
    <t>cg19387228</t>
  </si>
  <si>
    <t>cg19387239</t>
  </si>
  <si>
    <t>cg19397221</t>
  </si>
  <si>
    <t>cg19409381</t>
  </si>
  <si>
    <t>cg19412663</t>
  </si>
  <si>
    <t>cg19413863</t>
  </si>
  <si>
    <t>cg19419801</t>
  </si>
  <si>
    <t>cg19420930</t>
  </si>
  <si>
    <t>cg19428336</t>
  </si>
  <si>
    <t>cg19431768</t>
  </si>
  <si>
    <t>cg19433065</t>
  </si>
  <si>
    <t>cg19453997</t>
  </si>
  <si>
    <t>cg19459675</t>
  </si>
  <si>
    <t>cg19463531</t>
  </si>
  <si>
    <t>cg19465124</t>
  </si>
  <si>
    <t>cg19466640</t>
  </si>
  <si>
    <t>cg19472909</t>
  </si>
  <si>
    <t>cg19475535</t>
  </si>
  <si>
    <t>cg19487718</t>
  </si>
  <si>
    <t>cg19497734</t>
  </si>
  <si>
    <t>cg19503860</t>
  </si>
  <si>
    <t>cg19505364</t>
  </si>
  <si>
    <t>cg19506435</t>
  </si>
  <si>
    <t>cg19509663</t>
  </si>
  <si>
    <t>cg19518232</t>
  </si>
  <si>
    <t>cg19520201</t>
  </si>
  <si>
    <t>cg19520234</t>
  </si>
  <si>
    <t>cg19531230</t>
  </si>
  <si>
    <t>cg19534879</t>
  </si>
  <si>
    <t>cg19535394</t>
  </si>
  <si>
    <t>cg19538890</t>
  </si>
  <si>
    <t>cg19540533</t>
  </si>
  <si>
    <t>cg19544746</t>
  </si>
  <si>
    <t>cg19552949</t>
  </si>
  <si>
    <t>cg19553056</t>
  </si>
  <si>
    <t>cg19555331</t>
  </si>
  <si>
    <t>cg19564264</t>
  </si>
  <si>
    <t>cg19577080</t>
  </si>
  <si>
    <t>cg19579176</t>
  </si>
  <si>
    <t>cg19588649</t>
  </si>
  <si>
    <t>cg19591902</t>
  </si>
  <si>
    <t>cg19594923</t>
  </si>
  <si>
    <t>cg19596468</t>
  </si>
  <si>
    <t>cg19600081</t>
  </si>
  <si>
    <t>cg19608105</t>
  </si>
  <si>
    <t>cg19621877</t>
  </si>
  <si>
    <t>cg19622569</t>
  </si>
  <si>
    <t>cg19634252</t>
  </si>
  <si>
    <t>cg19635501</t>
  </si>
  <si>
    <t>cg19652810</t>
  </si>
  <si>
    <t>cg19654142</t>
  </si>
  <si>
    <t>cg19661610</t>
  </si>
  <si>
    <t>cg19666365</t>
  </si>
  <si>
    <t>cg19672089</t>
  </si>
  <si>
    <t>cg19673881</t>
  </si>
  <si>
    <t>cg19674065</t>
  </si>
  <si>
    <t>cg19688222</t>
  </si>
  <si>
    <t>cg19702703</t>
  </si>
  <si>
    <t>cg19712746</t>
  </si>
  <si>
    <t>cg19712821</t>
  </si>
  <si>
    <t>cg19719391</t>
  </si>
  <si>
    <t>cg19723952</t>
  </si>
  <si>
    <t>cg19724522</t>
  </si>
  <si>
    <t>cg19736608</t>
  </si>
  <si>
    <t>cg19737633</t>
  </si>
  <si>
    <t>cg19758317</t>
  </si>
  <si>
    <t>cg19758873</t>
  </si>
  <si>
    <t>cg19763168</t>
  </si>
  <si>
    <t>cg19763279</t>
  </si>
  <si>
    <t>cg19764006</t>
  </si>
  <si>
    <t>cg19775672</t>
  </si>
  <si>
    <t>cg19786920</t>
  </si>
  <si>
    <t>cg19788317</t>
  </si>
  <si>
    <t>cg19795082</t>
  </si>
  <si>
    <t>cg19797956</t>
  </si>
  <si>
    <t>cg19800035</t>
  </si>
  <si>
    <t>cg19800605</t>
  </si>
  <si>
    <t>cg19843036</t>
  </si>
  <si>
    <t>cg19845878</t>
  </si>
  <si>
    <t>cg19846622</t>
  </si>
  <si>
    <t>cg19849728</t>
  </si>
  <si>
    <t>cg19851647</t>
  </si>
  <si>
    <t>cg19856002</t>
  </si>
  <si>
    <t>cg19861288</t>
  </si>
  <si>
    <t>cg19861632</t>
  </si>
  <si>
    <t>cg19870628</t>
  </si>
  <si>
    <t>cg19876388</t>
  </si>
  <si>
    <t>cg19878838</t>
  </si>
  <si>
    <t>cg19880790</t>
  </si>
  <si>
    <t>cg19898448</t>
  </si>
  <si>
    <t>cg19899609</t>
  </si>
  <si>
    <t>cg19901381</t>
  </si>
  <si>
    <t>cg19905837</t>
  </si>
  <si>
    <t>cg19906672</t>
  </si>
  <si>
    <t>cg19909239</t>
  </si>
  <si>
    <t>cg19914780</t>
  </si>
  <si>
    <t>cg19922435</t>
  </si>
  <si>
    <t>cg19925373</t>
  </si>
  <si>
    <t>cg19929081</t>
  </si>
  <si>
    <t>cg19929355</t>
  </si>
  <si>
    <t>cg19930288</t>
  </si>
  <si>
    <t>cg19931925</t>
  </si>
  <si>
    <t>cg19932388</t>
  </si>
  <si>
    <t>cg19933595</t>
  </si>
  <si>
    <t>cg19941439</t>
  </si>
  <si>
    <t>cg19943000</t>
  </si>
  <si>
    <t>cg19945912</t>
  </si>
  <si>
    <t>cg19956078</t>
  </si>
  <si>
    <t>cg19956606</t>
  </si>
  <si>
    <t>cg19965948</t>
  </si>
  <si>
    <t>cg19974115</t>
  </si>
  <si>
    <t>cg19974227</t>
  </si>
  <si>
    <t>cg19978674</t>
  </si>
  <si>
    <t>cg19984262</t>
  </si>
  <si>
    <t>cg19987840</t>
  </si>
  <si>
    <t>cg19993723</t>
  </si>
  <si>
    <t>cg20012601</t>
  </si>
  <si>
    <t>cg20016631</t>
  </si>
  <si>
    <t>cg20018181</t>
  </si>
  <si>
    <t>cg20025977</t>
  </si>
  <si>
    <t>cg20026798</t>
  </si>
  <si>
    <t>cg20028233</t>
  </si>
  <si>
    <t>cg20032809</t>
  </si>
  <si>
    <t>cg20038070</t>
  </si>
  <si>
    <t>cg20038996</t>
  </si>
  <si>
    <t>cg20040364</t>
  </si>
  <si>
    <t>cg20044410</t>
  </si>
  <si>
    <t>cg20044666</t>
  </si>
  <si>
    <t>cg20054111</t>
  </si>
  <si>
    <t>cg20058872</t>
  </si>
  <si>
    <t>cg20060598</t>
  </si>
  <si>
    <t>cg20073050</t>
  </si>
  <si>
    <t>cg20073553</t>
  </si>
  <si>
    <t>cg20077155</t>
  </si>
  <si>
    <t>cg20078879</t>
  </si>
  <si>
    <t>cg20084184</t>
  </si>
  <si>
    <t>cg20086219</t>
  </si>
  <si>
    <t>cg20092102</t>
  </si>
  <si>
    <t>cg20092199</t>
  </si>
  <si>
    <t>cg20095398</t>
  </si>
  <si>
    <t>cg20098332</t>
  </si>
  <si>
    <t>cg20098886</t>
  </si>
  <si>
    <t>cg20103938</t>
  </si>
  <si>
    <t>cg20105939</t>
  </si>
  <si>
    <t>cg20111875</t>
  </si>
  <si>
    <t>cg20112376</t>
  </si>
  <si>
    <t>cg20118385</t>
  </si>
  <si>
    <t>cg20119015</t>
  </si>
  <si>
    <t>cg20120786</t>
  </si>
  <si>
    <t>cg20122586</t>
  </si>
  <si>
    <t>cg20128456</t>
  </si>
  <si>
    <t>cg20128928</t>
  </si>
  <si>
    <t>cg20140452</t>
  </si>
  <si>
    <t>cg20143111</t>
  </si>
  <si>
    <t>cg20159415</t>
  </si>
  <si>
    <t>cg20169319</t>
  </si>
  <si>
    <t>cg20170110</t>
  </si>
  <si>
    <t>cg20171396</t>
  </si>
  <si>
    <t>cg20176012</t>
  </si>
  <si>
    <t>cg20177485</t>
  </si>
  <si>
    <t>cg20184165</t>
  </si>
  <si>
    <t>cg20187572</t>
  </si>
  <si>
    <t>cg20212364</t>
  </si>
  <si>
    <t>cg20212775</t>
  </si>
  <si>
    <t>cg20214477</t>
  </si>
  <si>
    <t>cg20229362</t>
  </si>
  <si>
    <t>cg20233073</t>
  </si>
  <si>
    <t>cg20235885</t>
  </si>
  <si>
    <t>cg20245328</t>
  </si>
  <si>
    <t>cg20271517</t>
  </si>
  <si>
    <t>cg20278503</t>
  </si>
  <si>
    <t>cg20281678</t>
  </si>
  <si>
    <t>cg20286261</t>
  </si>
  <si>
    <t>cg20288588</t>
  </si>
  <si>
    <t>cg20288630</t>
  </si>
  <si>
    <t>cg20305610</t>
  </si>
  <si>
    <t>cg20312457</t>
  </si>
  <si>
    <t>cg20320494</t>
  </si>
  <si>
    <t>cg20325922</t>
  </si>
  <si>
    <t>cg20327820</t>
  </si>
  <si>
    <t>cg20332195</t>
  </si>
  <si>
    <t>cg20342374</t>
  </si>
  <si>
    <t>cg20345948</t>
  </si>
  <si>
    <t>cg20357806</t>
  </si>
  <si>
    <t>cg20359202</t>
  </si>
  <si>
    <t>cg20360704</t>
  </si>
  <si>
    <t>cg20364776</t>
  </si>
  <si>
    <t>cg20367712</t>
  </si>
  <si>
    <t>cg20368979</t>
  </si>
  <si>
    <t>cg20387391</t>
  </si>
  <si>
    <t>cg20392088</t>
  </si>
  <si>
    <t>cg20394269</t>
  </si>
  <si>
    <t>cg20397614</t>
  </si>
  <si>
    <t>cg20399965</t>
  </si>
  <si>
    <t>cg20409358</t>
  </si>
  <si>
    <t>cg20410192</t>
  </si>
  <si>
    <t>cg20414015</t>
  </si>
  <si>
    <t>cg20418501</t>
  </si>
  <si>
    <t>cg20420651</t>
  </si>
  <si>
    <t>cg20424311</t>
  </si>
  <si>
    <t>cg20425862</t>
  </si>
  <si>
    <t>cg20430816</t>
  </si>
  <si>
    <t>cg20437668</t>
  </si>
  <si>
    <t>cg20453845</t>
  </si>
  <si>
    <t>cg20455774</t>
  </si>
  <si>
    <t>cg20458019</t>
  </si>
  <si>
    <t>cg20472551</t>
  </si>
  <si>
    <t>cg20477448</t>
  </si>
  <si>
    <t>cg20481037</t>
  </si>
  <si>
    <t>cg20484352</t>
  </si>
  <si>
    <t>cg20494878</t>
  </si>
  <si>
    <t>cg20495365</t>
  </si>
  <si>
    <t>cg20510525</t>
  </si>
  <si>
    <t>cg20510833</t>
  </si>
  <si>
    <t>cg20523947</t>
  </si>
  <si>
    <t>cg20524452</t>
  </si>
  <si>
    <t>cg20529129</t>
  </si>
  <si>
    <t>cg20535044</t>
  </si>
  <si>
    <t>cg20535197</t>
  </si>
  <si>
    <t>cg20536207</t>
  </si>
  <si>
    <t>cg20566645</t>
  </si>
  <si>
    <t>cg20566657</t>
  </si>
  <si>
    <t>cg20567630</t>
  </si>
  <si>
    <t>cg20573242</t>
  </si>
  <si>
    <t>cg20576510</t>
  </si>
  <si>
    <t>cg20576590</t>
  </si>
  <si>
    <t>cg20581154</t>
  </si>
  <si>
    <t>cg20583640</t>
  </si>
  <si>
    <t>cg20585576</t>
  </si>
  <si>
    <t>cg20587127</t>
  </si>
  <si>
    <t>cg20588069</t>
  </si>
  <si>
    <t>cg20597264</t>
  </si>
  <si>
    <t>cg20599086</t>
  </si>
  <si>
    <t>cg20601329</t>
  </si>
  <si>
    <t>cg20609274</t>
  </si>
  <si>
    <t>cg20610031</t>
  </si>
  <si>
    <t>cg20615832</t>
  </si>
  <si>
    <t>cg20623949</t>
  </si>
  <si>
    <t>cg20631104</t>
  </si>
  <si>
    <t>cg20635393</t>
  </si>
  <si>
    <t>cg20638583</t>
  </si>
  <si>
    <t>cg20640774</t>
  </si>
  <si>
    <t>cg20641748</t>
  </si>
  <si>
    <t>cg20644981</t>
  </si>
  <si>
    <t>cg20646280</t>
  </si>
  <si>
    <t>cg20665341</t>
  </si>
  <si>
    <t>cg20666271</t>
  </si>
  <si>
    <t>cg20676578</t>
  </si>
  <si>
    <t>cg20677664</t>
  </si>
  <si>
    <t>cg20679011</t>
  </si>
  <si>
    <t>cg20680819</t>
  </si>
  <si>
    <t>cg20682222</t>
  </si>
  <si>
    <t>cg20686001</t>
  </si>
  <si>
    <t>cg20689054</t>
  </si>
  <si>
    <t>cg20689476</t>
  </si>
  <si>
    <t>cg20700863</t>
  </si>
  <si>
    <t>cg20704772</t>
  </si>
  <si>
    <t>cg20707668</t>
  </si>
  <si>
    <t>cg20708141</t>
  </si>
  <si>
    <t>cg20708173</t>
  </si>
  <si>
    <t>cg20711695</t>
  </si>
  <si>
    <t>cg20713333</t>
  </si>
  <si>
    <t>cg20716945</t>
  </si>
  <si>
    <t>cg20727217</t>
  </si>
  <si>
    <t>cg20729123</t>
  </si>
  <si>
    <t>cg20736997</t>
  </si>
  <si>
    <t>cg20737500</t>
  </si>
  <si>
    <t>cg20738372</t>
  </si>
  <si>
    <t>cg20738689</t>
  </si>
  <si>
    <t>cg20739912</t>
  </si>
  <si>
    <t>cg20743065</t>
  </si>
  <si>
    <t>cg20756245</t>
  </si>
  <si>
    <t>cg20757508</t>
  </si>
  <si>
    <t>cg20758929</t>
  </si>
  <si>
    <t>cg20762861</t>
  </si>
  <si>
    <t>cg20773127</t>
  </si>
  <si>
    <t>cg20774191</t>
  </si>
  <si>
    <t>cg20776123</t>
  </si>
  <si>
    <t>cg20776877</t>
  </si>
  <si>
    <t>cg20783464</t>
  </si>
  <si>
    <t>cg20793532</t>
  </si>
  <si>
    <t>cg20808462</t>
  </si>
  <si>
    <t>cg20811273</t>
  </si>
  <si>
    <t>cg20815297</t>
  </si>
  <si>
    <t>cg20817824</t>
  </si>
  <si>
    <t>cg20818265</t>
  </si>
  <si>
    <t>cg20823481</t>
  </si>
  <si>
    <t>cg20826671</t>
  </si>
  <si>
    <t>cg20830531</t>
  </si>
  <si>
    <t>cg20831777</t>
  </si>
  <si>
    <t>cg20841377</t>
  </si>
  <si>
    <t>cg20850582</t>
  </si>
  <si>
    <t>cg20851030</t>
  </si>
  <si>
    <t>cg20852605</t>
  </si>
  <si>
    <t>cg20860112</t>
  </si>
  <si>
    <t>cg20866785</t>
  </si>
  <si>
    <t>cg20885782</t>
  </si>
  <si>
    <t>cg20886165</t>
  </si>
  <si>
    <t>cg20891301</t>
  </si>
  <si>
    <t>cg20893919</t>
  </si>
  <si>
    <t>cg20896728</t>
  </si>
  <si>
    <t>cg20909355</t>
  </si>
  <si>
    <t>cg20926939</t>
  </si>
  <si>
    <t>cg20934652</t>
  </si>
  <si>
    <t>cg20937139</t>
  </si>
  <si>
    <t>cg20947775</t>
  </si>
  <si>
    <t>cg20948431</t>
  </si>
  <si>
    <t>cg20953310</t>
  </si>
  <si>
    <t>cg20953400</t>
  </si>
  <si>
    <t>cg20954179</t>
  </si>
  <si>
    <t>cg20963227</t>
  </si>
  <si>
    <t>cg20964256</t>
  </si>
  <si>
    <t>cg20972543</t>
  </si>
  <si>
    <t>cg20979296</t>
  </si>
  <si>
    <t>cg20979979</t>
  </si>
  <si>
    <t>cg20981615</t>
  </si>
  <si>
    <t>cg20988964</t>
  </si>
  <si>
    <t>cg20992114</t>
  </si>
  <si>
    <t>cg21003654</t>
  </si>
  <si>
    <t>cg21005218</t>
  </si>
  <si>
    <t>cg21010475</t>
  </si>
  <si>
    <t>cg21010701</t>
  </si>
  <si>
    <t>cg21029045</t>
  </si>
  <si>
    <t>cg21030536</t>
  </si>
  <si>
    <t>cg21035755</t>
  </si>
  <si>
    <t>cg21039166</t>
  </si>
  <si>
    <t>cg21042673</t>
  </si>
  <si>
    <t>cg21043213</t>
  </si>
  <si>
    <t>cg21053474</t>
  </si>
  <si>
    <t>cg21054842</t>
  </si>
  <si>
    <t>cg21061071</t>
  </si>
  <si>
    <t>cg21071076</t>
  </si>
  <si>
    <t>cg21076687</t>
  </si>
  <si>
    <t>cg21088281</t>
  </si>
  <si>
    <t>cg21096050</t>
  </si>
  <si>
    <t>cg21096898</t>
  </si>
  <si>
    <t>cg21096907</t>
  </si>
  <si>
    <t>cg21105620</t>
  </si>
  <si>
    <t>cg21114485</t>
  </si>
  <si>
    <t>cg21121843</t>
  </si>
  <si>
    <t>cg21122693</t>
  </si>
  <si>
    <t>cg21122725</t>
  </si>
  <si>
    <t>cg21123203</t>
  </si>
  <si>
    <t>cg21130718</t>
  </si>
  <si>
    <t>cg21133433</t>
  </si>
  <si>
    <t>cg21135273</t>
  </si>
  <si>
    <t>cg21135832</t>
  </si>
  <si>
    <t>cg21137236</t>
  </si>
  <si>
    <t>cg21153358</t>
  </si>
  <si>
    <t>cg21154227</t>
  </si>
  <si>
    <t>cg21160562</t>
  </si>
  <si>
    <t>cg21160877</t>
  </si>
  <si>
    <t>cg21163042</t>
  </si>
  <si>
    <t>cg21167046</t>
  </si>
  <si>
    <t>cg21169914</t>
  </si>
  <si>
    <t>cg21182616</t>
  </si>
  <si>
    <t>cg21186966</t>
  </si>
  <si>
    <t>cg21187769</t>
  </si>
  <si>
    <t>cg21195185</t>
  </si>
  <si>
    <t>cg21197795</t>
  </si>
  <si>
    <t>cg21200703</t>
  </si>
  <si>
    <t>cg21200841</t>
  </si>
  <si>
    <t>cg21210090</t>
  </si>
  <si>
    <t>cg21210758</t>
  </si>
  <si>
    <t>cg21219203</t>
  </si>
  <si>
    <t>cg21222703</t>
  </si>
  <si>
    <t>cg21224049</t>
  </si>
  <si>
    <t>cg21224972</t>
  </si>
  <si>
    <t>cg21228760</t>
  </si>
  <si>
    <t>cg21229339</t>
  </si>
  <si>
    <t>cg21230162</t>
  </si>
  <si>
    <t>cg21230284</t>
  </si>
  <si>
    <t>cg21230392</t>
  </si>
  <si>
    <t>cg21236414</t>
  </si>
  <si>
    <t>cg21238254</t>
  </si>
  <si>
    <t>cg21241862</t>
  </si>
  <si>
    <t>cg21254883</t>
  </si>
  <si>
    <t>cg21254939</t>
  </si>
  <si>
    <t>cg21265295</t>
  </si>
  <si>
    <t>cg21266330</t>
  </si>
  <si>
    <t>cg21266502</t>
  </si>
  <si>
    <t>cg21269934</t>
  </si>
  <si>
    <t>cg21279601</t>
  </si>
  <si>
    <t>cg21287356</t>
  </si>
  <si>
    <t>cg21293639</t>
  </si>
  <si>
    <t>cg21299542</t>
  </si>
  <si>
    <t>cg21302120</t>
  </si>
  <si>
    <t>cg21302194</t>
  </si>
  <si>
    <t>cg21304234</t>
  </si>
  <si>
    <t>cg21305315</t>
  </si>
  <si>
    <t>cg21308322</t>
  </si>
  <si>
    <t>cg21308919</t>
  </si>
  <si>
    <t>cg21313298</t>
  </si>
  <si>
    <t>cg21321039</t>
  </si>
  <si>
    <t>cg21326139</t>
  </si>
  <si>
    <t>cg21331228</t>
  </si>
  <si>
    <t>cg21337826</t>
  </si>
  <si>
    <t>cg21339581</t>
  </si>
  <si>
    <t>cg21353144</t>
  </si>
  <si>
    <t>cg21365094</t>
  </si>
  <si>
    <t>cg21376570</t>
  </si>
  <si>
    <t>cg21382382</t>
  </si>
  <si>
    <t>cg21383592</t>
  </si>
  <si>
    <t>cg21387773</t>
  </si>
  <si>
    <t>cg21387988</t>
  </si>
  <si>
    <t>cg21390575</t>
  </si>
  <si>
    <t>cg21391046</t>
  </si>
  <si>
    <t>cg21401642</t>
  </si>
  <si>
    <t>cg21411366</t>
  </si>
  <si>
    <t>cg21415549</t>
  </si>
  <si>
    <t>cg21426239</t>
  </si>
  <si>
    <t>cg21429409</t>
  </si>
  <si>
    <t>cg21429500</t>
  </si>
  <si>
    <t>cg21434376</t>
  </si>
  <si>
    <t>cg21439818</t>
  </si>
  <si>
    <t>cg21441657</t>
  </si>
  <si>
    <t>cg21445527</t>
  </si>
  <si>
    <t>cg21447170</t>
  </si>
  <si>
    <t>cg21449150</t>
  </si>
  <si>
    <t>cg21451110</t>
  </si>
  <si>
    <t>cg21452281</t>
  </si>
  <si>
    <t>cg21452538</t>
  </si>
  <si>
    <t>cg21457106</t>
  </si>
  <si>
    <t>cg21459867</t>
  </si>
  <si>
    <t>cg21463776</t>
  </si>
  <si>
    <t>cg21468420</t>
  </si>
  <si>
    <t>cg21471778</t>
  </si>
  <si>
    <t>cg21480264</t>
  </si>
  <si>
    <t>cg21483092</t>
  </si>
  <si>
    <t>cg21491609</t>
  </si>
  <si>
    <t>cg21493633</t>
  </si>
  <si>
    <t>cg21498503</t>
  </si>
  <si>
    <t>cg21499459</t>
  </si>
  <si>
    <t>cg21505886</t>
  </si>
  <si>
    <t>cg21510549</t>
  </si>
  <si>
    <t>cg21515898</t>
  </si>
  <si>
    <t>cg21520613</t>
  </si>
  <si>
    <t>cg21521518</t>
  </si>
  <si>
    <t>cg21523251</t>
  </si>
  <si>
    <t>cg21528399</t>
  </si>
  <si>
    <t>cg21530280</t>
  </si>
  <si>
    <t>cg21536096</t>
  </si>
  <si>
    <t>cg21537729</t>
  </si>
  <si>
    <t>cg21538834</t>
  </si>
  <si>
    <t>cg21542842</t>
  </si>
  <si>
    <t>cg21543670</t>
  </si>
  <si>
    <t>cg21545890</t>
  </si>
  <si>
    <t>cg21546981</t>
  </si>
  <si>
    <t>cg21548788</t>
  </si>
  <si>
    <t>cg21551985</t>
  </si>
  <si>
    <t>cg21554861</t>
  </si>
  <si>
    <t>cg21556967</t>
  </si>
  <si>
    <t>cg21567066</t>
  </si>
  <si>
    <t>cg21571135</t>
  </si>
  <si>
    <t>cg21578921</t>
  </si>
  <si>
    <t>cg21579147</t>
  </si>
  <si>
    <t>cg21593015</t>
  </si>
  <si>
    <t>cg21599081</t>
  </si>
  <si>
    <t>cg21601032</t>
  </si>
  <si>
    <t>cg21603823</t>
  </si>
  <si>
    <t>cg21605904</t>
  </si>
  <si>
    <t>cg21610556</t>
  </si>
  <si>
    <t>cg21614638</t>
  </si>
  <si>
    <t>cg21618036</t>
  </si>
  <si>
    <t>cg21618635</t>
  </si>
  <si>
    <t>cg21618713</t>
  </si>
  <si>
    <t>cg21619639</t>
  </si>
  <si>
    <t>cg21620606</t>
  </si>
  <si>
    <t>cg21625301</t>
  </si>
  <si>
    <t>cg21625386</t>
  </si>
  <si>
    <t>cg21625829</t>
  </si>
  <si>
    <t>cg21626986</t>
  </si>
  <si>
    <t>cg21628539</t>
  </si>
  <si>
    <t>cg21630608</t>
  </si>
  <si>
    <t>cg21631156</t>
  </si>
  <si>
    <t>cg21634818</t>
  </si>
  <si>
    <t>cg21641512</t>
  </si>
  <si>
    <t>cg21648245</t>
  </si>
  <si>
    <t>cg21650295</t>
  </si>
  <si>
    <t>cg21652107</t>
  </si>
  <si>
    <t>cg21660727</t>
  </si>
  <si>
    <t>cg21687216</t>
  </si>
  <si>
    <t>cg21689228</t>
  </si>
  <si>
    <t>cg21698840</t>
  </si>
  <si>
    <t>cg21705324</t>
  </si>
  <si>
    <t>cg21713257</t>
  </si>
  <si>
    <t>cg21713473</t>
  </si>
  <si>
    <t>cg21716061</t>
  </si>
  <si>
    <t>cg21722058</t>
  </si>
  <si>
    <t>cg21725754</t>
  </si>
  <si>
    <t>cg21733130</t>
  </si>
  <si>
    <t>cg21735256</t>
  </si>
  <si>
    <t>cg21750545</t>
  </si>
  <si>
    <t>cg21753058</t>
  </si>
  <si>
    <t>cg21755212</t>
  </si>
  <si>
    <t>cg21774863</t>
  </si>
  <si>
    <t>cg21784272</t>
  </si>
  <si>
    <t>cg21784859</t>
  </si>
  <si>
    <t>cg21786465</t>
  </si>
  <si>
    <t>cg21788878</t>
  </si>
  <si>
    <t>cg21790314</t>
  </si>
  <si>
    <t>cg21790461</t>
  </si>
  <si>
    <t>cg21790971</t>
  </si>
  <si>
    <t>cg21792983</t>
  </si>
  <si>
    <t>cg21793579</t>
  </si>
  <si>
    <t>cg21800088</t>
  </si>
  <si>
    <t>cg21801292</t>
  </si>
  <si>
    <t>cg21820677</t>
  </si>
  <si>
    <t>cg21827969</t>
  </si>
  <si>
    <t>cg21831481</t>
  </si>
  <si>
    <t>cg21833476</t>
  </si>
  <si>
    <t>cg21837443</t>
  </si>
  <si>
    <t>cg21844184</t>
  </si>
  <si>
    <t>cg21846159</t>
  </si>
  <si>
    <t>cg21850826</t>
  </si>
  <si>
    <t>cg21854560</t>
  </si>
  <si>
    <t>cg21868699</t>
  </si>
  <si>
    <t>cg21875096</t>
  </si>
  <si>
    <t>cg21878599</t>
  </si>
  <si>
    <t>cg21889519</t>
  </si>
  <si>
    <t>cg21896720</t>
  </si>
  <si>
    <t>cg21899596</t>
  </si>
  <si>
    <t>cg21905630</t>
  </si>
  <si>
    <t>cg21907850</t>
  </si>
  <si>
    <t>cg21909533</t>
  </si>
  <si>
    <t>cg21914362</t>
  </si>
  <si>
    <t>cg21915917</t>
  </si>
  <si>
    <t>cg21924472</t>
  </si>
  <si>
    <t>cg21929235</t>
  </si>
  <si>
    <t>cg21930074</t>
  </si>
  <si>
    <t>cg21951594</t>
  </si>
  <si>
    <t>cg21956614</t>
  </si>
  <si>
    <t>cg21960828</t>
  </si>
  <si>
    <t>cg21960859</t>
  </si>
  <si>
    <t>cg21961512</t>
  </si>
  <si>
    <t>cg21968591</t>
  </si>
  <si>
    <t>cg21969395</t>
  </si>
  <si>
    <t>cg21985951</t>
  </si>
  <si>
    <t>cg21987921</t>
  </si>
  <si>
    <t>cg21988461</t>
  </si>
  <si>
    <t>cg21995686</t>
  </si>
  <si>
    <t>cg21997401</t>
  </si>
  <si>
    <t>cg22006060</t>
  </si>
  <si>
    <t>cg22008026</t>
  </si>
  <si>
    <t>cg22016755</t>
  </si>
  <si>
    <t>cg22036432</t>
  </si>
  <si>
    <t>cg22037752</t>
  </si>
  <si>
    <t>cg22046966</t>
  </si>
  <si>
    <t>cg22051586</t>
  </si>
  <si>
    <t>cg22064942</t>
  </si>
  <si>
    <t>cg22066108</t>
  </si>
  <si>
    <t>cg22073332</t>
  </si>
  <si>
    <t>cg22074950</t>
  </si>
  <si>
    <t>cg22082350</t>
  </si>
  <si>
    <t>cg22083053</t>
  </si>
  <si>
    <t>cg22089878</t>
  </si>
  <si>
    <t>cg22094599</t>
  </si>
  <si>
    <t>cg22096870</t>
  </si>
  <si>
    <t>cg22097891</t>
  </si>
  <si>
    <t>cg22098660</t>
  </si>
  <si>
    <t>cg22100409</t>
  </si>
  <si>
    <t>cg22105702</t>
  </si>
  <si>
    <t>cg22108680</t>
  </si>
  <si>
    <t>cg22111705</t>
  </si>
  <si>
    <t>cg22115196</t>
  </si>
  <si>
    <t>cg22117498</t>
  </si>
  <si>
    <t>cg22122542</t>
  </si>
  <si>
    <t>cg22123729</t>
  </si>
  <si>
    <t>cg22124673</t>
  </si>
  <si>
    <t>cg22127570</t>
  </si>
  <si>
    <t>cg22127901</t>
  </si>
  <si>
    <t>cg22130008</t>
  </si>
  <si>
    <t>cg22135105</t>
  </si>
  <si>
    <t>cg22153696</t>
  </si>
  <si>
    <t>cg22158956</t>
  </si>
  <si>
    <t>cg22159716</t>
  </si>
  <si>
    <t>cg22172309</t>
  </si>
  <si>
    <t>cg22176143</t>
  </si>
  <si>
    <t>cg22177707</t>
  </si>
  <si>
    <t>cg22180614</t>
  </si>
  <si>
    <t>cg22194305</t>
  </si>
  <si>
    <t>cg22200727</t>
  </si>
  <si>
    <t>cg22208536</t>
  </si>
  <si>
    <t>cg22214854</t>
  </si>
  <si>
    <t>cg22232269</t>
  </si>
  <si>
    <t>cg22234135</t>
  </si>
  <si>
    <t>cg22241045</t>
  </si>
  <si>
    <t>cg22243439</t>
  </si>
  <si>
    <t>cg22245862</t>
  </si>
  <si>
    <t>cg22247194</t>
  </si>
  <si>
    <t>cg22256677</t>
  </si>
  <si>
    <t>cg22261866</t>
  </si>
  <si>
    <t>cg22266967</t>
  </si>
  <si>
    <t>cg22273335</t>
  </si>
  <si>
    <t>cg22276332</t>
  </si>
  <si>
    <t>cg22279588</t>
  </si>
  <si>
    <t>cg22283148</t>
  </si>
  <si>
    <t>cg22288316</t>
  </si>
  <si>
    <t>cg22299101</t>
  </si>
  <si>
    <t>cg22300957</t>
  </si>
  <si>
    <t>cg22301854</t>
  </si>
  <si>
    <t>cg22315542</t>
  </si>
  <si>
    <t>cg22324939</t>
  </si>
  <si>
    <t>cg22325673</t>
  </si>
  <si>
    <t>cg22328746</t>
  </si>
  <si>
    <t>cg22329021</t>
  </si>
  <si>
    <t>cg22334000</t>
  </si>
  <si>
    <t>cg22345214</t>
  </si>
  <si>
    <t>cg22352186</t>
  </si>
  <si>
    <t>cg22358291</t>
  </si>
  <si>
    <t>cg22360496</t>
  </si>
  <si>
    <t>cg22362636</t>
  </si>
  <si>
    <t>cg22364262</t>
  </si>
  <si>
    <t>cg22366088</t>
  </si>
  <si>
    <t>cg22366375</t>
  </si>
  <si>
    <t>cg22367250</t>
  </si>
  <si>
    <t>cg22372194</t>
  </si>
  <si>
    <t>cg22387323</t>
  </si>
  <si>
    <t>cg22389137</t>
  </si>
  <si>
    <t>cg22393765</t>
  </si>
  <si>
    <t>cg22395624</t>
  </si>
  <si>
    <t>cg22396878</t>
  </si>
  <si>
    <t>cg22399211</t>
  </si>
  <si>
    <t>cg22401796</t>
  </si>
  <si>
    <t>cg22426627</t>
  </si>
  <si>
    <t>cg22428102</t>
  </si>
  <si>
    <t>cg22430006</t>
  </si>
  <si>
    <t>cg22430985</t>
  </si>
  <si>
    <t>cg22436081</t>
  </si>
  <si>
    <t>cg22438522</t>
  </si>
  <si>
    <t>cg22448874</t>
  </si>
  <si>
    <t>cg22469122</t>
  </si>
  <si>
    <t>cg22495037</t>
  </si>
  <si>
    <t>cg22496683</t>
  </si>
  <si>
    <t>cg22501604</t>
  </si>
  <si>
    <t>cg22510098</t>
  </si>
  <si>
    <t>cg22512768</t>
  </si>
  <si>
    <t>cg22518157</t>
  </si>
  <si>
    <t>cg22521263</t>
  </si>
  <si>
    <t>cg22523743</t>
  </si>
  <si>
    <t>cg22524267</t>
  </si>
  <si>
    <t>cg22531466</t>
  </si>
  <si>
    <t>cg22540532</t>
  </si>
  <si>
    <t>cg22541143</t>
  </si>
  <si>
    <t>cg22542373</t>
  </si>
  <si>
    <t>cg22546226</t>
  </si>
  <si>
    <t>cg22547485</t>
  </si>
  <si>
    <t>cg22551741</t>
  </si>
  <si>
    <t>cg22560214</t>
  </si>
  <si>
    <t>cg22576236</t>
  </si>
  <si>
    <t>cg22582392</t>
  </si>
  <si>
    <t>cg22587675</t>
  </si>
  <si>
    <t>cg22597733</t>
  </si>
  <si>
    <t>cg22602105</t>
  </si>
  <si>
    <t>cg22604636</t>
  </si>
  <si>
    <t>cg22605415</t>
  </si>
  <si>
    <t>cg22606062</t>
  </si>
  <si>
    <t>cg22606658</t>
  </si>
  <si>
    <t>cg22637431</t>
  </si>
  <si>
    <t>cg22643435</t>
  </si>
  <si>
    <t>cg22649311</t>
  </si>
  <si>
    <t>cg22651787</t>
  </si>
  <si>
    <t>cg22657659</t>
  </si>
  <si>
    <t>cg22659267</t>
  </si>
  <si>
    <t>cg22661950</t>
  </si>
  <si>
    <t>cg22671547</t>
  </si>
  <si>
    <t>cg22671986</t>
  </si>
  <si>
    <t>cg22678708</t>
  </si>
  <si>
    <t>cg22681370</t>
  </si>
  <si>
    <t>cg22681784</t>
  </si>
  <si>
    <t>cg22683243</t>
  </si>
  <si>
    <t>cg22685442</t>
  </si>
  <si>
    <t>cg22687239</t>
  </si>
  <si>
    <t>cg22689749</t>
  </si>
  <si>
    <t>cg22700049</t>
  </si>
  <si>
    <t>cg22703113</t>
  </si>
  <si>
    <t>cg22711797</t>
  </si>
  <si>
    <t>cg22716633</t>
  </si>
  <si>
    <t>cg22720215</t>
  </si>
  <si>
    <t>cg22722822</t>
  </si>
  <si>
    <t>cg22725685</t>
  </si>
  <si>
    <t>cg22730355</t>
  </si>
  <si>
    <t>cg22732126</t>
  </si>
  <si>
    <t>cg22734676</t>
  </si>
  <si>
    <t>cg22736323</t>
  </si>
  <si>
    <t>cg22738281</t>
  </si>
  <si>
    <t>cg22738516</t>
  </si>
  <si>
    <t>cg22740817</t>
  </si>
  <si>
    <t>cg22743617</t>
  </si>
  <si>
    <t>cg22744555</t>
  </si>
  <si>
    <t>cg22745397</t>
  </si>
  <si>
    <t>cg22746865</t>
  </si>
  <si>
    <t>cg22751309</t>
  </si>
  <si>
    <t>cg22764186</t>
  </si>
  <si>
    <t>cg22767348</t>
  </si>
  <si>
    <t>cg22768891</t>
  </si>
  <si>
    <t>cg22774012</t>
  </si>
  <si>
    <t>cg22775636</t>
  </si>
  <si>
    <t>cg22776675</t>
  </si>
  <si>
    <t>cg22777326</t>
  </si>
  <si>
    <t>cg22778014</t>
  </si>
  <si>
    <t>cg22779896</t>
  </si>
  <si>
    <t>cg22786472</t>
  </si>
  <si>
    <t>cg22788252</t>
  </si>
  <si>
    <t>cg22795583</t>
  </si>
  <si>
    <t>cg22798257</t>
  </si>
  <si>
    <t>cg22804418</t>
  </si>
  <si>
    <t>cg22804935</t>
  </si>
  <si>
    <t>cg22811638</t>
  </si>
  <si>
    <t>cg22821324</t>
  </si>
  <si>
    <t>cg22826333</t>
  </si>
  <si>
    <t>cg22845362</t>
  </si>
  <si>
    <t>cg22847221</t>
  </si>
  <si>
    <t>cg22847870</t>
  </si>
  <si>
    <t>cg22850587</t>
  </si>
  <si>
    <t>cg22850925</t>
  </si>
  <si>
    <t>cg22852065</t>
  </si>
  <si>
    <t>cg22853607</t>
  </si>
  <si>
    <t>cg22857085</t>
  </si>
  <si>
    <t>cg22867837</t>
  </si>
  <si>
    <t>cg22868951</t>
  </si>
  <si>
    <t>cg22869369</t>
  </si>
  <si>
    <t>cg22869564</t>
  </si>
  <si>
    <t>cg22870092</t>
  </si>
  <si>
    <t>cg22870710</t>
  </si>
  <si>
    <t>cg22873167</t>
  </si>
  <si>
    <t>cg22873371</t>
  </si>
  <si>
    <t>cg22875502</t>
  </si>
  <si>
    <t>cg22878148</t>
  </si>
  <si>
    <t>cg22886643</t>
  </si>
  <si>
    <t>cg22901322</t>
  </si>
  <si>
    <t>cg22905192</t>
  </si>
  <si>
    <t>cg22905866</t>
  </si>
  <si>
    <t>cg22911422</t>
  </si>
  <si>
    <t>cg22914057</t>
  </si>
  <si>
    <t>cg22914729</t>
  </si>
  <si>
    <t>cg22914762</t>
  </si>
  <si>
    <t>cg22914764</t>
  </si>
  <si>
    <t>cg22931402</t>
  </si>
  <si>
    <t>cg22934006</t>
  </si>
  <si>
    <t>cg22949170</t>
  </si>
  <si>
    <t>cg22968281</t>
  </si>
  <si>
    <t>cg22982173</t>
  </si>
  <si>
    <t>cg22992266</t>
  </si>
  <si>
    <t>cg22993937</t>
  </si>
  <si>
    <t>cg23006040</t>
  </si>
  <si>
    <t>cg23017542</t>
  </si>
  <si>
    <t>cg23030040</t>
  </si>
  <si>
    <t>cg23036232</t>
  </si>
  <si>
    <t>cg23048334</t>
  </si>
  <si>
    <t>cg23058719</t>
  </si>
  <si>
    <t>cg23059376</t>
  </si>
  <si>
    <t>cg23064465</t>
  </si>
  <si>
    <t>cg23065561</t>
  </si>
  <si>
    <t>cg23067782</t>
  </si>
  <si>
    <t>cg23068731</t>
  </si>
  <si>
    <t>cg23069057</t>
  </si>
  <si>
    <t>cg23077453</t>
  </si>
  <si>
    <t>cg23091159</t>
  </si>
  <si>
    <t>cg23092072</t>
  </si>
  <si>
    <t>cg23092788</t>
  </si>
  <si>
    <t>cg23095451</t>
  </si>
  <si>
    <t>cg23097681</t>
  </si>
  <si>
    <t>cg23109323</t>
  </si>
  <si>
    <t>cg23109968</t>
  </si>
  <si>
    <t>cg23127323</t>
  </si>
  <si>
    <t>cg23128147</t>
  </si>
  <si>
    <t>cg23139018</t>
  </si>
  <si>
    <t>cg23143502</t>
  </si>
  <si>
    <t>cg23151014</t>
  </si>
  <si>
    <t>cg23151374</t>
  </si>
  <si>
    <t>cg23166781</t>
  </si>
  <si>
    <t>cg23185819</t>
  </si>
  <si>
    <t>cg23192059</t>
  </si>
  <si>
    <t>cg23193209</t>
  </si>
  <si>
    <t>cg23194022</t>
  </si>
  <si>
    <t>cg23195028</t>
  </si>
  <si>
    <t>cg23195199</t>
  </si>
  <si>
    <t>cg23198559</t>
  </si>
  <si>
    <t>cg23199053</t>
  </si>
  <si>
    <t>cg23199788</t>
  </si>
  <si>
    <t>cg23202058</t>
  </si>
  <si>
    <t>cg23232755</t>
  </si>
  <si>
    <t>cg23233843</t>
  </si>
  <si>
    <t>cg23237733</t>
  </si>
  <si>
    <t>cg23240857</t>
  </si>
  <si>
    <t>cg23259586</t>
  </si>
  <si>
    <t>cg23266266</t>
  </si>
  <si>
    <t>cg23268344</t>
  </si>
  <si>
    <t>cg23271556</t>
  </si>
  <si>
    <t>cg23275840</t>
  </si>
  <si>
    <t>cg23279152</t>
  </si>
  <si>
    <t>cg23282550</t>
  </si>
  <si>
    <t>cg23286903</t>
  </si>
  <si>
    <t>cg23291145</t>
  </si>
  <si>
    <t>cg23303074</t>
  </si>
  <si>
    <t>cg23306464</t>
  </si>
  <si>
    <t>cg23316648</t>
  </si>
  <si>
    <t>cg23317787</t>
  </si>
  <si>
    <t>cg23322316</t>
  </si>
  <si>
    <t>cg23337382</t>
  </si>
  <si>
    <t>cg23337866</t>
  </si>
  <si>
    <t>cg23339454</t>
  </si>
  <si>
    <t>cg23348353</t>
  </si>
  <si>
    <t>cg23362554</t>
  </si>
  <si>
    <t>cg23370170</t>
  </si>
  <si>
    <t>cg23370946</t>
  </si>
  <si>
    <t>cg23371754</t>
  </si>
  <si>
    <t>cg23381863</t>
  </si>
  <si>
    <t>cg23384017</t>
  </si>
  <si>
    <t>cg23387220</t>
  </si>
  <si>
    <t>cg23396644</t>
  </si>
  <si>
    <t>cg23401445</t>
  </si>
  <si>
    <t>cg23403895</t>
  </si>
  <si>
    <t>cg23404248</t>
  </si>
  <si>
    <t>cg23404665</t>
  </si>
  <si>
    <t>cg23406506</t>
  </si>
  <si>
    <t>cg23408116</t>
  </si>
  <si>
    <t>cg23408913</t>
  </si>
  <si>
    <t>cg23412033</t>
  </si>
  <si>
    <t>cg23412793</t>
  </si>
  <si>
    <t>cg23413066</t>
  </si>
  <si>
    <t>cg23413369</t>
  </si>
  <si>
    <t>cg23415995</t>
  </si>
  <si>
    <t>cg23416439</t>
  </si>
  <si>
    <t>cg23422109</t>
  </si>
  <si>
    <t>cg23437166</t>
  </si>
  <si>
    <t>cg23449588</t>
  </si>
  <si>
    <t>cg23452289</t>
  </si>
  <si>
    <t>cg23452633</t>
  </si>
  <si>
    <t>cg23460851</t>
  </si>
  <si>
    <t>cg23461158</t>
  </si>
  <si>
    <t>cg23478284</t>
  </si>
  <si>
    <t>cg23479658</t>
  </si>
  <si>
    <t>cg23483495</t>
  </si>
  <si>
    <t>cg23488055</t>
  </si>
  <si>
    <t>cg23495837</t>
  </si>
  <si>
    <t>cg23501177</t>
  </si>
  <si>
    <t>cg23507051</t>
  </si>
  <si>
    <t>cg23515686</t>
  </si>
  <si>
    <t>cg23526972</t>
  </si>
  <si>
    <t>cg23531352</t>
  </si>
  <si>
    <t>cg23533217</t>
  </si>
  <si>
    <t>cg23536681</t>
  </si>
  <si>
    <t>cg23542399</t>
  </si>
  <si>
    <t>cg23542495</t>
  </si>
  <si>
    <t>cg23542518</t>
  </si>
  <si>
    <t>cg23548438</t>
  </si>
  <si>
    <t>cg23562514</t>
  </si>
  <si>
    <t>cg23570923</t>
  </si>
  <si>
    <t>cg23572459</t>
  </si>
  <si>
    <t>cg23573526</t>
  </si>
  <si>
    <t>cg23576358</t>
  </si>
  <si>
    <t>cg23585803</t>
  </si>
  <si>
    <t>cg23585979</t>
  </si>
  <si>
    <t>cg23587449</t>
  </si>
  <si>
    <t>cg23589521</t>
  </si>
  <si>
    <t>cg23593694</t>
  </si>
  <si>
    <t>cg23595636</t>
  </si>
  <si>
    <t>cg23595927</t>
  </si>
  <si>
    <t>cg23596249</t>
  </si>
  <si>
    <t>cg23596401</t>
  </si>
  <si>
    <t>cg23597370</t>
  </si>
  <si>
    <t>cg23607253</t>
  </si>
  <si>
    <t>cg23620076</t>
  </si>
  <si>
    <t>cg23631385</t>
  </si>
  <si>
    <t>cg23634476</t>
  </si>
  <si>
    <t>cg23639734</t>
  </si>
  <si>
    <t>cg23640790</t>
  </si>
  <si>
    <t>cg23646776</t>
  </si>
  <si>
    <t>cg23647086</t>
  </si>
  <si>
    <t>cg23650353</t>
  </si>
  <si>
    <t>cg23651614</t>
  </si>
  <si>
    <t>cg23652725</t>
  </si>
  <si>
    <t>cg23653457</t>
  </si>
  <si>
    <t>cg23654133</t>
  </si>
  <si>
    <t>cg23659308</t>
  </si>
  <si>
    <t>cg23665381</t>
  </si>
  <si>
    <t>cg23666362</t>
  </si>
  <si>
    <t>cg23668445</t>
  </si>
  <si>
    <t>cg23676439</t>
  </si>
  <si>
    <t>cg23676588</t>
  </si>
  <si>
    <t>cg23677881</t>
  </si>
  <si>
    <t>cg23678364</t>
  </si>
  <si>
    <t>cg23684507</t>
  </si>
  <si>
    <t>cg23689127</t>
  </si>
  <si>
    <t>cg23690904</t>
  </si>
  <si>
    <t>cg23707400</t>
  </si>
  <si>
    <t>cg23712367</t>
  </si>
  <si>
    <t>cg23734973</t>
  </si>
  <si>
    <t>cg23741509</t>
  </si>
  <si>
    <t>cg23743449</t>
  </si>
  <si>
    <t>cg23746628</t>
  </si>
  <si>
    <t>cg23752380</t>
  </si>
  <si>
    <t>cg23761017</t>
  </si>
  <si>
    <t>cg23765701</t>
  </si>
  <si>
    <t>cg23777600</t>
  </si>
  <si>
    <t>cg23780961</t>
  </si>
  <si>
    <t>cg23781003</t>
  </si>
  <si>
    <t>cg23790942</t>
  </si>
  <si>
    <t>cg23795082</t>
  </si>
  <si>
    <t>cg23809679</t>
  </si>
  <si>
    <t>cg23812325</t>
  </si>
  <si>
    <t>cg23824010</t>
  </si>
  <si>
    <t>cg23829102</t>
  </si>
  <si>
    <t>cg23831328</t>
  </si>
  <si>
    <t>cg23836747</t>
  </si>
  <si>
    <t>cg23839571</t>
  </si>
  <si>
    <t>cg23842170</t>
  </si>
  <si>
    <t>cg23843090</t>
  </si>
  <si>
    <t>cg23848471</t>
  </si>
  <si>
    <t>cg23855365</t>
  </si>
  <si>
    <t>cg23858532</t>
  </si>
  <si>
    <t>cg23860422</t>
  </si>
  <si>
    <t>cg23860479</t>
  </si>
  <si>
    <t>cg23861617</t>
  </si>
  <si>
    <t>cg23862925</t>
  </si>
  <si>
    <t>cg23864752</t>
  </si>
  <si>
    <t>cg23867146</t>
  </si>
  <si>
    <t>cg23877017</t>
  </si>
  <si>
    <t>cg23878603</t>
  </si>
  <si>
    <t>cg23879743</t>
  </si>
  <si>
    <t>cg23882945</t>
  </si>
  <si>
    <t>cg23891298</t>
  </si>
  <si>
    <t>cg23892392</t>
  </si>
  <si>
    <t>cg23893898</t>
  </si>
  <si>
    <t>cg23894117</t>
  </si>
  <si>
    <t>cg23910743</t>
  </si>
  <si>
    <t>cg23910835</t>
  </si>
  <si>
    <t>cg23912454</t>
  </si>
  <si>
    <t>cg23917680</t>
  </si>
  <si>
    <t>cg23924326</t>
  </si>
  <si>
    <t>cg23933032</t>
  </si>
  <si>
    <t>cg23939182</t>
  </si>
  <si>
    <t>cg23952550</t>
  </si>
  <si>
    <t>cg23957253</t>
  </si>
  <si>
    <t>cg23959009</t>
  </si>
  <si>
    <t>cg23970089</t>
  </si>
  <si>
    <t>cg23978004</t>
  </si>
  <si>
    <t>cg23980294</t>
  </si>
  <si>
    <t>cg23989757</t>
  </si>
  <si>
    <t>cg23991169</t>
  </si>
  <si>
    <t>cg23995395</t>
  </si>
  <si>
    <t>cg23998654</t>
  </si>
  <si>
    <t>cg23999526</t>
  </si>
  <si>
    <t>cg23999932</t>
  </si>
  <si>
    <t>cg24003991</t>
  </si>
  <si>
    <t>cg24004327</t>
  </si>
  <si>
    <t>cg24005685</t>
  </si>
  <si>
    <t>cg24015175</t>
  </si>
  <si>
    <t>cg24023194</t>
  </si>
  <si>
    <t>cg24031446</t>
  </si>
  <si>
    <t>cg24039732</t>
  </si>
  <si>
    <t>cg24053721</t>
  </si>
  <si>
    <t>cg24059404</t>
  </si>
  <si>
    <t>cg24060475</t>
  </si>
  <si>
    <t>cg24071500</t>
  </si>
  <si>
    <t>cg24073226</t>
  </si>
  <si>
    <t>cg24082460</t>
  </si>
  <si>
    <t>cg24084422</t>
  </si>
  <si>
    <t>cg24086751</t>
  </si>
  <si>
    <t>cg24087743</t>
  </si>
  <si>
    <t>cg24092050</t>
  </si>
  <si>
    <t>cg24105933</t>
  </si>
  <si>
    <t>cg24117104</t>
  </si>
  <si>
    <t>cg24119469</t>
  </si>
  <si>
    <t>cg24121211</t>
  </si>
  <si>
    <t>cg24125861</t>
  </si>
  <si>
    <t>cg24127593</t>
  </si>
  <si>
    <t>cg24129103</t>
  </si>
  <si>
    <t>cg24130697</t>
  </si>
  <si>
    <t>cg24131786</t>
  </si>
  <si>
    <t>cg24132991</t>
  </si>
  <si>
    <t>cg24134816</t>
  </si>
  <si>
    <t>cg24139732</t>
  </si>
  <si>
    <t>cg24141863</t>
  </si>
  <si>
    <t>cg24156903</t>
  </si>
  <si>
    <t>cg24158141</t>
  </si>
  <si>
    <t>cg24170415</t>
  </si>
  <si>
    <t>cg24175289</t>
  </si>
  <si>
    <t>cg24177604</t>
  </si>
  <si>
    <t>cg24177697</t>
  </si>
  <si>
    <t>cg24193669</t>
  </si>
  <si>
    <t>cg24196053</t>
  </si>
  <si>
    <t>cg24197689</t>
  </si>
  <si>
    <t>cg24201017</t>
  </si>
  <si>
    <t>cg24208415</t>
  </si>
  <si>
    <t>cg24215459</t>
  </si>
  <si>
    <t>cg24215978</t>
  </si>
  <si>
    <t>cg24219058</t>
  </si>
  <si>
    <t>cg24220767</t>
  </si>
  <si>
    <t>cg24225051</t>
  </si>
  <si>
    <t>cg24225360</t>
  </si>
  <si>
    <t>cg24228012</t>
  </si>
  <si>
    <t>cg24237657</t>
  </si>
  <si>
    <t>cg24237788</t>
  </si>
  <si>
    <t>cg24239225</t>
  </si>
  <si>
    <t>cg24241928</t>
  </si>
  <si>
    <t>cg24243429</t>
  </si>
  <si>
    <t>cg24243790</t>
  </si>
  <si>
    <t>cg24249031</t>
  </si>
  <si>
    <t>cg24255896</t>
  </si>
  <si>
    <t>cg24258191</t>
  </si>
  <si>
    <t>cg24262654</t>
  </si>
  <si>
    <t>cg24273028</t>
  </si>
  <si>
    <t>cg24274165</t>
  </si>
  <si>
    <t>cg24275315</t>
  </si>
  <si>
    <t>cg24275379</t>
  </si>
  <si>
    <t>cg24277788</t>
  </si>
  <si>
    <t>cg24281071</t>
  </si>
  <si>
    <t>cg24284882</t>
  </si>
  <si>
    <t>cg24291087</t>
  </si>
  <si>
    <t>cg24296765</t>
  </si>
  <si>
    <t>cg24301288</t>
  </si>
  <si>
    <t>cg24307251</t>
  </si>
  <si>
    <t>cg24308584</t>
  </si>
  <si>
    <t>cg24311376</t>
  </si>
  <si>
    <t>cg24312986</t>
  </si>
  <si>
    <t>cg24320813</t>
  </si>
  <si>
    <t>cg24322366</t>
  </si>
  <si>
    <t>cg24329794</t>
  </si>
  <si>
    <t>cg24345261</t>
  </si>
  <si>
    <t>cg24345412</t>
  </si>
  <si>
    <t>cg24347894</t>
  </si>
  <si>
    <t>cg24352530</t>
  </si>
  <si>
    <t>cg24356725</t>
  </si>
  <si>
    <t>cg24358395</t>
  </si>
  <si>
    <t>cg24358467</t>
  </si>
  <si>
    <t>cg24364760</t>
  </si>
  <si>
    <t>cg24371152</t>
  </si>
  <si>
    <t>cg24372829</t>
  </si>
  <si>
    <t>cg24377560</t>
  </si>
  <si>
    <t>cg24377604</t>
  </si>
  <si>
    <t>cg24378940</t>
  </si>
  <si>
    <t>cg24380673</t>
  </si>
  <si>
    <t>cg24382178</t>
  </si>
  <si>
    <t>cg24385666</t>
  </si>
  <si>
    <t>cg24394172</t>
  </si>
  <si>
    <t>cg24403649</t>
  </si>
  <si>
    <t>cg24403700</t>
  </si>
  <si>
    <t>cg24415066</t>
  </si>
  <si>
    <t>cg24423515</t>
  </si>
  <si>
    <t>cg24430580</t>
  </si>
  <si>
    <t>cg24432073</t>
  </si>
  <si>
    <t>cg24432450</t>
  </si>
  <si>
    <t>cg24433667</t>
  </si>
  <si>
    <t>cg24434901</t>
  </si>
  <si>
    <t>cg24435348</t>
  </si>
  <si>
    <t>cg24441872</t>
  </si>
  <si>
    <t>cg24449495</t>
  </si>
  <si>
    <t>cg24456654</t>
  </si>
  <si>
    <t>cg24460625</t>
  </si>
  <si>
    <t>cg24464265</t>
  </si>
  <si>
    <t>cg24464525</t>
  </si>
  <si>
    <t>cg24465674</t>
  </si>
  <si>
    <t>cg24466873</t>
  </si>
  <si>
    <t>cg24469464</t>
  </si>
  <si>
    <t>cg24474193</t>
  </si>
  <si>
    <t>cg24489253</t>
  </si>
  <si>
    <t>cg24501758</t>
  </si>
  <si>
    <t>cg24508611</t>
  </si>
  <si>
    <t>cg24512581</t>
  </si>
  <si>
    <t>cg24519147</t>
  </si>
  <si>
    <t>cg24524044</t>
  </si>
  <si>
    <t>cg24525540</t>
  </si>
  <si>
    <t>cg24525872</t>
  </si>
  <si>
    <t>cg24527945</t>
  </si>
  <si>
    <t>cg24529858</t>
  </si>
  <si>
    <t>cg24535910</t>
  </si>
  <si>
    <t>cg24540120</t>
  </si>
  <si>
    <t>cg24547910</t>
  </si>
  <si>
    <t>cg24549609</t>
  </si>
  <si>
    <t>cg24557281</t>
  </si>
  <si>
    <t>cg24557917</t>
  </si>
  <si>
    <t>cg24563703</t>
  </si>
  <si>
    <t>cg24578966</t>
  </si>
  <si>
    <t>cg24591318</t>
  </si>
  <si>
    <t>cg24592513</t>
  </si>
  <si>
    <t>cg24597207</t>
  </si>
  <si>
    <t>cg24607315</t>
  </si>
  <si>
    <t>cg24609041</t>
  </si>
  <si>
    <t>cg24620617</t>
  </si>
  <si>
    <t>cg24620673</t>
  </si>
  <si>
    <t>cg24621790</t>
  </si>
  <si>
    <t>cg24629016</t>
  </si>
  <si>
    <t>cg24639754</t>
  </si>
  <si>
    <t>cg24640588</t>
  </si>
  <si>
    <t>cg24641829</t>
  </si>
  <si>
    <t>cg24644190</t>
  </si>
  <si>
    <t>cg24644605</t>
  </si>
  <si>
    <t>cg24651977</t>
  </si>
  <si>
    <t>cg24656517</t>
  </si>
  <si>
    <t>cg24657816</t>
  </si>
  <si>
    <t>cg24670566</t>
  </si>
  <si>
    <t>cg24688065</t>
  </si>
  <si>
    <t>cg24689119</t>
  </si>
  <si>
    <t>cg24693392</t>
  </si>
  <si>
    <t>cg24695316</t>
  </si>
  <si>
    <t>cg24697682</t>
  </si>
  <si>
    <t>cg24701966</t>
  </si>
  <si>
    <t>cg24703951</t>
  </si>
  <si>
    <t>cg24708480</t>
  </si>
  <si>
    <t>cg24709285</t>
  </si>
  <si>
    <t>cg24716152</t>
  </si>
  <si>
    <t>cg24719575</t>
  </si>
  <si>
    <t>cg24719601</t>
  </si>
  <si>
    <t>cg24721647</t>
  </si>
  <si>
    <t>cg24725692</t>
  </si>
  <si>
    <t>cg24727182</t>
  </si>
  <si>
    <t>cg24741888</t>
  </si>
  <si>
    <t>cg24759237</t>
  </si>
  <si>
    <t>cg24765658</t>
  </si>
  <si>
    <t>cg24767382</t>
  </si>
  <si>
    <t>cg24775285</t>
  </si>
  <si>
    <t>cg24775940</t>
  </si>
  <si>
    <t>cg24780007</t>
  </si>
  <si>
    <t>cg24786176</t>
  </si>
  <si>
    <t>cg24787081</t>
  </si>
  <si>
    <t>cg24788053</t>
  </si>
  <si>
    <t>cg24788860</t>
  </si>
  <si>
    <t>cg24789180</t>
  </si>
  <si>
    <t>cg24791965</t>
  </si>
  <si>
    <t>cg24794857</t>
  </si>
  <si>
    <t>cg24798995</t>
  </si>
  <si>
    <t>cg24799086</t>
  </si>
  <si>
    <t>cg24802745</t>
  </si>
  <si>
    <t>cg24811290</t>
  </si>
  <si>
    <t>cg24813857</t>
  </si>
  <si>
    <t>cg24818183</t>
  </si>
  <si>
    <t>cg24818418</t>
  </si>
  <si>
    <t>cg24819475</t>
  </si>
  <si>
    <t>cg24819835</t>
  </si>
  <si>
    <t>cg24826020</t>
  </si>
  <si>
    <t>cg24827839</t>
  </si>
  <si>
    <t>cg24828167</t>
  </si>
  <si>
    <t>cg24828663</t>
  </si>
  <si>
    <t>cg24830559</t>
  </si>
  <si>
    <t>cg24836097</t>
  </si>
  <si>
    <t>cg24848420</t>
  </si>
  <si>
    <t>cg24852548</t>
  </si>
  <si>
    <t>cg24867142</t>
  </si>
  <si>
    <t>cg24874828</t>
  </si>
  <si>
    <t>cg24875840</t>
  </si>
  <si>
    <t>cg24881973</t>
  </si>
  <si>
    <t>cg24882551</t>
  </si>
  <si>
    <t>cg24884940</t>
  </si>
  <si>
    <t>cg24892074</t>
  </si>
  <si>
    <t>cg24903637</t>
  </si>
  <si>
    <t>cg24911064</t>
  </si>
  <si>
    <t>cg24921210</t>
  </si>
  <si>
    <t>cg24929861</t>
  </si>
  <si>
    <t>cg24930774</t>
  </si>
  <si>
    <t>cg24932163</t>
  </si>
  <si>
    <t>cg24935154</t>
  </si>
  <si>
    <t>cg24938775</t>
  </si>
  <si>
    <t>cg24947764</t>
  </si>
  <si>
    <t>cg24951514</t>
  </si>
  <si>
    <t>cg24970360</t>
  </si>
  <si>
    <t>cg24971405</t>
  </si>
  <si>
    <t>cg24972297</t>
  </si>
  <si>
    <t>cg24974365</t>
  </si>
  <si>
    <t>cg24974477</t>
  </si>
  <si>
    <t>cg24975266</t>
  </si>
  <si>
    <t>cg24978424</t>
  </si>
  <si>
    <t>cg24979437</t>
  </si>
  <si>
    <t>cg24987667</t>
  </si>
  <si>
    <t>cg24988451</t>
  </si>
  <si>
    <t>cg24997677</t>
  </si>
  <si>
    <t>cg25000764</t>
  </si>
  <si>
    <t>cg25003275</t>
  </si>
  <si>
    <t>cg25017369</t>
  </si>
  <si>
    <t>cg25019989</t>
  </si>
  <si>
    <t>cg25020699</t>
  </si>
  <si>
    <t>cg25022981</t>
  </si>
  <si>
    <t>cg25023994</t>
  </si>
  <si>
    <t>cg25035101</t>
  </si>
  <si>
    <t>cg25035200</t>
  </si>
  <si>
    <t>cg25041852</t>
  </si>
  <si>
    <t>cg25046274</t>
  </si>
  <si>
    <t>cg25046720</t>
  </si>
  <si>
    <t>cg25051831</t>
  </si>
  <si>
    <t>cg25054580</t>
  </si>
  <si>
    <t>cg25059445</t>
  </si>
  <si>
    <t>cg25060525</t>
  </si>
  <si>
    <t>cg25061697</t>
  </si>
  <si>
    <t>cg25064029</t>
  </si>
  <si>
    <t>cg25064352</t>
  </si>
  <si>
    <t>cg25069005</t>
  </si>
  <si>
    <t>cg25070192</t>
  </si>
  <si>
    <t>cg25071651</t>
  </si>
  <si>
    <t>cg25072393</t>
  </si>
  <si>
    <t>cg25072945</t>
  </si>
  <si>
    <t>cg25076295</t>
  </si>
  <si>
    <t>cg25083636</t>
  </si>
  <si>
    <t>cg25085369</t>
  </si>
  <si>
    <t>cg25086702</t>
  </si>
  <si>
    <t>cg25086738</t>
  </si>
  <si>
    <t>cg25087049</t>
  </si>
  <si>
    <t>cg25091367</t>
  </si>
  <si>
    <t>cg25095380</t>
  </si>
  <si>
    <t>cg25097497</t>
  </si>
  <si>
    <t>cg25102370</t>
  </si>
  <si>
    <t>cg25107528</t>
  </si>
  <si>
    <t>cg25112312</t>
  </si>
  <si>
    <t>cg25115276</t>
  </si>
  <si>
    <t>cg25117600</t>
  </si>
  <si>
    <t>cg25120210</t>
  </si>
  <si>
    <t>cg25122590</t>
  </si>
  <si>
    <t>cg25123881</t>
  </si>
  <si>
    <t>cg25133475</t>
  </si>
  <si>
    <t>cg25138118</t>
  </si>
  <si>
    <t>cg25144207</t>
  </si>
  <si>
    <t>cg25146111</t>
  </si>
  <si>
    <t>cg25147684</t>
  </si>
  <si>
    <t>cg25148589</t>
  </si>
  <si>
    <t>cg25156915</t>
  </si>
  <si>
    <t>cg25167574</t>
  </si>
  <si>
    <t>cg25182211</t>
  </si>
  <si>
    <t>cg25185881</t>
  </si>
  <si>
    <t>cg25186802</t>
  </si>
  <si>
    <t>cg25190534</t>
  </si>
  <si>
    <t>cg25194415</t>
  </si>
  <si>
    <t>cg25198485</t>
  </si>
  <si>
    <t>cg25198847</t>
  </si>
  <si>
    <t>cg25201363</t>
  </si>
  <si>
    <t>cg25210023</t>
  </si>
  <si>
    <t>cg25212638</t>
  </si>
  <si>
    <t>cg25216704</t>
  </si>
  <si>
    <t>cg25217895</t>
  </si>
  <si>
    <t>cg25219728</t>
  </si>
  <si>
    <t>cg25220765</t>
  </si>
  <si>
    <t>cg25221593</t>
  </si>
  <si>
    <t>cg25223798</t>
  </si>
  <si>
    <t>cg25223878</t>
  </si>
  <si>
    <t>cg25240478</t>
  </si>
  <si>
    <t>cg25241662</t>
  </si>
  <si>
    <t>cg25244375</t>
  </si>
  <si>
    <t>cg25255854</t>
  </si>
  <si>
    <t>cg25271804</t>
  </si>
  <si>
    <t>cg25272069</t>
  </si>
  <si>
    <t>cg25276412</t>
  </si>
  <si>
    <t>cg25279644</t>
  </si>
  <si>
    <t>cg25281820</t>
  </si>
  <si>
    <t>cg25282072</t>
  </si>
  <si>
    <t>cg25287198</t>
  </si>
  <si>
    <t>cg25287541</t>
  </si>
  <si>
    <t>cg25291692</t>
  </si>
  <si>
    <t>cg25296745</t>
  </si>
  <si>
    <t>cg25301756</t>
  </si>
  <si>
    <t>cg25309588</t>
  </si>
  <si>
    <t>cg25311466</t>
  </si>
  <si>
    <t>cg25316310</t>
  </si>
  <si>
    <t>cg25328202</t>
  </si>
  <si>
    <t>cg25333257</t>
  </si>
  <si>
    <t>cg25342568</t>
  </si>
  <si>
    <t>cg25348776</t>
  </si>
  <si>
    <t>cg25355316</t>
  </si>
  <si>
    <t>cg25357830</t>
  </si>
  <si>
    <t>cg25359907</t>
  </si>
  <si>
    <t>cg25365050</t>
  </si>
  <si>
    <t>cg25396643</t>
  </si>
  <si>
    <t>cg25398112</t>
  </si>
  <si>
    <t>cg25420028</t>
  </si>
  <si>
    <t>cg25424525</t>
  </si>
  <si>
    <t>cg25426177</t>
  </si>
  <si>
    <t>cg25428494</t>
  </si>
  <si>
    <t>cg25428846</t>
  </si>
  <si>
    <t>cg25432696</t>
  </si>
  <si>
    <t>cg25440680</t>
  </si>
  <si>
    <t>cg25447202</t>
  </si>
  <si>
    <t>cg25469360</t>
  </si>
  <si>
    <t>cg25471639</t>
  </si>
  <si>
    <t>cg25484904</t>
  </si>
  <si>
    <t>cg25490411</t>
  </si>
  <si>
    <t>cg25503913</t>
  </si>
  <si>
    <t>cg25510614</t>
  </si>
  <si>
    <t>cg25530661</t>
  </si>
  <si>
    <t>cg25545917</t>
  </si>
  <si>
    <t>cg25546588</t>
  </si>
  <si>
    <t>cg25546651</t>
  </si>
  <si>
    <t>cg25552810</t>
  </si>
  <si>
    <t>cg25556051</t>
  </si>
  <si>
    <t>cg25570522</t>
  </si>
  <si>
    <t>cg25573635</t>
  </si>
  <si>
    <t>cg25583174</t>
  </si>
  <si>
    <t>cg25586011</t>
  </si>
  <si>
    <t>cg25587350</t>
  </si>
  <si>
    <t>cg25607155</t>
  </si>
  <si>
    <t>cg25608041</t>
  </si>
  <si>
    <t>cg25608370</t>
  </si>
  <si>
    <t>cg25609878</t>
  </si>
  <si>
    <t>cg25609954</t>
  </si>
  <si>
    <t>cg25612057</t>
  </si>
  <si>
    <t>cg25626079</t>
  </si>
  <si>
    <t>cg25627726</t>
  </si>
  <si>
    <t>cg25642315</t>
  </si>
  <si>
    <t>cg25654705</t>
  </si>
  <si>
    <t>cg25660036</t>
  </si>
  <si>
    <t>cg25660265</t>
  </si>
  <si>
    <t>cg25660405</t>
  </si>
  <si>
    <t>cg25661689</t>
  </si>
  <si>
    <t>cg25667335</t>
  </si>
  <si>
    <t>cg25688164</t>
  </si>
  <si>
    <t>cg25691495</t>
  </si>
  <si>
    <t>cg25692451</t>
  </si>
  <si>
    <t>cg25695041</t>
  </si>
  <si>
    <t>cg25699199</t>
  </si>
  <si>
    <t>cg25712567</t>
  </si>
  <si>
    <t>cg25714306</t>
  </si>
  <si>
    <t>cg25718696</t>
  </si>
  <si>
    <t>cg25730237</t>
  </si>
  <si>
    <t>cg25740652</t>
  </si>
  <si>
    <t>cg25744957</t>
  </si>
  <si>
    <t>cg25750389</t>
  </si>
  <si>
    <t>cg25773246</t>
  </si>
  <si>
    <t>cg25775322</t>
  </si>
  <si>
    <t>cg25778446</t>
  </si>
  <si>
    <t>cg25788088</t>
  </si>
  <si>
    <t>cg25788793</t>
  </si>
  <si>
    <t>cg25792473</t>
  </si>
  <si>
    <t>cg25806558</t>
  </si>
  <si>
    <t>cg25806808</t>
  </si>
  <si>
    <t>cg25808878</t>
  </si>
  <si>
    <t>cg25813193</t>
  </si>
  <si>
    <t>cg25813679</t>
  </si>
  <si>
    <t>cg25817503</t>
  </si>
  <si>
    <t>cg25830182</t>
  </si>
  <si>
    <t>cg25841008</t>
  </si>
  <si>
    <t>cg25844222</t>
  </si>
  <si>
    <t>cg25848060</t>
  </si>
  <si>
    <t>cg25860314</t>
  </si>
  <si>
    <t>cg25865368</t>
  </si>
  <si>
    <t>cg25879360</t>
  </si>
  <si>
    <t>cg25882830</t>
  </si>
  <si>
    <t>cg25884040</t>
  </si>
  <si>
    <t>cg25884488</t>
  </si>
  <si>
    <t>cg25884743</t>
  </si>
  <si>
    <t>cg25892286</t>
  </si>
  <si>
    <t>cg25892537</t>
  </si>
  <si>
    <t>cg25902554</t>
  </si>
  <si>
    <t>cg25903375</t>
  </si>
  <si>
    <t>cg25922112</t>
  </si>
  <si>
    <t>cg25926052</t>
  </si>
  <si>
    <t>cg25935897</t>
  </si>
  <si>
    <t>cg25936223</t>
  </si>
  <si>
    <t>cg25937972</t>
  </si>
  <si>
    <t>cg25938192</t>
  </si>
  <si>
    <t>cg25945961</t>
  </si>
  <si>
    <t>cg25951168</t>
  </si>
  <si>
    <t>cg25965776</t>
  </si>
  <si>
    <t>cg25969212</t>
  </si>
  <si>
    <t>cg25969272</t>
  </si>
  <si>
    <t>cg25969673</t>
  </si>
  <si>
    <t>cg25975192</t>
  </si>
  <si>
    <t>cg25978167</t>
  </si>
  <si>
    <t>cg25979373</t>
  </si>
  <si>
    <t>cg25983635</t>
  </si>
  <si>
    <t>cg25984034</t>
  </si>
  <si>
    <t>cg25984050</t>
  </si>
  <si>
    <t>cg25984068</t>
  </si>
  <si>
    <t>cg25986240</t>
  </si>
  <si>
    <t>cg25989227</t>
  </si>
  <si>
    <t>cg25990363</t>
  </si>
  <si>
    <t>cg25996566</t>
  </si>
  <si>
    <t>cg26002634</t>
  </si>
  <si>
    <t>cg26004639</t>
  </si>
  <si>
    <t>cg26005761</t>
  </si>
  <si>
    <t>cg26013975</t>
  </si>
  <si>
    <t>cg26017679</t>
  </si>
  <si>
    <t>cg26035007</t>
  </si>
  <si>
    <t>cg26038749</t>
  </si>
  <si>
    <t>cg26039623</t>
  </si>
  <si>
    <t>cg26043257</t>
  </si>
  <si>
    <t>cg26056583</t>
  </si>
  <si>
    <t>cg26061593</t>
  </si>
  <si>
    <t>cg26064895</t>
  </si>
  <si>
    <t>cg26071978</t>
  </si>
  <si>
    <t>cg26087408</t>
  </si>
  <si>
    <t>cg26088599</t>
  </si>
  <si>
    <t>cg26090660</t>
  </si>
  <si>
    <t>cg26095395</t>
  </si>
  <si>
    <t>cg26101410</t>
  </si>
  <si>
    <t>cg26105150</t>
  </si>
  <si>
    <t>cg26105495</t>
  </si>
  <si>
    <t>cg26106417</t>
  </si>
  <si>
    <t>cg26112353</t>
  </si>
  <si>
    <t>cg26114352</t>
  </si>
  <si>
    <t>cg26116639</t>
  </si>
  <si>
    <t>cg26116732</t>
  </si>
  <si>
    <t>cg26117517</t>
  </si>
  <si>
    <t>cg26123401</t>
  </si>
  <si>
    <t>cg26125600</t>
  </si>
  <si>
    <t>cg26130533</t>
  </si>
  <si>
    <t>cg26132762</t>
  </si>
  <si>
    <t>cg26134090</t>
  </si>
  <si>
    <t>cg26143141</t>
  </si>
  <si>
    <t>cg26147311</t>
  </si>
  <si>
    <t>cg26149309</t>
  </si>
  <si>
    <t>cg26149658</t>
  </si>
  <si>
    <t>cg26161997</t>
  </si>
  <si>
    <t>cg26162932</t>
  </si>
  <si>
    <t>cg26163153</t>
  </si>
  <si>
    <t>cg26164735</t>
  </si>
  <si>
    <t>cg26169138</t>
  </si>
  <si>
    <t>cg26174533</t>
  </si>
  <si>
    <t>cg26177041</t>
  </si>
  <si>
    <t>cg26189112</t>
  </si>
  <si>
    <t>cg26204267</t>
  </si>
  <si>
    <t>cg26210267</t>
  </si>
  <si>
    <t>cg26215428</t>
  </si>
  <si>
    <t>cg26224652</t>
  </si>
  <si>
    <t>cg26226968</t>
  </si>
  <si>
    <t>cg26230338</t>
  </si>
  <si>
    <t>cg26232715</t>
  </si>
  <si>
    <t>cg26233331</t>
  </si>
  <si>
    <t>cg26234638</t>
  </si>
  <si>
    <t>cg26235292</t>
  </si>
  <si>
    <t>cg26236274</t>
  </si>
  <si>
    <t>cg26248284</t>
  </si>
  <si>
    <t>cg26260038</t>
  </si>
  <si>
    <t>cg26260386</t>
  </si>
  <si>
    <t>cg26260995</t>
  </si>
  <si>
    <t>cg26261563</t>
  </si>
  <si>
    <t>cg26262055</t>
  </si>
  <si>
    <t>cg26262152</t>
  </si>
  <si>
    <t>cg26266944</t>
  </si>
  <si>
    <t>cg26282731</t>
  </si>
  <si>
    <t>cg26283532</t>
  </si>
  <si>
    <t>cg26298281</t>
  </si>
  <si>
    <t>cg26299084</t>
  </si>
  <si>
    <t>cg26300517</t>
  </si>
  <si>
    <t>cg26306144</t>
  </si>
  <si>
    <t>cg26306329</t>
  </si>
  <si>
    <t>cg26311734</t>
  </si>
  <si>
    <t>cg26329047</t>
  </si>
  <si>
    <t>cg26331122</t>
  </si>
  <si>
    <t>cg26341440</t>
  </si>
  <si>
    <t>cg26343761</t>
  </si>
  <si>
    <t>cg26348902</t>
  </si>
  <si>
    <t>cg26351001</t>
  </si>
  <si>
    <t>cg26359204</t>
  </si>
  <si>
    <t>cg26384430</t>
  </si>
  <si>
    <t>cg26385085</t>
  </si>
  <si>
    <t>cg26392277</t>
  </si>
  <si>
    <t>cg26392439</t>
  </si>
  <si>
    <t>cg26393541</t>
  </si>
  <si>
    <t>cg26396039</t>
  </si>
  <si>
    <t>cg26397250</t>
  </si>
  <si>
    <t>cg26405979</t>
  </si>
  <si>
    <t>cg26406994</t>
  </si>
  <si>
    <t>cg26414257</t>
  </si>
  <si>
    <t>cg26426582</t>
  </si>
  <si>
    <t>cg26442903</t>
  </si>
  <si>
    <t>cg26444951</t>
  </si>
  <si>
    <t>cg26452091</t>
  </si>
  <si>
    <t>cg26455542</t>
  </si>
  <si>
    <t>cg26457511</t>
  </si>
  <si>
    <t>cg26461417</t>
  </si>
  <si>
    <t>cg26461477</t>
  </si>
  <si>
    <t>cg26461907</t>
  </si>
  <si>
    <t>cg26463020</t>
  </si>
  <si>
    <t>cg26463328</t>
  </si>
  <si>
    <t>cg26482305</t>
  </si>
  <si>
    <t>cg26484333</t>
  </si>
  <si>
    <t>cg26514578</t>
  </si>
  <si>
    <t>cg26519401</t>
  </si>
  <si>
    <t>cg26519489</t>
  </si>
  <si>
    <t>cg26523407</t>
  </si>
  <si>
    <t>cg26529911</t>
  </si>
  <si>
    <t>cg26531231</t>
  </si>
  <si>
    <t>cg26536813</t>
  </si>
  <si>
    <t>cg26538349</t>
  </si>
  <si>
    <t>cg26539468</t>
  </si>
  <si>
    <t>cg26542660</t>
  </si>
  <si>
    <t>cg26555023</t>
  </si>
  <si>
    <t>cg26570765</t>
  </si>
  <si>
    <t>cg26571889</t>
  </si>
  <si>
    <t>cg26580576</t>
  </si>
  <si>
    <t>cg26581714</t>
  </si>
  <si>
    <t>cg26582230</t>
  </si>
  <si>
    <t>cg26586917</t>
  </si>
  <si>
    <t>cg26588943</t>
  </si>
  <si>
    <t>cg26594620</t>
  </si>
  <si>
    <t>cg26600181</t>
  </si>
  <si>
    <t>cg26606286</t>
  </si>
  <si>
    <t>cg26607867</t>
  </si>
  <si>
    <t>cg26631477</t>
  </si>
  <si>
    <t>cg26634911</t>
  </si>
  <si>
    <t>cg26635367</t>
  </si>
  <si>
    <t>cg26640473</t>
  </si>
  <si>
    <t>cg26644779</t>
  </si>
  <si>
    <t>cg26650303</t>
  </si>
  <si>
    <t>cg26653879</t>
  </si>
  <si>
    <t>cg26656113</t>
  </si>
  <si>
    <t>cg26656202</t>
  </si>
  <si>
    <t>cg26671958</t>
  </si>
  <si>
    <t>cg26675129</t>
  </si>
  <si>
    <t>cg26677675</t>
  </si>
  <si>
    <t>cg26678138</t>
  </si>
  <si>
    <t>cg26686647</t>
  </si>
  <si>
    <t>cg26686932</t>
  </si>
  <si>
    <t>cg26689483</t>
  </si>
  <si>
    <t>cg26689643</t>
  </si>
  <si>
    <t>cg26689780</t>
  </si>
  <si>
    <t>cg26690744</t>
  </si>
  <si>
    <t>cg26693817</t>
  </si>
  <si>
    <t>cg26695210</t>
  </si>
  <si>
    <t>cg26700203</t>
  </si>
  <si>
    <t>cg26701826</t>
  </si>
  <si>
    <t>cg26703512</t>
  </si>
  <si>
    <t>cg26707202</t>
  </si>
  <si>
    <t>cg26722179</t>
  </si>
  <si>
    <t>cg26723162</t>
  </si>
  <si>
    <t>cg26731119</t>
  </si>
  <si>
    <t>cg26737985</t>
  </si>
  <si>
    <t>cg26757836</t>
  </si>
  <si>
    <t>cg26777861</t>
  </si>
  <si>
    <t>cg26779608</t>
  </si>
  <si>
    <t>cg26780013</t>
  </si>
  <si>
    <t>cg26782169</t>
  </si>
  <si>
    <t>cg26785604</t>
  </si>
  <si>
    <t>cg26787204</t>
  </si>
  <si>
    <t>cg26796483</t>
  </si>
  <si>
    <t>cg26803802</t>
  </si>
  <si>
    <t>cg26805150</t>
  </si>
  <si>
    <t>cg26806071</t>
  </si>
  <si>
    <t>cg26814241</t>
  </si>
  <si>
    <t>cg26823630</t>
  </si>
  <si>
    <t>cg26827938</t>
  </si>
  <si>
    <t>cg26829015</t>
  </si>
  <si>
    <t>cg26830958</t>
  </si>
  <si>
    <t>cg26831259</t>
  </si>
  <si>
    <t>cg26832915</t>
  </si>
  <si>
    <t>cg26836026</t>
  </si>
  <si>
    <t>cg26838532</t>
  </si>
  <si>
    <t>cg26853401</t>
  </si>
  <si>
    <t>cg26854298</t>
  </si>
  <si>
    <t>cg26855280</t>
  </si>
  <si>
    <t>cg26869512</t>
  </si>
  <si>
    <t>cg26874341</t>
  </si>
  <si>
    <t>cg26875626</t>
  </si>
  <si>
    <t>cg26883282</t>
  </si>
  <si>
    <t>cg26897712</t>
  </si>
  <si>
    <t>cg26900875</t>
  </si>
  <si>
    <t>cg26913344</t>
  </si>
  <si>
    <t>cg26921586</t>
  </si>
  <si>
    <t>cg26923376</t>
  </si>
  <si>
    <t>cg26943120</t>
  </si>
  <si>
    <t>cg26955579</t>
  </si>
  <si>
    <t>cg26958924</t>
  </si>
  <si>
    <t>cg26978381</t>
  </si>
  <si>
    <t>cg26979974</t>
  </si>
  <si>
    <t>cg26981170</t>
  </si>
  <si>
    <t>cg26994377</t>
  </si>
  <si>
    <t>cg27015761</t>
  </si>
  <si>
    <t>cg27019278</t>
  </si>
  <si>
    <t>cg27020260</t>
  </si>
  <si>
    <t>cg27024271</t>
  </si>
  <si>
    <t>cg27026405</t>
  </si>
  <si>
    <t>cg27027375</t>
  </si>
  <si>
    <t>cg27029623</t>
  </si>
  <si>
    <t>cg27051954</t>
  </si>
  <si>
    <t>cg27073349</t>
  </si>
  <si>
    <t>cg27076223</t>
  </si>
  <si>
    <t>cg27086807</t>
  </si>
  <si>
    <t>cg27091617</t>
  </si>
  <si>
    <t>cg27096740</t>
  </si>
  <si>
    <t>cg27108147</t>
  </si>
  <si>
    <t>cg27108154</t>
  </si>
  <si>
    <t>cg27110129</t>
  </si>
  <si>
    <t>cg27110994</t>
  </si>
  <si>
    <t>cg27111250</t>
  </si>
  <si>
    <t>cg27117749</t>
  </si>
  <si>
    <t>cg27126442</t>
  </si>
  <si>
    <t>cg27127056</t>
  </si>
  <si>
    <t>cg27128352</t>
  </si>
  <si>
    <t>cg27130508</t>
  </si>
  <si>
    <t>cg27134386</t>
  </si>
  <si>
    <t>cg27140441</t>
  </si>
  <si>
    <t>cg27142825</t>
  </si>
  <si>
    <t>cg27147000</t>
  </si>
  <si>
    <t>cg27153759</t>
  </si>
  <si>
    <t>cg27154163</t>
  </si>
  <si>
    <t>cg27171798</t>
  </si>
  <si>
    <t>cg27177997</t>
  </si>
  <si>
    <t>cg27182555</t>
  </si>
  <si>
    <t>cg27184628</t>
  </si>
  <si>
    <t>cg27186133</t>
  </si>
  <si>
    <t>cg27190654</t>
  </si>
  <si>
    <t>cg27195274</t>
  </si>
  <si>
    <t>cg27196999</t>
  </si>
  <si>
    <t>cg27197503</t>
  </si>
  <si>
    <t>cg27198632</t>
  </si>
  <si>
    <t>cg27200895</t>
  </si>
  <si>
    <t>cg27208536</t>
  </si>
  <si>
    <t>cg27212190</t>
  </si>
  <si>
    <t>cg27217555</t>
  </si>
  <si>
    <t>cg27217742</t>
  </si>
  <si>
    <t>cg27219691</t>
  </si>
  <si>
    <t>cg27220999</t>
  </si>
  <si>
    <t>cg27221631</t>
  </si>
  <si>
    <t>cg27226424</t>
  </si>
  <si>
    <t>cg27230396</t>
  </si>
  <si>
    <t>cg27235218</t>
  </si>
  <si>
    <t>cg27239842</t>
  </si>
  <si>
    <t>cg27240402</t>
  </si>
  <si>
    <t>cg27247723</t>
  </si>
  <si>
    <t>cg27253580</t>
  </si>
  <si>
    <t>cg27259548</t>
  </si>
  <si>
    <t>cg27274322</t>
  </si>
  <si>
    <t>cg27274728</t>
  </si>
  <si>
    <t>cg27275789</t>
  </si>
  <si>
    <t>cg27284088</t>
  </si>
  <si>
    <t>cg27291181</t>
  </si>
  <si>
    <t>cg27292953</t>
  </si>
  <si>
    <t>cg27304332</t>
  </si>
  <si>
    <t>cg27305383</t>
  </si>
  <si>
    <t>cg27313662</t>
  </si>
  <si>
    <t>cg27313776</t>
  </si>
  <si>
    <t>cg27314998</t>
  </si>
  <si>
    <t>cg27317127</t>
  </si>
  <si>
    <t>cg27318418</t>
  </si>
  <si>
    <t>cg27321949</t>
  </si>
  <si>
    <t>cg27324117</t>
  </si>
  <si>
    <t>cg27327312</t>
  </si>
  <si>
    <t>cg27340057</t>
  </si>
  <si>
    <t>cg27340958</t>
  </si>
  <si>
    <t>cg27343208</t>
  </si>
  <si>
    <t>cg27359636</t>
  </si>
  <si>
    <t>cg27361250</t>
  </si>
  <si>
    <t>cg27369328</t>
  </si>
  <si>
    <t>cg27386292</t>
  </si>
  <si>
    <t>cg27387453</t>
  </si>
  <si>
    <t>cg27392543</t>
  </si>
  <si>
    <t>cg27398720</t>
  </si>
  <si>
    <t>cg27406678</t>
  </si>
  <si>
    <t>cg27406727</t>
  </si>
  <si>
    <t>cg27412975</t>
  </si>
  <si>
    <t>cg27413543</t>
  </si>
  <si>
    <t>cg27427207</t>
  </si>
  <si>
    <t>cg27431234</t>
  </si>
  <si>
    <t>cg27434086</t>
  </si>
  <si>
    <t>cg27434984</t>
  </si>
  <si>
    <t>cg27442931</t>
  </si>
  <si>
    <t>cg27443071</t>
  </si>
  <si>
    <t>cg27444651</t>
  </si>
  <si>
    <t>cg27446137</t>
  </si>
  <si>
    <t>cg27447495</t>
  </si>
  <si>
    <t>cg27449360</t>
  </si>
  <si>
    <t>cg27454136</t>
  </si>
  <si>
    <t>cg27460943</t>
  </si>
  <si>
    <t>cg27462975</t>
  </si>
  <si>
    <t>cg27466235</t>
  </si>
  <si>
    <t>cg27488503</t>
  </si>
  <si>
    <t>cg27488824</t>
  </si>
  <si>
    <t>cg27491008</t>
  </si>
  <si>
    <t>cg27495108</t>
  </si>
  <si>
    <t>cg27504805</t>
  </si>
  <si>
    <t>cg27505348</t>
  </si>
  <si>
    <t>cg27508378</t>
  </si>
  <si>
    <t>cg27513402</t>
  </si>
  <si>
    <t>cg27525438</t>
  </si>
  <si>
    <t>cg27526038</t>
  </si>
  <si>
    <t>cg27526346</t>
  </si>
  <si>
    <t>cg27532560</t>
  </si>
  <si>
    <t>cg27543103</t>
  </si>
  <si>
    <t>cg27543409</t>
  </si>
  <si>
    <t>cg27560781</t>
  </si>
  <si>
    <t>cg27568321</t>
  </si>
  <si>
    <t>cg27571769</t>
  </si>
  <si>
    <t>cg27577928</t>
  </si>
  <si>
    <t>cg27582625</t>
  </si>
  <si>
    <t>cg27583030</t>
  </si>
  <si>
    <t>cg27597926</t>
  </si>
  <si>
    <t>cg27599831</t>
  </si>
  <si>
    <t>cg27600432</t>
  </si>
  <si>
    <t>cg27619136</t>
  </si>
  <si>
    <t>cg27623867</t>
  </si>
  <si>
    <t>cg27626619</t>
  </si>
  <si>
    <t>cg27628849</t>
  </si>
  <si>
    <t>cg27629361</t>
  </si>
  <si>
    <t>cg27633139</t>
  </si>
  <si>
    <t>cg27634695</t>
  </si>
  <si>
    <t>cg27639662</t>
  </si>
  <si>
    <t>cg27641801</t>
  </si>
  <si>
    <t>cg27652893</t>
  </si>
  <si>
    <t>cg27653165</t>
  </si>
  <si>
    <t>cg27659787</t>
  </si>
  <si>
    <t>cg27660248</t>
  </si>
  <si>
    <t>cg27660536</t>
  </si>
  <si>
    <t>cg27661394</t>
  </si>
  <si>
    <t>cg27661793</t>
  </si>
  <si>
    <t>cg27662483</t>
  </si>
  <si>
    <t>ch.4.2595101F</t>
  </si>
  <si>
    <t>ch.4.132387F</t>
  </si>
  <si>
    <t>ch.4.3837399F</t>
  </si>
  <si>
    <t>ch.4.194519R</t>
  </si>
  <si>
    <t>ch.4.5614630F</t>
  </si>
  <si>
    <t>ch.4.6573835F</t>
  </si>
  <si>
    <t>ch.4.8376363R</t>
  </si>
  <si>
    <t>ch.4.8394628F</t>
  </si>
  <si>
    <t>ch.4.8599138R</t>
  </si>
  <si>
    <t>ch.4.11419765R</t>
  </si>
  <si>
    <t>ch.4.11486815R</t>
  </si>
  <si>
    <t>ch.4.11576235F</t>
  </si>
  <si>
    <t>ch.4.11741141R</t>
  </si>
  <si>
    <t>ch.4.12333187F</t>
  </si>
  <si>
    <t>ch.4.586044R</t>
  </si>
  <si>
    <t>ch.4.658374F</t>
  </si>
  <si>
    <t>ch.4.27623090R</t>
  </si>
  <si>
    <t>ch.4.30017500F</t>
  </si>
  <si>
    <t>ch.4.41983165F</t>
  </si>
  <si>
    <t>ch.4.43738163F</t>
  </si>
  <si>
    <t>ch.4.1098158R</t>
  </si>
  <si>
    <t>ch.4.58175585R</t>
  </si>
  <si>
    <t>ch.4.60646130F</t>
  </si>
  <si>
    <t>ch.4.66343068R</t>
  </si>
  <si>
    <t>ch.4.1478851R</t>
  </si>
  <si>
    <t>ch.4.85799582F</t>
  </si>
  <si>
    <t>ch.4.91104449F</t>
  </si>
  <si>
    <t>ch.4.104561249F</t>
  </si>
  <si>
    <t>ch.4.1971138F</t>
  </si>
  <si>
    <t>ch.4.109582151R</t>
  </si>
  <si>
    <t>ch.4.113910337F</t>
  </si>
  <si>
    <t>ch.4.123725409F</t>
  </si>
  <si>
    <t>ch.4.129498779F</t>
  </si>
  <si>
    <t>ch.4.2387433R</t>
  </si>
  <si>
    <t>ch.4.133369014F</t>
  </si>
  <si>
    <t>ch.4.134210136F</t>
  </si>
  <si>
    <t>ch.4.135914028F</t>
  </si>
  <si>
    <t>ch.4.150648562F</t>
  </si>
  <si>
    <t>ch.4.152491566R</t>
  </si>
  <si>
    <t>ch.4.154120390F</t>
  </si>
  <si>
    <t>ch.4.154139216R</t>
  </si>
  <si>
    <t>ch.4.155269049F</t>
  </si>
  <si>
    <t>ch.4.165600943F</t>
  </si>
  <si>
    <t>ch.4.188624547F</t>
  </si>
  <si>
    <t>ch.4.188979129F</t>
  </si>
  <si>
    <t>ch.4.190900747R</t>
  </si>
  <si>
    <t>cg00008488</t>
  </si>
  <si>
    <t>cg00016156</t>
  </si>
  <si>
    <t>cg00024404</t>
  </si>
  <si>
    <t>cg00025405</t>
  </si>
  <si>
    <t>cg00028918</t>
  </si>
  <si>
    <t>cg00030420</t>
  </si>
  <si>
    <t>cg00039864</t>
  </si>
  <si>
    <t>cg00041084</t>
  </si>
  <si>
    <t>cg00043364</t>
  </si>
  <si>
    <t>cg00046537</t>
  </si>
  <si>
    <t>cg00048436</t>
  </si>
  <si>
    <t>cg00049323</t>
  </si>
  <si>
    <t>cg00051307</t>
  </si>
  <si>
    <t>cg00054197</t>
  </si>
  <si>
    <t>cg00054702</t>
  </si>
  <si>
    <t>cg00056676</t>
  </si>
  <si>
    <t>cg00059225</t>
  </si>
  <si>
    <t>cg00059643</t>
  </si>
  <si>
    <t>cg00060800</t>
  </si>
  <si>
    <t>cg00063291</t>
  </si>
  <si>
    <t>cg00063979</t>
  </si>
  <si>
    <t>cg00064778</t>
  </si>
  <si>
    <t>cg00066816</t>
  </si>
  <si>
    <t>cg00068621</t>
  </si>
  <si>
    <t>cg00069642</t>
  </si>
  <si>
    <t>cg00070715</t>
  </si>
  <si>
    <t>cg00072369</t>
  </si>
  <si>
    <t>cg00075204</t>
  </si>
  <si>
    <t>cg00075920</t>
  </si>
  <si>
    <t>cg00076645</t>
  </si>
  <si>
    <t>cg00077904</t>
  </si>
  <si>
    <t>cg00079023</t>
  </si>
  <si>
    <t>cg00080123</t>
  </si>
  <si>
    <t>cg00080972</t>
  </si>
  <si>
    <t>cg00081602</t>
  </si>
  <si>
    <t>cg00082140</t>
  </si>
  <si>
    <t>cg00084435</t>
  </si>
  <si>
    <t>cg00084643</t>
  </si>
  <si>
    <t>cg00085370</t>
  </si>
  <si>
    <t>cg00089224</t>
  </si>
  <si>
    <t>cg00089314</t>
  </si>
  <si>
    <t>cg00089719</t>
  </si>
  <si>
    <t>cg00089823</t>
  </si>
  <si>
    <t>cg00089966</t>
  </si>
  <si>
    <t>cg00095276</t>
  </si>
  <si>
    <t>cg00096447</t>
  </si>
  <si>
    <t>cg00101287</t>
  </si>
  <si>
    <t>cg00107579</t>
  </si>
  <si>
    <t>cg00111629</t>
  </si>
  <si>
    <t>cg00112367</t>
  </si>
  <si>
    <t>cg00113663</t>
  </si>
  <si>
    <t>cg00116688</t>
  </si>
  <si>
    <t>cg00118365</t>
  </si>
  <si>
    <t>cg00119811</t>
  </si>
  <si>
    <t>cg00123333</t>
  </si>
  <si>
    <t>cg00123486</t>
  </si>
  <si>
    <t>cg00125601</t>
  </si>
  <si>
    <t>cg00128732</t>
  </si>
  <si>
    <t>cg00131618</t>
  </si>
  <si>
    <t>cg00131958</t>
  </si>
  <si>
    <t>cg00132149</t>
  </si>
  <si>
    <t>cg00132584</t>
  </si>
  <si>
    <t>cg00148223</t>
  </si>
  <si>
    <t>cg00153106</t>
  </si>
  <si>
    <t>cg00155526</t>
  </si>
  <si>
    <t>cg00156744</t>
  </si>
  <si>
    <t>cg00165981</t>
  </si>
  <si>
    <t>cg00167491</t>
  </si>
  <si>
    <t>cg00169725</t>
  </si>
  <si>
    <t>cg00177142</t>
  </si>
  <si>
    <t>cg00177388</t>
  </si>
  <si>
    <t>cg00187557</t>
  </si>
  <si>
    <t>cg00188032</t>
  </si>
  <si>
    <t>cg00190355</t>
  </si>
  <si>
    <t>cg00191458</t>
  </si>
  <si>
    <t>cg00197373</t>
  </si>
  <si>
    <t>cg00197381</t>
  </si>
  <si>
    <t>cg00203124</t>
  </si>
  <si>
    <t>cg00207226</t>
  </si>
  <si>
    <t>cg00218649</t>
  </si>
  <si>
    <t>cg00220335</t>
  </si>
  <si>
    <t>cg00220677</t>
  </si>
  <si>
    <t>cg00221070</t>
  </si>
  <si>
    <t>cg00224174</t>
  </si>
  <si>
    <t>cg00226956</t>
  </si>
  <si>
    <t>cg00227093</t>
  </si>
  <si>
    <t>cg00232679</t>
  </si>
  <si>
    <t>cg00232827</t>
  </si>
  <si>
    <t>cg00233948</t>
  </si>
  <si>
    <t>cg00234625</t>
  </si>
  <si>
    <t>cg00235933</t>
  </si>
  <si>
    <t>cg00238818</t>
  </si>
  <si>
    <t>cg00239988</t>
  </si>
  <si>
    <t>cg00241813</t>
  </si>
  <si>
    <t>cg00243313</t>
  </si>
  <si>
    <t>cg00244006</t>
  </si>
  <si>
    <t>cg00245502</t>
  </si>
  <si>
    <t>cg00245885</t>
  </si>
  <si>
    <t>cg00254017</t>
  </si>
  <si>
    <t>cg00254886</t>
  </si>
  <si>
    <t>cg00255099</t>
  </si>
  <si>
    <t>cg00255919</t>
  </si>
  <si>
    <t>cg00256485</t>
  </si>
  <si>
    <t>cg00264129</t>
  </si>
  <si>
    <t>cg00265442</t>
  </si>
  <si>
    <t>cg00271204</t>
  </si>
  <si>
    <t>cg00272951</t>
  </si>
  <si>
    <t>cg00273124</t>
  </si>
  <si>
    <t>cg00273544</t>
  </si>
  <si>
    <t>cg00274406</t>
  </si>
  <si>
    <t>cg00275479</t>
  </si>
  <si>
    <t>cg00282953</t>
  </si>
  <si>
    <t>cg00283187</t>
  </si>
  <si>
    <t>cg00283283</t>
  </si>
  <si>
    <t>cg00287773</t>
  </si>
  <si>
    <t>cg00290373</t>
  </si>
  <si>
    <t>cg00292568</t>
  </si>
  <si>
    <t>cg00292978</t>
  </si>
  <si>
    <t>cg00294956</t>
  </si>
  <si>
    <t>cg00295448</t>
  </si>
  <si>
    <t>cg00296018</t>
  </si>
  <si>
    <t>cg00300637</t>
  </si>
  <si>
    <t>cg00301483</t>
  </si>
  <si>
    <t>cg00303876</t>
  </si>
  <si>
    <t>cg00307530</t>
  </si>
  <si>
    <t>cg00309965</t>
  </si>
  <si>
    <t>cg00315394</t>
  </si>
  <si>
    <t>cg00322618</t>
  </si>
  <si>
    <t>cg00325750</t>
  </si>
  <si>
    <t>cg00326259</t>
  </si>
  <si>
    <t>cg00328900</t>
  </si>
  <si>
    <t>cg00332146</t>
  </si>
  <si>
    <t>cg00346376</t>
  </si>
  <si>
    <t>cg00360362</t>
  </si>
  <si>
    <t>cg00361609</t>
  </si>
  <si>
    <t>cg00361696</t>
  </si>
  <si>
    <t>cg00362959</t>
  </si>
  <si>
    <t>cg00370293</t>
  </si>
  <si>
    <t>cg00373120</t>
  </si>
  <si>
    <t>cg00373499</t>
  </si>
  <si>
    <t>cg00374554</t>
  </si>
  <si>
    <t>cg00380725</t>
  </si>
  <si>
    <t>cg00381570</t>
  </si>
  <si>
    <t>cg00396158</t>
  </si>
  <si>
    <t>cg00400126</t>
  </si>
  <si>
    <t>cg00400733</t>
  </si>
  <si>
    <t>cg00402222</t>
  </si>
  <si>
    <t>cg00405677</t>
  </si>
  <si>
    <t>cg00408567</t>
  </si>
  <si>
    <t>cg00409356</t>
  </si>
  <si>
    <t>cg00417424</t>
  </si>
  <si>
    <t>cg00418282</t>
  </si>
  <si>
    <t>cg00420510</t>
  </si>
  <si>
    <t>cg00420869</t>
  </si>
  <si>
    <t>cg00420911</t>
  </si>
  <si>
    <t>cg00421645</t>
  </si>
  <si>
    <t>cg00422935</t>
  </si>
  <si>
    <t>cg00423729</t>
  </si>
  <si>
    <t>cg00425827</t>
  </si>
  <si>
    <t>cg00428692</t>
  </si>
  <si>
    <t>cg00434461</t>
  </si>
  <si>
    <t>cg00435490</t>
  </si>
  <si>
    <t>cg00435576</t>
  </si>
  <si>
    <t>cg00443869</t>
  </si>
  <si>
    <t>cg00445566</t>
  </si>
  <si>
    <t>cg00452016</t>
  </si>
  <si>
    <t>cg00461022</t>
  </si>
  <si>
    <t>cg00463551</t>
  </si>
  <si>
    <t>cg00471059</t>
  </si>
  <si>
    <t>cg00472281</t>
  </si>
  <si>
    <t>cg00473462</t>
  </si>
  <si>
    <t>cg00480161</t>
  </si>
  <si>
    <t>cg00483154</t>
  </si>
  <si>
    <t>cg00483562</t>
  </si>
  <si>
    <t>cg00489401</t>
  </si>
  <si>
    <t>cg00490209</t>
  </si>
  <si>
    <t>cg00495201</t>
  </si>
  <si>
    <t>cg00499700</t>
  </si>
  <si>
    <t>cg00500100</t>
  </si>
  <si>
    <t>cg00506247</t>
  </si>
  <si>
    <t>cg00506862</t>
  </si>
  <si>
    <t>cg00507945</t>
  </si>
  <si>
    <t>cg00509963</t>
  </si>
  <si>
    <t>cg00513205</t>
  </si>
  <si>
    <t>cg00514575</t>
  </si>
  <si>
    <t>cg00521588</t>
  </si>
  <si>
    <t>cg00522636</t>
  </si>
  <si>
    <t>cg00524310</t>
  </si>
  <si>
    <t>cg00530638</t>
  </si>
  <si>
    <t>cg00533202</t>
  </si>
  <si>
    <t>cg00533737</t>
  </si>
  <si>
    <t>cg00534479</t>
  </si>
  <si>
    <t>cg00534655</t>
  </si>
  <si>
    <t>cg00537351</t>
  </si>
  <si>
    <t>cg00538695</t>
  </si>
  <si>
    <t>cg00540637</t>
  </si>
  <si>
    <t>cg00540850</t>
  </si>
  <si>
    <t>cg00544141</t>
  </si>
  <si>
    <t>cg00549219</t>
  </si>
  <si>
    <t>cg00550234</t>
  </si>
  <si>
    <t>cg00551954</t>
  </si>
  <si>
    <t>cg00558174</t>
  </si>
  <si>
    <t>cg00558224</t>
  </si>
  <si>
    <t>cg00559249</t>
  </si>
  <si>
    <t>cg00560574</t>
  </si>
  <si>
    <t>cg00561739</t>
  </si>
  <si>
    <t>cg00562641</t>
  </si>
  <si>
    <t>cg00566208</t>
  </si>
  <si>
    <t>cg00569447</t>
  </si>
  <si>
    <t>cg00573857</t>
  </si>
  <si>
    <t>cg00574742</t>
  </si>
  <si>
    <t>cg00576086</t>
  </si>
  <si>
    <t>cg00578511</t>
  </si>
  <si>
    <t>cg00578828</t>
  </si>
  <si>
    <t>cg00580497</t>
  </si>
  <si>
    <t>cg00581130</t>
  </si>
  <si>
    <t>cg00583291</t>
  </si>
  <si>
    <t>cg00584670</t>
  </si>
  <si>
    <t>cg00585072</t>
  </si>
  <si>
    <t>cg00588727</t>
  </si>
  <si>
    <t>cg00589850</t>
  </si>
  <si>
    <t>cg00593243</t>
  </si>
  <si>
    <t>cg00594129</t>
  </si>
  <si>
    <t>cg00596763</t>
  </si>
  <si>
    <t>cg00600029</t>
  </si>
  <si>
    <t>cg00601711</t>
  </si>
  <si>
    <t>cg00602326</t>
  </si>
  <si>
    <t>cg00603340</t>
  </si>
  <si>
    <t>cg00604840</t>
  </si>
  <si>
    <t>cg00605831</t>
  </si>
  <si>
    <t>cg00607051</t>
  </si>
  <si>
    <t>cg00607154</t>
  </si>
  <si>
    <t>cg00610844</t>
  </si>
  <si>
    <t>cg00611674</t>
  </si>
  <si>
    <t>cg00613649</t>
  </si>
  <si>
    <t>cg00614157</t>
  </si>
  <si>
    <t>cg00618323</t>
  </si>
  <si>
    <t>cg00619263</t>
  </si>
  <si>
    <t>cg00619978</t>
  </si>
  <si>
    <t>cg00621247</t>
  </si>
  <si>
    <t>cg00624418</t>
  </si>
  <si>
    <t>cg00625021</t>
  </si>
  <si>
    <t>cg00629928</t>
  </si>
  <si>
    <t>cg00633552</t>
  </si>
  <si>
    <t>cg00635082</t>
  </si>
  <si>
    <t>cg00636527</t>
  </si>
  <si>
    <t>cg00637688</t>
  </si>
  <si>
    <t>cg00643557</t>
  </si>
  <si>
    <t>cg00645922</t>
  </si>
  <si>
    <t>cg00652942</t>
  </si>
  <si>
    <t>cg00653870</t>
  </si>
  <si>
    <t>cg00657287</t>
  </si>
  <si>
    <t>cg00660400</t>
  </si>
  <si>
    <t>cg00661485</t>
  </si>
  <si>
    <t>cg00664723</t>
  </si>
  <si>
    <t>cg00672638</t>
  </si>
  <si>
    <t>cg00675600</t>
  </si>
  <si>
    <t>cg00697057</t>
  </si>
  <si>
    <t>cg00697639</t>
  </si>
  <si>
    <t>cg00703542</t>
  </si>
  <si>
    <t>cg00703819</t>
  </si>
  <si>
    <t>cg00707406</t>
  </si>
  <si>
    <t>cg00708426</t>
  </si>
  <si>
    <t>cg00715913</t>
  </si>
  <si>
    <t>cg00718518</t>
  </si>
  <si>
    <t>cg00728907</t>
  </si>
  <si>
    <t>cg00737979</t>
  </si>
  <si>
    <t>cg00744924</t>
  </si>
  <si>
    <t>cg00750523</t>
  </si>
  <si>
    <t>cg00751288</t>
  </si>
  <si>
    <t>cg00771722</t>
  </si>
  <si>
    <t>cg00782099</t>
  </si>
  <si>
    <t>cg00787429</t>
  </si>
  <si>
    <t>cg00793186</t>
  </si>
  <si>
    <t>cg00796793</t>
  </si>
  <si>
    <t>cg00799171</t>
  </si>
  <si>
    <t>cg00807430</t>
  </si>
  <si>
    <t>cg00808170</t>
  </si>
  <si>
    <t>cg00811166</t>
  </si>
  <si>
    <t>cg00813720</t>
  </si>
  <si>
    <t>cg00814751</t>
  </si>
  <si>
    <t>cg00828059</t>
  </si>
  <si>
    <t>cg00842318</t>
  </si>
  <si>
    <t>cg00843326</t>
  </si>
  <si>
    <t>cg00850073</t>
  </si>
  <si>
    <t>cg00850167</t>
  </si>
  <si>
    <t>cg00854995</t>
  </si>
  <si>
    <t>cg00857851</t>
  </si>
  <si>
    <t>cg00860322</t>
  </si>
  <si>
    <t>cg00865849</t>
  </si>
  <si>
    <t>cg00885708</t>
  </si>
  <si>
    <t>cg00894093</t>
  </si>
  <si>
    <t>cg00894352</t>
  </si>
  <si>
    <t>cg00899790</t>
  </si>
  <si>
    <t>cg00906476</t>
  </si>
  <si>
    <t>cg00908526</t>
  </si>
  <si>
    <t>cg00911351</t>
  </si>
  <si>
    <t>cg00916199</t>
  </si>
  <si>
    <t>cg00917603</t>
  </si>
  <si>
    <t>cg00922025</t>
  </si>
  <si>
    <t>cg00924796</t>
  </si>
  <si>
    <t>cg00934735</t>
  </si>
  <si>
    <t>cg00938619</t>
  </si>
  <si>
    <t>cg00943245</t>
  </si>
  <si>
    <t>cg00943950</t>
  </si>
  <si>
    <t>cg00949424</t>
  </si>
  <si>
    <t>cg00951599</t>
  </si>
  <si>
    <t>cg00955413</t>
  </si>
  <si>
    <t>cg00959249</t>
  </si>
  <si>
    <t>cg00960263</t>
  </si>
  <si>
    <t>cg00960906</t>
  </si>
  <si>
    <t>cg00964137</t>
  </si>
  <si>
    <t>cg00969825</t>
  </si>
  <si>
    <t>cg00972296</t>
  </si>
  <si>
    <t>cg00976381</t>
  </si>
  <si>
    <t>cg00978427</t>
  </si>
  <si>
    <t>cg00984433</t>
  </si>
  <si>
    <t>cg00986119</t>
  </si>
  <si>
    <t>cg00986130</t>
  </si>
  <si>
    <t>cg00986191</t>
  </si>
  <si>
    <t>cg00986320</t>
  </si>
  <si>
    <t>cg00987031</t>
  </si>
  <si>
    <t>cg00993308</t>
  </si>
  <si>
    <t>cg00994491</t>
  </si>
  <si>
    <t>cg00997378</t>
  </si>
  <si>
    <t>cg00998784</t>
  </si>
  <si>
    <t>cg01008405</t>
  </si>
  <si>
    <t>cg01010984</t>
  </si>
  <si>
    <t>cg01012134</t>
  </si>
  <si>
    <t>cg01017689</t>
  </si>
  <si>
    <t>cg01018477</t>
  </si>
  <si>
    <t>cg01019249</t>
  </si>
  <si>
    <t>cg01020744</t>
  </si>
  <si>
    <t>cg01022228</t>
  </si>
  <si>
    <t>cg01024618</t>
  </si>
  <si>
    <t>cg01025233</t>
  </si>
  <si>
    <t>cg01025434</t>
  </si>
  <si>
    <t>cg01025774</t>
  </si>
  <si>
    <t>cg01026373</t>
  </si>
  <si>
    <t>cg01027728</t>
  </si>
  <si>
    <t>cg01028844</t>
  </si>
  <si>
    <t>cg01030213</t>
  </si>
  <si>
    <t>cg01034737</t>
  </si>
  <si>
    <t>cg01035170</t>
  </si>
  <si>
    <t>cg01035956</t>
  </si>
  <si>
    <t>cg01037108</t>
  </si>
  <si>
    <t>cg01038640</t>
  </si>
  <si>
    <t>cg01040654</t>
  </si>
  <si>
    <t>cg01040786</t>
  </si>
  <si>
    <t>cg01040890</t>
  </si>
  <si>
    <t>cg01041681</t>
  </si>
  <si>
    <t>cg01041703</t>
  </si>
  <si>
    <t>cg01043957</t>
  </si>
  <si>
    <t>cg01050965</t>
  </si>
  <si>
    <t>cg01055830</t>
  </si>
  <si>
    <t>cg01056155</t>
  </si>
  <si>
    <t>cg01056615</t>
  </si>
  <si>
    <t>cg01056678</t>
  </si>
  <si>
    <t>cg01059609</t>
  </si>
  <si>
    <t>cg01064957</t>
  </si>
  <si>
    <t>cg01065806</t>
  </si>
  <si>
    <t>cg01066270</t>
  </si>
  <si>
    <t>cg01069159</t>
  </si>
  <si>
    <t>cg01069459</t>
  </si>
  <si>
    <t>cg01071966</t>
  </si>
  <si>
    <t>cg01072952</t>
  </si>
  <si>
    <t>cg01075852</t>
  </si>
  <si>
    <t>cg01076051</t>
  </si>
  <si>
    <t>cg01077618</t>
  </si>
  <si>
    <t>cg01078147</t>
  </si>
  <si>
    <t>cg01080998</t>
  </si>
  <si>
    <t>cg01085125</t>
  </si>
  <si>
    <t>cg01085224</t>
  </si>
  <si>
    <t>cg01086526</t>
  </si>
  <si>
    <t>cg01087697</t>
  </si>
  <si>
    <t>cg01089425</t>
  </si>
  <si>
    <t>cg01091117</t>
  </si>
  <si>
    <t>cg01091448</t>
  </si>
  <si>
    <t>cg01091951</t>
  </si>
  <si>
    <t>cg01096096</t>
  </si>
  <si>
    <t>cg01096487</t>
  </si>
  <si>
    <t>cg01097768</t>
  </si>
  <si>
    <t>cg01100868</t>
  </si>
  <si>
    <t>cg01101522</t>
  </si>
  <si>
    <t>cg01101663</t>
  </si>
  <si>
    <t>cg01103582</t>
  </si>
  <si>
    <t>cg01104047</t>
  </si>
  <si>
    <t>cg01105385</t>
  </si>
  <si>
    <t>cg01105932</t>
  </si>
  <si>
    <t>cg01106114</t>
  </si>
  <si>
    <t>cg01107142</t>
  </si>
  <si>
    <t>cg01112778</t>
  </si>
  <si>
    <t>cg01114900</t>
  </si>
  <si>
    <t>cg01116161</t>
  </si>
  <si>
    <t>cg01116966</t>
  </si>
  <si>
    <t>cg01117549</t>
  </si>
  <si>
    <t>cg01118569</t>
  </si>
  <si>
    <t>cg01119875</t>
  </si>
  <si>
    <t>cg01119912</t>
  </si>
  <si>
    <t>cg01122167</t>
  </si>
  <si>
    <t>cg01124922</t>
  </si>
  <si>
    <t>cg01128295</t>
  </si>
  <si>
    <t>cg01130771</t>
  </si>
  <si>
    <t>cg01131866</t>
  </si>
  <si>
    <t>cg01136977</t>
  </si>
  <si>
    <t>cg01139526</t>
  </si>
  <si>
    <t>cg01139541</t>
  </si>
  <si>
    <t>cg01140102</t>
  </si>
  <si>
    <t>cg01141973</t>
  </si>
  <si>
    <t>cg01141993</t>
  </si>
  <si>
    <t>cg01142438</t>
  </si>
  <si>
    <t>cg01142526</t>
  </si>
  <si>
    <t>cg01142811</t>
  </si>
  <si>
    <t>cg01146980</t>
  </si>
  <si>
    <t>cg01149192</t>
  </si>
  <si>
    <t>cg01152073</t>
  </si>
  <si>
    <t>cg01154355</t>
  </si>
  <si>
    <t>cg01155497</t>
  </si>
  <si>
    <t>cg01156295</t>
  </si>
  <si>
    <t>cg01157650</t>
  </si>
  <si>
    <t>cg01159980</t>
  </si>
  <si>
    <t>cg01160818</t>
  </si>
  <si>
    <t>cg01165402</t>
  </si>
  <si>
    <t>cg01166488</t>
  </si>
  <si>
    <t>cg01167177</t>
  </si>
  <si>
    <t>cg01169021</t>
  </si>
  <si>
    <t>cg01169772</t>
  </si>
  <si>
    <t>cg01170694</t>
  </si>
  <si>
    <t>cg01181940</t>
  </si>
  <si>
    <t>cg01182310</t>
  </si>
  <si>
    <t>cg01184194</t>
  </si>
  <si>
    <t>cg01184560</t>
  </si>
  <si>
    <t>cg01185278</t>
  </si>
  <si>
    <t>cg01185825</t>
  </si>
  <si>
    <t>cg01187496</t>
  </si>
  <si>
    <t>cg01187498</t>
  </si>
  <si>
    <t>cg01187920</t>
  </si>
  <si>
    <t>cg01194782</t>
  </si>
  <si>
    <t>cg01196404</t>
  </si>
  <si>
    <t>cg01198364</t>
  </si>
  <si>
    <t>cg01201215</t>
  </si>
  <si>
    <t>cg01203153</t>
  </si>
  <si>
    <t>cg01209150</t>
  </si>
  <si>
    <t>cg01211893</t>
  </si>
  <si>
    <t>cg01215027</t>
  </si>
  <si>
    <t>cg01216623</t>
  </si>
  <si>
    <t>cg01220655</t>
  </si>
  <si>
    <t>cg01226231</t>
  </si>
  <si>
    <t>cg01227558</t>
  </si>
  <si>
    <t>cg01228193</t>
  </si>
  <si>
    <t>cg01229506</t>
  </si>
  <si>
    <t>cg01232668</t>
  </si>
  <si>
    <t>cg01235000</t>
  </si>
  <si>
    <t>cg01235659</t>
  </si>
  <si>
    <t>cg01236506</t>
  </si>
  <si>
    <t>cg01239651</t>
  </si>
  <si>
    <t>cg01240795</t>
  </si>
  <si>
    <t>cg01246617</t>
  </si>
  <si>
    <t>cg01252455</t>
  </si>
  <si>
    <t>cg01252586</t>
  </si>
  <si>
    <t>cg01252949</t>
  </si>
  <si>
    <t>cg01253508</t>
  </si>
  <si>
    <t>cg01254948</t>
  </si>
  <si>
    <t>cg01255486</t>
  </si>
  <si>
    <t>cg01256674</t>
  </si>
  <si>
    <t>cg01259029</t>
  </si>
  <si>
    <t>cg01259891</t>
  </si>
  <si>
    <t>cg01264639</t>
  </si>
  <si>
    <t>cg01266985</t>
  </si>
  <si>
    <t>cg01272202</t>
  </si>
  <si>
    <t>cg01276222</t>
  </si>
  <si>
    <t>cg01276891</t>
  </si>
  <si>
    <t>cg01277890</t>
  </si>
  <si>
    <t>cg01278291</t>
  </si>
  <si>
    <t>cg01281157</t>
  </si>
  <si>
    <t>cg01281390</t>
  </si>
  <si>
    <t>cg01282074</t>
  </si>
  <si>
    <t>cg01283435</t>
  </si>
  <si>
    <t>cg01284438</t>
  </si>
  <si>
    <t>cg01286665</t>
  </si>
  <si>
    <t>cg01288210</t>
  </si>
  <si>
    <t>cg01290665</t>
  </si>
  <si>
    <t>cg01290701</t>
  </si>
  <si>
    <t>cg01294811</t>
  </si>
  <si>
    <t>cg01295188</t>
  </si>
  <si>
    <t>cg01301252</t>
  </si>
  <si>
    <t>cg01301339</t>
  </si>
  <si>
    <t>cg01301660</t>
  </si>
  <si>
    <t>cg01303236</t>
  </si>
  <si>
    <t>cg01304198</t>
  </si>
  <si>
    <t>cg01305625</t>
  </si>
  <si>
    <t>cg01305801</t>
  </si>
  <si>
    <t>cg01305981</t>
  </si>
  <si>
    <t>cg01306080</t>
  </si>
  <si>
    <t>cg01308202</t>
  </si>
  <si>
    <t>cg01309855</t>
  </si>
  <si>
    <t>cg01312482</t>
  </si>
  <si>
    <t>cg01315916</t>
  </si>
  <si>
    <t>cg01316792</t>
  </si>
  <si>
    <t>cg01323224</t>
  </si>
  <si>
    <t>cg01323634</t>
  </si>
  <si>
    <t>cg01324702</t>
  </si>
  <si>
    <t>cg01329434</t>
  </si>
  <si>
    <t>cg01330456</t>
  </si>
  <si>
    <t>cg01333387</t>
  </si>
  <si>
    <t>cg01340347</t>
  </si>
  <si>
    <t>cg01348086</t>
  </si>
  <si>
    <t>cg01354046</t>
  </si>
  <si>
    <t>cg01360054</t>
  </si>
  <si>
    <t>cg01360281</t>
  </si>
  <si>
    <t>cg01366595</t>
  </si>
  <si>
    <t>cg01369082</t>
  </si>
  <si>
    <t>cg01369378</t>
  </si>
  <si>
    <t>cg01377305</t>
  </si>
  <si>
    <t>cg01382414</t>
  </si>
  <si>
    <t>cg01386275</t>
  </si>
  <si>
    <t>cg01390346</t>
  </si>
  <si>
    <t>cg01395111</t>
  </si>
  <si>
    <t>cg01395424</t>
  </si>
  <si>
    <t>cg01395898</t>
  </si>
  <si>
    <t>cg01397223</t>
  </si>
  <si>
    <t>cg01398327</t>
  </si>
  <si>
    <t>cg01403239</t>
  </si>
  <si>
    <t>cg01407345</t>
  </si>
  <si>
    <t>cg01408486</t>
  </si>
  <si>
    <t>cg01410292</t>
  </si>
  <si>
    <t>cg01410740</t>
  </si>
  <si>
    <t>cg01412473</t>
  </si>
  <si>
    <t>cg01414215</t>
  </si>
  <si>
    <t>cg01414487</t>
  </si>
  <si>
    <t>cg01416241</t>
  </si>
  <si>
    <t>cg01418033</t>
  </si>
  <si>
    <t>cg01418385</t>
  </si>
  <si>
    <t>cg01419727</t>
  </si>
  <si>
    <t>cg01421867</t>
  </si>
  <si>
    <t>cg01422249</t>
  </si>
  <si>
    <t>cg01429321</t>
  </si>
  <si>
    <t>cg01433654</t>
  </si>
  <si>
    <t>cg01435564</t>
  </si>
  <si>
    <t>cg01436705</t>
  </si>
  <si>
    <t>cg01439669</t>
  </si>
  <si>
    <t>cg01444808</t>
  </si>
  <si>
    <t>cg01446287</t>
  </si>
  <si>
    <t>cg01448947</t>
  </si>
  <si>
    <t>cg01460557</t>
  </si>
  <si>
    <t>cg01466741</t>
  </si>
  <si>
    <t>cg01466967</t>
  </si>
  <si>
    <t>cg01468514</t>
  </si>
  <si>
    <t>cg01474720</t>
  </si>
  <si>
    <t>cg01483518</t>
  </si>
  <si>
    <t>cg01485938</t>
  </si>
  <si>
    <t>cg01485975</t>
  </si>
  <si>
    <t>cg01495509</t>
  </si>
  <si>
    <t>cg01498256</t>
  </si>
  <si>
    <t>cg01512854</t>
  </si>
  <si>
    <t>cg01519897</t>
  </si>
  <si>
    <t>cg01540953</t>
  </si>
  <si>
    <t>cg01544213</t>
  </si>
  <si>
    <t>cg01546873</t>
  </si>
  <si>
    <t>cg01547622</t>
  </si>
  <si>
    <t>cg01549315</t>
  </si>
  <si>
    <t>cg01550017</t>
  </si>
  <si>
    <t>cg01551300</t>
  </si>
  <si>
    <t>cg01553946</t>
  </si>
  <si>
    <t>cg01558324</t>
  </si>
  <si>
    <t>cg01558401</t>
  </si>
  <si>
    <t>cg01558403</t>
  </si>
  <si>
    <t>cg01558931</t>
  </si>
  <si>
    <t>cg01559502</t>
  </si>
  <si>
    <t>cg01559776</t>
  </si>
  <si>
    <t>cg01560493</t>
  </si>
  <si>
    <t>cg01560676</t>
  </si>
  <si>
    <t>cg01563465</t>
  </si>
  <si>
    <t>cg01566034</t>
  </si>
  <si>
    <t>cg01567239</t>
  </si>
  <si>
    <t>cg01567482</t>
  </si>
  <si>
    <t>cg01571383</t>
  </si>
  <si>
    <t>cg01573616</t>
  </si>
  <si>
    <t>cg01577755</t>
  </si>
  <si>
    <t>cg01579024</t>
  </si>
  <si>
    <t>cg01580475</t>
  </si>
  <si>
    <t>cg01581237</t>
  </si>
  <si>
    <t>cg01581781</t>
  </si>
  <si>
    <t>cg01583878</t>
  </si>
  <si>
    <t>cg01585372</t>
  </si>
  <si>
    <t>cg01590787</t>
  </si>
  <si>
    <t>cg01599709</t>
  </si>
  <si>
    <t>cg01601628</t>
  </si>
  <si>
    <t>cg01602430</t>
  </si>
  <si>
    <t>cg01603456</t>
  </si>
  <si>
    <t>cg01603847</t>
  </si>
  <si>
    <t>cg01604322</t>
  </si>
  <si>
    <t>cg01611428</t>
  </si>
  <si>
    <t>cg01612425</t>
  </si>
  <si>
    <t>cg01614792</t>
  </si>
  <si>
    <t>cg01616085</t>
  </si>
  <si>
    <t>cg01624164</t>
  </si>
  <si>
    <t>cg01627750</t>
  </si>
  <si>
    <t>cg01629545</t>
  </si>
  <si>
    <t>cg01633848</t>
  </si>
  <si>
    <t>cg01634213</t>
  </si>
  <si>
    <t>cg01637233</t>
  </si>
  <si>
    <t>cg01656588</t>
  </si>
  <si>
    <t>cg01657408</t>
  </si>
  <si>
    <t>cg01663016</t>
  </si>
  <si>
    <t>cg01664011</t>
  </si>
  <si>
    <t>cg01664108</t>
  </si>
  <si>
    <t>cg01667892</t>
  </si>
  <si>
    <t>cg01676959</t>
  </si>
  <si>
    <t>cg01678049</t>
  </si>
  <si>
    <t>cg01679081</t>
  </si>
  <si>
    <t>cg01689053</t>
  </si>
  <si>
    <t>cg01691332</t>
  </si>
  <si>
    <t>cg01692815</t>
  </si>
  <si>
    <t>cg01697092</t>
  </si>
  <si>
    <t>cg01729977</t>
  </si>
  <si>
    <t>cg01731360</t>
  </si>
  <si>
    <t>cg01738593</t>
  </si>
  <si>
    <t>cg01742263</t>
  </si>
  <si>
    <t>cg01753208</t>
  </si>
  <si>
    <t>cg01753263</t>
  </si>
  <si>
    <t>cg01763890</t>
  </si>
  <si>
    <t>cg01768201</t>
  </si>
  <si>
    <t>cg01772854</t>
  </si>
  <si>
    <t>cg01775613</t>
  </si>
  <si>
    <t>cg01776188</t>
  </si>
  <si>
    <t>cg01777909</t>
  </si>
  <si>
    <t>cg01784614</t>
  </si>
  <si>
    <t>cg01789463</t>
  </si>
  <si>
    <t>cg01790438</t>
  </si>
  <si>
    <t>cg01791000</t>
  </si>
  <si>
    <t>cg01793084</t>
  </si>
  <si>
    <t>cg01796228</t>
  </si>
  <si>
    <t>cg01800146</t>
  </si>
  <si>
    <t>cg01802485</t>
  </si>
  <si>
    <t>cg01806295</t>
  </si>
  <si>
    <t>cg01807862</t>
  </si>
  <si>
    <t>cg01809941</t>
  </si>
  <si>
    <t>cg01810267</t>
  </si>
  <si>
    <t>cg01810955</t>
  </si>
  <si>
    <t>cg01814149</t>
  </si>
  <si>
    <t>cg01814344</t>
  </si>
  <si>
    <t>cg01815292</t>
  </si>
  <si>
    <t>cg01816748</t>
  </si>
  <si>
    <t>cg01817897</t>
  </si>
  <si>
    <t>cg01817965</t>
  </si>
  <si>
    <t>cg01818642</t>
  </si>
  <si>
    <t>cg01819137</t>
  </si>
  <si>
    <t>cg01822785</t>
  </si>
  <si>
    <t>cg01823161</t>
  </si>
  <si>
    <t>cg01824804</t>
  </si>
  <si>
    <t>cg01827426</t>
  </si>
  <si>
    <t>cg01829002</t>
  </si>
  <si>
    <t>cg01829672</t>
  </si>
  <si>
    <t>cg01830023</t>
  </si>
  <si>
    <t>cg01831454</t>
  </si>
  <si>
    <t>cg01834305</t>
  </si>
  <si>
    <t>cg01835695</t>
  </si>
  <si>
    <t>cg01836913</t>
  </si>
  <si>
    <t>cg01845501</t>
  </si>
  <si>
    <t>cg01847206</t>
  </si>
  <si>
    <t>cg01849970</t>
  </si>
  <si>
    <t>cg01851970</t>
  </si>
  <si>
    <t>cg01860693</t>
  </si>
  <si>
    <t>cg01864825</t>
  </si>
  <si>
    <t>cg01869750</t>
  </si>
  <si>
    <t>cg01872122</t>
  </si>
  <si>
    <t>cg01873236</t>
  </si>
  <si>
    <t>cg01875467</t>
  </si>
  <si>
    <t>cg01875784</t>
  </si>
  <si>
    <t>cg01879083</t>
  </si>
  <si>
    <t>cg01880902</t>
  </si>
  <si>
    <t>cg01882933</t>
  </si>
  <si>
    <t>cg01883408</t>
  </si>
  <si>
    <t>cg01885859</t>
  </si>
  <si>
    <t>cg01886893</t>
  </si>
  <si>
    <t>cg01890676</t>
  </si>
  <si>
    <t>cg01890858</t>
  </si>
  <si>
    <t>cg01891259</t>
  </si>
  <si>
    <t>cg01899038</t>
  </si>
  <si>
    <t>cg01899089</t>
  </si>
  <si>
    <t>cg01900358</t>
  </si>
  <si>
    <t>cg01901210</t>
  </si>
  <si>
    <t>cg01902849</t>
  </si>
  <si>
    <t>cg01903305</t>
  </si>
  <si>
    <t>cg01903654</t>
  </si>
  <si>
    <t>cg01905967</t>
  </si>
  <si>
    <t>cg01906741</t>
  </si>
  <si>
    <t>cg01907644</t>
  </si>
  <si>
    <t>cg01908395</t>
  </si>
  <si>
    <t>cg01909621</t>
  </si>
  <si>
    <t>cg01910236</t>
  </si>
  <si>
    <t>cg01911239</t>
  </si>
  <si>
    <t>cg01915019</t>
  </si>
  <si>
    <t>cg01919823</t>
  </si>
  <si>
    <t>cg01919999</t>
  </si>
  <si>
    <t>cg01921382</t>
  </si>
  <si>
    <t>cg01922936</t>
  </si>
  <si>
    <t>cg01930756</t>
  </si>
  <si>
    <t>cg01937780</t>
  </si>
  <si>
    <t>cg01938023</t>
  </si>
  <si>
    <t>cg01939336</t>
  </si>
  <si>
    <t>cg01939681</t>
  </si>
  <si>
    <t>cg01941278</t>
  </si>
  <si>
    <t>cg01945913</t>
  </si>
  <si>
    <t>cg01950495</t>
  </si>
  <si>
    <t>cg01952088</t>
  </si>
  <si>
    <t>cg01960016</t>
  </si>
  <si>
    <t>cg01962466</t>
  </si>
  <si>
    <t>cg01962869</t>
  </si>
  <si>
    <t>cg01964850</t>
  </si>
  <si>
    <t>cg01965552</t>
  </si>
  <si>
    <t>cg01965939</t>
  </si>
  <si>
    <t>cg01971149</t>
  </si>
  <si>
    <t>cg01972288</t>
  </si>
  <si>
    <t>cg01976641</t>
  </si>
  <si>
    <t>cg01977473</t>
  </si>
  <si>
    <t>cg01990593</t>
  </si>
  <si>
    <t>cg01990901</t>
  </si>
  <si>
    <t>cg01992684</t>
  </si>
  <si>
    <t>cg01994307</t>
  </si>
  <si>
    <t>cg01996004</t>
  </si>
  <si>
    <t>cg01997759</t>
  </si>
  <si>
    <t>cg02001410</t>
  </si>
  <si>
    <t>cg02006915</t>
  </si>
  <si>
    <t>cg02009040</t>
  </si>
  <si>
    <t>cg02009228</t>
  </si>
  <si>
    <t>cg02013239</t>
  </si>
  <si>
    <t>cg02014281</t>
  </si>
  <si>
    <t>cg02015741</t>
  </si>
  <si>
    <t>cg02017109</t>
  </si>
  <si>
    <t>cg02019171</t>
  </si>
  <si>
    <t>cg02022425</t>
  </si>
  <si>
    <t>cg02022733</t>
  </si>
  <si>
    <t>cg02026608</t>
  </si>
  <si>
    <t>cg02027263</t>
  </si>
  <si>
    <t>cg02027429</t>
  </si>
  <si>
    <t>cg02030403</t>
  </si>
  <si>
    <t>cg02031359</t>
  </si>
  <si>
    <t>cg02034720</t>
  </si>
  <si>
    <t>cg02037475</t>
  </si>
  <si>
    <t>cg02039022</t>
  </si>
  <si>
    <t>cg02044145</t>
  </si>
  <si>
    <t>cg02047286</t>
  </si>
  <si>
    <t>cg02047803</t>
  </si>
  <si>
    <t>cg02048657</t>
  </si>
  <si>
    <t>cg02048968</t>
  </si>
  <si>
    <t>cg02051616</t>
  </si>
  <si>
    <t>cg02055607</t>
  </si>
  <si>
    <t>cg02064237</t>
  </si>
  <si>
    <t>cg02064402</t>
  </si>
  <si>
    <t>cg02066994</t>
  </si>
  <si>
    <t>cg02067946</t>
  </si>
  <si>
    <t>cg02070289</t>
  </si>
  <si>
    <t>cg02070906</t>
  </si>
  <si>
    <t>cg02074714</t>
  </si>
  <si>
    <t>cg02078844</t>
  </si>
  <si>
    <t>cg02079348</t>
  </si>
  <si>
    <t>cg02080531</t>
  </si>
  <si>
    <t>cg02083109</t>
  </si>
  <si>
    <t>cg02083319</t>
  </si>
  <si>
    <t>cg02084046</t>
  </si>
  <si>
    <t>cg02086387</t>
  </si>
  <si>
    <t>cg02086801</t>
  </si>
  <si>
    <t>cg02087067</t>
  </si>
  <si>
    <t>cg02087079</t>
  </si>
  <si>
    <t>cg02096718</t>
  </si>
  <si>
    <t>cg02098029</t>
  </si>
  <si>
    <t>cg02098752</t>
  </si>
  <si>
    <t>cg02099233</t>
  </si>
  <si>
    <t>cg02100373</t>
  </si>
  <si>
    <t>cg02106466</t>
  </si>
  <si>
    <t>cg02111504</t>
  </si>
  <si>
    <t>cg02114954</t>
  </si>
  <si>
    <t>cg02117271</t>
  </si>
  <si>
    <t>cg02120433</t>
  </si>
  <si>
    <t>cg02122367</t>
  </si>
  <si>
    <t>cg02122376</t>
  </si>
  <si>
    <t>cg02124184</t>
  </si>
  <si>
    <t>cg02124459</t>
  </si>
  <si>
    <t>cg02125910</t>
  </si>
  <si>
    <t>cg02134022</t>
  </si>
  <si>
    <t>cg02135395</t>
  </si>
  <si>
    <t>cg02138264</t>
  </si>
  <si>
    <t>cg02140963</t>
  </si>
  <si>
    <t>cg02141675</t>
  </si>
  <si>
    <t>cg02145679</t>
  </si>
  <si>
    <t>cg02148787</t>
  </si>
  <si>
    <t>cg02150354</t>
  </si>
  <si>
    <t>cg02153871</t>
  </si>
  <si>
    <t>cg02155891</t>
  </si>
  <si>
    <t>cg02156950</t>
  </si>
  <si>
    <t>cg02158199</t>
  </si>
  <si>
    <t>cg02160872</t>
  </si>
  <si>
    <t>cg02162412</t>
  </si>
  <si>
    <t>cg02165614</t>
  </si>
  <si>
    <t>cg02176502</t>
  </si>
  <si>
    <t>cg02179112</t>
  </si>
  <si>
    <t>cg02194684</t>
  </si>
  <si>
    <t>cg02196805</t>
  </si>
  <si>
    <t>cg02198988</t>
  </si>
  <si>
    <t>cg02202411</t>
  </si>
  <si>
    <t>cg02204637</t>
  </si>
  <si>
    <t>cg02208529</t>
  </si>
  <si>
    <t>cg02213684</t>
  </si>
  <si>
    <t>cg02214623</t>
  </si>
  <si>
    <t>cg02215538</t>
  </si>
  <si>
    <t>cg02216250</t>
  </si>
  <si>
    <t>cg02220078</t>
  </si>
  <si>
    <t>cg02233558</t>
  </si>
  <si>
    <t>cg02238012</t>
  </si>
  <si>
    <t>cg02241814</t>
  </si>
  <si>
    <t>cg02244175</t>
  </si>
  <si>
    <t>cg02246916</t>
  </si>
  <si>
    <t>cg02250431</t>
  </si>
  <si>
    <t>cg02250764</t>
  </si>
  <si>
    <t>cg02251134</t>
  </si>
  <si>
    <t>cg02254898</t>
  </si>
  <si>
    <t>cg02257405</t>
  </si>
  <si>
    <t>cg02257793</t>
  </si>
  <si>
    <t>cg02259942</t>
  </si>
  <si>
    <t>cg02260587</t>
  </si>
  <si>
    <t>cg02261294</t>
  </si>
  <si>
    <t>cg02261806</t>
  </si>
  <si>
    <t>cg02262037</t>
  </si>
  <si>
    <t>cg02266732</t>
  </si>
  <si>
    <t>cg02267483</t>
  </si>
  <si>
    <t>cg02267992</t>
  </si>
  <si>
    <t>cg02273535</t>
  </si>
  <si>
    <t>cg02273769</t>
  </si>
  <si>
    <t>cg02273827</t>
  </si>
  <si>
    <t>cg02276107</t>
  </si>
  <si>
    <t>cg02283238</t>
  </si>
  <si>
    <t>cg02286155</t>
  </si>
  <si>
    <t>cg02286968</t>
  </si>
  <si>
    <t>cg02287371</t>
  </si>
  <si>
    <t>cg02288001</t>
  </si>
  <si>
    <t>cg02288341</t>
  </si>
  <si>
    <t>cg02291439</t>
  </si>
  <si>
    <t>cg02291619</t>
  </si>
  <si>
    <t>cg02292739</t>
  </si>
  <si>
    <t>cg02294176</t>
  </si>
  <si>
    <t>cg02299136</t>
  </si>
  <si>
    <t>cg02301512</t>
  </si>
  <si>
    <t>cg02303258</t>
  </si>
  <si>
    <t>cg02303571</t>
  </si>
  <si>
    <t>cg02304580</t>
  </si>
  <si>
    <t>cg02305687</t>
  </si>
  <si>
    <t>cg02306481</t>
  </si>
  <si>
    <t>cg02307288</t>
  </si>
  <si>
    <t>cg02309882</t>
  </si>
  <si>
    <t>cg02310229</t>
  </si>
  <si>
    <t>cg02312541</t>
  </si>
  <si>
    <t>cg02314394</t>
  </si>
  <si>
    <t>cg02319142</t>
  </si>
  <si>
    <t>cg02323633</t>
  </si>
  <si>
    <t>cg02324021</t>
  </si>
  <si>
    <t>cg02324227</t>
  </si>
  <si>
    <t>cg02325250</t>
  </si>
  <si>
    <t>cg02328035</t>
  </si>
  <si>
    <t>cg02328239</t>
  </si>
  <si>
    <t>cg02328278</t>
  </si>
  <si>
    <t>cg02331025</t>
  </si>
  <si>
    <t>cg02334187</t>
  </si>
  <si>
    <t>cg02334926</t>
  </si>
  <si>
    <t>cg02344113</t>
  </si>
  <si>
    <t>cg02347002</t>
  </si>
  <si>
    <t>cg02349669</t>
  </si>
  <si>
    <t>cg02352687</t>
  </si>
  <si>
    <t>cg02354563</t>
  </si>
  <si>
    <t>cg02356223</t>
  </si>
  <si>
    <t>cg02357714</t>
  </si>
  <si>
    <t>cg02358362</t>
  </si>
  <si>
    <t>cg02359712</t>
  </si>
  <si>
    <t>cg02363593</t>
  </si>
  <si>
    <t>cg02363766</t>
  </si>
  <si>
    <t>cg02365040</t>
  </si>
  <si>
    <t>cg02365303</t>
  </si>
  <si>
    <t>cg02366931</t>
  </si>
  <si>
    <t>cg02367472</t>
  </si>
  <si>
    <t>cg02368206</t>
  </si>
  <si>
    <t>cg02369766</t>
  </si>
  <si>
    <t>cg02370781</t>
  </si>
  <si>
    <t>cg02371408</t>
  </si>
  <si>
    <t>cg02372523</t>
  </si>
  <si>
    <t>cg02374294</t>
  </si>
  <si>
    <t>cg02376834</t>
  </si>
  <si>
    <t>cg02378335</t>
  </si>
  <si>
    <t>cg02379427</t>
  </si>
  <si>
    <t>cg02379533</t>
  </si>
  <si>
    <t>cg02381172</t>
  </si>
  <si>
    <t>cg02381468</t>
  </si>
  <si>
    <t>cg02383775</t>
  </si>
  <si>
    <t>cg02386353</t>
  </si>
  <si>
    <t>cg02387618</t>
  </si>
  <si>
    <t>cg02387679</t>
  </si>
  <si>
    <t>cg02389195</t>
  </si>
  <si>
    <t>cg02389859</t>
  </si>
  <si>
    <t>cg02389942</t>
  </si>
  <si>
    <t>cg02390103</t>
  </si>
  <si>
    <t>cg02395590</t>
  </si>
  <si>
    <t>cg02399645</t>
  </si>
  <si>
    <t>cg02402706</t>
  </si>
  <si>
    <t>cg02403883</t>
  </si>
  <si>
    <t>cg02404843</t>
  </si>
  <si>
    <t>cg02406096</t>
  </si>
  <si>
    <t>cg02410959</t>
  </si>
  <si>
    <t>cg02414785</t>
  </si>
  <si>
    <t>cg02414981</t>
  </si>
  <si>
    <t>cg02416781</t>
  </si>
  <si>
    <t>cg02417427</t>
  </si>
  <si>
    <t>cg02422812</t>
  </si>
  <si>
    <t>cg02423000</t>
  </si>
  <si>
    <t>cg02423080</t>
  </si>
  <si>
    <t>cg02424654</t>
  </si>
  <si>
    <t>cg02427576</t>
  </si>
  <si>
    <t>cg02431780</t>
  </si>
  <si>
    <t>cg02434007</t>
  </si>
  <si>
    <t>cg02435812</t>
  </si>
  <si>
    <t>cg02438107</t>
  </si>
  <si>
    <t>cg02441090</t>
  </si>
  <si>
    <t>cg02441374</t>
  </si>
  <si>
    <t>cg02443428</t>
  </si>
  <si>
    <t>cg02445282</t>
  </si>
  <si>
    <t>cg02445433</t>
  </si>
  <si>
    <t>cg02452552</t>
  </si>
  <si>
    <t>cg02455827</t>
  </si>
  <si>
    <t>cg02458929</t>
  </si>
  <si>
    <t>cg02464338</t>
  </si>
  <si>
    <t>cg02466947</t>
  </si>
  <si>
    <t>cg02473687</t>
  </si>
  <si>
    <t>cg02480199</t>
  </si>
  <si>
    <t>cg02480397</t>
  </si>
  <si>
    <t>cg02481956</t>
  </si>
  <si>
    <t>cg02484352</t>
  </si>
  <si>
    <t>cg02486497</t>
  </si>
  <si>
    <t>cg02488288</t>
  </si>
  <si>
    <t>cg02488887</t>
  </si>
  <si>
    <t>cg02495310</t>
  </si>
  <si>
    <t>cg02495569</t>
  </si>
  <si>
    <t>cg02495620</t>
  </si>
  <si>
    <t>cg02497046</t>
  </si>
  <si>
    <t>cg02499614</t>
  </si>
  <si>
    <t>cg02500479</t>
  </si>
  <si>
    <t>cg02502307</t>
  </si>
  <si>
    <t>cg02505117</t>
  </si>
  <si>
    <t>cg02506227</t>
  </si>
  <si>
    <t>cg02506353</t>
  </si>
  <si>
    <t>cg02506673</t>
  </si>
  <si>
    <t>cg02510091</t>
  </si>
  <si>
    <t>cg02517919</t>
  </si>
  <si>
    <t>cg02519948</t>
  </si>
  <si>
    <t>cg02520281</t>
  </si>
  <si>
    <t>cg02523893</t>
  </si>
  <si>
    <t>cg02529358</t>
  </si>
  <si>
    <t>cg02530464</t>
  </si>
  <si>
    <t>cg02531924</t>
  </si>
  <si>
    <t>cg02533289</t>
  </si>
  <si>
    <t>cg02534450</t>
  </si>
  <si>
    <t>cg02534659</t>
  </si>
  <si>
    <t>cg02537408</t>
  </si>
  <si>
    <t>cg02537826</t>
  </si>
  <si>
    <t>cg02538579</t>
  </si>
  <si>
    <t>cg02539074</t>
  </si>
  <si>
    <t>cg02539882</t>
  </si>
  <si>
    <t>cg02543268</t>
  </si>
  <si>
    <t>cg02543271</t>
  </si>
  <si>
    <t>cg02544903</t>
  </si>
  <si>
    <t>cg02545192</t>
  </si>
  <si>
    <t>cg02545261</t>
  </si>
  <si>
    <t>cg02545583</t>
  </si>
  <si>
    <t>cg02546376</t>
  </si>
  <si>
    <t>cg02548238</t>
  </si>
  <si>
    <t>cg02550607</t>
  </si>
  <si>
    <t>cg02551029</t>
  </si>
  <si>
    <t>cg02557110</t>
  </si>
  <si>
    <t>cg02558041</t>
  </si>
  <si>
    <t>cg02558677</t>
  </si>
  <si>
    <t>cg02562005</t>
  </si>
  <si>
    <t>cg02563137</t>
  </si>
  <si>
    <t>cg02574484</t>
  </si>
  <si>
    <t>cg02575712</t>
  </si>
  <si>
    <t>cg02577849</t>
  </si>
  <si>
    <t>cg02580763</t>
  </si>
  <si>
    <t>cg02580900</t>
  </si>
  <si>
    <t>cg02582925</t>
  </si>
  <si>
    <t>cg02585483</t>
  </si>
  <si>
    <t>cg02586025</t>
  </si>
  <si>
    <t>cg02587643</t>
  </si>
  <si>
    <t>cg02589141</t>
  </si>
  <si>
    <t>cg02592798</t>
  </si>
  <si>
    <t>cg02594687</t>
  </si>
  <si>
    <t>cg02595120</t>
  </si>
  <si>
    <t>cg02596779</t>
  </si>
  <si>
    <t>cg02597923</t>
  </si>
  <si>
    <t>cg02599172</t>
  </si>
  <si>
    <t>cg02599361</t>
  </si>
  <si>
    <t>cg02599626</t>
  </si>
  <si>
    <t>cg02600258</t>
  </si>
  <si>
    <t>cg02601800</t>
  </si>
  <si>
    <t>cg02603251</t>
  </si>
  <si>
    <t>cg02607772</t>
  </si>
  <si>
    <t>cg02609724</t>
  </si>
  <si>
    <t>cg02610106</t>
  </si>
  <si>
    <t>cg02610486</t>
  </si>
  <si>
    <t>cg02612045</t>
  </si>
  <si>
    <t>cg02615376</t>
  </si>
  <si>
    <t>cg02615833</t>
  </si>
  <si>
    <t>cg02616808</t>
  </si>
  <si>
    <t>cg02618049</t>
  </si>
  <si>
    <t>cg02621907</t>
  </si>
  <si>
    <t>cg02627405</t>
  </si>
  <si>
    <t>cg02627887</t>
  </si>
  <si>
    <t>cg02628107</t>
  </si>
  <si>
    <t>cg02631879</t>
  </si>
  <si>
    <t>cg02631957</t>
  </si>
  <si>
    <t>cg02632185</t>
  </si>
  <si>
    <t>cg02633363</t>
  </si>
  <si>
    <t>cg02633413</t>
  </si>
  <si>
    <t>cg02635677</t>
  </si>
  <si>
    <t>cg02637031</t>
  </si>
  <si>
    <t>cg02637512</t>
  </si>
  <si>
    <t>cg02640041</t>
  </si>
  <si>
    <t>cg02640147</t>
  </si>
  <si>
    <t>cg02640475</t>
  </si>
  <si>
    <t>cg02640809</t>
  </si>
  <si>
    <t>cg02641095</t>
  </si>
  <si>
    <t>cg02642949</t>
  </si>
  <si>
    <t>cg02646073</t>
  </si>
  <si>
    <t>cg02659009</t>
  </si>
  <si>
    <t>cg02659431</t>
  </si>
  <si>
    <t>cg02660846</t>
  </si>
  <si>
    <t>cg02663909</t>
  </si>
  <si>
    <t>cg02666302</t>
  </si>
  <si>
    <t>cg02667656</t>
  </si>
  <si>
    <t>cg02667756</t>
  </si>
  <si>
    <t>cg02670096</t>
  </si>
  <si>
    <t>cg02676052</t>
  </si>
  <si>
    <t>cg02676735</t>
  </si>
  <si>
    <t>cg02681369</t>
  </si>
  <si>
    <t>cg02682520</t>
  </si>
  <si>
    <t>cg02685680</t>
  </si>
  <si>
    <t>cg02688422</t>
  </si>
  <si>
    <t>cg02688752</t>
  </si>
  <si>
    <t>cg02688903</t>
  </si>
  <si>
    <t>cg02689506</t>
  </si>
  <si>
    <t>cg02693033</t>
  </si>
  <si>
    <t>cg02693210</t>
  </si>
  <si>
    <t>cg02693857</t>
  </si>
  <si>
    <t>cg02698332</t>
  </si>
  <si>
    <t>cg02699436</t>
  </si>
  <si>
    <t>cg02703535</t>
  </si>
  <si>
    <t>cg02715006</t>
  </si>
  <si>
    <t>cg02723600</t>
  </si>
  <si>
    <t>cg02725014</t>
  </si>
  <si>
    <t>cg02726957</t>
  </si>
  <si>
    <t>cg02734661</t>
  </si>
  <si>
    <t>cg02736230</t>
  </si>
  <si>
    <t>cg02738262</t>
  </si>
  <si>
    <t>cg02739870</t>
  </si>
  <si>
    <t>cg02741854</t>
  </si>
  <si>
    <t>cg02748293</t>
  </si>
  <si>
    <t>cg02748539</t>
  </si>
  <si>
    <t>cg02750098</t>
  </si>
  <si>
    <t>cg02760293</t>
  </si>
  <si>
    <t>cg02762475</t>
  </si>
  <si>
    <t>cg02763617</t>
  </si>
  <si>
    <t>cg02764571</t>
  </si>
  <si>
    <t>cg02770814</t>
  </si>
  <si>
    <t>cg02780295</t>
  </si>
  <si>
    <t>cg02784694</t>
  </si>
  <si>
    <t>cg02792655</t>
  </si>
  <si>
    <t>cg02792792</t>
  </si>
  <si>
    <t>cg02804091</t>
  </si>
  <si>
    <t>cg02830714</t>
  </si>
  <si>
    <t>cg02833657</t>
  </si>
  <si>
    <t>cg02841155</t>
  </si>
  <si>
    <t>cg02855432</t>
  </si>
  <si>
    <t>cg02865818</t>
  </si>
  <si>
    <t>cg02867763</t>
  </si>
  <si>
    <t>cg02891314</t>
  </si>
  <si>
    <t>cg02921583</t>
  </si>
  <si>
    <t>cg02929434</t>
  </si>
  <si>
    <t>cg02938179</t>
  </si>
  <si>
    <t>cg02939761</t>
  </si>
  <si>
    <t>cg02946518</t>
  </si>
  <si>
    <t>cg02948884</t>
  </si>
  <si>
    <t>cg02965999</t>
  </si>
  <si>
    <t>cg02976617</t>
  </si>
  <si>
    <t>cg02979839</t>
  </si>
  <si>
    <t>cg02989760</t>
  </si>
  <si>
    <t>cg02995853</t>
  </si>
  <si>
    <t>cg03013832</t>
  </si>
  <si>
    <t>cg03014628</t>
  </si>
  <si>
    <t>cg03016867</t>
  </si>
  <si>
    <t>cg03043127</t>
  </si>
  <si>
    <t>cg03046705</t>
  </si>
  <si>
    <t>cg03053687</t>
  </si>
  <si>
    <t>cg03060468</t>
  </si>
  <si>
    <t>cg03067362</t>
  </si>
  <si>
    <t>cg03089650</t>
  </si>
  <si>
    <t>cg03104157</t>
  </si>
  <si>
    <t>cg03111114</t>
  </si>
  <si>
    <t>cg03125217</t>
  </si>
  <si>
    <t>cg03125394</t>
  </si>
  <si>
    <t>cg03128945</t>
  </si>
  <si>
    <t>cg03130669</t>
  </si>
  <si>
    <t>cg03135515</t>
  </si>
  <si>
    <t>cg03135948</t>
  </si>
  <si>
    <t>cg03138091</t>
  </si>
  <si>
    <t>cg03158581</t>
  </si>
  <si>
    <t>cg03163459</t>
  </si>
  <si>
    <t>cg03172688</t>
  </si>
  <si>
    <t>cg03176996</t>
  </si>
  <si>
    <t>cg03197524</t>
  </si>
  <si>
    <t>cg03198012</t>
  </si>
  <si>
    <t>cg03208218</t>
  </si>
  <si>
    <t>cg03209854</t>
  </si>
  <si>
    <t>cg03215422</t>
  </si>
  <si>
    <t>cg03225002</t>
  </si>
  <si>
    <t>cg03225093</t>
  </si>
  <si>
    <t>cg03228145</t>
  </si>
  <si>
    <t>cg03233464</t>
  </si>
  <si>
    <t>cg03234980</t>
  </si>
  <si>
    <t>cg03241287</t>
  </si>
  <si>
    <t>cg03243835</t>
  </si>
  <si>
    <t>cg03255556</t>
  </si>
  <si>
    <t>cg03259333</t>
  </si>
  <si>
    <t>cg03278114</t>
  </si>
  <si>
    <t>cg03281154</t>
  </si>
  <si>
    <t>cg03284392</t>
  </si>
  <si>
    <t>cg03285577</t>
  </si>
  <si>
    <t>cg03287574</t>
  </si>
  <si>
    <t>cg03292222</t>
  </si>
  <si>
    <t>cg03294619</t>
  </si>
  <si>
    <t>cg03300589</t>
  </si>
  <si>
    <t>cg03304472</t>
  </si>
  <si>
    <t>cg03307581</t>
  </si>
  <si>
    <t>cg03310370</t>
  </si>
  <si>
    <t>cg03317451</t>
  </si>
  <si>
    <t>cg03317642</t>
  </si>
  <si>
    <t>cg03319497</t>
  </si>
  <si>
    <t>cg03321829</t>
  </si>
  <si>
    <t>cg03322424</t>
  </si>
  <si>
    <t>cg03326188</t>
  </si>
  <si>
    <t>cg03328650</t>
  </si>
  <si>
    <t>cg03328750</t>
  </si>
  <si>
    <t>cg03329536</t>
  </si>
  <si>
    <t>cg03332113</t>
  </si>
  <si>
    <t>cg03332464</t>
  </si>
  <si>
    <t>cg03340667</t>
  </si>
  <si>
    <t>cg03341985</t>
  </si>
  <si>
    <t>cg03347934</t>
  </si>
  <si>
    <t>cg03349953</t>
  </si>
  <si>
    <t>cg03355526</t>
  </si>
  <si>
    <t>cg03361488</t>
  </si>
  <si>
    <t>cg03367519</t>
  </si>
  <si>
    <t>cg03370391</t>
  </si>
  <si>
    <t>cg03370704</t>
  </si>
  <si>
    <t>cg03378319</t>
  </si>
  <si>
    <t>cg03391642</t>
  </si>
  <si>
    <t>cg03398865</t>
  </si>
  <si>
    <t>cg03400060</t>
  </si>
  <si>
    <t>cg03400785</t>
  </si>
  <si>
    <t>cg03405473</t>
  </si>
  <si>
    <t>cg03407996</t>
  </si>
  <si>
    <t>cg03416085</t>
  </si>
  <si>
    <t>cg03421353</t>
  </si>
  <si>
    <t>cg03431972</t>
  </si>
  <si>
    <t>cg03440750</t>
  </si>
  <si>
    <t>cg03455284</t>
  </si>
  <si>
    <t>cg03472755</t>
  </si>
  <si>
    <t>cg03474795</t>
  </si>
  <si>
    <t>cg03478689</t>
  </si>
  <si>
    <t>cg03478969</t>
  </si>
  <si>
    <t>cg03481509</t>
  </si>
  <si>
    <t>cg03490331</t>
  </si>
  <si>
    <t>cg03493123</t>
  </si>
  <si>
    <t>cg03503295</t>
  </si>
  <si>
    <t>cg03510194</t>
  </si>
  <si>
    <t>cg03512997</t>
  </si>
  <si>
    <t>cg03519907</t>
  </si>
  <si>
    <t>cg03523744</t>
  </si>
  <si>
    <t>cg03529436</t>
  </si>
  <si>
    <t>cg03533382</t>
  </si>
  <si>
    <t>cg03534504</t>
  </si>
  <si>
    <t>cg03536787</t>
  </si>
  <si>
    <t>cg03542891</t>
  </si>
  <si>
    <t>cg03543120</t>
  </si>
  <si>
    <t>cg03545404</t>
  </si>
  <si>
    <t>cg03546977</t>
  </si>
  <si>
    <t>cg03550002</t>
  </si>
  <si>
    <t>cg03551367</t>
  </si>
  <si>
    <t>cg03551497</t>
  </si>
  <si>
    <t>cg03553576</t>
  </si>
  <si>
    <t>cg03553758</t>
  </si>
  <si>
    <t>cg03554170</t>
  </si>
  <si>
    <t>cg03558807</t>
  </si>
  <si>
    <t>cg03563083</t>
  </si>
  <si>
    <t>cg03565280</t>
  </si>
  <si>
    <t>cg03567656</t>
  </si>
  <si>
    <t>cg03568287</t>
  </si>
  <si>
    <t>cg03569073</t>
  </si>
  <si>
    <t>cg03570636</t>
  </si>
  <si>
    <t>cg03573529</t>
  </si>
  <si>
    <t>cg03574598</t>
  </si>
  <si>
    <t>cg03575512</t>
  </si>
  <si>
    <t>cg03579058</t>
  </si>
  <si>
    <t>cg03594790</t>
  </si>
  <si>
    <t>cg03602014</t>
  </si>
  <si>
    <t>cg03605361</t>
  </si>
  <si>
    <t>cg03605420</t>
  </si>
  <si>
    <t>cg03605542</t>
  </si>
  <si>
    <t>cg03608712</t>
  </si>
  <si>
    <t>cg03617826</t>
  </si>
  <si>
    <t>cg03619352</t>
  </si>
  <si>
    <t>cg03619973</t>
  </si>
  <si>
    <t>cg03621279</t>
  </si>
  <si>
    <t>cg03622199</t>
  </si>
  <si>
    <t>cg03625952</t>
  </si>
  <si>
    <t>cg03631461</t>
  </si>
  <si>
    <t>cg03632704</t>
  </si>
  <si>
    <t>cg03634767</t>
  </si>
  <si>
    <t>cg03635649</t>
  </si>
  <si>
    <t>cg03637066</t>
  </si>
  <si>
    <t>cg03637622</t>
  </si>
  <si>
    <t>cg03642555</t>
  </si>
  <si>
    <t>cg03646542</t>
  </si>
  <si>
    <t>cg03652611</t>
  </si>
  <si>
    <t>cg03653573</t>
  </si>
  <si>
    <t>cg03653845</t>
  </si>
  <si>
    <t>cg03653855</t>
  </si>
  <si>
    <t>cg03654472</t>
  </si>
  <si>
    <t>cg03659005</t>
  </si>
  <si>
    <t>cg03660336</t>
  </si>
  <si>
    <t>cg03660788</t>
  </si>
  <si>
    <t>cg03663215</t>
  </si>
  <si>
    <t>cg03663715</t>
  </si>
  <si>
    <t>cg03665078</t>
  </si>
  <si>
    <t>cg03669000</t>
  </si>
  <si>
    <t>cg03670994</t>
  </si>
  <si>
    <t>cg03678938</t>
  </si>
  <si>
    <t>cg03685346</t>
  </si>
  <si>
    <t>cg03686115</t>
  </si>
  <si>
    <t>cg03693911</t>
  </si>
  <si>
    <t>cg03700287</t>
  </si>
  <si>
    <t>cg03701805</t>
  </si>
  <si>
    <t>cg03702236</t>
  </si>
  <si>
    <t>cg03702990</t>
  </si>
  <si>
    <t>cg03705912</t>
  </si>
  <si>
    <t>cg03708188</t>
  </si>
  <si>
    <t>cg03709475</t>
  </si>
  <si>
    <t>cg03710353</t>
  </si>
  <si>
    <t>cg03714110</t>
  </si>
  <si>
    <t>cg03716591</t>
  </si>
  <si>
    <t>cg03716908</t>
  </si>
  <si>
    <t>cg03721195</t>
  </si>
  <si>
    <t>cg03723497</t>
  </si>
  <si>
    <t>cg03723506</t>
  </si>
  <si>
    <t>cg03723845</t>
  </si>
  <si>
    <t>cg03724896</t>
  </si>
  <si>
    <t>cg03726739</t>
  </si>
  <si>
    <t>cg03729337</t>
  </si>
  <si>
    <t>cg03753609</t>
  </si>
  <si>
    <t>cg03774957</t>
  </si>
  <si>
    <t>cg03776662</t>
  </si>
  <si>
    <t>cg03778373</t>
  </si>
  <si>
    <t>cg03784679</t>
  </si>
  <si>
    <t>cg03787899</t>
  </si>
  <si>
    <t>cg03793407</t>
  </si>
  <si>
    <t>cg03803325</t>
  </si>
  <si>
    <t>cg03803861</t>
  </si>
  <si>
    <t>cg03804272</t>
  </si>
  <si>
    <t>cg03807298</t>
  </si>
  <si>
    <t>cg03807914</t>
  </si>
  <si>
    <t>cg03811629</t>
  </si>
  <si>
    <t>cg03814686</t>
  </si>
  <si>
    <t>cg03817107</t>
  </si>
  <si>
    <t>cg03818021</t>
  </si>
  <si>
    <t>cg03819134</t>
  </si>
  <si>
    <t>cg03820176</t>
  </si>
  <si>
    <t>cg03823863</t>
  </si>
  <si>
    <t>cg03824114</t>
  </si>
  <si>
    <t>cg03824768</t>
  </si>
  <si>
    <t>cg03827337</t>
  </si>
  <si>
    <t>cg03828874</t>
  </si>
  <si>
    <t>cg03833097</t>
  </si>
  <si>
    <t>cg03833880</t>
  </si>
  <si>
    <t>cg03834286</t>
  </si>
  <si>
    <t>cg03834394</t>
  </si>
  <si>
    <t>cg03840351</t>
  </si>
  <si>
    <t>cg03842822</t>
  </si>
  <si>
    <t>cg03846076</t>
  </si>
  <si>
    <t>cg03850213</t>
  </si>
  <si>
    <t>cg03851984</t>
  </si>
  <si>
    <t>cg03852144</t>
  </si>
  <si>
    <t>cg03857664</t>
  </si>
  <si>
    <t>cg03873049</t>
  </si>
  <si>
    <t>cg03873281</t>
  </si>
  <si>
    <t>cg03877420</t>
  </si>
  <si>
    <t>cg03880611</t>
  </si>
  <si>
    <t>cg03889507</t>
  </si>
  <si>
    <t>cg03892714</t>
  </si>
  <si>
    <t>cg03893692</t>
  </si>
  <si>
    <t>cg03894174</t>
  </si>
  <si>
    <t>cg03894650</t>
  </si>
  <si>
    <t>cg03894789</t>
  </si>
  <si>
    <t>cg03898832</t>
  </si>
  <si>
    <t>cg03899412</t>
  </si>
  <si>
    <t>cg03901281</t>
  </si>
  <si>
    <t>cg03905094</t>
  </si>
  <si>
    <t>cg03909417</t>
  </si>
  <si>
    <t>cg03909500</t>
  </si>
  <si>
    <t>cg03914922</t>
  </si>
  <si>
    <t>cg03916002</t>
  </si>
  <si>
    <t>cg03931027</t>
  </si>
  <si>
    <t>cg03934354</t>
  </si>
  <si>
    <t>cg03940525</t>
  </si>
  <si>
    <t>cg03959232</t>
  </si>
  <si>
    <t>cg03964851</t>
  </si>
  <si>
    <t>cg03966541</t>
  </si>
  <si>
    <t>cg03967521</t>
  </si>
  <si>
    <t>cg03975030</t>
  </si>
  <si>
    <t>cg03975135</t>
  </si>
  <si>
    <t>cg03975345</t>
  </si>
  <si>
    <t>cg03975797</t>
  </si>
  <si>
    <t>cg03975922</t>
  </si>
  <si>
    <t>cg03977174</t>
  </si>
  <si>
    <t>cg03977237</t>
  </si>
  <si>
    <t>cg03983647</t>
  </si>
  <si>
    <t>cg03987227</t>
  </si>
  <si>
    <t>cg03988700</t>
  </si>
  <si>
    <t>cg03989322</t>
  </si>
  <si>
    <t>cg03989749</t>
  </si>
  <si>
    <t>cg03991533</t>
  </si>
  <si>
    <t>cg03992230</t>
  </si>
  <si>
    <t>cg03992638</t>
  </si>
  <si>
    <t>cg03995615</t>
  </si>
  <si>
    <t>cg03995900</t>
  </si>
  <si>
    <t>cg03997232</t>
  </si>
  <si>
    <t>cg03997398</t>
  </si>
  <si>
    <t>cg04001424</t>
  </si>
  <si>
    <t>cg04002187</t>
  </si>
  <si>
    <t>cg04002608</t>
  </si>
  <si>
    <t>cg04012364</t>
  </si>
  <si>
    <t>cg04013142</t>
  </si>
  <si>
    <t>cg04019076</t>
  </si>
  <si>
    <t>cg04021502</t>
  </si>
  <si>
    <t>cg04021706</t>
  </si>
  <si>
    <t>cg04022561</t>
  </si>
  <si>
    <t>cg04023831</t>
  </si>
  <si>
    <t>cg04026000</t>
  </si>
  <si>
    <t>cg04055142</t>
  </si>
  <si>
    <t>cg04055703</t>
  </si>
  <si>
    <t>cg04060275</t>
  </si>
  <si>
    <t>cg04062510</t>
  </si>
  <si>
    <t>cg04064644</t>
  </si>
  <si>
    <t>cg04080041</t>
  </si>
  <si>
    <t>cg04084172</t>
  </si>
  <si>
    <t>cg04088674</t>
  </si>
  <si>
    <t>cg04088893</t>
  </si>
  <si>
    <t>cg04090540</t>
  </si>
  <si>
    <t>cg04091768</t>
  </si>
  <si>
    <t>cg04095339</t>
  </si>
  <si>
    <t>cg04097219</t>
  </si>
  <si>
    <t>cg04098891</t>
  </si>
  <si>
    <t>cg04102208</t>
  </si>
  <si>
    <t>cg04104695</t>
  </si>
  <si>
    <t>cg04110478</t>
  </si>
  <si>
    <t>cg04119977</t>
  </si>
  <si>
    <t>cg04119984</t>
  </si>
  <si>
    <t>cg04122568</t>
  </si>
  <si>
    <t>cg04122815</t>
  </si>
  <si>
    <t>cg04124352</t>
  </si>
  <si>
    <t>cg04125370</t>
  </si>
  <si>
    <t>cg04126707</t>
  </si>
  <si>
    <t>cg04128513</t>
  </si>
  <si>
    <t>cg04131494</t>
  </si>
  <si>
    <t>cg04134528</t>
  </si>
  <si>
    <t>cg04134818</t>
  </si>
  <si>
    <t>cg04135110</t>
  </si>
  <si>
    <t>cg04135385</t>
  </si>
  <si>
    <t>cg04135543</t>
  </si>
  <si>
    <t>cg04138846</t>
  </si>
  <si>
    <t>cg04139630</t>
  </si>
  <si>
    <t>cg04141806</t>
  </si>
  <si>
    <t>cg04144394</t>
  </si>
  <si>
    <t>cg04151449</t>
  </si>
  <si>
    <t>cg04156016</t>
  </si>
  <si>
    <t>cg04159302</t>
  </si>
  <si>
    <t>cg04159905</t>
  </si>
  <si>
    <t>cg04160343</t>
  </si>
  <si>
    <t>cg04165030</t>
  </si>
  <si>
    <t>cg04167833</t>
  </si>
  <si>
    <t>cg04174726</t>
  </si>
  <si>
    <t>cg04175111</t>
  </si>
  <si>
    <t>cg04178316</t>
  </si>
  <si>
    <t>cg04180086</t>
  </si>
  <si>
    <t>cg04184179</t>
  </si>
  <si>
    <t>cg04184427</t>
  </si>
  <si>
    <t>cg04186980</t>
  </si>
  <si>
    <t>cg04188241</t>
  </si>
  <si>
    <t>cg04188937</t>
  </si>
  <si>
    <t>cg04192740</t>
  </si>
  <si>
    <t>cg04195425</t>
  </si>
  <si>
    <t>cg04197847</t>
  </si>
  <si>
    <t>cg04198091</t>
  </si>
  <si>
    <t>cg04198941</t>
  </si>
  <si>
    <t>cg04201367</t>
  </si>
  <si>
    <t>cg04201750</t>
  </si>
  <si>
    <t>cg04203282</t>
  </si>
  <si>
    <t>cg04203417</t>
  </si>
  <si>
    <t>cg04206637</t>
  </si>
  <si>
    <t>cg04208853</t>
  </si>
  <si>
    <t>cg04212021</t>
  </si>
  <si>
    <t>cg04213775</t>
  </si>
  <si>
    <t>cg04215256</t>
  </si>
  <si>
    <t>cg04216235</t>
  </si>
  <si>
    <t>cg04216310</t>
  </si>
  <si>
    <t>cg04221388</t>
  </si>
  <si>
    <t>cg04221521</t>
  </si>
  <si>
    <t>cg04221764</t>
  </si>
  <si>
    <t>cg04222027</t>
  </si>
  <si>
    <t>cg04223553</t>
  </si>
  <si>
    <t>cg04225775</t>
  </si>
  <si>
    <t>cg04226363</t>
  </si>
  <si>
    <t>cg04227789</t>
  </si>
  <si>
    <t>cg04230438</t>
  </si>
  <si>
    <t>cg04232128</t>
  </si>
  <si>
    <t>cg04233770</t>
  </si>
  <si>
    <t>cg04234540</t>
  </si>
  <si>
    <t>cg04238199</t>
  </si>
  <si>
    <t>cg04241305</t>
  </si>
  <si>
    <t>cg04241501</t>
  </si>
  <si>
    <t>cg04242070</t>
  </si>
  <si>
    <t>cg04242245</t>
  </si>
  <si>
    <t>cg04242499</t>
  </si>
  <si>
    <t>cg04245935</t>
  </si>
  <si>
    <t>cg04251669</t>
  </si>
  <si>
    <t>cg04252145</t>
  </si>
  <si>
    <t>cg04255416</t>
  </si>
  <si>
    <t>cg04259606</t>
  </si>
  <si>
    <t>cg04259977</t>
  </si>
  <si>
    <t>cg04259979</t>
  </si>
  <si>
    <t>cg04261138</t>
  </si>
  <si>
    <t>cg04261952</t>
  </si>
  <si>
    <t>cg04263367</t>
  </si>
  <si>
    <t>cg04264925</t>
  </si>
  <si>
    <t>cg04268254</t>
  </si>
  <si>
    <t>cg04280246</t>
  </si>
  <si>
    <t>cg04284814</t>
  </si>
  <si>
    <t>cg04285666</t>
  </si>
  <si>
    <t>cg04285869</t>
  </si>
  <si>
    <t>cg04286194</t>
  </si>
  <si>
    <t>cg04290427</t>
  </si>
  <si>
    <t>cg04294058</t>
  </si>
  <si>
    <t>cg04302194</t>
  </si>
  <si>
    <t>cg04302388</t>
  </si>
  <si>
    <t>cg04303439</t>
  </si>
  <si>
    <t>cg04306063</t>
  </si>
  <si>
    <t>cg04312752</t>
  </si>
  <si>
    <t>cg04317047</t>
  </si>
  <si>
    <t>cg04317195</t>
  </si>
  <si>
    <t>cg04337096</t>
  </si>
  <si>
    <t>cg04342999</t>
  </si>
  <si>
    <t>cg04347845</t>
  </si>
  <si>
    <t>cg04357965</t>
  </si>
  <si>
    <t>cg04359250</t>
  </si>
  <si>
    <t>cg04362002</t>
  </si>
  <si>
    <t>cg04365721</t>
  </si>
  <si>
    <t>cg04380513</t>
  </si>
  <si>
    <t>cg04395069</t>
  </si>
  <si>
    <t>cg04396495</t>
  </si>
  <si>
    <t>cg04407811</t>
  </si>
  <si>
    <t>cg04427003</t>
  </si>
  <si>
    <t>cg04439458</t>
  </si>
  <si>
    <t>cg04441405</t>
  </si>
  <si>
    <t>cg04441562</t>
  </si>
  <si>
    <t>cg04442796</t>
  </si>
  <si>
    <t>cg04443324</t>
  </si>
  <si>
    <t>cg04446284</t>
  </si>
  <si>
    <t>cg04446749</t>
  </si>
  <si>
    <t>cg04450332</t>
  </si>
  <si>
    <t>cg04451736</t>
  </si>
  <si>
    <t>cg04453594</t>
  </si>
  <si>
    <t>cg04454664</t>
  </si>
  <si>
    <t>cg04455869</t>
  </si>
  <si>
    <t>cg04455950</t>
  </si>
  <si>
    <t>cg04457114</t>
  </si>
  <si>
    <t>cg04459091</t>
  </si>
  <si>
    <t>cg04461228</t>
  </si>
  <si>
    <t>cg04462709</t>
  </si>
  <si>
    <t>cg04467093</t>
  </si>
  <si>
    <t>cg04467119</t>
  </si>
  <si>
    <t>cg04467226</t>
  </si>
  <si>
    <t>cg04469059</t>
  </si>
  <si>
    <t>cg04470060</t>
  </si>
  <si>
    <t>cg04470324</t>
  </si>
  <si>
    <t>cg04470557</t>
  </si>
  <si>
    <t>cg04471325</t>
  </si>
  <si>
    <t>cg04473235</t>
  </si>
  <si>
    <t>cg04473621</t>
  </si>
  <si>
    <t>cg04476626</t>
  </si>
  <si>
    <t>cg04477203</t>
  </si>
  <si>
    <t>cg04478875</t>
  </si>
  <si>
    <t>cg04479041</t>
  </si>
  <si>
    <t>cg04479713</t>
  </si>
  <si>
    <t>cg04481923</t>
  </si>
  <si>
    <t>cg04483863</t>
  </si>
  <si>
    <t>cg04486725</t>
  </si>
  <si>
    <t>cg04486885</t>
  </si>
  <si>
    <t>cg04487904</t>
  </si>
  <si>
    <t>cg04488521</t>
  </si>
  <si>
    <t>cg04493793</t>
  </si>
  <si>
    <t>cg04499506</t>
  </si>
  <si>
    <t>cg04503600</t>
  </si>
  <si>
    <t>cg04503968</t>
  </si>
  <si>
    <t>cg04504062</t>
  </si>
  <si>
    <t>cg04505346</t>
  </si>
  <si>
    <t>cg04507958</t>
  </si>
  <si>
    <t>cg04509074</t>
  </si>
  <si>
    <t>cg04511966</t>
  </si>
  <si>
    <t>cg04512917</t>
  </si>
  <si>
    <t>cg04525476</t>
  </si>
  <si>
    <t>cg04525496</t>
  </si>
  <si>
    <t>cg04526087</t>
  </si>
  <si>
    <t>cg04528371</t>
  </si>
  <si>
    <t>cg04533633</t>
  </si>
  <si>
    <t>cg04534122</t>
  </si>
  <si>
    <t>cg04535521</t>
  </si>
  <si>
    <t>cg04535945</t>
  </si>
  <si>
    <t>cg04541154</t>
  </si>
  <si>
    <t>cg04541670</t>
  </si>
  <si>
    <t>cg04542290</t>
  </si>
  <si>
    <t>cg04543273</t>
  </si>
  <si>
    <t>cg04543742</t>
  </si>
  <si>
    <t>cg04544908</t>
  </si>
  <si>
    <t>cg04550063</t>
  </si>
  <si>
    <t>cg04552346</t>
  </si>
  <si>
    <t>cg04553355</t>
  </si>
  <si>
    <t>cg04553690</t>
  </si>
  <si>
    <t>cg04555220</t>
  </si>
  <si>
    <t>cg04560015</t>
  </si>
  <si>
    <t>cg04569804</t>
  </si>
  <si>
    <t>cg04573564</t>
  </si>
  <si>
    <t>cg04576025</t>
  </si>
  <si>
    <t>cg04577359</t>
  </si>
  <si>
    <t>cg04583285</t>
  </si>
  <si>
    <t>cg04585928</t>
  </si>
  <si>
    <t>cg04590959</t>
  </si>
  <si>
    <t>cg04598489</t>
  </si>
  <si>
    <t>cg04598517</t>
  </si>
  <si>
    <t>cg04599403</t>
  </si>
  <si>
    <t>cg04600077</t>
  </si>
  <si>
    <t>cg04607372</t>
  </si>
  <si>
    <t>cg04609576</t>
  </si>
  <si>
    <t>cg04610601</t>
  </si>
  <si>
    <t>cg04611466</t>
  </si>
  <si>
    <t>cg04614008</t>
  </si>
  <si>
    <t>cg04620015</t>
  </si>
  <si>
    <t>cg04623103</t>
  </si>
  <si>
    <t>cg04624363</t>
  </si>
  <si>
    <t>cg04635983</t>
  </si>
  <si>
    <t>cg04637429</t>
  </si>
  <si>
    <t>cg04637478</t>
  </si>
  <si>
    <t>cg04645676</t>
  </si>
  <si>
    <t>cg04654716</t>
  </si>
  <si>
    <t>cg04657517</t>
  </si>
  <si>
    <t>cg04659396</t>
  </si>
  <si>
    <t>cg04662609</t>
  </si>
  <si>
    <t>cg04669407</t>
  </si>
  <si>
    <t>cg04670168</t>
  </si>
  <si>
    <t>cg04681963</t>
  </si>
  <si>
    <t>cg04684012</t>
  </si>
  <si>
    <t>cg04686994</t>
  </si>
  <si>
    <t>cg04694437</t>
  </si>
  <si>
    <t>cg04694812</t>
  </si>
  <si>
    <t>cg04696559</t>
  </si>
  <si>
    <t>cg04701505</t>
  </si>
  <si>
    <t>cg04704634</t>
  </si>
  <si>
    <t>cg04706201</t>
  </si>
  <si>
    <t>cg04706600</t>
  </si>
  <si>
    <t>cg04709144</t>
  </si>
  <si>
    <t>cg04710768</t>
  </si>
  <si>
    <t>cg04712635</t>
  </si>
  <si>
    <t>cg04713453</t>
  </si>
  <si>
    <t>cg04717747</t>
  </si>
  <si>
    <t>cg04718185</t>
  </si>
  <si>
    <t>cg04720348</t>
  </si>
  <si>
    <t>cg04725215</t>
  </si>
  <si>
    <t>cg04730731</t>
  </si>
  <si>
    <t>cg04731624</t>
  </si>
  <si>
    <t>cg04734276</t>
  </si>
  <si>
    <t>cg04738309</t>
  </si>
  <si>
    <t>cg04741133</t>
  </si>
  <si>
    <t>cg04751133</t>
  </si>
  <si>
    <t>cg04755771</t>
  </si>
  <si>
    <t>cg04759220</t>
  </si>
  <si>
    <t>cg04774770</t>
  </si>
  <si>
    <t>cg04790357</t>
  </si>
  <si>
    <t>cg04797496</t>
  </si>
  <si>
    <t>cg04799838</t>
  </si>
  <si>
    <t>cg04812726</t>
  </si>
  <si>
    <t>cg04813904</t>
  </si>
  <si>
    <t>cg04819691</t>
  </si>
  <si>
    <t>cg04819775</t>
  </si>
  <si>
    <t>cg04822621</t>
  </si>
  <si>
    <t>cg04823152</t>
  </si>
  <si>
    <t>cg04824304</t>
  </si>
  <si>
    <t>cg04831076</t>
  </si>
  <si>
    <t>cg04832019</t>
  </si>
  <si>
    <t>cg04833034</t>
  </si>
  <si>
    <t>cg04833050</t>
  </si>
  <si>
    <t>cg04834374</t>
  </si>
  <si>
    <t>cg04834534</t>
  </si>
  <si>
    <t>cg04835925</t>
  </si>
  <si>
    <t>cg04836188</t>
  </si>
  <si>
    <t>cg04836851</t>
  </si>
  <si>
    <t>cg04837280</t>
  </si>
  <si>
    <t>cg04837922</t>
  </si>
  <si>
    <t>cg04840203</t>
  </si>
  <si>
    <t>cg04840828</t>
  </si>
  <si>
    <t>cg04841196</t>
  </si>
  <si>
    <t>cg04842157</t>
  </si>
  <si>
    <t>cg04842522</t>
  </si>
  <si>
    <t>cg04843690</t>
  </si>
  <si>
    <t>cg04845332</t>
  </si>
  <si>
    <t>cg04846307</t>
  </si>
  <si>
    <t>cg04849878</t>
  </si>
  <si>
    <t>cg04853571</t>
  </si>
  <si>
    <t>cg04854328</t>
  </si>
  <si>
    <t>cg04856203</t>
  </si>
  <si>
    <t>cg04883450</t>
  </si>
  <si>
    <t>cg04885832</t>
  </si>
  <si>
    <t>cg04897683</t>
  </si>
  <si>
    <t>cg04897804</t>
  </si>
  <si>
    <t>cg04899300</t>
  </si>
  <si>
    <t>cg04907171</t>
  </si>
  <si>
    <t>cg04907257</t>
  </si>
  <si>
    <t>cg04919918</t>
  </si>
  <si>
    <t>cg04923388</t>
  </si>
  <si>
    <t>cg04927066</t>
  </si>
  <si>
    <t>cg04955231</t>
  </si>
  <si>
    <t>cg04962159</t>
  </si>
  <si>
    <t>cg04964031</t>
  </si>
  <si>
    <t>cg04971362</t>
  </si>
  <si>
    <t>cg04972766</t>
  </si>
  <si>
    <t>cg04974775</t>
  </si>
  <si>
    <t>cg04977602</t>
  </si>
  <si>
    <t>cg04977754</t>
  </si>
  <si>
    <t>cg04979599</t>
  </si>
  <si>
    <t>cg04980590</t>
  </si>
  <si>
    <t>cg04981574</t>
  </si>
  <si>
    <t>cg04981722</t>
  </si>
  <si>
    <t>cg04983821</t>
  </si>
  <si>
    <t>cg04984920</t>
  </si>
  <si>
    <t>cg04993267</t>
  </si>
  <si>
    <t>cg04996277</t>
  </si>
  <si>
    <t>cg04997606</t>
  </si>
  <si>
    <t>cg04998690</t>
  </si>
  <si>
    <t>cg05001145</t>
  </si>
  <si>
    <t>cg05001715</t>
  </si>
  <si>
    <t>cg05004855</t>
  </si>
  <si>
    <t>cg05005358</t>
  </si>
  <si>
    <t>cg05005999</t>
  </si>
  <si>
    <t>cg05008898</t>
  </si>
  <si>
    <t>cg05011238</t>
  </si>
  <si>
    <t>cg05011348</t>
  </si>
  <si>
    <t>cg05015959</t>
  </si>
  <si>
    <t>cg05018638</t>
  </si>
  <si>
    <t>cg05019671</t>
  </si>
  <si>
    <t>cg05029473</t>
  </si>
  <si>
    <t>cg05029567</t>
  </si>
  <si>
    <t>cg05030481</t>
  </si>
  <si>
    <t>cg05037725</t>
  </si>
  <si>
    <t>cg05040447</t>
  </si>
  <si>
    <t>cg05043461</t>
  </si>
  <si>
    <t>cg05052335</t>
  </si>
  <si>
    <t>cg05056120</t>
  </si>
  <si>
    <t>cg05061892</t>
  </si>
  <si>
    <t>cg05066387</t>
  </si>
  <si>
    <t>cg05071677</t>
  </si>
  <si>
    <t>cg05088356</t>
  </si>
  <si>
    <t>cg05137680</t>
  </si>
  <si>
    <t>cg05146089</t>
  </si>
  <si>
    <t>cg05148592</t>
  </si>
  <si>
    <t>cg05148900</t>
  </si>
  <si>
    <t>cg05149258</t>
  </si>
  <si>
    <t>cg05149498</t>
  </si>
  <si>
    <t>cg05149776</t>
  </si>
  <si>
    <t>cg05150023</t>
  </si>
  <si>
    <t>cg05152067</t>
  </si>
  <si>
    <t>cg05155038</t>
  </si>
  <si>
    <t>cg05157516</t>
  </si>
  <si>
    <t>cg05158146</t>
  </si>
  <si>
    <t>cg05162564</t>
  </si>
  <si>
    <t>cg05163933</t>
  </si>
  <si>
    <t>cg05164570</t>
  </si>
  <si>
    <t>cg05168015</t>
  </si>
  <si>
    <t>cg05168468</t>
  </si>
  <si>
    <t>cg05173698</t>
  </si>
  <si>
    <t>cg05175337</t>
  </si>
  <si>
    <t>cg05179172</t>
  </si>
  <si>
    <t>cg05179993</t>
  </si>
  <si>
    <t>cg05184729</t>
  </si>
  <si>
    <t>cg05185926</t>
  </si>
  <si>
    <t>cg05187549</t>
  </si>
  <si>
    <t>cg05188868</t>
  </si>
  <si>
    <t>cg05190315</t>
  </si>
  <si>
    <t>cg05191313</t>
  </si>
  <si>
    <t>cg05191919</t>
  </si>
  <si>
    <t>cg05195266</t>
  </si>
  <si>
    <t>cg05198819</t>
  </si>
  <si>
    <t>cg05198969</t>
  </si>
  <si>
    <t>cg05201300</t>
  </si>
  <si>
    <t>cg05202497</t>
  </si>
  <si>
    <t>cg05206633</t>
  </si>
  <si>
    <t>cg05207048</t>
  </si>
  <si>
    <t>cg05207255</t>
  </si>
  <si>
    <t>cg05207465</t>
  </si>
  <si>
    <t>cg05209330</t>
  </si>
  <si>
    <t>cg05209584</t>
  </si>
  <si>
    <t>cg05211662</t>
  </si>
  <si>
    <t>cg05211790</t>
  </si>
  <si>
    <t>cg05213661</t>
  </si>
  <si>
    <t>cg05223604</t>
  </si>
  <si>
    <t>cg05229898</t>
  </si>
  <si>
    <t>cg05231888</t>
  </si>
  <si>
    <t>cg05236418</t>
  </si>
  <si>
    <t>cg05240017</t>
  </si>
  <si>
    <t>cg05241157</t>
  </si>
  <si>
    <t>cg05241830</t>
  </si>
  <si>
    <t>cg05243560</t>
  </si>
  <si>
    <t>cg05246645</t>
  </si>
  <si>
    <t>cg05252892</t>
  </si>
  <si>
    <t>cg05255351</t>
  </si>
  <si>
    <t>cg05257600</t>
  </si>
  <si>
    <t>cg05272349</t>
  </si>
  <si>
    <t>cg05291677</t>
  </si>
  <si>
    <t>cg05295685</t>
  </si>
  <si>
    <t>cg05321361</t>
  </si>
  <si>
    <t>cg05330056</t>
  </si>
  <si>
    <t>cg05331993</t>
  </si>
  <si>
    <t>cg05340042</t>
  </si>
  <si>
    <t>cg05358175</t>
  </si>
  <si>
    <t>cg05360402</t>
  </si>
  <si>
    <t>cg05365670</t>
  </si>
  <si>
    <t>cg05366204</t>
  </si>
  <si>
    <t>cg05382565</t>
  </si>
  <si>
    <t>cg05408284</t>
  </si>
  <si>
    <t>cg05417087</t>
  </si>
  <si>
    <t>cg05425754</t>
  </si>
  <si>
    <t>cg05428781</t>
  </si>
  <si>
    <t>cg05443326</t>
  </si>
  <si>
    <t>cg05449136</t>
  </si>
  <si>
    <t>cg05452345</t>
  </si>
  <si>
    <t>cg05452391</t>
  </si>
  <si>
    <t>cg05452618</t>
  </si>
  <si>
    <t>cg05455370</t>
  </si>
  <si>
    <t>cg05455931</t>
  </si>
  <si>
    <t>cg05457193</t>
  </si>
  <si>
    <t>cg05457273</t>
  </si>
  <si>
    <t>cg05457480</t>
  </si>
  <si>
    <t>cg05457620</t>
  </si>
  <si>
    <t>cg05459971</t>
  </si>
  <si>
    <t>cg05461386</t>
  </si>
  <si>
    <t>cg05462339</t>
  </si>
  <si>
    <t>cg05462359</t>
  </si>
  <si>
    <t>cg05465604</t>
  </si>
  <si>
    <t>cg05465766</t>
  </si>
  <si>
    <t>cg05465935</t>
  </si>
  <si>
    <t>cg05473987</t>
  </si>
  <si>
    <t>cg05476182</t>
  </si>
  <si>
    <t>cg05476287</t>
  </si>
  <si>
    <t>cg05479556</t>
  </si>
  <si>
    <t>cg05482050</t>
  </si>
  <si>
    <t>cg05482306</t>
  </si>
  <si>
    <t>cg05483076</t>
  </si>
  <si>
    <t>cg05484879</t>
  </si>
  <si>
    <t>cg05485663</t>
  </si>
  <si>
    <t>cg05487895</t>
  </si>
  <si>
    <t>cg05489904</t>
  </si>
  <si>
    <t>cg05494813</t>
  </si>
  <si>
    <t>cg05495422</t>
  </si>
  <si>
    <t>cg05495546</t>
  </si>
  <si>
    <t>cg05497107</t>
  </si>
  <si>
    <t>cg05497240</t>
  </si>
  <si>
    <t>cg05497253</t>
  </si>
  <si>
    <t>cg05500575</t>
  </si>
  <si>
    <t>cg05501672</t>
  </si>
  <si>
    <t>cg05501996</t>
  </si>
  <si>
    <t>cg05508296</t>
  </si>
  <si>
    <t>cg05509327</t>
  </si>
  <si>
    <t>cg05512756</t>
  </si>
  <si>
    <t>cg05517233</t>
  </si>
  <si>
    <t>cg05517697</t>
  </si>
  <si>
    <t>cg05524458</t>
  </si>
  <si>
    <t>cg05527650</t>
  </si>
  <si>
    <t>cg05530317</t>
  </si>
  <si>
    <t>cg05531284</t>
  </si>
  <si>
    <t>cg05534186</t>
  </si>
  <si>
    <t>cg05534973</t>
  </si>
  <si>
    <t>cg05535398</t>
  </si>
  <si>
    <t>cg05535877</t>
  </si>
  <si>
    <t>cg05545672</t>
  </si>
  <si>
    <t>cg05547853</t>
  </si>
  <si>
    <t>cg05549773</t>
  </si>
  <si>
    <t>cg05553019</t>
  </si>
  <si>
    <t>cg05553502</t>
  </si>
  <si>
    <t>cg05553591</t>
  </si>
  <si>
    <t>cg05557849</t>
  </si>
  <si>
    <t>cg05564608</t>
  </si>
  <si>
    <t>cg05569203</t>
  </si>
  <si>
    <t>cg05569742</t>
  </si>
  <si>
    <t>cg05572003</t>
  </si>
  <si>
    <t>cg05573654</t>
  </si>
  <si>
    <t>cg05576795</t>
  </si>
  <si>
    <t>cg05577173</t>
  </si>
  <si>
    <t>cg05579030</t>
  </si>
  <si>
    <t>cg05579622</t>
  </si>
  <si>
    <t>cg05579703</t>
  </si>
  <si>
    <t>cg05582440</t>
  </si>
  <si>
    <t>cg05583171</t>
  </si>
  <si>
    <t>cg05590156</t>
  </si>
  <si>
    <t>cg05593510</t>
  </si>
  <si>
    <t>cg05598363</t>
  </si>
  <si>
    <t>cg05598727</t>
  </si>
  <si>
    <t>cg05598879</t>
  </si>
  <si>
    <t>cg05599825</t>
  </si>
  <si>
    <t>cg05602212</t>
  </si>
  <si>
    <t>cg05602356</t>
  </si>
  <si>
    <t>cg05602479</t>
  </si>
  <si>
    <t>cg05607472</t>
  </si>
  <si>
    <t>cg05608159</t>
  </si>
  <si>
    <t>cg05614161</t>
  </si>
  <si>
    <t>cg05616584</t>
  </si>
  <si>
    <t>cg05617754</t>
  </si>
  <si>
    <t>cg05619425</t>
  </si>
  <si>
    <t>cg05622003</t>
  </si>
  <si>
    <t>cg05622764</t>
  </si>
  <si>
    <t>cg05624226</t>
  </si>
  <si>
    <t>cg05627138</t>
  </si>
  <si>
    <t>cg05631486</t>
  </si>
  <si>
    <t>cg05636015</t>
  </si>
  <si>
    <t>cg05638493</t>
  </si>
  <si>
    <t>cg05642190</t>
  </si>
  <si>
    <t>cg05647567</t>
  </si>
  <si>
    <t>cg05653646</t>
  </si>
  <si>
    <t>cg05654329</t>
  </si>
  <si>
    <t>cg05654338</t>
  </si>
  <si>
    <t>cg05655106</t>
  </si>
  <si>
    <t>cg05658487</t>
  </si>
  <si>
    <t>cg05661533</t>
  </si>
  <si>
    <t>cg05665136</t>
  </si>
  <si>
    <t>cg05668996</t>
  </si>
  <si>
    <t>cg05670219</t>
  </si>
  <si>
    <t>cg05671636</t>
  </si>
  <si>
    <t>cg05671968</t>
  </si>
  <si>
    <t>cg05677025</t>
  </si>
  <si>
    <t>cg05678518</t>
  </si>
  <si>
    <t>cg05681076</t>
  </si>
  <si>
    <t>cg05687174</t>
  </si>
  <si>
    <t>cg05689600</t>
  </si>
  <si>
    <t>cg05692123</t>
  </si>
  <si>
    <t>cg05693204</t>
  </si>
  <si>
    <t>cg05694825</t>
  </si>
  <si>
    <t>cg05705366</t>
  </si>
  <si>
    <t>cg05708512</t>
  </si>
  <si>
    <t>cg05710512</t>
  </si>
  <si>
    <t>cg05713859</t>
  </si>
  <si>
    <t>cg05714334</t>
  </si>
  <si>
    <t>cg05720159</t>
  </si>
  <si>
    <t>cg05720805</t>
  </si>
  <si>
    <t>cg05722427</t>
  </si>
  <si>
    <t>cg05730365</t>
  </si>
  <si>
    <t>cg05735432</t>
  </si>
  <si>
    <t>cg05746227</t>
  </si>
  <si>
    <t>cg05760882</t>
  </si>
  <si>
    <t>cg05781504</t>
  </si>
  <si>
    <t>cg05783854</t>
  </si>
  <si>
    <t>cg05787556</t>
  </si>
  <si>
    <t>cg05806375</t>
  </si>
  <si>
    <t>cg05809553</t>
  </si>
  <si>
    <t>cg05818685</t>
  </si>
  <si>
    <t>cg05822100</t>
  </si>
  <si>
    <t>cg05834826</t>
  </si>
  <si>
    <t>cg05838308</t>
  </si>
  <si>
    <t>cg05838553</t>
  </si>
  <si>
    <t>cg05839235</t>
  </si>
  <si>
    <t>cg05840707</t>
  </si>
  <si>
    <t>cg05849109</t>
  </si>
  <si>
    <t>cg05849566</t>
  </si>
  <si>
    <t>cg05855008</t>
  </si>
  <si>
    <t>cg05860978</t>
  </si>
  <si>
    <t>cg05867884</t>
  </si>
  <si>
    <t>cg05874655</t>
  </si>
  <si>
    <t>cg05875315</t>
  </si>
  <si>
    <t>cg05876069</t>
  </si>
  <si>
    <t>cg05876864</t>
  </si>
  <si>
    <t>cg05877402</t>
  </si>
  <si>
    <t>cg05879720</t>
  </si>
  <si>
    <t>cg05884572</t>
  </si>
  <si>
    <t>cg05886367</t>
  </si>
  <si>
    <t>cg05890484</t>
  </si>
  <si>
    <t>cg05895545</t>
  </si>
  <si>
    <t>cg05898102</t>
  </si>
  <si>
    <t>cg05903630</t>
  </si>
  <si>
    <t>cg05907933</t>
  </si>
  <si>
    <t>cg05908079</t>
  </si>
  <si>
    <t>cg05910138</t>
  </si>
  <si>
    <t>cg05912079</t>
  </si>
  <si>
    <t>cg05913238</t>
  </si>
  <si>
    <t>cg05913451</t>
  </si>
  <si>
    <t>cg05915281</t>
  </si>
  <si>
    <t>cg05917419</t>
  </si>
  <si>
    <t>cg05919907</t>
  </si>
  <si>
    <t>cg05925811</t>
  </si>
  <si>
    <t>cg05926253</t>
  </si>
  <si>
    <t>cg05934984</t>
  </si>
  <si>
    <t>cg05939993</t>
  </si>
  <si>
    <t>cg05940966</t>
  </si>
  <si>
    <t>cg05941129</t>
  </si>
  <si>
    <t>cg05945661</t>
  </si>
  <si>
    <t>cg05950673</t>
  </si>
  <si>
    <t>cg05953230</t>
  </si>
  <si>
    <t>cg05954276</t>
  </si>
  <si>
    <t>cg05955210</t>
  </si>
  <si>
    <t>cg05955412</t>
  </si>
  <si>
    <t>cg05956126</t>
  </si>
  <si>
    <t>cg05956803</t>
  </si>
  <si>
    <t>cg05957366</t>
  </si>
  <si>
    <t>cg05958166</t>
  </si>
  <si>
    <t>cg05958659</t>
  </si>
  <si>
    <t>cg05972316</t>
  </si>
  <si>
    <t>cg05973792</t>
  </si>
  <si>
    <t>cg05974455</t>
  </si>
  <si>
    <t>cg05975410</t>
  </si>
  <si>
    <t>cg05976800</t>
  </si>
  <si>
    <t>cg05978546</t>
  </si>
  <si>
    <t>cg05981741</t>
  </si>
  <si>
    <t>cg05982485</t>
  </si>
  <si>
    <t>cg06001836</t>
  </si>
  <si>
    <t>cg06003656</t>
  </si>
  <si>
    <t>cg06005644</t>
  </si>
  <si>
    <t>cg06007761</t>
  </si>
  <si>
    <t>cg06008378</t>
  </si>
  <si>
    <t>cg06009042</t>
  </si>
  <si>
    <t>cg06009475</t>
  </si>
  <si>
    <t>cg06010659</t>
  </si>
  <si>
    <t>cg06013117</t>
  </si>
  <si>
    <t>cg06013215</t>
  </si>
  <si>
    <t>cg06016911</t>
  </si>
  <si>
    <t>cg06019229</t>
  </si>
  <si>
    <t>cg06019726</t>
  </si>
  <si>
    <t>cg06024557</t>
  </si>
  <si>
    <t>cg06025835</t>
  </si>
  <si>
    <t>cg06028048</t>
  </si>
  <si>
    <t>cg06029268</t>
  </si>
  <si>
    <t>cg06030549</t>
  </si>
  <si>
    <t>cg06030649</t>
  </si>
  <si>
    <t>cg06030695</t>
  </si>
  <si>
    <t>cg06031309</t>
  </si>
  <si>
    <t>cg06032302</t>
  </si>
  <si>
    <t>cg06033531</t>
  </si>
  <si>
    <t>cg06034202</t>
  </si>
  <si>
    <t>cg06040590</t>
  </si>
  <si>
    <t>cg06043419</t>
  </si>
  <si>
    <t>cg06045225</t>
  </si>
  <si>
    <t>cg06046805</t>
  </si>
  <si>
    <t>cg06047773</t>
  </si>
  <si>
    <t>cg06051582</t>
  </si>
  <si>
    <t>cg06055044</t>
  </si>
  <si>
    <t>cg06055249</t>
  </si>
  <si>
    <t>cg06056004</t>
  </si>
  <si>
    <t>cg06056415</t>
  </si>
  <si>
    <t>cg06058262</t>
  </si>
  <si>
    <t>cg06061645</t>
  </si>
  <si>
    <t>cg06061692</t>
  </si>
  <si>
    <t>cg06071701</t>
  </si>
  <si>
    <t>cg06073041</t>
  </si>
  <si>
    <t>cg06077821</t>
  </si>
  <si>
    <t>cg06105778</t>
  </si>
  <si>
    <t>cg06132433</t>
  </si>
  <si>
    <t>cg06161964</t>
  </si>
  <si>
    <t>cg06166809</t>
  </si>
  <si>
    <t>cg06174599</t>
  </si>
  <si>
    <t>cg06177968</t>
  </si>
  <si>
    <t>cg06189653</t>
  </si>
  <si>
    <t>cg06200339</t>
  </si>
  <si>
    <t>cg06203126</t>
  </si>
  <si>
    <t>cg06219624</t>
  </si>
  <si>
    <t>cg06221259</t>
  </si>
  <si>
    <t>cg06221393</t>
  </si>
  <si>
    <t>cg06225581</t>
  </si>
  <si>
    <t>cg06239355</t>
  </si>
  <si>
    <t>cg06258780</t>
  </si>
  <si>
    <t>cg06259996</t>
  </si>
  <si>
    <t>cg06284322</t>
  </si>
  <si>
    <t>cg06294700</t>
  </si>
  <si>
    <t>cg06296021</t>
  </si>
  <si>
    <t>cg06298346</t>
  </si>
  <si>
    <t>cg06307176</t>
  </si>
  <si>
    <t>cg06321376</t>
  </si>
  <si>
    <t>cg06327515</t>
  </si>
  <si>
    <t>cg06337870</t>
  </si>
  <si>
    <t>cg06338421</t>
  </si>
  <si>
    <t>cg06339657</t>
  </si>
  <si>
    <t>cg06344195</t>
  </si>
  <si>
    <t>cg06348134</t>
  </si>
  <si>
    <t>cg06352999</t>
  </si>
  <si>
    <t>cg06376277</t>
  </si>
  <si>
    <t>cg06376395</t>
  </si>
  <si>
    <t>cg06401019</t>
  </si>
  <si>
    <t>cg06407441</t>
  </si>
  <si>
    <t>cg06410191</t>
  </si>
  <si>
    <t>cg06412092</t>
  </si>
  <si>
    <t>cg06412777</t>
  </si>
  <si>
    <t>cg06417612</t>
  </si>
  <si>
    <t>cg06418959</t>
  </si>
  <si>
    <t>cg06422883</t>
  </si>
  <si>
    <t>cg06424860</t>
  </si>
  <si>
    <t>cg06426436</t>
  </si>
  <si>
    <t>cg06427176</t>
  </si>
  <si>
    <t>cg06427561</t>
  </si>
  <si>
    <t>cg06427779</t>
  </si>
  <si>
    <t>cg06430753</t>
  </si>
  <si>
    <t>cg06433467</t>
  </si>
  <si>
    <t>cg06437430</t>
  </si>
  <si>
    <t>cg06438559</t>
  </si>
  <si>
    <t>cg06439005</t>
  </si>
  <si>
    <t>cg06440373</t>
  </si>
  <si>
    <t>cg06441946</t>
  </si>
  <si>
    <t>cg06442673</t>
  </si>
  <si>
    <t>cg06442684</t>
  </si>
  <si>
    <t>cg06446548</t>
  </si>
  <si>
    <t>cg06449486</t>
  </si>
  <si>
    <t>cg06449906</t>
  </si>
  <si>
    <t>cg06451479</t>
  </si>
  <si>
    <t>cg06451604</t>
  </si>
  <si>
    <t>cg06460691</t>
  </si>
  <si>
    <t>cg06464369</t>
  </si>
  <si>
    <t>cg06465021</t>
  </si>
  <si>
    <t>cg06466582</t>
  </si>
  <si>
    <t>cg06466917</t>
  </si>
  <si>
    <t>cg06468166</t>
  </si>
  <si>
    <t>cg06470558</t>
  </si>
  <si>
    <t>cg06470804</t>
  </si>
  <si>
    <t>cg06472636</t>
  </si>
  <si>
    <t>cg06473182</t>
  </si>
  <si>
    <t>cg06474294</t>
  </si>
  <si>
    <t>cg06477464</t>
  </si>
  <si>
    <t>cg06478886</t>
  </si>
  <si>
    <t>cg06480764</t>
  </si>
  <si>
    <t>cg06484562</t>
  </si>
  <si>
    <t>cg06484993</t>
  </si>
  <si>
    <t>cg06485114</t>
  </si>
  <si>
    <t>cg06485139</t>
  </si>
  <si>
    <t>cg06495038</t>
  </si>
  <si>
    <t>cg06498267</t>
  </si>
  <si>
    <t>cg06501744</t>
  </si>
  <si>
    <t>cg06501790</t>
  </si>
  <si>
    <t>cg06506054</t>
  </si>
  <si>
    <t>cg06508395</t>
  </si>
  <si>
    <t>cg06508552</t>
  </si>
  <si>
    <t>cg06509828</t>
  </si>
  <si>
    <t>cg06512271</t>
  </si>
  <si>
    <t>cg06512849</t>
  </si>
  <si>
    <t>cg06518222</t>
  </si>
  <si>
    <t>cg06519746</t>
  </si>
  <si>
    <t>cg06520081</t>
  </si>
  <si>
    <t>cg06521673</t>
  </si>
  <si>
    <t>cg06523916</t>
  </si>
  <si>
    <t>cg06525987</t>
  </si>
  <si>
    <t>cg06526721</t>
  </si>
  <si>
    <t>cg06532880</t>
  </si>
  <si>
    <t>cg06534586</t>
  </si>
  <si>
    <t>cg06534800</t>
  </si>
  <si>
    <t>cg06535396</t>
  </si>
  <si>
    <t>cg06536469</t>
  </si>
  <si>
    <t>cg06537244</t>
  </si>
  <si>
    <t>cg06537708</t>
  </si>
  <si>
    <t>cg06539116</t>
  </si>
  <si>
    <t>cg06541760</t>
  </si>
  <si>
    <t>cg06547513</t>
  </si>
  <si>
    <t>cg06555490</t>
  </si>
  <si>
    <t>cg06561892</t>
  </si>
  <si>
    <t>cg06562888</t>
  </si>
  <si>
    <t>cg06565615</t>
  </si>
  <si>
    <t>cg06567635</t>
  </si>
  <si>
    <t>cg06575035</t>
  </si>
  <si>
    <t>cg06584121</t>
  </si>
  <si>
    <t>cg06584218</t>
  </si>
  <si>
    <t>cg06589507</t>
  </si>
  <si>
    <t>cg06590268</t>
  </si>
  <si>
    <t>cg06592170</t>
  </si>
  <si>
    <t>cg06593237</t>
  </si>
  <si>
    <t>cg06600429</t>
  </si>
  <si>
    <t>cg06603828</t>
  </si>
  <si>
    <t>cg06603851</t>
  </si>
  <si>
    <t>cg06604568</t>
  </si>
  <si>
    <t>cg06609475</t>
  </si>
  <si>
    <t>cg06612355</t>
  </si>
  <si>
    <t>cg06614563</t>
  </si>
  <si>
    <t>cg06614609</t>
  </si>
  <si>
    <t>cg06619299</t>
  </si>
  <si>
    <t>cg06622892</t>
  </si>
  <si>
    <t>cg06625767</t>
  </si>
  <si>
    <t>cg06625838</t>
  </si>
  <si>
    <t>cg06626102</t>
  </si>
  <si>
    <t>cg06629170</t>
  </si>
  <si>
    <t>cg06633429</t>
  </si>
  <si>
    <t>cg06634886</t>
  </si>
  <si>
    <t>cg06635150</t>
  </si>
  <si>
    <t>cg06637017</t>
  </si>
  <si>
    <t>cg06637330</t>
  </si>
  <si>
    <t>cg06638012</t>
  </si>
  <si>
    <t>cg06641624</t>
  </si>
  <si>
    <t>cg06641749</t>
  </si>
  <si>
    <t>cg06644553</t>
  </si>
  <si>
    <t>cg06647928</t>
  </si>
  <si>
    <t>cg06650255</t>
  </si>
  <si>
    <t>cg06650596</t>
  </si>
  <si>
    <t>cg06650664</t>
  </si>
  <si>
    <t>cg06652392</t>
  </si>
  <si>
    <t>cg06653141</t>
  </si>
  <si>
    <t>cg06654549</t>
  </si>
  <si>
    <t>cg06654628</t>
  </si>
  <si>
    <t>cg06657529</t>
  </si>
  <si>
    <t>cg06658615</t>
  </si>
  <si>
    <t>cg06659791</t>
  </si>
  <si>
    <t>cg06660160</t>
  </si>
  <si>
    <t>cg06663310</t>
  </si>
  <si>
    <t>cg06665485</t>
  </si>
  <si>
    <t>cg06665799</t>
  </si>
  <si>
    <t>cg06668506</t>
  </si>
  <si>
    <t>cg06668976</t>
  </si>
  <si>
    <t>cg06675187</t>
  </si>
  <si>
    <t>cg06675531</t>
  </si>
  <si>
    <t>cg06677890</t>
  </si>
  <si>
    <t>cg06678548</t>
  </si>
  <si>
    <t>cg06679694</t>
  </si>
  <si>
    <t>cg06680397</t>
  </si>
  <si>
    <t>cg06685514</t>
  </si>
  <si>
    <t>cg06687640</t>
  </si>
  <si>
    <t>cg06689918</t>
  </si>
  <si>
    <t>cg06697488</t>
  </si>
  <si>
    <t>cg06700606</t>
  </si>
  <si>
    <t>cg06701443</t>
  </si>
  <si>
    <t>cg06708122</t>
  </si>
  <si>
    <t>cg06708198</t>
  </si>
  <si>
    <t>cg06710259</t>
  </si>
  <si>
    <t>cg06710349</t>
  </si>
  <si>
    <t>cg06711306</t>
  </si>
  <si>
    <t>cg06712340</t>
  </si>
  <si>
    <t>cg06721546</t>
  </si>
  <si>
    <t>cg06727093</t>
  </si>
  <si>
    <t>cg06727269</t>
  </si>
  <si>
    <t>cg06728135</t>
  </si>
  <si>
    <t>cg06730183</t>
  </si>
  <si>
    <t>cg06730250</t>
  </si>
  <si>
    <t>cg06732395</t>
  </si>
  <si>
    <t>cg06736134</t>
  </si>
  <si>
    <t>cg06738298</t>
  </si>
  <si>
    <t>cg06738711</t>
  </si>
  <si>
    <t>cg06742021</t>
  </si>
  <si>
    <t>cg06742719</t>
  </si>
  <si>
    <t>cg06746171</t>
  </si>
  <si>
    <t>cg06752267</t>
  </si>
  <si>
    <t>cg06753918</t>
  </si>
  <si>
    <t>cg06754923</t>
  </si>
  <si>
    <t>cg06758672</t>
  </si>
  <si>
    <t>cg06759890</t>
  </si>
  <si>
    <t>cg06770322</t>
  </si>
  <si>
    <t>cg06772268</t>
  </si>
  <si>
    <t>cg06772654</t>
  </si>
  <si>
    <t>cg06777750</t>
  </si>
  <si>
    <t>cg06778567</t>
  </si>
  <si>
    <t>cg06791719</t>
  </si>
  <si>
    <t>cg06794581</t>
  </si>
  <si>
    <t>cg06799721</t>
  </si>
  <si>
    <t>cg06800658</t>
  </si>
  <si>
    <t>cg06801385</t>
  </si>
  <si>
    <t>cg06802985</t>
  </si>
  <si>
    <t>cg06803706</t>
  </si>
  <si>
    <t>cg06814892</t>
  </si>
  <si>
    <t>cg06815614</t>
  </si>
  <si>
    <t>cg06816156</t>
  </si>
  <si>
    <t>cg06816783</t>
  </si>
  <si>
    <t>cg06822304</t>
  </si>
  <si>
    <t>cg06822995</t>
  </si>
  <si>
    <t>cg06836380</t>
  </si>
  <si>
    <t>cg06837426</t>
  </si>
  <si>
    <t>cg06838879</t>
  </si>
  <si>
    <t>cg06840167</t>
  </si>
  <si>
    <t>cg06843889</t>
  </si>
  <si>
    <t>cg06844661</t>
  </si>
  <si>
    <t>cg06849077</t>
  </si>
  <si>
    <t>cg06851151</t>
  </si>
  <si>
    <t>cg06859187</t>
  </si>
  <si>
    <t>cg06861725</t>
  </si>
  <si>
    <t>cg06862268</t>
  </si>
  <si>
    <t>cg06866033</t>
  </si>
  <si>
    <t>cg06870484</t>
  </si>
  <si>
    <t>cg06873590</t>
  </si>
  <si>
    <t>cg06885823</t>
  </si>
  <si>
    <t>cg06889108</t>
  </si>
  <si>
    <t>cg06894812</t>
  </si>
  <si>
    <t>cg06899802</t>
  </si>
  <si>
    <t>cg06899976</t>
  </si>
  <si>
    <t>cg06900355</t>
  </si>
  <si>
    <t>cg06900938</t>
  </si>
  <si>
    <t>cg06904618</t>
  </si>
  <si>
    <t>cg06904667</t>
  </si>
  <si>
    <t>cg06907391</t>
  </si>
  <si>
    <t>cg06910125</t>
  </si>
  <si>
    <t>cg06910997</t>
  </si>
  <si>
    <t>cg06911974</t>
  </si>
  <si>
    <t>cg06912665</t>
  </si>
  <si>
    <t>cg06912936</t>
  </si>
  <si>
    <t>cg06913517</t>
  </si>
  <si>
    <t>cg06916315</t>
  </si>
  <si>
    <t>cg06916729</t>
  </si>
  <si>
    <t>cg06919519</t>
  </si>
  <si>
    <t>cg06925438</t>
  </si>
  <si>
    <t>cg06925502</t>
  </si>
  <si>
    <t>cg06926936</t>
  </si>
  <si>
    <t>cg06928924</t>
  </si>
  <si>
    <t>cg06931327</t>
  </si>
  <si>
    <t>cg06938356</t>
  </si>
  <si>
    <t>cg06940720</t>
  </si>
  <si>
    <t>cg06940792</t>
  </si>
  <si>
    <t>cg06941635</t>
  </si>
  <si>
    <t>cg06941702</t>
  </si>
  <si>
    <t>cg06942904</t>
  </si>
  <si>
    <t>cg06946371</t>
  </si>
  <si>
    <t>cg06947286</t>
  </si>
  <si>
    <t>cg06952384</t>
  </si>
  <si>
    <t>cg06953773</t>
  </si>
  <si>
    <t>cg06961539</t>
  </si>
  <si>
    <t>cg06962913</t>
  </si>
  <si>
    <t>cg06964475</t>
  </si>
  <si>
    <t>cg06966887</t>
  </si>
  <si>
    <t>cg06967124</t>
  </si>
  <si>
    <t>cg06967316</t>
  </si>
  <si>
    <t>cg06968155</t>
  </si>
  <si>
    <t>cg06969395</t>
  </si>
  <si>
    <t>cg06969845</t>
  </si>
  <si>
    <t>cg06974515</t>
  </si>
  <si>
    <t>cg06977900</t>
  </si>
  <si>
    <t>cg06979550</t>
  </si>
  <si>
    <t>cg06980531</t>
  </si>
  <si>
    <t>cg06982229</t>
  </si>
  <si>
    <t>cg06984073</t>
  </si>
  <si>
    <t>cg06988003</t>
  </si>
  <si>
    <t>cg06994657</t>
  </si>
  <si>
    <t>cg06995810</t>
  </si>
  <si>
    <t>cg06996205</t>
  </si>
  <si>
    <t>cg06997707</t>
  </si>
  <si>
    <t>cg06998965</t>
  </si>
  <si>
    <t>cg06999346</t>
  </si>
  <si>
    <t>cg07005113</t>
  </si>
  <si>
    <t>cg07012926</t>
  </si>
  <si>
    <t>cg07015221</t>
  </si>
  <si>
    <t>cg07017875</t>
  </si>
  <si>
    <t>cg07018087</t>
  </si>
  <si>
    <t>cg07018404</t>
  </si>
  <si>
    <t>cg07019857</t>
  </si>
  <si>
    <t>cg07025583</t>
  </si>
  <si>
    <t>cg07033961</t>
  </si>
  <si>
    <t>cg07034255</t>
  </si>
  <si>
    <t>cg07035165</t>
  </si>
  <si>
    <t>cg07035740</t>
  </si>
  <si>
    <t>cg07037725</t>
  </si>
  <si>
    <t>cg07037964</t>
  </si>
  <si>
    <t>cg07048066</t>
  </si>
  <si>
    <t>cg07051140</t>
  </si>
  <si>
    <t>cg07056285</t>
  </si>
  <si>
    <t>cg07062476</t>
  </si>
  <si>
    <t>cg07072463</t>
  </si>
  <si>
    <t>cg07078108</t>
  </si>
  <si>
    <t>cg07080067</t>
  </si>
  <si>
    <t>cg07084163</t>
  </si>
  <si>
    <t>cg07086918</t>
  </si>
  <si>
    <t>cg07100000</t>
  </si>
  <si>
    <t>cg07100508</t>
  </si>
  <si>
    <t>cg07102705</t>
  </si>
  <si>
    <t>cg07103493</t>
  </si>
  <si>
    <t>cg07116095</t>
  </si>
  <si>
    <t>cg07123769</t>
  </si>
  <si>
    <t>cg07126163</t>
  </si>
  <si>
    <t>cg07129392</t>
  </si>
  <si>
    <t>cg07131533</t>
  </si>
  <si>
    <t>cg07135540</t>
  </si>
  <si>
    <t>cg07136635</t>
  </si>
  <si>
    <t>cg07137034</t>
  </si>
  <si>
    <t>cg07137934</t>
  </si>
  <si>
    <t>cg07141885</t>
  </si>
  <si>
    <t>cg07143817</t>
  </si>
  <si>
    <t>cg07144328</t>
  </si>
  <si>
    <t>cg07144560</t>
  </si>
  <si>
    <t>cg07145038</t>
  </si>
  <si>
    <t>cg07145255</t>
  </si>
  <si>
    <t>cg07145531</t>
  </si>
  <si>
    <t>cg07145843</t>
  </si>
  <si>
    <t>cg07148051</t>
  </si>
  <si>
    <t>cg07151966</t>
  </si>
  <si>
    <t>cg07152591</t>
  </si>
  <si>
    <t>cg07156299</t>
  </si>
  <si>
    <t>cg07157169</t>
  </si>
  <si>
    <t>cg07158503</t>
  </si>
  <si>
    <t>cg07160800</t>
  </si>
  <si>
    <t>cg07162551</t>
  </si>
  <si>
    <t>cg07163668</t>
  </si>
  <si>
    <t>cg07164191</t>
  </si>
  <si>
    <t>cg07172256</t>
  </si>
  <si>
    <t>cg07173239</t>
  </si>
  <si>
    <t>cg07179068</t>
  </si>
  <si>
    <t>cg07179872</t>
  </si>
  <si>
    <t>cg07181209</t>
  </si>
  <si>
    <t>cg07184465</t>
  </si>
  <si>
    <t>cg07184986</t>
  </si>
  <si>
    <t>cg07196488</t>
  </si>
  <si>
    <t>cg07205661</t>
  </si>
  <si>
    <t>cg07206725</t>
  </si>
  <si>
    <t>cg07209244</t>
  </si>
  <si>
    <t>cg07211251</t>
  </si>
  <si>
    <t>cg07213616</t>
  </si>
  <si>
    <t>cg07213685</t>
  </si>
  <si>
    <t>cg07218275</t>
  </si>
  <si>
    <t>cg07219425</t>
  </si>
  <si>
    <t>cg07226612</t>
  </si>
  <si>
    <t>cg07226964</t>
  </si>
  <si>
    <t>cg07231479</t>
  </si>
  <si>
    <t>cg07232618</t>
  </si>
  <si>
    <t>cg07233341</t>
  </si>
  <si>
    <t>cg07236039</t>
  </si>
  <si>
    <t>cg07240873</t>
  </si>
  <si>
    <t>cg07248814</t>
  </si>
  <si>
    <t>cg07249919</t>
  </si>
  <si>
    <t>cg07250462</t>
  </si>
  <si>
    <t>cg07251136</t>
  </si>
  <si>
    <t>cg07254032</t>
  </si>
  <si>
    <t>cg07255841</t>
  </si>
  <si>
    <t>cg07263853</t>
  </si>
  <si>
    <t>cg07263984</t>
  </si>
  <si>
    <t>cg07265015</t>
  </si>
  <si>
    <t>cg07278634</t>
  </si>
  <si>
    <t>cg07283859</t>
  </si>
  <si>
    <t>cg07284801</t>
  </si>
  <si>
    <t>cg07286253</t>
  </si>
  <si>
    <t>cg07286341</t>
  </si>
  <si>
    <t>cg07287793</t>
  </si>
  <si>
    <t>cg07289335</t>
  </si>
  <si>
    <t>cg07292994</t>
  </si>
  <si>
    <t>cg07293947</t>
  </si>
  <si>
    <t>cg07315736</t>
  </si>
  <si>
    <t>cg07316489</t>
  </si>
  <si>
    <t>cg07317366</t>
  </si>
  <si>
    <t>cg07317705</t>
  </si>
  <si>
    <t>cg07318996</t>
  </si>
  <si>
    <t>cg07320595</t>
  </si>
  <si>
    <t>cg07324633</t>
  </si>
  <si>
    <t>cg07328209</t>
  </si>
  <si>
    <t>cg07336617</t>
  </si>
  <si>
    <t>cg07336637</t>
  </si>
  <si>
    <t>cg07337385</t>
  </si>
  <si>
    <t>cg07338464</t>
  </si>
  <si>
    <t>cg07341514</t>
  </si>
  <si>
    <t>cg07342258</t>
  </si>
  <si>
    <t>cg07344492</t>
  </si>
  <si>
    <t>cg07344609</t>
  </si>
  <si>
    <t>cg07345016</t>
  </si>
  <si>
    <t>cg07346603</t>
  </si>
  <si>
    <t>cg07353303</t>
  </si>
  <si>
    <t>cg07355239</t>
  </si>
  <si>
    <t>cg07355446</t>
  </si>
  <si>
    <t>cg07356957</t>
  </si>
  <si>
    <t>cg07361874</t>
  </si>
  <si>
    <t>cg07366082</t>
  </si>
  <si>
    <t>cg07367113</t>
  </si>
  <si>
    <t>cg07368317</t>
  </si>
  <si>
    <t>cg07368507</t>
  </si>
  <si>
    <t>cg07370141</t>
  </si>
  <si>
    <t>cg07373877</t>
  </si>
  <si>
    <t>cg07376834</t>
  </si>
  <si>
    <t>cg07378058</t>
  </si>
  <si>
    <t>cg07379832</t>
  </si>
  <si>
    <t>cg07380026</t>
  </si>
  <si>
    <t>cg07381403</t>
  </si>
  <si>
    <t>cg07382002</t>
  </si>
  <si>
    <t>cg07383092</t>
  </si>
  <si>
    <t>cg07391392</t>
  </si>
  <si>
    <t>cg07393655</t>
  </si>
  <si>
    <t>cg07395094</t>
  </si>
  <si>
    <t>cg07398791</t>
  </si>
  <si>
    <t>cg07400592</t>
  </si>
  <si>
    <t>cg07406714</t>
  </si>
  <si>
    <t>cg07410188</t>
  </si>
  <si>
    <t>cg07414060</t>
  </si>
  <si>
    <t>cg07418452</t>
  </si>
  <si>
    <t>cg07423205</t>
  </si>
  <si>
    <t>cg07427642</t>
  </si>
  <si>
    <t>cg07430605</t>
  </si>
  <si>
    <t>cg07433178</t>
  </si>
  <si>
    <t>cg07438451</t>
  </si>
  <si>
    <t>cg07439056</t>
  </si>
  <si>
    <t>cg07439704</t>
  </si>
  <si>
    <t>cg07440414</t>
  </si>
  <si>
    <t>cg07441476</t>
  </si>
  <si>
    <t>cg07444554</t>
  </si>
  <si>
    <t>cg07444907</t>
  </si>
  <si>
    <t>cg07445963</t>
  </si>
  <si>
    <t>cg07448928</t>
  </si>
  <si>
    <t>cg07450552</t>
  </si>
  <si>
    <t>cg07450633</t>
  </si>
  <si>
    <t>cg07451803</t>
  </si>
  <si>
    <t>cg07453683</t>
  </si>
  <si>
    <t>cg07454108</t>
  </si>
  <si>
    <t>cg07455933</t>
  </si>
  <si>
    <t>cg07457252</t>
  </si>
  <si>
    <t>cg07464716</t>
  </si>
  <si>
    <t>cg07465864</t>
  </si>
  <si>
    <t>cg07469926</t>
  </si>
  <si>
    <t>cg07476923</t>
  </si>
  <si>
    <t>cg07479711</t>
  </si>
  <si>
    <t>cg07482257</t>
  </si>
  <si>
    <t>cg07482766</t>
  </si>
  <si>
    <t>cg07484354</t>
  </si>
  <si>
    <t>cg07485775</t>
  </si>
  <si>
    <t>cg07487731</t>
  </si>
  <si>
    <t>cg07487948</t>
  </si>
  <si>
    <t>cg07493760</t>
  </si>
  <si>
    <t>cg07494130</t>
  </si>
  <si>
    <t>cg07496207</t>
  </si>
  <si>
    <t>cg07497223</t>
  </si>
  <si>
    <t>cg07499072</t>
  </si>
  <si>
    <t>cg07499317</t>
  </si>
  <si>
    <t>cg07499553</t>
  </si>
  <si>
    <t>cg07504581</t>
  </si>
  <si>
    <t>cg07505049</t>
  </si>
  <si>
    <t>cg07507801</t>
  </si>
  <si>
    <t>cg07511080</t>
  </si>
  <si>
    <t>cg07511409</t>
  </si>
  <si>
    <t>cg07516556</t>
  </si>
  <si>
    <t>cg07521929</t>
  </si>
  <si>
    <t>cg07525144</t>
  </si>
  <si>
    <t>cg07525267</t>
  </si>
  <si>
    <t>cg07525782</t>
  </si>
  <si>
    <t>cg07525804</t>
  </si>
  <si>
    <t>cg07525956</t>
  </si>
  <si>
    <t>cg07526021</t>
  </si>
  <si>
    <t>cg07528772</t>
  </si>
  <si>
    <t>cg07529738</t>
  </si>
  <si>
    <t>cg07535057</t>
  </si>
  <si>
    <t>cg07535366</t>
  </si>
  <si>
    <t>cg07536502</t>
  </si>
  <si>
    <t>cg07540084</t>
  </si>
  <si>
    <t>cg07541200</t>
  </si>
  <si>
    <t>cg07546139</t>
  </si>
  <si>
    <t>cg07546770</t>
  </si>
  <si>
    <t>cg07552182</t>
  </si>
  <si>
    <t>cg07557342</t>
  </si>
  <si>
    <t>cg07557630</t>
  </si>
  <si>
    <t>cg07563943</t>
  </si>
  <si>
    <t>cg07573020</t>
  </si>
  <si>
    <t>cg07575812</t>
  </si>
  <si>
    <t>cg07576591</t>
  </si>
  <si>
    <t>cg07582697</t>
  </si>
  <si>
    <t>cg07584087</t>
  </si>
  <si>
    <t>cg07590875</t>
  </si>
  <si>
    <t>cg07591530</t>
  </si>
  <si>
    <t>cg07592353</t>
  </si>
  <si>
    <t>cg07594074</t>
  </si>
  <si>
    <t>cg07599136</t>
  </si>
  <si>
    <t>cg07600193</t>
  </si>
  <si>
    <t>cg07602567</t>
  </si>
  <si>
    <t>cg07608052</t>
  </si>
  <si>
    <t>cg07617175</t>
  </si>
  <si>
    <t>cg07620533</t>
  </si>
  <si>
    <t>cg07620849</t>
  </si>
  <si>
    <t>cg07622055</t>
  </si>
  <si>
    <t>cg07622079</t>
  </si>
  <si>
    <t>cg07629088</t>
  </si>
  <si>
    <t>cg07633435</t>
  </si>
  <si>
    <t>cg07633851</t>
  </si>
  <si>
    <t>cg07664005</t>
  </si>
  <si>
    <t>cg07665929</t>
  </si>
  <si>
    <t>cg07666293</t>
  </si>
  <si>
    <t>cg07666840</t>
  </si>
  <si>
    <t>cg07671752</t>
  </si>
  <si>
    <t>cg07676324</t>
  </si>
  <si>
    <t>cg07684019</t>
  </si>
  <si>
    <t>cg07688931</t>
  </si>
  <si>
    <t>cg07697078</t>
  </si>
  <si>
    <t>cg07697770</t>
  </si>
  <si>
    <t>cg07699613</t>
  </si>
  <si>
    <t>cg07701281</t>
  </si>
  <si>
    <t>cg07701307</t>
  </si>
  <si>
    <t>cg07707227</t>
  </si>
  <si>
    <t>cg07707491</t>
  </si>
  <si>
    <t>cg07708521</t>
  </si>
  <si>
    <t>cg07709903</t>
  </si>
  <si>
    <t>cg07712493</t>
  </si>
  <si>
    <t>cg07715201</t>
  </si>
  <si>
    <t>cg07716601</t>
  </si>
  <si>
    <t>cg07719142</t>
  </si>
  <si>
    <t>cg07729453</t>
  </si>
  <si>
    <t>cg07730039</t>
  </si>
  <si>
    <t>cg07730270</t>
  </si>
  <si>
    <t>cg07730329</t>
  </si>
  <si>
    <t>cg07732421</t>
  </si>
  <si>
    <t>cg07733031</t>
  </si>
  <si>
    <t>cg07741162</t>
  </si>
  <si>
    <t>cg07742134</t>
  </si>
  <si>
    <t>cg07750741</t>
  </si>
  <si>
    <t>cg07751463</t>
  </si>
  <si>
    <t>cg07751641</t>
  </si>
  <si>
    <t>cg07751793</t>
  </si>
  <si>
    <t>cg07752409</t>
  </si>
  <si>
    <t>cg07757885</t>
  </si>
  <si>
    <t>cg07758528</t>
  </si>
  <si>
    <t>cg07759903</t>
  </si>
  <si>
    <t>cg07760720</t>
  </si>
  <si>
    <t>cg07761367</t>
  </si>
  <si>
    <t>cg07763376</t>
  </si>
  <si>
    <t>cg07764786</t>
  </si>
  <si>
    <t>cg07765621</t>
  </si>
  <si>
    <t>cg07777344</t>
  </si>
  <si>
    <t>cg07780979</t>
  </si>
  <si>
    <t>cg07781332</t>
  </si>
  <si>
    <t>cg07782101</t>
  </si>
  <si>
    <t>cg07782789</t>
  </si>
  <si>
    <t>cg07787851</t>
  </si>
  <si>
    <t>cg07795614</t>
  </si>
  <si>
    <t>cg07797221</t>
  </si>
  <si>
    <t>cg07799386</t>
  </si>
  <si>
    <t>cg07802710</t>
  </si>
  <si>
    <t>cg07810106</t>
  </si>
  <si>
    <t>cg07810726</t>
  </si>
  <si>
    <t>cg07810967</t>
  </si>
  <si>
    <t>cg07814776</t>
  </si>
  <si>
    <t>cg07816439</t>
  </si>
  <si>
    <t>cg07817783</t>
  </si>
  <si>
    <t>cg07819331</t>
  </si>
  <si>
    <t>cg07826516</t>
  </si>
  <si>
    <t>cg07826522</t>
  </si>
  <si>
    <t>cg07827630</t>
  </si>
  <si>
    <t>cg07830644</t>
  </si>
  <si>
    <t>cg07833019</t>
  </si>
  <si>
    <t>cg07833035</t>
  </si>
  <si>
    <t>cg07837187</t>
  </si>
  <si>
    <t>cg07839533</t>
  </si>
  <si>
    <t>cg07840143</t>
  </si>
  <si>
    <t>cg07841463</t>
  </si>
  <si>
    <t>cg07848042</t>
  </si>
  <si>
    <t>cg07850154</t>
  </si>
  <si>
    <t>cg07850415</t>
  </si>
  <si>
    <t>cg07850832</t>
  </si>
  <si>
    <t>cg07851675</t>
  </si>
  <si>
    <t>cg07853425</t>
  </si>
  <si>
    <t>cg07854113</t>
  </si>
  <si>
    <t>cg07855874</t>
  </si>
  <si>
    <t>cg07856163</t>
  </si>
  <si>
    <t>cg07859640</t>
  </si>
  <si>
    <t>cg07862358</t>
  </si>
  <si>
    <t>cg07863240</t>
  </si>
  <si>
    <t>cg07865418</t>
  </si>
  <si>
    <t>cg07869651</t>
  </si>
  <si>
    <t>cg07870237</t>
  </si>
  <si>
    <t>cg07872799</t>
  </si>
  <si>
    <t>cg07875121</t>
  </si>
  <si>
    <t>cg07875146</t>
  </si>
  <si>
    <t>cg07877559</t>
  </si>
  <si>
    <t>cg07879474</t>
  </si>
  <si>
    <t>cg07880135</t>
  </si>
  <si>
    <t>cg07880478</t>
  </si>
  <si>
    <t>cg07889058</t>
  </si>
  <si>
    <t>cg07895206</t>
  </si>
  <si>
    <t>cg07897069</t>
  </si>
  <si>
    <t>cg07899016</t>
  </si>
  <si>
    <t>cg07899357</t>
  </si>
  <si>
    <t>cg07903370</t>
  </si>
  <si>
    <t>cg07917609</t>
  </si>
  <si>
    <t>cg07922443</t>
  </si>
  <si>
    <t>cg07927484</t>
  </si>
  <si>
    <t>cg07934031</t>
  </si>
  <si>
    <t>cg07939285</t>
  </si>
  <si>
    <t>cg07941017</t>
  </si>
  <si>
    <t>cg07958387</t>
  </si>
  <si>
    <t>cg07961015</t>
  </si>
  <si>
    <t>cg07969769</t>
  </si>
  <si>
    <t>cg07975705</t>
  </si>
  <si>
    <t>cg08017606</t>
  </si>
  <si>
    <t>cg08027433</t>
  </si>
  <si>
    <t>cg08029909</t>
  </si>
  <si>
    <t>cg08039701</t>
  </si>
  <si>
    <t>cg08052882</t>
  </si>
  <si>
    <t>cg08063911</t>
  </si>
  <si>
    <t>cg08069043</t>
  </si>
  <si>
    <t>cg08076617</t>
  </si>
  <si>
    <t>cg08082943</t>
  </si>
  <si>
    <t>cg08100497</t>
  </si>
  <si>
    <t>cg08103144</t>
  </si>
  <si>
    <t>cg08103676</t>
  </si>
  <si>
    <t>cg08125125</t>
  </si>
  <si>
    <t>cg08155325</t>
  </si>
  <si>
    <t>cg08176502</t>
  </si>
  <si>
    <t>cg08198193</t>
  </si>
  <si>
    <t>cg08203352</t>
  </si>
  <si>
    <t>cg08204023</t>
  </si>
  <si>
    <t>cg08204402</t>
  </si>
  <si>
    <t>cg08204702</t>
  </si>
  <si>
    <t>cg08205263</t>
  </si>
  <si>
    <t>cg08205639</t>
  </si>
  <si>
    <t>cg08206318</t>
  </si>
  <si>
    <t>cg08206517</t>
  </si>
  <si>
    <t>cg08210429</t>
  </si>
  <si>
    <t>cg08212862</t>
  </si>
  <si>
    <t>cg08215811</t>
  </si>
  <si>
    <t>cg08218061</t>
  </si>
  <si>
    <t>cg08220120</t>
  </si>
  <si>
    <t>cg08221830</t>
  </si>
  <si>
    <t>cg08222293</t>
  </si>
  <si>
    <t>cg08223748</t>
  </si>
  <si>
    <t>cg08224185</t>
  </si>
  <si>
    <t>cg08224785</t>
  </si>
  <si>
    <t>cg08227568</t>
  </si>
  <si>
    <t>cg08230177</t>
  </si>
  <si>
    <t>cg08232855</t>
  </si>
  <si>
    <t>cg08234504</t>
  </si>
  <si>
    <t>cg08243931</t>
  </si>
  <si>
    <t>cg08244052</t>
  </si>
  <si>
    <t>cg08245420</t>
  </si>
  <si>
    <t>cg08250738</t>
  </si>
  <si>
    <t>cg08252387</t>
  </si>
  <si>
    <t>cg08259925</t>
  </si>
  <si>
    <t>cg08261837</t>
  </si>
  <si>
    <t>cg08268585</t>
  </si>
  <si>
    <t>cg08272151</t>
  </si>
  <si>
    <t>cg08273063</t>
  </si>
  <si>
    <t>cg08278266</t>
  </si>
  <si>
    <t>cg08279357</t>
  </si>
  <si>
    <t>cg08282812</t>
  </si>
  <si>
    <t>cg08283293</t>
  </si>
  <si>
    <t>cg08288226</t>
  </si>
  <si>
    <t>cg08291854</t>
  </si>
  <si>
    <t>cg08292467</t>
  </si>
  <si>
    <t>cg08293091</t>
  </si>
  <si>
    <t>cg08293408</t>
  </si>
  <si>
    <t>cg08294028</t>
  </si>
  <si>
    <t>cg08295410</t>
  </si>
  <si>
    <t>cg08295639</t>
  </si>
  <si>
    <t>cg08299521</t>
  </si>
  <si>
    <t>cg08307039</t>
  </si>
  <si>
    <t>cg08312412</t>
  </si>
  <si>
    <t>cg08313382</t>
  </si>
  <si>
    <t>cg08315421</t>
  </si>
  <si>
    <t>cg08315959</t>
  </si>
  <si>
    <t>cg08316558</t>
  </si>
  <si>
    <t>cg08316941</t>
  </si>
  <si>
    <t>cg08317263</t>
  </si>
  <si>
    <t>cg08319922</t>
  </si>
  <si>
    <t>cg08322194</t>
  </si>
  <si>
    <t>cg08323540</t>
  </si>
  <si>
    <t>cg08324846</t>
  </si>
  <si>
    <t>cg08324925</t>
  </si>
  <si>
    <t>cg08325103</t>
  </si>
  <si>
    <t>cg08328067</t>
  </si>
  <si>
    <t>cg08331427</t>
  </si>
  <si>
    <t>cg08333606</t>
  </si>
  <si>
    <t>cg08333616</t>
  </si>
  <si>
    <t>cg08335854</t>
  </si>
  <si>
    <t>cg08336435</t>
  </si>
  <si>
    <t>cg08341821</t>
  </si>
  <si>
    <t>cg08343754</t>
  </si>
  <si>
    <t>cg08346074</t>
  </si>
  <si>
    <t>cg08351324</t>
  </si>
  <si>
    <t>cg08351607</t>
  </si>
  <si>
    <t>cg08359697</t>
  </si>
  <si>
    <t>cg08360457</t>
  </si>
  <si>
    <t>cg08360721</t>
  </si>
  <si>
    <t>cg08361671</t>
  </si>
  <si>
    <t>cg08363673</t>
  </si>
  <si>
    <t>cg08370178</t>
  </si>
  <si>
    <t>cg08374552</t>
  </si>
  <si>
    <t>cg08378286</t>
  </si>
  <si>
    <t>cg08378342</t>
  </si>
  <si>
    <t>cg08381422</t>
  </si>
  <si>
    <t>cg08382035</t>
  </si>
  <si>
    <t>cg08382946</t>
  </si>
  <si>
    <t>cg08386832</t>
  </si>
  <si>
    <t>cg08389686</t>
  </si>
  <si>
    <t>cg08390033</t>
  </si>
  <si>
    <t>cg08391380</t>
  </si>
  <si>
    <t>cg08392169</t>
  </si>
  <si>
    <t>cg08392199</t>
  </si>
  <si>
    <t>cg08393805</t>
  </si>
  <si>
    <t>cg08395122</t>
  </si>
  <si>
    <t>cg08400424</t>
  </si>
  <si>
    <t>cg08407524</t>
  </si>
  <si>
    <t>cg08408971</t>
  </si>
  <si>
    <t>cg08409972</t>
  </si>
  <si>
    <t>cg08410996</t>
  </si>
  <si>
    <t>cg08412537</t>
  </si>
  <si>
    <t>cg08415137</t>
  </si>
  <si>
    <t>cg08415853</t>
  </si>
  <si>
    <t>cg08418980</t>
  </si>
  <si>
    <t>cg08432846</t>
  </si>
  <si>
    <t>cg08432971</t>
  </si>
  <si>
    <t>cg08433725</t>
  </si>
  <si>
    <t>cg08437132</t>
  </si>
  <si>
    <t>cg08440121</t>
  </si>
  <si>
    <t>cg08445550</t>
  </si>
  <si>
    <t>cg08447373</t>
  </si>
  <si>
    <t>cg08451582</t>
  </si>
  <si>
    <t>cg08452348</t>
  </si>
  <si>
    <t>cg08452546</t>
  </si>
  <si>
    <t>cg08454334</t>
  </si>
  <si>
    <t>cg08457872</t>
  </si>
  <si>
    <t>cg08463280</t>
  </si>
  <si>
    <t>cg08464003</t>
  </si>
  <si>
    <t>cg08475446</t>
  </si>
  <si>
    <t>cg08477768</t>
  </si>
  <si>
    <t>cg08477779</t>
  </si>
  <si>
    <t>cg08482307</t>
  </si>
  <si>
    <t>cg08484265</t>
  </si>
  <si>
    <t>cg08487215</t>
  </si>
  <si>
    <t>cg08488318</t>
  </si>
  <si>
    <t>cg08491188</t>
  </si>
  <si>
    <t>cg08492173</t>
  </si>
  <si>
    <t>cg08492883</t>
  </si>
  <si>
    <t>cg08494843</t>
  </si>
  <si>
    <t>cg08500112</t>
  </si>
  <si>
    <t>cg08506654</t>
  </si>
  <si>
    <t>cg08508936</t>
  </si>
  <si>
    <t>cg08514736</t>
  </si>
  <si>
    <t>cg08519191</t>
  </si>
  <si>
    <t>cg08519865</t>
  </si>
  <si>
    <t>cg08520975</t>
  </si>
  <si>
    <t>cg08521800</t>
  </si>
  <si>
    <t>cg08523343</t>
  </si>
  <si>
    <t>cg08528934</t>
  </si>
  <si>
    <t>cg08530041</t>
  </si>
  <si>
    <t>cg08533773</t>
  </si>
  <si>
    <t>cg08537300</t>
  </si>
  <si>
    <t>cg08537845</t>
  </si>
  <si>
    <t>cg08549011</t>
  </si>
  <si>
    <t>cg08553136</t>
  </si>
  <si>
    <t>cg08554732</t>
  </si>
  <si>
    <t>cg08564676</t>
  </si>
  <si>
    <t>cg08568649</t>
  </si>
  <si>
    <t>cg08570034</t>
  </si>
  <si>
    <t>cg08577298</t>
  </si>
  <si>
    <t>cg08582957</t>
  </si>
  <si>
    <t>cg08583763</t>
  </si>
  <si>
    <t>cg08584618</t>
  </si>
  <si>
    <t>cg08587542</t>
  </si>
  <si>
    <t>cg08588156</t>
  </si>
  <si>
    <t>cg08590939</t>
  </si>
  <si>
    <t>cg08594589</t>
  </si>
  <si>
    <t>cg08602633</t>
  </si>
  <si>
    <t>cg08603768</t>
  </si>
  <si>
    <t>cg08604960</t>
  </si>
  <si>
    <t>cg08607540</t>
  </si>
  <si>
    <t>cg08607612</t>
  </si>
  <si>
    <t>cg08610403</t>
  </si>
  <si>
    <t>cg08610563</t>
  </si>
  <si>
    <t>cg08610986</t>
  </si>
  <si>
    <t>cg08611430</t>
  </si>
  <si>
    <t>cg08612468</t>
  </si>
  <si>
    <t>cg08618802</t>
  </si>
  <si>
    <t>cg08623256</t>
  </si>
  <si>
    <t>cg08625094</t>
  </si>
  <si>
    <t>cg08628233</t>
  </si>
  <si>
    <t>cg08631650</t>
  </si>
  <si>
    <t>cg08636056</t>
  </si>
  <si>
    <t>cg08644340</t>
  </si>
  <si>
    <t>cg08651134</t>
  </si>
  <si>
    <t>cg08663909</t>
  </si>
  <si>
    <t>cg08664737</t>
  </si>
  <si>
    <t>cg08670383</t>
  </si>
  <si>
    <t>cg08670465</t>
  </si>
  <si>
    <t>cg08673864</t>
  </si>
  <si>
    <t>cg08675664</t>
  </si>
  <si>
    <t>cg08675743</t>
  </si>
  <si>
    <t>cg08677715</t>
  </si>
  <si>
    <t>cg08678851</t>
  </si>
  <si>
    <t>cg08680102</t>
  </si>
  <si>
    <t>cg08681869</t>
  </si>
  <si>
    <t>cg08686879</t>
  </si>
  <si>
    <t>cg08688907</t>
  </si>
  <si>
    <t>cg08690999</t>
  </si>
  <si>
    <t>cg08694107</t>
  </si>
  <si>
    <t>cg08695062</t>
  </si>
  <si>
    <t>cg08697251</t>
  </si>
  <si>
    <t>cg08700194</t>
  </si>
  <si>
    <t>cg08701543</t>
  </si>
  <si>
    <t>cg08702805</t>
  </si>
  <si>
    <t>cg08704509</t>
  </si>
  <si>
    <t>cg08704623</t>
  </si>
  <si>
    <t>cg08709576</t>
  </si>
  <si>
    <t>cg08711059</t>
  </si>
  <si>
    <t>cg08711064</t>
  </si>
  <si>
    <t>cg08711858</t>
  </si>
  <si>
    <t>cg08713073</t>
  </si>
  <si>
    <t>cg08713711</t>
  </si>
  <si>
    <t>cg08717055</t>
  </si>
  <si>
    <t>cg08719515</t>
  </si>
  <si>
    <t>cg08720517</t>
  </si>
  <si>
    <t>cg08721876</t>
  </si>
  <si>
    <t>cg08724474</t>
  </si>
  <si>
    <t>cg08728761</t>
  </si>
  <si>
    <t>cg08732919</t>
  </si>
  <si>
    <t>cg08736680</t>
  </si>
  <si>
    <t>cg08743199</t>
  </si>
  <si>
    <t>cg08743751</t>
  </si>
  <si>
    <t>cg08744010</t>
  </si>
  <si>
    <t>cg08745899</t>
  </si>
  <si>
    <t>cg08747807</t>
  </si>
  <si>
    <t>cg08748913</t>
  </si>
  <si>
    <t>cg08751876</t>
  </si>
  <si>
    <t>cg08754067</t>
  </si>
  <si>
    <t>cg08759041</t>
  </si>
  <si>
    <t>cg08759309</t>
  </si>
  <si>
    <t>cg08759742</t>
  </si>
  <si>
    <t>cg08760829</t>
  </si>
  <si>
    <t>cg08761073</t>
  </si>
  <si>
    <t>cg08761206</t>
  </si>
  <si>
    <t>cg08762472</t>
  </si>
  <si>
    <t>cg08764914</t>
  </si>
  <si>
    <t>cg08767182</t>
  </si>
  <si>
    <t>cg08769370</t>
  </si>
  <si>
    <t>cg08769507</t>
  </si>
  <si>
    <t>cg08769852</t>
  </si>
  <si>
    <t>cg08770034</t>
  </si>
  <si>
    <t>cg08771171</t>
  </si>
  <si>
    <t>cg08771731</t>
  </si>
  <si>
    <t>cg08772837</t>
  </si>
  <si>
    <t>cg08774231</t>
  </si>
  <si>
    <t>cg08786674</t>
  </si>
  <si>
    <t>cg08794582</t>
  </si>
  <si>
    <t>cg08800530</t>
  </si>
  <si>
    <t>cg08801806</t>
  </si>
  <si>
    <t>cg08802053</t>
  </si>
  <si>
    <t>cg08802358</t>
  </si>
  <si>
    <t>cg08802761</t>
  </si>
  <si>
    <t>cg08808615</t>
  </si>
  <si>
    <t>cg08809403</t>
  </si>
  <si>
    <t>cg08816023</t>
  </si>
  <si>
    <t>cg08818337</t>
  </si>
  <si>
    <t>cg08822204</t>
  </si>
  <si>
    <t>cg08825515</t>
  </si>
  <si>
    <t>cg08830139</t>
  </si>
  <si>
    <t>cg08830157</t>
  </si>
  <si>
    <t>cg08834128</t>
  </si>
  <si>
    <t>cg08836729</t>
  </si>
  <si>
    <t>cg08836954</t>
  </si>
  <si>
    <t>cg08839053</t>
  </si>
  <si>
    <t>cg08846327</t>
  </si>
  <si>
    <t>cg08851784</t>
  </si>
  <si>
    <t>cg08853304</t>
  </si>
  <si>
    <t>cg08853399</t>
  </si>
  <si>
    <t>cg08856163</t>
  </si>
  <si>
    <t>cg08865521</t>
  </si>
  <si>
    <t>cg08866634</t>
  </si>
  <si>
    <t>cg08867471</t>
  </si>
  <si>
    <t>cg08870042</t>
  </si>
  <si>
    <t>cg08871495</t>
  </si>
  <si>
    <t>cg08873008</t>
  </si>
  <si>
    <t>cg08874609</t>
  </si>
  <si>
    <t>cg08876943</t>
  </si>
  <si>
    <t>cg08879559</t>
  </si>
  <si>
    <t>cg08882271</t>
  </si>
  <si>
    <t>cg08884209</t>
  </si>
  <si>
    <t>cg08894410</t>
  </si>
  <si>
    <t>cg08894629</t>
  </si>
  <si>
    <t>cg08895618</t>
  </si>
  <si>
    <t>cg08898234</t>
  </si>
  <si>
    <t>cg08899442</t>
  </si>
  <si>
    <t>cg08902132</t>
  </si>
  <si>
    <t>cg08908643</t>
  </si>
  <si>
    <t>cg08915936</t>
  </si>
  <si>
    <t>cg08917022</t>
  </si>
  <si>
    <t>cg08917121</t>
  </si>
  <si>
    <t>cg08917478</t>
  </si>
  <si>
    <t>cg08918431</t>
  </si>
  <si>
    <t>cg08928958</t>
  </si>
  <si>
    <t>cg08935238</t>
  </si>
  <si>
    <t>cg08941080</t>
  </si>
  <si>
    <t>cg08944026</t>
  </si>
  <si>
    <t>cg08945395</t>
  </si>
  <si>
    <t>cg08945642</t>
  </si>
  <si>
    <t>cg08948050</t>
  </si>
  <si>
    <t>cg08952523</t>
  </si>
  <si>
    <t>cg08956008</t>
  </si>
  <si>
    <t>cg08962798</t>
  </si>
  <si>
    <t>cg08963360</t>
  </si>
  <si>
    <t>cg08966624</t>
  </si>
  <si>
    <t>cg08969102</t>
  </si>
  <si>
    <t>cg08971592</t>
  </si>
  <si>
    <t>cg08973416</t>
  </si>
  <si>
    <t>cg08976717</t>
  </si>
  <si>
    <t>cg08976810</t>
  </si>
  <si>
    <t>cg08979136</t>
  </si>
  <si>
    <t>cg08983975</t>
  </si>
  <si>
    <t>cg08985570</t>
  </si>
  <si>
    <t>cg08991081</t>
  </si>
  <si>
    <t>cg08997294</t>
  </si>
  <si>
    <t>cg09000112</t>
  </si>
  <si>
    <t>cg09001514</t>
  </si>
  <si>
    <t>cg09001527</t>
  </si>
  <si>
    <t>cg09002358</t>
  </si>
  <si>
    <t>cg09002922</t>
  </si>
  <si>
    <t>cg09003710</t>
  </si>
  <si>
    <t>cg09008322</t>
  </si>
  <si>
    <t>cg09010852</t>
  </si>
  <si>
    <t>cg09011833</t>
  </si>
  <si>
    <t>cg09011891</t>
  </si>
  <si>
    <t>cg09012346</t>
  </si>
  <si>
    <t>cg09013267</t>
  </si>
  <si>
    <t>cg09020927</t>
  </si>
  <si>
    <t>cg09023800</t>
  </si>
  <si>
    <t>cg09024962</t>
  </si>
  <si>
    <t>cg09026224</t>
  </si>
  <si>
    <t>cg09026415</t>
  </si>
  <si>
    <t>cg09028166</t>
  </si>
  <si>
    <t>cg09035699</t>
  </si>
  <si>
    <t>cg09037239</t>
  </si>
  <si>
    <t>cg09038885</t>
  </si>
  <si>
    <t>cg09043153</t>
  </si>
  <si>
    <t>cg09045323</t>
  </si>
  <si>
    <t>cg09046399</t>
  </si>
  <si>
    <t>cg09046550</t>
  </si>
  <si>
    <t>cg09048205</t>
  </si>
  <si>
    <t>cg09049436</t>
  </si>
  <si>
    <t>cg09049566</t>
  </si>
  <si>
    <t>cg09050058</t>
  </si>
  <si>
    <t>cg09050461</t>
  </si>
  <si>
    <t>cg09060608</t>
  </si>
  <si>
    <t>cg09061045</t>
  </si>
  <si>
    <t>cg09061083</t>
  </si>
  <si>
    <t>cg09063683</t>
  </si>
  <si>
    <t>cg09065249</t>
  </si>
  <si>
    <t>cg09068286</t>
  </si>
  <si>
    <t>cg09069577</t>
  </si>
  <si>
    <t>cg09073398</t>
  </si>
  <si>
    <t>cg09075149</t>
  </si>
  <si>
    <t>cg09075844</t>
  </si>
  <si>
    <t>cg09078527</t>
  </si>
  <si>
    <t>cg09079275</t>
  </si>
  <si>
    <t>cg09079593</t>
  </si>
  <si>
    <t>cg09088107</t>
  </si>
  <si>
    <t>cg09089653</t>
  </si>
  <si>
    <t>cg09092093</t>
  </si>
  <si>
    <t>cg09093477</t>
  </si>
  <si>
    <t>cg09096234</t>
  </si>
  <si>
    <t>cg09105683</t>
  </si>
  <si>
    <t>cg09112262</t>
  </si>
  <si>
    <t>cg09116580</t>
  </si>
  <si>
    <t>cg09121930</t>
  </si>
  <si>
    <t>cg09122913</t>
  </si>
  <si>
    <t>cg09123257</t>
  </si>
  <si>
    <t>cg09125080</t>
  </si>
  <si>
    <t>cg09129100</t>
  </si>
  <si>
    <t>cg09134760</t>
  </si>
  <si>
    <t>cg09138688</t>
  </si>
  <si>
    <t>cg09143964</t>
  </si>
  <si>
    <t>cg09144226</t>
  </si>
  <si>
    <t>cg09147213</t>
  </si>
  <si>
    <t>cg09149883</t>
  </si>
  <si>
    <t>cg09151762</t>
  </si>
  <si>
    <t>cg09155145</t>
  </si>
  <si>
    <t>cg09163745</t>
  </si>
  <si>
    <t>cg09166085</t>
  </si>
  <si>
    <t>cg09169739</t>
  </si>
  <si>
    <t>cg09170127</t>
  </si>
  <si>
    <t>cg09171355</t>
  </si>
  <si>
    <t>cg09175734</t>
  </si>
  <si>
    <t>cg09176847</t>
  </si>
  <si>
    <t>cg09176995</t>
  </si>
  <si>
    <t>cg09178678</t>
  </si>
  <si>
    <t>cg09179916</t>
  </si>
  <si>
    <t>cg09183151</t>
  </si>
  <si>
    <t>cg09187004</t>
  </si>
  <si>
    <t>cg09189322</t>
  </si>
  <si>
    <t>cg09203716</t>
  </si>
  <si>
    <t>cg09212372</t>
  </si>
  <si>
    <t>cg09221037</t>
  </si>
  <si>
    <t>cg09225449</t>
  </si>
  <si>
    <t>cg09226173</t>
  </si>
  <si>
    <t>cg09228878</t>
  </si>
  <si>
    <t>cg09232937</t>
  </si>
  <si>
    <t>cg09238598</t>
  </si>
  <si>
    <t>cg09262269</t>
  </si>
  <si>
    <t>cg09277365</t>
  </si>
  <si>
    <t>cg09282744</t>
  </si>
  <si>
    <t>cg09298289</t>
  </si>
  <si>
    <t>cg09299307</t>
  </si>
  <si>
    <t>cg09312149</t>
  </si>
  <si>
    <t>cg09338136</t>
  </si>
  <si>
    <t>cg09343360</t>
  </si>
  <si>
    <t>cg09350274</t>
  </si>
  <si>
    <t>cg09351859</t>
  </si>
  <si>
    <t>cg09366796</t>
  </si>
  <si>
    <t>cg09368129</t>
  </si>
  <si>
    <t>cg09372028</t>
  </si>
  <si>
    <t>cg09383277</t>
  </si>
  <si>
    <t>cg09385692</t>
  </si>
  <si>
    <t>cg09395034</t>
  </si>
  <si>
    <t>cg09417074</t>
  </si>
  <si>
    <t>cg09429437</t>
  </si>
  <si>
    <t>cg09430257</t>
  </si>
  <si>
    <t>cg09437808</t>
  </si>
  <si>
    <t>cg09441579</t>
  </si>
  <si>
    <t>cg09455805</t>
  </si>
  <si>
    <t>cg09458384</t>
  </si>
  <si>
    <t>cg09467825</t>
  </si>
  <si>
    <t>cg09469111</t>
  </si>
  <si>
    <t>cg09476006</t>
  </si>
  <si>
    <t>cg09481121</t>
  </si>
  <si>
    <t>cg09486093</t>
  </si>
  <si>
    <t>cg09489330</t>
  </si>
  <si>
    <t>cg09490071</t>
  </si>
  <si>
    <t>cg09491787</t>
  </si>
  <si>
    <t>cg09494876</t>
  </si>
  <si>
    <t>cg09498440</t>
  </si>
  <si>
    <t>cg09499129</t>
  </si>
  <si>
    <t>cg09499703</t>
  </si>
  <si>
    <t>cg09500421</t>
  </si>
  <si>
    <t>cg09502015</t>
  </si>
  <si>
    <t>cg09507761</t>
  </si>
  <si>
    <t>cg09507928</t>
  </si>
  <si>
    <t>cg09512575</t>
  </si>
  <si>
    <t>cg09513026</t>
  </si>
  <si>
    <t>cg09524271</t>
  </si>
  <si>
    <t>cg09527301</t>
  </si>
  <si>
    <t>cg09529537</t>
  </si>
  <si>
    <t>cg09530650</t>
  </si>
  <si>
    <t>cg09533168</t>
  </si>
  <si>
    <t>cg09533709</t>
  </si>
  <si>
    <t>cg09535841</t>
  </si>
  <si>
    <t>cg09537279</t>
  </si>
  <si>
    <t>cg09544878</t>
  </si>
  <si>
    <t>cg09545860</t>
  </si>
  <si>
    <t>cg09546802</t>
  </si>
  <si>
    <t>cg09547173</t>
  </si>
  <si>
    <t>cg09547427</t>
  </si>
  <si>
    <t>cg09550809</t>
  </si>
  <si>
    <t>cg09553242</t>
  </si>
  <si>
    <t>cg09559367</t>
  </si>
  <si>
    <t>cg09562675</t>
  </si>
  <si>
    <t>cg09564133</t>
  </si>
  <si>
    <t>cg09565310</t>
  </si>
  <si>
    <t>cg09566241</t>
  </si>
  <si>
    <t>cg09567674</t>
  </si>
  <si>
    <t>cg09571630</t>
  </si>
  <si>
    <t>cg09571848</t>
  </si>
  <si>
    <t>cg09574618</t>
  </si>
  <si>
    <t>cg09575472</t>
  </si>
  <si>
    <t>cg09575756</t>
  </si>
  <si>
    <t>cg09576882</t>
  </si>
  <si>
    <t>cg09581226</t>
  </si>
  <si>
    <t>cg09583939</t>
  </si>
  <si>
    <t>cg09584591</t>
  </si>
  <si>
    <t>cg09587503</t>
  </si>
  <si>
    <t>cg09608073</t>
  </si>
  <si>
    <t>cg09620331</t>
  </si>
  <si>
    <t>cg09629657</t>
  </si>
  <si>
    <t>cg09638556</t>
  </si>
  <si>
    <t>cg09645138</t>
  </si>
  <si>
    <t>cg09645336</t>
  </si>
  <si>
    <t>cg09646173</t>
  </si>
  <si>
    <t>cg09647867</t>
  </si>
  <si>
    <t>cg09648467</t>
  </si>
  <si>
    <t>cg09649234</t>
  </si>
  <si>
    <t>cg09659443</t>
  </si>
  <si>
    <t>cg09659697</t>
  </si>
  <si>
    <t>cg09661503</t>
  </si>
  <si>
    <t>cg09663204</t>
  </si>
  <si>
    <t>cg09666285</t>
  </si>
  <si>
    <t>cg09669104</t>
  </si>
  <si>
    <t>cg09672025</t>
  </si>
  <si>
    <t>cg09672187</t>
  </si>
  <si>
    <t>cg09684588</t>
  </si>
  <si>
    <t>cg09686013</t>
  </si>
  <si>
    <t>cg09690765</t>
  </si>
  <si>
    <t>cg09691810</t>
  </si>
  <si>
    <t>cg09693433</t>
  </si>
  <si>
    <t>cg09696091</t>
  </si>
  <si>
    <t>cg09711399</t>
  </si>
  <si>
    <t>cg09713684</t>
  </si>
  <si>
    <t>cg09714615</t>
  </si>
  <si>
    <t>cg09715009</t>
  </si>
  <si>
    <t>cg09718810</t>
  </si>
  <si>
    <t>cg09725147</t>
  </si>
  <si>
    <t>cg09728102</t>
  </si>
  <si>
    <t>cg09730930</t>
  </si>
  <si>
    <t>cg09731996</t>
  </si>
  <si>
    <t>cg09732432</t>
  </si>
  <si>
    <t>cg09734011</t>
  </si>
  <si>
    <t>cg09734380</t>
  </si>
  <si>
    <t>cg09735014</t>
  </si>
  <si>
    <t>cg09736654</t>
  </si>
  <si>
    <t>cg09736669</t>
  </si>
  <si>
    <t>cg09737019</t>
  </si>
  <si>
    <t>cg09744016</t>
  </si>
  <si>
    <t>cg09747514</t>
  </si>
  <si>
    <t>cg09747891</t>
  </si>
  <si>
    <t>cg09786257</t>
  </si>
  <si>
    <t>cg09789050</t>
  </si>
  <si>
    <t>cg09790325</t>
  </si>
  <si>
    <t>cg09790628</t>
  </si>
  <si>
    <t>cg09795614</t>
  </si>
  <si>
    <t>cg09801065</t>
  </si>
  <si>
    <t>cg09802339</t>
  </si>
  <si>
    <t>cg09802742</t>
  </si>
  <si>
    <t>cg09804809</t>
  </si>
  <si>
    <t>cg09813400</t>
  </si>
  <si>
    <t>cg09814231</t>
  </si>
  <si>
    <t>cg09820150</t>
  </si>
  <si>
    <t>cg09824255</t>
  </si>
  <si>
    <t>cg09825153</t>
  </si>
  <si>
    <t>cg09825414</t>
  </si>
  <si>
    <t>cg09828761</t>
  </si>
  <si>
    <t>cg09839170</t>
  </si>
  <si>
    <t>cg09844976</t>
  </si>
  <si>
    <t>cg09849319</t>
  </si>
  <si>
    <t>cg09850980</t>
  </si>
  <si>
    <t>cg09853839</t>
  </si>
  <si>
    <t>cg09854003</t>
  </si>
  <si>
    <t>cg09854184</t>
  </si>
  <si>
    <t>cg09856398</t>
  </si>
  <si>
    <t>cg09858107</t>
  </si>
  <si>
    <t>cg09859322</t>
  </si>
  <si>
    <t>cg09861346</t>
  </si>
  <si>
    <t>cg09868598</t>
  </si>
  <si>
    <t>cg09869729</t>
  </si>
  <si>
    <t>cg09871247</t>
  </si>
  <si>
    <t>cg09872185</t>
  </si>
  <si>
    <t>cg09875213</t>
  </si>
  <si>
    <t>cg09881017</t>
  </si>
  <si>
    <t>cg09882587</t>
  </si>
  <si>
    <t>cg09883264</t>
  </si>
  <si>
    <t>cg09884076</t>
  </si>
  <si>
    <t>cg09884341</t>
  </si>
  <si>
    <t>cg09884635</t>
  </si>
  <si>
    <t>cg09885622</t>
  </si>
  <si>
    <t>cg09885728</t>
  </si>
  <si>
    <t>cg09892121</t>
  </si>
  <si>
    <t>cg09892454</t>
  </si>
  <si>
    <t>cg09893305</t>
  </si>
  <si>
    <t>cg09901106</t>
  </si>
  <si>
    <t>cg09905687</t>
  </si>
  <si>
    <t>cg09918747</t>
  </si>
  <si>
    <t>cg09934003</t>
  </si>
  <si>
    <t>cg09951201</t>
  </si>
  <si>
    <t>cg09952204</t>
  </si>
  <si>
    <t>cg09985635</t>
  </si>
  <si>
    <t>cg10010574</t>
  </si>
  <si>
    <t>cg10012394</t>
  </si>
  <si>
    <t>cg10020083</t>
  </si>
  <si>
    <t>cg10035234</t>
  </si>
  <si>
    <t>cg10047595</t>
  </si>
  <si>
    <t>cg10069238</t>
  </si>
  <si>
    <t>cg10069470</t>
  </si>
  <si>
    <t>cg10070104</t>
  </si>
  <si>
    <t>cg10084902</t>
  </si>
  <si>
    <t>cg10115490</t>
  </si>
  <si>
    <t>cg10140794</t>
  </si>
  <si>
    <t>cg10143301</t>
  </si>
  <si>
    <t>cg10153031</t>
  </si>
  <si>
    <t>cg10158850</t>
  </si>
  <si>
    <t>cg10163945</t>
  </si>
  <si>
    <t>cg10168850</t>
  </si>
  <si>
    <t>cg10170443</t>
  </si>
  <si>
    <t>cg10179238</t>
  </si>
  <si>
    <t>cg10179300</t>
  </si>
  <si>
    <t>cg10181555</t>
  </si>
  <si>
    <t>cg10185424</t>
  </si>
  <si>
    <t>cg10186232</t>
  </si>
  <si>
    <t>cg10187927</t>
  </si>
  <si>
    <t>cg10189029</t>
  </si>
  <si>
    <t>cg10190339</t>
  </si>
  <si>
    <t>cg10191210</t>
  </si>
  <si>
    <t>cg10196902</t>
  </si>
  <si>
    <t>cg10199109</t>
  </si>
  <si>
    <t>cg10199250</t>
  </si>
  <si>
    <t>cg10200391</t>
  </si>
  <si>
    <t>cg10201671</t>
  </si>
  <si>
    <t>cg10202436</t>
  </si>
  <si>
    <t>cg10202675</t>
  </si>
  <si>
    <t>cg10204325</t>
  </si>
  <si>
    <t>cg10204478</t>
  </si>
  <si>
    <t>cg10205430</t>
  </si>
  <si>
    <t>cg10205925</t>
  </si>
  <si>
    <t>cg10206073</t>
  </si>
  <si>
    <t>cg10206830</t>
  </si>
  <si>
    <t>cg10208457</t>
  </si>
  <si>
    <t>cg10217292</t>
  </si>
  <si>
    <t>cg10237911</t>
  </si>
  <si>
    <t>cg10257049</t>
  </si>
  <si>
    <t>cg10257870</t>
  </si>
  <si>
    <t>cg10273135</t>
  </si>
  <si>
    <t>cg10306866</t>
  </si>
  <si>
    <t>cg10312572</t>
  </si>
  <si>
    <t>cg10328462</t>
  </si>
  <si>
    <t>cg10331779</t>
  </si>
  <si>
    <t>cg10333311</t>
  </si>
  <si>
    <t>cg10345936</t>
  </si>
  <si>
    <t>cg10350492</t>
  </si>
  <si>
    <t>cg10358954</t>
  </si>
  <si>
    <t>cg10372047</t>
  </si>
  <si>
    <t>cg10414058</t>
  </si>
  <si>
    <t>cg10418237</t>
  </si>
  <si>
    <t>cg10423910</t>
  </si>
  <si>
    <t>cg10425506</t>
  </si>
  <si>
    <t>cg10425513</t>
  </si>
  <si>
    <t>cg10426370</t>
  </si>
  <si>
    <t>cg10428345</t>
  </si>
  <si>
    <t>cg10430077</t>
  </si>
  <si>
    <t>cg10430428</t>
  </si>
  <si>
    <t>cg10431265</t>
  </si>
  <si>
    <t>cg10441424</t>
  </si>
  <si>
    <t>cg10441691</t>
  </si>
  <si>
    <t>cg10449561</t>
  </si>
  <si>
    <t>cg10455971</t>
  </si>
  <si>
    <t>cg10460168</t>
  </si>
  <si>
    <t>cg10462048</t>
  </si>
  <si>
    <t>cg10462108</t>
  </si>
  <si>
    <t>cg10462998</t>
  </si>
  <si>
    <t>cg10468059</t>
  </si>
  <si>
    <t>cg10473842</t>
  </si>
  <si>
    <t>cg10475970</t>
  </si>
  <si>
    <t>cg10476085</t>
  </si>
  <si>
    <t>cg10480584</t>
  </si>
  <si>
    <t>cg10483275</t>
  </si>
  <si>
    <t>cg10485638</t>
  </si>
  <si>
    <t>cg10488012</t>
  </si>
  <si>
    <t>cg10490795</t>
  </si>
  <si>
    <t>cg10491368</t>
  </si>
  <si>
    <t>cg10493330</t>
  </si>
  <si>
    <t>cg10495047</t>
  </si>
  <si>
    <t>cg10498921</t>
  </si>
  <si>
    <t>cg10499378</t>
  </si>
  <si>
    <t>cg10500084</t>
  </si>
  <si>
    <t>cg10501621</t>
  </si>
  <si>
    <t>cg10502571</t>
  </si>
  <si>
    <t>cg10505267</t>
  </si>
  <si>
    <t>cg10510779</t>
  </si>
  <si>
    <t>cg10513437</t>
  </si>
  <si>
    <t>cg10514093</t>
  </si>
  <si>
    <t>cg10517018</t>
  </si>
  <si>
    <t>cg10531355</t>
  </si>
  <si>
    <t>cg10534672</t>
  </si>
  <si>
    <t>cg10534938</t>
  </si>
  <si>
    <t>cg10535922</t>
  </si>
  <si>
    <t>cg10536264</t>
  </si>
  <si>
    <t>cg10542027</t>
  </si>
  <si>
    <t>cg10546727</t>
  </si>
  <si>
    <t>cg10552275</t>
  </si>
  <si>
    <t>cg10555307</t>
  </si>
  <si>
    <t>cg10556830</t>
  </si>
  <si>
    <t>cg10560692</t>
  </si>
  <si>
    <t>cg10569493</t>
  </si>
  <si>
    <t>cg10575261</t>
  </si>
  <si>
    <t>cg10578938</t>
  </si>
  <si>
    <t>cg10582556</t>
  </si>
  <si>
    <t>cg10583043</t>
  </si>
  <si>
    <t>cg10583931</t>
  </si>
  <si>
    <t>cg10584209</t>
  </si>
  <si>
    <t>cg10585161</t>
  </si>
  <si>
    <t>cg10586870</t>
  </si>
  <si>
    <t>cg10589310</t>
  </si>
  <si>
    <t>cg10591652</t>
  </si>
  <si>
    <t>cg10594543</t>
  </si>
  <si>
    <t>cg10597997</t>
  </si>
  <si>
    <t>cg10599735</t>
  </si>
  <si>
    <t>cg10601043</t>
  </si>
  <si>
    <t>cg10602537</t>
  </si>
  <si>
    <t>cg10604550</t>
  </si>
  <si>
    <t>cg10605963</t>
  </si>
  <si>
    <t>cg10606923</t>
  </si>
  <si>
    <t>cg10607557</t>
  </si>
  <si>
    <t>cg10613707</t>
  </si>
  <si>
    <t>cg10615765</t>
  </si>
  <si>
    <t>cg10619318</t>
  </si>
  <si>
    <t>cg10620395</t>
  </si>
  <si>
    <t>cg10621012</t>
  </si>
  <si>
    <t>cg10627091</t>
  </si>
  <si>
    <t>cg10627136</t>
  </si>
  <si>
    <t>cg10629165</t>
  </si>
  <si>
    <t>cg10629249</t>
  </si>
  <si>
    <t>cg10631902</t>
  </si>
  <si>
    <t>cg10633040</t>
  </si>
  <si>
    <t>cg10634702</t>
  </si>
  <si>
    <t>cg10639425</t>
  </si>
  <si>
    <t>cg10639497</t>
  </si>
  <si>
    <t>cg10640181</t>
  </si>
  <si>
    <t>cg10641823</t>
  </si>
  <si>
    <t>cg10648542</t>
  </si>
  <si>
    <t>cg10648763</t>
  </si>
  <si>
    <t>cg10658459</t>
  </si>
  <si>
    <t>cg10660256</t>
  </si>
  <si>
    <t>cg10663557</t>
  </si>
  <si>
    <t>cg10669219</t>
  </si>
  <si>
    <t>cg10671676</t>
  </si>
  <si>
    <t>cg10676309</t>
  </si>
  <si>
    <t>cg10681725</t>
  </si>
  <si>
    <t>cg10693251</t>
  </si>
  <si>
    <t>cg10698355</t>
  </si>
  <si>
    <t>cg10699064</t>
  </si>
  <si>
    <t>cg10729312</t>
  </si>
  <si>
    <t>cg10741369</t>
  </si>
  <si>
    <t>cg10767687</t>
  </si>
  <si>
    <t>cg10774586</t>
  </si>
  <si>
    <t>cg10785051</t>
  </si>
  <si>
    <t>cg10785340</t>
  </si>
  <si>
    <t>cg10789601</t>
  </si>
  <si>
    <t>cg10802379</t>
  </si>
  <si>
    <t>cg10803218</t>
  </si>
  <si>
    <t>cg10804974</t>
  </si>
  <si>
    <t>cg10806236</t>
  </si>
  <si>
    <t>cg10815955</t>
  </si>
  <si>
    <t>cg10818423</t>
  </si>
  <si>
    <t>cg10821304</t>
  </si>
  <si>
    <t>cg10832005</t>
  </si>
  <si>
    <t>cg10833825</t>
  </si>
  <si>
    <t>cg10835547</t>
  </si>
  <si>
    <t>cg10836887</t>
  </si>
  <si>
    <t>cg10837843</t>
  </si>
  <si>
    <t>cg10845073</t>
  </si>
  <si>
    <t>cg10845391</t>
  </si>
  <si>
    <t>cg10847032</t>
  </si>
  <si>
    <t>cg10848543</t>
  </si>
  <si>
    <t>cg10850119</t>
  </si>
  <si>
    <t>cg10852661</t>
  </si>
  <si>
    <t>cg10857441</t>
  </si>
  <si>
    <t>cg10858225</t>
  </si>
  <si>
    <t>cg10858308</t>
  </si>
  <si>
    <t>cg10858791</t>
  </si>
  <si>
    <t>cg10860553</t>
  </si>
  <si>
    <t>cg10864056</t>
  </si>
  <si>
    <t>cg10868030</t>
  </si>
  <si>
    <t>cg10868715</t>
  </si>
  <si>
    <t>cg10870055</t>
  </si>
  <si>
    <t>cg10874992</t>
  </si>
  <si>
    <t>cg10877084</t>
  </si>
  <si>
    <t>cg10883258</t>
  </si>
  <si>
    <t>cg10885139</t>
  </si>
  <si>
    <t>cg10887021</t>
  </si>
  <si>
    <t>cg10888644</t>
  </si>
  <si>
    <t>cg10895922</t>
  </si>
  <si>
    <t>cg10899681</t>
  </si>
  <si>
    <t>cg10902033</t>
  </si>
  <si>
    <t>cg10902717</t>
  </si>
  <si>
    <t>cg10904740</t>
  </si>
  <si>
    <t>cg10908447</t>
  </si>
  <si>
    <t>cg10911283</t>
  </si>
  <si>
    <t>cg10916401</t>
  </si>
  <si>
    <t>cg10918580</t>
  </si>
  <si>
    <t>cg10919204</t>
  </si>
  <si>
    <t>cg10920316</t>
  </si>
  <si>
    <t>cg10921168</t>
  </si>
  <si>
    <t>cg10921890</t>
  </si>
  <si>
    <t>cg10927068</t>
  </si>
  <si>
    <t>cg10928257</t>
  </si>
  <si>
    <t>cg10931792</t>
  </si>
  <si>
    <t>cg10932916</t>
  </si>
  <si>
    <t>cg10932939</t>
  </si>
  <si>
    <t>cg10934129</t>
  </si>
  <si>
    <t>cg10935612</t>
  </si>
  <si>
    <t>cg10938702</t>
  </si>
  <si>
    <t>cg10943877</t>
  </si>
  <si>
    <t>cg10945695</t>
  </si>
  <si>
    <t>cg10948790</t>
  </si>
  <si>
    <t>cg10949007</t>
  </si>
  <si>
    <t>cg10949706</t>
  </si>
  <si>
    <t>cg10958362</t>
  </si>
  <si>
    <t>cg10959950</t>
  </si>
  <si>
    <t>cg10961758</t>
  </si>
  <si>
    <t>cg10962524</t>
  </si>
  <si>
    <t>cg10967114</t>
  </si>
  <si>
    <t>cg10970856</t>
  </si>
  <si>
    <t>cg10971928</t>
  </si>
  <si>
    <t>cg10974342</t>
  </si>
  <si>
    <t>cg10977989</t>
  </si>
  <si>
    <t>cg10979364</t>
  </si>
  <si>
    <t>cg10982664</t>
  </si>
  <si>
    <t>cg10982964</t>
  </si>
  <si>
    <t>cg10984165</t>
  </si>
  <si>
    <t>cg10985086</t>
  </si>
  <si>
    <t>cg10988336</t>
  </si>
  <si>
    <t>cg10988561</t>
  </si>
  <si>
    <t>cg10994379</t>
  </si>
  <si>
    <t>cg10997906</t>
  </si>
  <si>
    <t>cg10999598</t>
  </si>
  <si>
    <t>cg11003530</t>
  </si>
  <si>
    <t>cg11005899</t>
  </si>
  <si>
    <t>cg11007296</t>
  </si>
  <si>
    <t>cg11010395</t>
  </si>
  <si>
    <t>cg11010552</t>
  </si>
  <si>
    <t>cg11011938</t>
  </si>
  <si>
    <t>cg11012061</t>
  </si>
  <si>
    <t>cg11020068</t>
  </si>
  <si>
    <t>cg11022768</t>
  </si>
  <si>
    <t>cg11028923</t>
  </si>
  <si>
    <t>cg11032208</t>
  </si>
  <si>
    <t>cg11033713</t>
  </si>
  <si>
    <t>cg11036032</t>
  </si>
  <si>
    <t>cg11036546</t>
  </si>
  <si>
    <t>cg11040940</t>
  </si>
  <si>
    <t>cg11041314</t>
  </si>
  <si>
    <t>cg11042320</t>
  </si>
  <si>
    <t>cg11046421</t>
  </si>
  <si>
    <t>cg11049298</t>
  </si>
  <si>
    <t>cg11056569</t>
  </si>
  <si>
    <t>cg11057897</t>
  </si>
  <si>
    <t>cg11062417</t>
  </si>
  <si>
    <t>cg11064797</t>
  </si>
  <si>
    <t>cg11064966</t>
  </si>
  <si>
    <t>cg11067714</t>
  </si>
  <si>
    <t>cg11068523</t>
  </si>
  <si>
    <t>cg11079129</t>
  </si>
  <si>
    <t>cg11079874</t>
  </si>
  <si>
    <t>cg11080540</t>
  </si>
  <si>
    <t>cg11080549</t>
  </si>
  <si>
    <t>cg11080651</t>
  </si>
  <si>
    <t>cg11081186</t>
  </si>
  <si>
    <t>cg11083715</t>
  </si>
  <si>
    <t>cg11086421</t>
  </si>
  <si>
    <t>cg11086697</t>
  </si>
  <si>
    <t>cg11093474</t>
  </si>
  <si>
    <t>cg11100157</t>
  </si>
  <si>
    <t>cg11100481</t>
  </si>
  <si>
    <t>cg11101846</t>
  </si>
  <si>
    <t>cg11106252</t>
  </si>
  <si>
    <t>cg11107657</t>
  </si>
  <si>
    <t>cg11110213</t>
  </si>
  <si>
    <t>cg11110536</t>
  </si>
  <si>
    <t>cg11110864</t>
  </si>
  <si>
    <t>cg11118566</t>
  </si>
  <si>
    <t>cg11119033</t>
  </si>
  <si>
    <t>cg11123545</t>
  </si>
  <si>
    <t>cg11123720</t>
  </si>
  <si>
    <t>cg11126708</t>
  </si>
  <si>
    <t>cg11127164</t>
  </si>
  <si>
    <t>cg11136562</t>
  </si>
  <si>
    <t>cg11137578</t>
  </si>
  <si>
    <t>cg11139041</t>
  </si>
  <si>
    <t>cg11148817</t>
  </si>
  <si>
    <t>cg11149163</t>
  </si>
  <si>
    <t>cg11150614</t>
  </si>
  <si>
    <t>cg11152884</t>
  </si>
  <si>
    <t>cg11153694</t>
  </si>
  <si>
    <t>cg11157525</t>
  </si>
  <si>
    <t>cg11159090</t>
  </si>
  <si>
    <t>cg11161755</t>
  </si>
  <si>
    <t>cg11176481</t>
  </si>
  <si>
    <t>cg11176694</t>
  </si>
  <si>
    <t>cg11182018</t>
  </si>
  <si>
    <t>cg11182160</t>
  </si>
  <si>
    <t>cg11182518</t>
  </si>
  <si>
    <t>cg11183001</t>
  </si>
  <si>
    <t>cg11183181</t>
  </si>
  <si>
    <t>cg11184057</t>
  </si>
  <si>
    <t>cg11186754</t>
  </si>
  <si>
    <t>cg11188031</t>
  </si>
  <si>
    <t>cg11190434</t>
  </si>
  <si>
    <t>cg11191451</t>
  </si>
  <si>
    <t>cg11193431</t>
  </si>
  <si>
    <t>cg11201401</t>
  </si>
  <si>
    <t>cg11201566</t>
  </si>
  <si>
    <t>cg11208222</t>
  </si>
  <si>
    <t>cg11208869</t>
  </si>
  <si>
    <t>cg11212976</t>
  </si>
  <si>
    <t>cg11216064</t>
  </si>
  <si>
    <t>cg11227559</t>
  </si>
  <si>
    <t>cg11228473</t>
  </si>
  <si>
    <t>cg11228785</t>
  </si>
  <si>
    <t>cg11230940</t>
  </si>
  <si>
    <t>cg11233366</t>
  </si>
  <si>
    <t>cg11234429</t>
  </si>
  <si>
    <t>cg11235297</t>
  </si>
  <si>
    <t>cg11240212</t>
  </si>
  <si>
    <t>cg11240493</t>
  </si>
  <si>
    <t>cg11241750</t>
  </si>
  <si>
    <t>cg11246580</t>
  </si>
  <si>
    <t>cg11248413</t>
  </si>
  <si>
    <t>cg11258494</t>
  </si>
  <si>
    <t>cg11267205</t>
  </si>
  <si>
    <t>cg11268935</t>
  </si>
  <si>
    <t>cg11272705</t>
  </si>
  <si>
    <t>cg11274816</t>
  </si>
  <si>
    <t>cg11275487</t>
  </si>
  <si>
    <t>cg11275737</t>
  </si>
  <si>
    <t>cg11279643</t>
  </si>
  <si>
    <t>cg11279838</t>
  </si>
  <si>
    <t>cg11280525</t>
  </si>
  <si>
    <t>cg11284631</t>
  </si>
  <si>
    <t>cg11285003</t>
  </si>
  <si>
    <t>cg11290286</t>
  </si>
  <si>
    <t>cg11290860</t>
  </si>
  <si>
    <t>cg11298144</t>
  </si>
  <si>
    <t>cg11298379</t>
  </si>
  <si>
    <t>cg11298627</t>
  </si>
  <si>
    <t>cg11301254</t>
  </si>
  <si>
    <t>cg11301354</t>
  </si>
  <si>
    <t>cg11304499</t>
  </si>
  <si>
    <t>cg11308046</t>
  </si>
  <si>
    <t>cg11313997</t>
  </si>
  <si>
    <t>cg11314827</t>
  </si>
  <si>
    <t>cg11316131</t>
  </si>
  <si>
    <t>cg11316784</t>
  </si>
  <si>
    <t>cg11317343</t>
  </si>
  <si>
    <t>cg11322124</t>
  </si>
  <si>
    <t>cg11323721</t>
  </si>
  <si>
    <t>cg11325127</t>
  </si>
  <si>
    <t>cg11325573</t>
  </si>
  <si>
    <t>cg11328455</t>
  </si>
  <si>
    <t>cg11330740</t>
  </si>
  <si>
    <t>cg11331556</t>
  </si>
  <si>
    <t>cg11334165</t>
  </si>
  <si>
    <t>cg11337945</t>
  </si>
  <si>
    <t>cg11339912</t>
  </si>
  <si>
    <t>cg11346339</t>
  </si>
  <si>
    <t>cg11346718</t>
  </si>
  <si>
    <t>cg11347033</t>
  </si>
  <si>
    <t>cg11355319</t>
  </si>
  <si>
    <t>cg11360149</t>
  </si>
  <si>
    <t>cg11361201</t>
  </si>
  <si>
    <t>cg11364073</t>
  </si>
  <si>
    <t>cg11368643</t>
  </si>
  <si>
    <t>cg11372683</t>
  </si>
  <si>
    <t>cg11389868</t>
  </si>
  <si>
    <t>cg11394785</t>
  </si>
  <si>
    <t>cg11399754</t>
  </si>
  <si>
    <t>cg11401159</t>
  </si>
  <si>
    <t>cg11405216</t>
  </si>
  <si>
    <t>cg11405458</t>
  </si>
  <si>
    <t>cg11405534</t>
  </si>
  <si>
    <t>cg11407078</t>
  </si>
  <si>
    <t>cg11410521</t>
  </si>
  <si>
    <t>cg11411838</t>
  </si>
  <si>
    <t>cg11418696</t>
  </si>
  <si>
    <t>cg11419030</t>
  </si>
  <si>
    <t>cg11423680</t>
  </si>
  <si>
    <t>cg11424776</t>
  </si>
  <si>
    <t>cg11427534</t>
  </si>
  <si>
    <t>cg11431775</t>
  </si>
  <si>
    <t>cg11435035</t>
  </si>
  <si>
    <t>cg11437120</t>
  </si>
  <si>
    <t>cg11438310</t>
  </si>
  <si>
    <t>cg11438448</t>
  </si>
  <si>
    <t>cg11438560</t>
  </si>
  <si>
    <t>cg11449735</t>
  </si>
  <si>
    <t>cg11449770</t>
  </si>
  <si>
    <t>cg11451367</t>
  </si>
  <si>
    <t>cg11457817</t>
  </si>
  <si>
    <t>cg11458134</t>
  </si>
  <si>
    <t>cg11462252</t>
  </si>
  <si>
    <t>cg11464464</t>
  </si>
  <si>
    <t>cg11465226</t>
  </si>
  <si>
    <t>cg11465767</t>
  </si>
  <si>
    <t>cg11466504</t>
  </si>
  <si>
    <t>cg11467291</t>
  </si>
  <si>
    <t>cg11468199</t>
  </si>
  <si>
    <t>cg11468635</t>
  </si>
  <si>
    <t>cg11468819</t>
  </si>
  <si>
    <t>cg11475323</t>
  </si>
  <si>
    <t>cg11478249</t>
  </si>
  <si>
    <t>cg11480264</t>
  </si>
  <si>
    <t>cg11483884</t>
  </si>
  <si>
    <t>cg11484115</t>
  </si>
  <si>
    <t>cg11485465</t>
  </si>
  <si>
    <t>cg11485595</t>
  </si>
  <si>
    <t>cg11486350</t>
  </si>
  <si>
    <t>cg11487037</t>
  </si>
  <si>
    <t>cg11487705</t>
  </si>
  <si>
    <t>cg11488381</t>
  </si>
  <si>
    <t>cg11489290</t>
  </si>
  <si>
    <t>cg11493924</t>
  </si>
  <si>
    <t>cg11496113</t>
  </si>
  <si>
    <t>cg11499025</t>
  </si>
  <si>
    <t>cg11501236</t>
  </si>
  <si>
    <t>cg11502673</t>
  </si>
  <si>
    <t>cg11503182</t>
  </si>
  <si>
    <t>cg11504245</t>
  </si>
  <si>
    <t>cg11506157</t>
  </si>
  <si>
    <t>cg11507187</t>
  </si>
  <si>
    <t>cg11507532</t>
  </si>
  <si>
    <t>cg11512258</t>
  </si>
  <si>
    <t>cg11512280</t>
  </si>
  <si>
    <t>cg11516463</t>
  </si>
  <si>
    <t>cg11524248</t>
  </si>
  <si>
    <t>cg11525210</t>
  </si>
  <si>
    <t>cg11528517</t>
  </si>
  <si>
    <t>cg11528914</t>
  </si>
  <si>
    <t>cg11534707</t>
  </si>
  <si>
    <t>cg11539296</t>
  </si>
  <si>
    <t>cg11544115</t>
  </si>
  <si>
    <t>cg11547950</t>
  </si>
  <si>
    <t>cg11554391</t>
  </si>
  <si>
    <t>cg11557553</t>
  </si>
  <si>
    <t>cg11559250</t>
  </si>
  <si>
    <t>cg11560197</t>
  </si>
  <si>
    <t>cg11562028</t>
  </si>
  <si>
    <t>cg11565355</t>
  </si>
  <si>
    <t>cg11565366</t>
  </si>
  <si>
    <t>cg11565786</t>
  </si>
  <si>
    <t>cg11568791</t>
  </si>
  <si>
    <t>cg11571702</t>
  </si>
  <si>
    <t>cg11577329</t>
  </si>
  <si>
    <t>cg11577898</t>
  </si>
  <si>
    <t>cg11580351</t>
  </si>
  <si>
    <t>cg11580511</t>
  </si>
  <si>
    <t>cg11582456</t>
  </si>
  <si>
    <t>cg11584098</t>
  </si>
  <si>
    <t>cg11585952</t>
  </si>
  <si>
    <t>cg11586666</t>
  </si>
  <si>
    <t>cg11589532</t>
  </si>
  <si>
    <t>cg11589749</t>
  </si>
  <si>
    <t>cg11590420</t>
  </si>
  <si>
    <t>cg11590974</t>
  </si>
  <si>
    <t>cg11595635</t>
  </si>
  <si>
    <t>cg11596779</t>
  </si>
  <si>
    <t>cg11598897</t>
  </si>
  <si>
    <t>cg11599526</t>
  </si>
  <si>
    <t>cg11599680</t>
  </si>
  <si>
    <t>cg11601027</t>
  </si>
  <si>
    <t>cg11605835</t>
  </si>
  <si>
    <t>cg11610050</t>
  </si>
  <si>
    <t>cg11614389</t>
  </si>
  <si>
    <t>cg11615755</t>
  </si>
  <si>
    <t>cg11616777</t>
  </si>
  <si>
    <t>cg11617357</t>
  </si>
  <si>
    <t>cg11620475</t>
  </si>
  <si>
    <t>cg11620716</t>
  </si>
  <si>
    <t>cg11621683</t>
  </si>
  <si>
    <t>cg11623339</t>
  </si>
  <si>
    <t>cg11624060</t>
  </si>
  <si>
    <t>cg11627632</t>
  </si>
  <si>
    <t>cg11628781</t>
  </si>
  <si>
    <t>cg11629812</t>
  </si>
  <si>
    <t>cg11633422</t>
  </si>
  <si>
    <t>cg11639612</t>
  </si>
  <si>
    <t>cg11641395</t>
  </si>
  <si>
    <t>cg11643022</t>
  </si>
  <si>
    <t>cg11645631</t>
  </si>
  <si>
    <t>cg11647681</t>
  </si>
  <si>
    <t>cg11649654</t>
  </si>
  <si>
    <t>cg11661512</t>
  </si>
  <si>
    <t>cg11662745</t>
  </si>
  <si>
    <t>cg11664823</t>
  </si>
  <si>
    <t>cg11666857</t>
  </si>
  <si>
    <t>cg11666982</t>
  </si>
  <si>
    <t>cg11668199</t>
  </si>
  <si>
    <t>cg11669387</t>
  </si>
  <si>
    <t>cg11671913</t>
  </si>
  <si>
    <t>cg11677852</t>
  </si>
  <si>
    <t>cg11678639</t>
  </si>
  <si>
    <t>cg11682083</t>
  </si>
  <si>
    <t>cg11682227</t>
  </si>
  <si>
    <t>cg11690724</t>
  </si>
  <si>
    <t>cg11690886</t>
  </si>
  <si>
    <t>cg11697317</t>
  </si>
  <si>
    <t>cg11698445</t>
  </si>
  <si>
    <t>cg11699649</t>
  </si>
  <si>
    <t>cg11700735</t>
  </si>
  <si>
    <t>cg11700800</t>
  </si>
  <si>
    <t>cg11703722</t>
  </si>
  <si>
    <t>cg11707556</t>
  </si>
  <si>
    <t>cg11712506</t>
  </si>
  <si>
    <t>cg11713336</t>
  </si>
  <si>
    <t>cg11713480</t>
  </si>
  <si>
    <t>cg11715789</t>
  </si>
  <si>
    <t>cg11734183</t>
  </si>
  <si>
    <t>cg11740690</t>
  </si>
  <si>
    <t>cg11750900</t>
  </si>
  <si>
    <t>cg11769606</t>
  </si>
  <si>
    <t>cg11770816</t>
  </si>
  <si>
    <t>cg11773933</t>
  </si>
  <si>
    <t>cg11776321</t>
  </si>
  <si>
    <t>cg11779053</t>
  </si>
  <si>
    <t>cg11779204</t>
  </si>
  <si>
    <t>cg11782091</t>
  </si>
  <si>
    <t>cg11786193</t>
  </si>
  <si>
    <t>cg11788465</t>
  </si>
  <si>
    <t>cg11790417</t>
  </si>
  <si>
    <t>cg11792786</t>
  </si>
  <si>
    <t>cg11793269</t>
  </si>
  <si>
    <t>cg11793783</t>
  </si>
  <si>
    <t>cg11795015</t>
  </si>
  <si>
    <t>cg11796442</t>
  </si>
  <si>
    <t>cg11796602</t>
  </si>
  <si>
    <t>cg11797159</t>
  </si>
  <si>
    <t>cg11803801</t>
  </si>
  <si>
    <t>cg11805188</t>
  </si>
  <si>
    <t>cg11813441</t>
  </si>
  <si>
    <t>cg11820828</t>
  </si>
  <si>
    <t>cg11823551</t>
  </si>
  <si>
    <t>cg11831286</t>
  </si>
  <si>
    <t>cg11832395</t>
  </si>
  <si>
    <t>cg11835209</t>
  </si>
  <si>
    <t>cg11837534</t>
  </si>
  <si>
    <t>cg11838237</t>
  </si>
  <si>
    <t>cg11839863</t>
  </si>
  <si>
    <t>cg11841649</t>
  </si>
  <si>
    <t>cg11841722</t>
  </si>
  <si>
    <t>cg11849608</t>
  </si>
  <si>
    <t>cg11849703</t>
  </si>
  <si>
    <t>cg11850468</t>
  </si>
  <si>
    <t>cg11852404</t>
  </si>
  <si>
    <t>cg11853283</t>
  </si>
  <si>
    <t>cg11855682</t>
  </si>
  <si>
    <t>cg11857997</t>
  </si>
  <si>
    <t>cg11864327</t>
  </si>
  <si>
    <t>cg11864993</t>
  </si>
  <si>
    <t>cg11865870</t>
  </si>
  <si>
    <t>cg11869150</t>
  </si>
  <si>
    <t>cg11882252</t>
  </si>
  <si>
    <t>cg11886002</t>
  </si>
  <si>
    <t>cg11886014</t>
  </si>
  <si>
    <t>cg11888085</t>
  </si>
  <si>
    <t>cg11889098</t>
  </si>
  <si>
    <t>cg11894422</t>
  </si>
  <si>
    <t>cg11895835</t>
  </si>
  <si>
    <t>cg11897314</t>
  </si>
  <si>
    <t>cg11902777</t>
  </si>
  <si>
    <t>cg11902909</t>
  </si>
  <si>
    <t>cg11903790</t>
  </si>
  <si>
    <t>cg11905589</t>
  </si>
  <si>
    <t>cg11907797</t>
  </si>
  <si>
    <t>cg11910223</t>
  </si>
  <si>
    <t>cg11914659</t>
  </si>
  <si>
    <t>cg11916054</t>
  </si>
  <si>
    <t>cg11918743</t>
  </si>
  <si>
    <t>cg11923914</t>
  </si>
  <si>
    <t>cg11925729</t>
  </si>
  <si>
    <t>cg11926485</t>
  </si>
  <si>
    <t>cg11933693</t>
  </si>
  <si>
    <t>cg11935041</t>
  </si>
  <si>
    <t>cg11935708</t>
  </si>
  <si>
    <t>cg11935896</t>
  </si>
  <si>
    <t>cg11942971</t>
  </si>
  <si>
    <t>cg11943176</t>
  </si>
  <si>
    <t>cg11949831</t>
  </si>
  <si>
    <t>cg11951818</t>
  </si>
  <si>
    <t>cg11954030</t>
  </si>
  <si>
    <t>cg11956545</t>
  </si>
  <si>
    <t>cg11957242</t>
  </si>
  <si>
    <t>cg11958040</t>
  </si>
  <si>
    <t>cg11960393</t>
  </si>
  <si>
    <t>cg11960719</t>
  </si>
  <si>
    <t>cg11963365</t>
  </si>
  <si>
    <t>cg11964461</t>
  </si>
  <si>
    <t>cg11998173</t>
  </si>
  <si>
    <t>cg12018140</t>
  </si>
  <si>
    <t>cg12026956</t>
  </si>
  <si>
    <t>cg12032116</t>
  </si>
  <si>
    <t>cg12033014</t>
  </si>
  <si>
    <t>cg12035880</t>
  </si>
  <si>
    <t>cg12039970</t>
  </si>
  <si>
    <t>cg12053009</t>
  </si>
  <si>
    <t>cg12076953</t>
  </si>
  <si>
    <t>cg12082871</t>
  </si>
  <si>
    <t>cg12110333</t>
  </si>
  <si>
    <t>cg12112543</t>
  </si>
  <si>
    <t>cg12129103</t>
  </si>
  <si>
    <t>cg12133048</t>
  </si>
  <si>
    <t>cg12140854</t>
  </si>
  <si>
    <t>cg12143439</t>
  </si>
  <si>
    <t>cg12145866</t>
  </si>
  <si>
    <t>cg12145907</t>
  </si>
  <si>
    <t>cg12148940</t>
  </si>
  <si>
    <t>cg12150022</t>
  </si>
  <si>
    <t>cg12151221</t>
  </si>
  <si>
    <t>cg12152193</t>
  </si>
  <si>
    <t>cg12152566</t>
  </si>
  <si>
    <t>cg12153044</t>
  </si>
  <si>
    <t>cg12157377</t>
  </si>
  <si>
    <t>cg12162197</t>
  </si>
  <si>
    <t>cg12172720</t>
  </si>
  <si>
    <t>cg12182284</t>
  </si>
  <si>
    <t>cg12187049</t>
  </si>
  <si>
    <t>cg12187999</t>
  </si>
  <si>
    <t>cg12192566</t>
  </si>
  <si>
    <t>cg12197752</t>
  </si>
  <si>
    <t>cg12198495</t>
  </si>
  <si>
    <t>cg12199221</t>
  </si>
  <si>
    <t>cg12199905</t>
  </si>
  <si>
    <t>cg12200124</t>
  </si>
  <si>
    <t>cg12202022</t>
  </si>
  <si>
    <t>cg12202847</t>
  </si>
  <si>
    <t>cg12204974</t>
  </si>
  <si>
    <t>cg12205435</t>
  </si>
  <si>
    <t>cg12207033</t>
  </si>
  <si>
    <t>cg12209165</t>
  </si>
  <si>
    <t>cg12210878</t>
  </si>
  <si>
    <t>cg12238343</t>
  </si>
  <si>
    <t>cg12241297</t>
  </si>
  <si>
    <t>cg12281328</t>
  </si>
  <si>
    <t>cg12287936</t>
  </si>
  <si>
    <t>cg12288074</t>
  </si>
  <si>
    <t>cg12290896</t>
  </si>
  <si>
    <t>cg12295988</t>
  </si>
  <si>
    <t>cg12298321</t>
  </si>
  <si>
    <t>cg12302647</t>
  </si>
  <si>
    <t>cg12303215</t>
  </si>
  <si>
    <t>cg12307237</t>
  </si>
  <si>
    <t>cg12307314</t>
  </si>
  <si>
    <t>cg12309360</t>
  </si>
  <si>
    <t>cg12311346</t>
  </si>
  <si>
    <t>cg12314424</t>
  </si>
  <si>
    <t>cg12317515</t>
  </si>
  <si>
    <t>cg12319486</t>
  </si>
  <si>
    <t>cg12323265</t>
  </si>
  <si>
    <t>cg12324708</t>
  </si>
  <si>
    <t>cg12332316</t>
  </si>
  <si>
    <t>cg12335056</t>
  </si>
  <si>
    <t>cg12339920</t>
  </si>
  <si>
    <t>cg12346515</t>
  </si>
  <si>
    <t>cg12354870</t>
  </si>
  <si>
    <t>cg12356431</t>
  </si>
  <si>
    <t>cg12358764</t>
  </si>
  <si>
    <t>cg12360935</t>
  </si>
  <si>
    <t>cg12364556</t>
  </si>
  <si>
    <t>cg12364570</t>
  </si>
  <si>
    <t>cg12367539</t>
  </si>
  <si>
    <t>cg12373657</t>
  </si>
  <si>
    <t>cg12376916</t>
  </si>
  <si>
    <t>cg12388838</t>
  </si>
  <si>
    <t>cg12391323</t>
  </si>
  <si>
    <t>cg12398117</t>
  </si>
  <si>
    <t>cg12400434</t>
  </si>
  <si>
    <t>cg12403911</t>
  </si>
  <si>
    <t>cg12405754</t>
  </si>
  <si>
    <t>cg12410225</t>
  </si>
  <si>
    <t>cg12411846</t>
  </si>
  <si>
    <t>cg12412255</t>
  </si>
  <si>
    <t>cg12417815</t>
  </si>
  <si>
    <t>cg12418043</t>
  </si>
  <si>
    <t>cg12418686</t>
  </si>
  <si>
    <t>cg12446082</t>
  </si>
  <si>
    <t>cg12449682</t>
  </si>
  <si>
    <t>cg12449722</t>
  </si>
  <si>
    <t>cg12460433</t>
  </si>
  <si>
    <t>cg12466919</t>
  </si>
  <si>
    <t>cg12469755</t>
  </si>
  <si>
    <t>cg12476579</t>
  </si>
  <si>
    <t>cg12478032</t>
  </si>
  <si>
    <t>cg12483860</t>
  </si>
  <si>
    <t>cg12484391</t>
  </si>
  <si>
    <t>cg12485135</t>
  </si>
  <si>
    <t>cg12487901</t>
  </si>
  <si>
    <t>cg12505991</t>
  </si>
  <si>
    <t>cg12507879</t>
  </si>
  <si>
    <t>cg12518844</t>
  </si>
  <si>
    <t>cg12519013</t>
  </si>
  <si>
    <t>cg12524168</t>
  </si>
  <si>
    <t>cg12527284</t>
  </si>
  <si>
    <t>cg12527677</t>
  </si>
  <si>
    <t>cg12532266</t>
  </si>
  <si>
    <t>cg12532966</t>
  </si>
  <si>
    <t>cg12534147</t>
  </si>
  <si>
    <t>cg12534645</t>
  </si>
  <si>
    <t>cg12535402</t>
  </si>
  <si>
    <t>cg12543918</t>
  </si>
  <si>
    <t>cg12551739</t>
  </si>
  <si>
    <t>cg12553294</t>
  </si>
  <si>
    <t>cg12557254</t>
  </si>
  <si>
    <t>cg12558347</t>
  </si>
  <si>
    <t>cg12564026</t>
  </si>
  <si>
    <t>cg12564285</t>
  </si>
  <si>
    <t>cg12564650</t>
  </si>
  <si>
    <t>cg12568786</t>
  </si>
  <si>
    <t>cg12575771</t>
  </si>
  <si>
    <t>cg12580847</t>
  </si>
  <si>
    <t>cg12586050</t>
  </si>
  <si>
    <t>cg12590774</t>
  </si>
  <si>
    <t>cg12600695</t>
  </si>
  <si>
    <t>cg12602374</t>
  </si>
  <si>
    <t>cg12603441</t>
  </si>
  <si>
    <t>cg12609740</t>
  </si>
  <si>
    <t>cg12611063</t>
  </si>
  <si>
    <t>cg12613020</t>
  </si>
  <si>
    <t>cg12613839</t>
  </si>
  <si>
    <t>cg12614687</t>
  </si>
  <si>
    <t>cg12620743</t>
  </si>
  <si>
    <t>cg12620935</t>
  </si>
  <si>
    <t>cg12621171</t>
  </si>
  <si>
    <t>cg12622597</t>
  </si>
  <si>
    <t>cg12627202</t>
  </si>
  <si>
    <t>cg12628905</t>
  </si>
  <si>
    <t>cg12630596</t>
  </si>
  <si>
    <t>cg12634840</t>
  </si>
  <si>
    <t>cg12636435</t>
  </si>
  <si>
    <t>cg12637397</t>
  </si>
  <si>
    <t>cg12640653</t>
  </si>
  <si>
    <t>cg12643732</t>
  </si>
  <si>
    <t>cg12645607</t>
  </si>
  <si>
    <t>cg12646804</t>
  </si>
  <si>
    <t>cg12648074</t>
  </si>
  <si>
    <t>cg12648172</t>
  </si>
  <si>
    <t>cg12653133</t>
  </si>
  <si>
    <t>cg12656077</t>
  </si>
  <si>
    <t>cg12659981</t>
  </si>
  <si>
    <t>cg12660315</t>
  </si>
  <si>
    <t>cg12661088</t>
  </si>
  <si>
    <t>cg12665504</t>
  </si>
  <si>
    <t>cg12673103</t>
  </si>
  <si>
    <t>cg12673840</t>
  </si>
  <si>
    <t>cg12674760</t>
  </si>
  <si>
    <t>cg12675571</t>
  </si>
  <si>
    <t>cg12676081</t>
  </si>
  <si>
    <t>cg12679261</t>
  </si>
  <si>
    <t>cg12681771</t>
  </si>
  <si>
    <t>cg12681796</t>
  </si>
  <si>
    <t>cg12684668</t>
  </si>
  <si>
    <t>cg12686260</t>
  </si>
  <si>
    <t>cg12699327</t>
  </si>
  <si>
    <t>cg12705693</t>
  </si>
  <si>
    <t>cg12711961</t>
  </si>
  <si>
    <t>cg12717963</t>
  </si>
  <si>
    <t>cg12760261</t>
  </si>
  <si>
    <t>cg12800566</t>
  </si>
  <si>
    <t>cg12805346</t>
  </si>
  <si>
    <t>cg12806681</t>
  </si>
  <si>
    <t>cg12807946</t>
  </si>
  <si>
    <t>cg12816057</t>
  </si>
  <si>
    <t>cg12817840</t>
  </si>
  <si>
    <t>cg12821220</t>
  </si>
  <si>
    <t>cg12824782</t>
  </si>
  <si>
    <t>cg12828656</t>
  </si>
  <si>
    <t>cg12828729</t>
  </si>
  <si>
    <t>cg12828867</t>
  </si>
  <si>
    <t>cg12829747</t>
  </si>
  <si>
    <t>cg12830271</t>
  </si>
  <si>
    <t>cg12832649</t>
  </si>
  <si>
    <t>cg12834306</t>
  </si>
  <si>
    <t>cg12836280</t>
  </si>
  <si>
    <t>cg12838061</t>
  </si>
  <si>
    <t>cg12840933</t>
  </si>
  <si>
    <t>cg12844997</t>
  </si>
  <si>
    <t>cg12845051</t>
  </si>
  <si>
    <t>cg12847007</t>
  </si>
  <si>
    <t>cg12849359</t>
  </si>
  <si>
    <t>cg12854656</t>
  </si>
  <si>
    <t>cg12855547</t>
  </si>
  <si>
    <t>cg12856447</t>
  </si>
  <si>
    <t>cg12856788</t>
  </si>
  <si>
    <t>cg12858370</t>
  </si>
  <si>
    <t>cg12862231</t>
  </si>
  <si>
    <t>cg12863633</t>
  </si>
  <si>
    <t>cg12866938</t>
  </si>
  <si>
    <t>cg12869949</t>
  </si>
  <si>
    <t>cg12876533</t>
  </si>
  <si>
    <t>cg12877039</t>
  </si>
  <si>
    <t>cg12879242</t>
  </si>
  <si>
    <t>cg12880658</t>
  </si>
  <si>
    <t>cg12887317</t>
  </si>
  <si>
    <t>cg12888080</t>
  </si>
  <si>
    <t>cg12896318</t>
  </si>
  <si>
    <t>cg12902357</t>
  </si>
  <si>
    <t>cg12904904</t>
  </si>
  <si>
    <t>cg12911095</t>
  </si>
  <si>
    <t>cg12912529</t>
  </si>
  <si>
    <t>cg12913097</t>
  </si>
  <si>
    <t>cg12916671</t>
  </si>
  <si>
    <t>cg12917072</t>
  </si>
  <si>
    <t>cg12920963</t>
  </si>
  <si>
    <t>cg12921342</t>
  </si>
  <si>
    <t>cg12923585</t>
  </si>
  <si>
    <t>cg12928173</t>
  </si>
  <si>
    <t>cg12928668</t>
  </si>
  <si>
    <t>cg12932211</t>
  </si>
  <si>
    <t>cg12938014</t>
  </si>
  <si>
    <t>cg12940040</t>
  </si>
  <si>
    <t>cg12947138</t>
  </si>
  <si>
    <t>cg12949769</t>
  </si>
  <si>
    <t>cg12950181</t>
  </si>
  <si>
    <t>cg12951098</t>
  </si>
  <si>
    <t>cg12951125</t>
  </si>
  <si>
    <t>cg12953256</t>
  </si>
  <si>
    <t>cg12960696</t>
  </si>
  <si>
    <t>cg12960782</t>
  </si>
  <si>
    <t>cg12961784</t>
  </si>
  <si>
    <t>cg12964346</t>
  </si>
  <si>
    <t>cg12965023</t>
  </si>
  <si>
    <t>cg12967370</t>
  </si>
  <si>
    <t>cg12970171</t>
  </si>
  <si>
    <t>cg12977772</t>
  </si>
  <si>
    <t>cg12978143</t>
  </si>
  <si>
    <t>cg12982374</t>
  </si>
  <si>
    <t>cg12984014</t>
  </si>
  <si>
    <t>cg12995004</t>
  </si>
  <si>
    <t>cg12998533</t>
  </si>
  <si>
    <t>cg12998785</t>
  </si>
  <si>
    <t>cg13001963</t>
  </si>
  <si>
    <t>cg13004897</t>
  </si>
  <si>
    <t>cg13005910</t>
  </si>
  <si>
    <t>cg13008977</t>
  </si>
  <si>
    <t>cg13009654</t>
  </si>
  <si>
    <t>cg13011109</t>
  </si>
  <si>
    <t>cg13012245</t>
  </si>
  <si>
    <t>cg13016797</t>
  </si>
  <si>
    <t>cg13023677</t>
  </si>
  <si>
    <t>cg13028113</t>
  </si>
  <si>
    <t>cg13035218</t>
  </si>
  <si>
    <t>cg13035416</t>
  </si>
  <si>
    <t>cg13039251</t>
  </si>
  <si>
    <t>cg13039271</t>
  </si>
  <si>
    <t>cg13041269</t>
  </si>
  <si>
    <t>cg13042527</t>
  </si>
  <si>
    <t>cg13042596</t>
  </si>
  <si>
    <t>cg13046271</t>
  </si>
  <si>
    <t>cg13049992</t>
  </si>
  <si>
    <t>cg13084536</t>
  </si>
  <si>
    <t>cg13089454</t>
  </si>
  <si>
    <t>cg13095737</t>
  </si>
  <si>
    <t>cg13138187</t>
  </si>
  <si>
    <t>cg13143349</t>
  </si>
  <si>
    <t>cg13156863</t>
  </si>
  <si>
    <t>cg13202751</t>
  </si>
  <si>
    <t>cg13206302</t>
  </si>
  <si>
    <t>cg13216695</t>
  </si>
  <si>
    <t>cg13218710</t>
  </si>
  <si>
    <t>cg13228972</t>
  </si>
  <si>
    <t>cg13229360</t>
  </si>
  <si>
    <t>cg13242801</t>
  </si>
  <si>
    <t>cg13267747</t>
  </si>
  <si>
    <t>cg13275321</t>
  </si>
  <si>
    <t>cg13275603</t>
  </si>
  <si>
    <t>cg13277254</t>
  </si>
  <si>
    <t>cg13278795</t>
  </si>
  <si>
    <t>cg13280184</t>
  </si>
  <si>
    <t>cg13287621</t>
  </si>
  <si>
    <t>cg13294753</t>
  </si>
  <si>
    <t>cg13295238</t>
  </si>
  <si>
    <t>cg13295463</t>
  </si>
  <si>
    <t>cg13299707</t>
  </si>
  <si>
    <t>cg13300521</t>
  </si>
  <si>
    <t>cg13303229</t>
  </si>
  <si>
    <t>cg13303682</t>
  </si>
  <si>
    <t>cg13306087</t>
  </si>
  <si>
    <t>cg13306522</t>
  </si>
  <si>
    <t>cg13318787</t>
  </si>
  <si>
    <t>cg13320626</t>
  </si>
  <si>
    <t>cg13323902</t>
  </si>
  <si>
    <t>cg13329346</t>
  </si>
  <si>
    <t>cg13331266</t>
  </si>
  <si>
    <t>cg13331446</t>
  </si>
  <si>
    <t>cg13334727</t>
  </si>
  <si>
    <t>cg13345430</t>
  </si>
  <si>
    <t>cg13345558</t>
  </si>
  <si>
    <t>cg13346820</t>
  </si>
  <si>
    <t>cg13349425</t>
  </si>
  <si>
    <t>cg13352495</t>
  </si>
  <si>
    <t>cg13353019</t>
  </si>
  <si>
    <t>cg13357714</t>
  </si>
  <si>
    <t>cg13370819</t>
  </si>
  <si>
    <t>cg13371675</t>
  </si>
  <si>
    <t>cg13373085</t>
  </si>
  <si>
    <t>cg13373406</t>
  </si>
  <si>
    <t>cg13379794</t>
  </si>
  <si>
    <t>cg13380103</t>
  </si>
  <si>
    <t>cg13390326</t>
  </si>
  <si>
    <t>cg13390570</t>
  </si>
  <si>
    <t>cg13392125</t>
  </si>
  <si>
    <t>cg13393851</t>
  </si>
  <si>
    <t>cg13393914</t>
  </si>
  <si>
    <t>cg13396289</t>
  </si>
  <si>
    <t>cg13399791</t>
  </si>
  <si>
    <t>cg13402354</t>
  </si>
  <si>
    <t>cg13404558</t>
  </si>
  <si>
    <t>cg13408430</t>
  </si>
  <si>
    <t>cg13412545</t>
  </si>
  <si>
    <t>cg13436055</t>
  </si>
  <si>
    <t>cg13438543</t>
  </si>
  <si>
    <t>cg13441766</t>
  </si>
  <si>
    <t>cg13466487</t>
  </si>
  <si>
    <t>cg13490971</t>
  </si>
  <si>
    <t>cg13509322</t>
  </si>
  <si>
    <t>cg13557402</t>
  </si>
  <si>
    <t>cg13557594</t>
  </si>
  <si>
    <t>cg13564889</t>
  </si>
  <si>
    <t>cg13573358</t>
  </si>
  <si>
    <t>cg13575217</t>
  </si>
  <si>
    <t>cg13576061</t>
  </si>
  <si>
    <t>cg13577149</t>
  </si>
  <si>
    <t>cg13579752</t>
  </si>
  <si>
    <t>cg13583523</t>
  </si>
  <si>
    <t>cg13590277</t>
  </si>
  <si>
    <t>cg13590816</t>
  </si>
  <si>
    <t>cg13592043</t>
  </si>
  <si>
    <t>cg13597422</t>
  </si>
  <si>
    <t>cg13598256</t>
  </si>
  <si>
    <t>cg13613983</t>
  </si>
  <si>
    <t>cg13621378</t>
  </si>
  <si>
    <t>cg13621612</t>
  </si>
  <si>
    <t>cg13624833</t>
  </si>
  <si>
    <t>cg13626633</t>
  </si>
  <si>
    <t>cg13629358</t>
  </si>
  <si>
    <t>cg13644239</t>
  </si>
  <si>
    <t>cg13646941</t>
  </si>
  <si>
    <t>cg13648157</t>
  </si>
  <si>
    <t>cg13652120</t>
  </si>
  <si>
    <t>cg13652314</t>
  </si>
  <si>
    <t>cg13657106</t>
  </si>
  <si>
    <t>cg13665261</t>
  </si>
  <si>
    <t>cg13665998</t>
  </si>
  <si>
    <t>cg13676583</t>
  </si>
  <si>
    <t>cg13677424</t>
  </si>
  <si>
    <t>cg13677577</t>
  </si>
  <si>
    <t>cg13679083</t>
  </si>
  <si>
    <t>cg13681701</t>
  </si>
  <si>
    <t>cg13682375</t>
  </si>
  <si>
    <t>cg13685437</t>
  </si>
  <si>
    <t>cg13689073</t>
  </si>
  <si>
    <t>cg13691451</t>
  </si>
  <si>
    <t>cg13692902</t>
  </si>
  <si>
    <t>cg13695535</t>
  </si>
  <si>
    <t>cg13695646</t>
  </si>
  <si>
    <t>cg13701109</t>
  </si>
  <si>
    <t>cg13702942</t>
  </si>
  <si>
    <t>cg13703437</t>
  </si>
  <si>
    <t>cg13715761</t>
  </si>
  <si>
    <t>cg13716840</t>
  </si>
  <si>
    <t>cg13718539</t>
  </si>
  <si>
    <t>cg13724550</t>
  </si>
  <si>
    <t>cg13725516</t>
  </si>
  <si>
    <t>cg13744194</t>
  </si>
  <si>
    <t>cg13750123</t>
  </si>
  <si>
    <t>cg13755535</t>
  </si>
  <si>
    <t>cg13778073</t>
  </si>
  <si>
    <t>cg13787932</t>
  </si>
  <si>
    <t>cg13790719</t>
  </si>
  <si>
    <t>cg13818875</t>
  </si>
  <si>
    <t>cg13842648</t>
  </si>
  <si>
    <t>cg13847070</t>
  </si>
  <si>
    <t>cg13850354</t>
  </si>
  <si>
    <t>cg13859478</t>
  </si>
  <si>
    <t>cg13869401</t>
  </si>
  <si>
    <t>cg13882309</t>
  </si>
  <si>
    <t>cg13883256</t>
  </si>
  <si>
    <t>cg13887205</t>
  </si>
  <si>
    <t>cg13896764</t>
  </si>
  <si>
    <t>cg13897374</t>
  </si>
  <si>
    <t>cg13900348</t>
  </si>
  <si>
    <t>cg13904348</t>
  </si>
  <si>
    <t>cg13904481</t>
  </si>
  <si>
    <t>cg13906121</t>
  </si>
  <si>
    <t>cg13910989</t>
  </si>
  <si>
    <t>cg13912090</t>
  </si>
  <si>
    <t>cg13912748</t>
  </si>
  <si>
    <t>cg13913407</t>
  </si>
  <si>
    <t>cg13923018</t>
  </si>
  <si>
    <t>cg13923110</t>
  </si>
  <si>
    <t>cg13924604</t>
  </si>
  <si>
    <t>cg13924807</t>
  </si>
  <si>
    <t>cg13926279</t>
  </si>
  <si>
    <t>cg13927251</t>
  </si>
  <si>
    <t>cg13927756</t>
  </si>
  <si>
    <t>cg13931873</t>
  </si>
  <si>
    <t>cg13935485</t>
  </si>
  <si>
    <t>cg13937654</t>
  </si>
  <si>
    <t>cg13941669</t>
  </si>
  <si>
    <t>cg13945880</t>
  </si>
  <si>
    <t>cg13948548</t>
  </si>
  <si>
    <t>cg13954292</t>
  </si>
  <si>
    <t>cg13955436</t>
  </si>
  <si>
    <t>cg13957745</t>
  </si>
  <si>
    <t>cg13957818</t>
  </si>
  <si>
    <t>cg13958614</t>
  </si>
  <si>
    <t>cg13963033</t>
  </si>
  <si>
    <t>cg13971892</t>
  </si>
  <si>
    <t>cg13972793</t>
  </si>
  <si>
    <t>cg13974394</t>
  </si>
  <si>
    <t>cg13976496</t>
  </si>
  <si>
    <t>cg13980410</t>
  </si>
  <si>
    <t>cg13982098</t>
  </si>
  <si>
    <t>cg13983063</t>
  </si>
  <si>
    <t>cg13991631</t>
  </si>
  <si>
    <t>cg13991728</t>
  </si>
  <si>
    <t>cg13992911</t>
  </si>
  <si>
    <t>cg13993336</t>
  </si>
  <si>
    <t>cg13994079</t>
  </si>
  <si>
    <t>cg13995101</t>
  </si>
  <si>
    <t>cg13995774</t>
  </si>
  <si>
    <t>cg13998890</t>
  </si>
  <si>
    <t>cg14004073</t>
  </si>
  <si>
    <t>cg14012294</t>
  </si>
  <si>
    <t>cg14024788</t>
  </si>
  <si>
    <t>cg14039952</t>
  </si>
  <si>
    <t>cg14047639</t>
  </si>
  <si>
    <t>cg14047844</t>
  </si>
  <si>
    <t>cg14051264</t>
  </si>
  <si>
    <t>cg14053225</t>
  </si>
  <si>
    <t>cg14058774</t>
  </si>
  <si>
    <t>cg14059822</t>
  </si>
  <si>
    <t>cg14062050</t>
  </si>
  <si>
    <t>cg14064526</t>
  </si>
  <si>
    <t>cg14069412</t>
  </si>
  <si>
    <t>cg14071179</t>
  </si>
  <si>
    <t>cg14081218</t>
  </si>
  <si>
    <t>cg14088181</t>
  </si>
  <si>
    <t>cg14093365</t>
  </si>
  <si>
    <t>cg14093970</t>
  </si>
  <si>
    <t>cg14096482</t>
  </si>
  <si>
    <t>cg14099514</t>
  </si>
  <si>
    <t>cg14101494</t>
  </si>
  <si>
    <t>cg14101821</t>
  </si>
  <si>
    <t>cg14103574</t>
  </si>
  <si>
    <t>cg14104257</t>
  </si>
  <si>
    <t>cg14104626</t>
  </si>
  <si>
    <t>cg14105467</t>
  </si>
  <si>
    <t>cg14113010</t>
  </si>
  <si>
    <t>cg14116052</t>
  </si>
  <si>
    <t>cg14116465</t>
  </si>
  <si>
    <t>cg14117392</t>
  </si>
  <si>
    <t>cg14119774</t>
  </si>
  <si>
    <t>cg14122633</t>
  </si>
  <si>
    <t>cg14129473</t>
  </si>
  <si>
    <t>cg14135060</t>
  </si>
  <si>
    <t>cg14142283</t>
  </si>
  <si>
    <t>cg14158363</t>
  </si>
  <si>
    <t>cg14181459</t>
  </si>
  <si>
    <t>cg14186584</t>
  </si>
  <si>
    <t>cg14189614</t>
  </si>
  <si>
    <t>cg14196790</t>
  </si>
  <si>
    <t>cg14209133</t>
  </si>
  <si>
    <t>cg14223293</t>
  </si>
  <si>
    <t>cg14225544</t>
  </si>
  <si>
    <t>cg14242292</t>
  </si>
  <si>
    <t>cg14282596</t>
  </si>
  <si>
    <t>cg14311471</t>
  </si>
  <si>
    <t>cg14319409</t>
  </si>
  <si>
    <t>cg14333176</t>
  </si>
  <si>
    <t>cg14367485</t>
  </si>
  <si>
    <t>cg14376424</t>
  </si>
  <si>
    <t>cg14401466</t>
  </si>
  <si>
    <t>cg14410395</t>
  </si>
  <si>
    <t>cg14417861</t>
  </si>
  <si>
    <t>cg14421717</t>
  </si>
  <si>
    <t>cg14442492</t>
  </si>
  <si>
    <t>cg14443467</t>
  </si>
  <si>
    <t>cg14445229</t>
  </si>
  <si>
    <t>cg14446808</t>
  </si>
  <si>
    <t>cg14450725</t>
  </si>
  <si>
    <t>cg14452947</t>
  </si>
  <si>
    <t>cg14459046</t>
  </si>
  <si>
    <t>cg14461006</t>
  </si>
  <si>
    <t>cg14461752</t>
  </si>
  <si>
    <t>cg14468658</t>
  </si>
  <si>
    <t>cg14469389</t>
  </si>
  <si>
    <t>cg14474499</t>
  </si>
  <si>
    <t>cg14478163</t>
  </si>
  <si>
    <t>cg14480222</t>
  </si>
  <si>
    <t>cg14483162</t>
  </si>
  <si>
    <t>cg14483317</t>
  </si>
  <si>
    <t>cg14484145</t>
  </si>
  <si>
    <t>cg14494204</t>
  </si>
  <si>
    <t>cg14500258</t>
  </si>
  <si>
    <t>cg14500614</t>
  </si>
  <si>
    <t>cg14502625</t>
  </si>
  <si>
    <t>cg14503464</t>
  </si>
  <si>
    <t>cg14505704</t>
  </si>
  <si>
    <t>cg14507146</t>
  </si>
  <si>
    <t>cg14509631</t>
  </si>
  <si>
    <t>cg14510567</t>
  </si>
  <si>
    <t>cg14518803</t>
  </si>
  <si>
    <t>cg14518948</t>
  </si>
  <si>
    <t>cg14519032</t>
  </si>
  <si>
    <t>cg14519115</t>
  </si>
  <si>
    <t>cg14523284</t>
  </si>
  <si>
    <t>cg14527110</t>
  </si>
  <si>
    <t>cg14530963</t>
  </si>
  <si>
    <t>cg14531319</t>
  </si>
  <si>
    <t>cg14533753</t>
  </si>
  <si>
    <t>cg14535018</t>
  </si>
  <si>
    <t>cg14537507</t>
  </si>
  <si>
    <t>cg14540821</t>
  </si>
  <si>
    <t>cg14542334</t>
  </si>
  <si>
    <t>cg14548047</t>
  </si>
  <si>
    <t>cg14555350</t>
  </si>
  <si>
    <t>cg14555811</t>
  </si>
  <si>
    <t>cg14565270</t>
  </si>
  <si>
    <t>cg14566081</t>
  </si>
  <si>
    <t>cg14570055</t>
  </si>
  <si>
    <t>cg14571552</t>
  </si>
  <si>
    <t>cg14576733</t>
  </si>
  <si>
    <t>cg14582452</t>
  </si>
  <si>
    <t>cg14583583</t>
  </si>
  <si>
    <t>cg14583673</t>
  </si>
  <si>
    <t>cg14584244</t>
  </si>
  <si>
    <t>cg14592099</t>
  </si>
  <si>
    <t>cg14593418</t>
  </si>
  <si>
    <t>cg14594785</t>
  </si>
  <si>
    <t>cg14595930</t>
  </si>
  <si>
    <t>cg14596589</t>
  </si>
  <si>
    <t>cg14598034</t>
  </si>
  <si>
    <t>cg14599823</t>
  </si>
  <si>
    <t>cg14600885</t>
  </si>
  <si>
    <t>cg14612133</t>
  </si>
  <si>
    <t>cg14613470</t>
  </si>
  <si>
    <t>cg14613508</t>
  </si>
  <si>
    <t>cg14614811</t>
  </si>
  <si>
    <t>cg14614844</t>
  </si>
  <si>
    <t>cg14615660</t>
  </si>
  <si>
    <t>cg14616369</t>
  </si>
  <si>
    <t>cg14619949</t>
  </si>
  <si>
    <t>cg14629055</t>
  </si>
  <si>
    <t>cg14635187</t>
  </si>
  <si>
    <t>cg14641600</t>
  </si>
  <si>
    <t>cg14641625</t>
  </si>
  <si>
    <t>cg14642222</t>
  </si>
  <si>
    <t>cg14643039</t>
  </si>
  <si>
    <t>cg14643075</t>
  </si>
  <si>
    <t>cg14644475</t>
  </si>
  <si>
    <t>cg14644761</t>
  </si>
  <si>
    <t>cg14646039</t>
  </si>
  <si>
    <t>cg14652773</t>
  </si>
  <si>
    <t>cg14654926</t>
  </si>
  <si>
    <t>cg14659193</t>
  </si>
  <si>
    <t>cg14661385</t>
  </si>
  <si>
    <t>cg14662675</t>
  </si>
  <si>
    <t>cg14665812</t>
  </si>
  <si>
    <t>cg14666655</t>
  </si>
  <si>
    <t>cg14670788</t>
  </si>
  <si>
    <t>cg14671011</t>
  </si>
  <si>
    <t>cg14674856</t>
  </si>
  <si>
    <t>cg14682080</t>
  </si>
  <si>
    <t>cg14684960</t>
  </si>
  <si>
    <t>cg14688430</t>
  </si>
  <si>
    <t>cg14693112</t>
  </si>
  <si>
    <t>cg14693804</t>
  </si>
  <si>
    <t>cg14694657</t>
  </si>
  <si>
    <t>cg14696254</t>
  </si>
  <si>
    <t>cg14700104</t>
  </si>
  <si>
    <t>cg14705319</t>
  </si>
  <si>
    <t>cg14707974</t>
  </si>
  <si>
    <t>cg14709481</t>
  </si>
  <si>
    <t>cg14710984</t>
  </si>
  <si>
    <t>cg14711201</t>
  </si>
  <si>
    <t>cg14711743</t>
  </si>
  <si>
    <t>cg14714391</t>
  </si>
  <si>
    <t>cg14719865</t>
  </si>
  <si>
    <t>cg14720024</t>
  </si>
  <si>
    <t>cg14721214</t>
  </si>
  <si>
    <t>cg14722162</t>
  </si>
  <si>
    <t>cg14724918</t>
  </si>
  <si>
    <t>cg14725858</t>
  </si>
  <si>
    <t>cg14727987</t>
  </si>
  <si>
    <t>cg14736365</t>
  </si>
  <si>
    <t>cg14739859</t>
  </si>
  <si>
    <t>cg14741236</t>
  </si>
  <si>
    <t>cg14744022</t>
  </si>
  <si>
    <t>cg14744511</t>
  </si>
  <si>
    <t>cg14747322</t>
  </si>
  <si>
    <t>cg14748856</t>
  </si>
  <si>
    <t>cg14758359</t>
  </si>
  <si>
    <t>cg14758967</t>
  </si>
  <si>
    <t>cg14771734</t>
  </si>
  <si>
    <t>cg14772884</t>
  </si>
  <si>
    <t>cg14773178</t>
  </si>
  <si>
    <t>cg14773260</t>
  </si>
  <si>
    <t>cg14773365</t>
  </si>
  <si>
    <t>cg14773728</t>
  </si>
  <si>
    <t>cg14778348</t>
  </si>
  <si>
    <t>cg14779106</t>
  </si>
  <si>
    <t>cg14783943</t>
  </si>
  <si>
    <t>cg14784788</t>
  </si>
  <si>
    <t>cg14785392</t>
  </si>
  <si>
    <t>cg14786285</t>
  </si>
  <si>
    <t>cg14789272</t>
  </si>
  <si>
    <t>cg14792180</t>
  </si>
  <si>
    <t>cg14794799</t>
  </si>
  <si>
    <t>cg14798390</t>
  </si>
  <si>
    <t>cg14798760</t>
  </si>
  <si>
    <t>cg14799488</t>
  </si>
  <si>
    <t>cg14800014</t>
  </si>
  <si>
    <t>cg14800603</t>
  </si>
  <si>
    <t>cg14803350</t>
  </si>
  <si>
    <t>cg14818279</t>
  </si>
  <si>
    <t>cg14819368</t>
  </si>
  <si>
    <t>cg14819891</t>
  </si>
  <si>
    <t>cg14826394</t>
  </si>
  <si>
    <t>cg14827527</t>
  </si>
  <si>
    <t>cg14834989</t>
  </si>
  <si>
    <t>cg14840418</t>
  </si>
  <si>
    <t>cg14841483</t>
  </si>
  <si>
    <t>cg14841929</t>
  </si>
  <si>
    <t>cg14845909</t>
  </si>
  <si>
    <t>cg14846981</t>
  </si>
  <si>
    <t>cg14851468</t>
  </si>
  <si>
    <t>cg14855378</t>
  </si>
  <si>
    <t>cg14856485</t>
  </si>
  <si>
    <t>cg14859460</t>
  </si>
  <si>
    <t>cg14861298</t>
  </si>
  <si>
    <t>cg14862385</t>
  </si>
  <si>
    <t>cg14862791</t>
  </si>
  <si>
    <t>cg14863186</t>
  </si>
  <si>
    <t>cg14864508</t>
  </si>
  <si>
    <t>cg14864578</t>
  </si>
  <si>
    <t>cg14864853</t>
  </si>
  <si>
    <t>cg14865516</t>
  </si>
  <si>
    <t>cg14869487</t>
  </si>
  <si>
    <t>cg14870539</t>
  </si>
  <si>
    <t>cg14872580</t>
  </si>
  <si>
    <t>cg14874121</t>
  </si>
  <si>
    <t>cg14876338</t>
  </si>
  <si>
    <t>cg14877718</t>
  </si>
  <si>
    <t>cg14879418</t>
  </si>
  <si>
    <t>cg14879760</t>
  </si>
  <si>
    <t>cg14882577</t>
  </si>
  <si>
    <t>cg14887662</t>
  </si>
  <si>
    <t>cg14913210</t>
  </si>
  <si>
    <t>cg14916382</t>
  </si>
  <si>
    <t>cg14916917</t>
  </si>
  <si>
    <t>cg14919554</t>
  </si>
  <si>
    <t>cg14920426</t>
  </si>
  <si>
    <t>cg14952449</t>
  </si>
  <si>
    <t>cg14958635</t>
  </si>
  <si>
    <t>cg14958663</t>
  </si>
  <si>
    <t>cg14958947</t>
  </si>
  <si>
    <t>cg14960445</t>
  </si>
  <si>
    <t>cg14966252</t>
  </si>
  <si>
    <t>cg14966562</t>
  </si>
  <si>
    <t>cg14968378</t>
  </si>
  <si>
    <t>cg14970046</t>
  </si>
  <si>
    <t>cg14971327</t>
  </si>
  <si>
    <t>cg14971998</t>
  </si>
  <si>
    <t>cg14978242</t>
  </si>
  <si>
    <t>cg14978801</t>
  </si>
  <si>
    <t>cg14980234</t>
  </si>
  <si>
    <t>cg14980667</t>
  </si>
  <si>
    <t>cg14981137</t>
  </si>
  <si>
    <t>cg14982043</t>
  </si>
  <si>
    <t>cg14983540</t>
  </si>
  <si>
    <t>cg14990644</t>
  </si>
  <si>
    <t>cg14994060</t>
  </si>
  <si>
    <t>cg14994247</t>
  </si>
  <si>
    <t>cg14995785</t>
  </si>
  <si>
    <t>cg15003158</t>
  </si>
  <si>
    <t>cg15004405</t>
  </si>
  <si>
    <t>cg15004787</t>
  </si>
  <si>
    <t>cg15009698</t>
  </si>
  <si>
    <t>cg15010616</t>
  </si>
  <si>
    <t>cg15014188</t>
  </si>
  <si>
    <t>cg15015143</t>
  </si>
  <si>
    <t>cg15015757</t>
  </si>
  <si>
    <t>cg15019707</t>
  </si>
  <si>
    <t>cg15020645</t>
  </si>
  <si>
    <t>cg15021292</t>
  </si>
  <si>
    <t>cg15024055</t>
  </si>
  <si>
    <t>cg15025560</t>
  </si>
  <si>
    <t>cg15027262</t>
  </si>
  <si>
    <t>cg15030397</t>
  </si>
  <si>
    <t>cg15032025</t>
  </si>
  <si>
    <t>cg15034135</t>
  </si>
  <si>
    <t>cg15035705</t>
  </si>
  <si>
    <t>cg15036894</t>
  </si>
  <si>
    <t>cg15037445</t>
  </si>
  <si>
    <t>cg15043113</t>
  </si>
  <si>
    <t>cg15043318</t>
  </si>
  <si>
    <t>cg15044767</t>
  </si>
  <si>
    <t>cg15045943</t>
  </si>
  <si>
    <t>cg15046927</t>
  </si>
  <si>
    <t>cg15047660</t>
  </si>
  <si>
    <t>cg15052217</t>
  </si>
  <si>
    <t>cg15083845</t>
  </si>
  <si>
    <t>cg15089097</t>
  </si>
  <si>
    <t>cg15089370</t>
  </si>
  <si>
    <t>cg15089387</t>
  </si>
  <si>
    <t>cg15090909</t>
  </si>
  <si>
    <t>cg15092168</t>
  </si>
  <si>
    <t>cg15094104</t>
  </si>
  <si>
    <t>cg15094117</t>
  </si>
  <si>
    <t>cg15100417</t>
  </si>
  <si>
    <t>cg15100936</t>
  </si>
  <si>
    <t>cg15101634</t>
  </si>
  <si>
    <t>cg15102430</t>
  </si>
  <si>
    <t>cg15105206</t>
  </si>
  <si>
    <t>cg15120855</t>
  </si>
  <si>
    <t>cg15122343</t>
  </si>
  <si>
    <t>cg15123573</t>
  </si>
  <si>
    <t>cg15124968</t>
  </si>
  <si>
    <t>cg15126021</t>
  </si>
  <si>
    <t>cg15126050</t>
  </si>
  <si>
    <t>cg15126957</t>
  </si>
  <si>
    <t>cg15128679</t>
  </si>
  <si>
    <t>cg15129183</t>
  </si>
  <si>
    <t>cg15140323</t>
  </si>
  <si>
    <t>cg15141378</t>
  </si>
  <si>
    <t>cg15142890</t>
  </si>
  <si>
    <t>cg15143788</t>
  </si>
  <si>
    <t>cg15145693</t>
  </si>
  <si>
    <t>cg15146621</t>
  </si>
  <si>
    <t>cg15161394</t>
  </si>
  <si>
    <t>cg15162922</t>
  </si>
  <si>
    <t>cg15165084</t>
  </si>
  <si>
    <t>cg15165154</t>
  </si>
  <si>
    <t>cg15169988</t>
  </si>
  <si>
    <t>cg15171839</t>
  </si>
  <si>
    <t>cg15174248</t>
  </si>
  <si>
    <t>cg15177964</t>
  </si>
  <si>
    <t>cg15179011</t>
  </si>
  <si>
    <t>cg15182643</t>
  </si>
  <si>
    <t>cg15188252</t>
  </si>
  <si>
    <t>cg15190401</t>
  </si>
  <si>
    <t>cg15190754</t>
  </si>
  <si>
    <t>cg15193171</t>
  </si>
  <si>
    <t>cg15196042</t>
  </si>
  <si>
    <t>cg15198736</t>
  </si>
  <si>
    <t>cg15207662</t>
  </si>
  <si>
    <t>cg15219320</t>
  </si>
  <si>
    <t>cg15222329</t>
  </si>
  <si>
    <t>cg15226428</t>
  </si>
  <si>
    <t>cg15241708</t>
  </si>
  <si>
    <t>cg15260250</t>
  </si>
  <si>
    <t>cg15264904</t>
  </si>
  <si>
    <t>cg15269294</t>
  </si>
  <si>
    <t>cg15292768</t>
  </si>
  <si>
    <t>cg15329179</t>
  </si>
  <si>
    <t>cg15333932</t>
  </si>
  <si>
    <t>cg15334494</t>
  </si>
  <si>
    <t>cg15334572</t>
  </si>
  <si>
    <t>cg15336997</t>
  </si>
  <si>
    <t>cg15337815</t>
  </si>
  <si>
    <t>cg15337887</t>
  </si>
  <si>
    <t>cg15339789</t>
  </si>
  <si>
    <t>cg15340582</t>
  </si>
  <si>
    <t>cg15351446</t>
  </si>
  <si>
    <t>cg15357821</t>
  </si>
  <si>
    <t>cg15366301</t>
  </si>
  <si>
    <t>cg15366684</t>
  </si>
  <si>
    <t>cg15368455</t>
  </si>
  <si>
    <t>cg15371881</t>
  </si>
  <si>
    <t>cg15375424</t>
  </si>
  <si>
    <t>cg15376367</t>
  </si>
  <si>
    <t>cg15380263</t>
  </si>
  <si>
    <t>cg15380716</t>
  </si>
  <si>
    <t>cg15386372</t>
  </si>
  <si>
    <t>cg15386865</t>
  </si>
  <si>
    <t>cg15389519</t>
  </si>
  <si>
    <t>cg15391499</t>
  </si>
  <si>
    <t>cg15392124</t>
  </si>
  <si>
    <t>cg15393051</t>
  </si>
  <si>
    <t>cg15401332</t>
  </si>
  <si>
    <t>cg15402095</t>
  </si>
  <si>
    <t>cg15409468</t>
  </si>
  <si>
    <t>cg15411447</t>
  </si>
  <si>
    <t>cg15412918</t>
  </si>
  <si>
    <t>cg15413523</t>
  </si>
  <si>
    <t>cg15414982</t>
  </si>
  <si>
    <t>cg15419211</t>
  </si>
  <si>
    <t>cg15420159</t>
  </si>
  <si>
    <t>cg15420615</t>
  </si>
  <si>
    <t>cg15420634</t>
  </si>
  <si>
    <t>cg15420687</t>
  </si>
  <si>
    <t>cg15420720</t>
  </si>
  <si>
    <t>cg15422005</t>
  </si>
  <si>
    <t>cg15426956</t>
  </si>
  <si>
    <t>cg15437432</t>
  </si>
  <si>
    <t>cg15442702</t>
  </si>
  <si>
    <t>cg15444648</t>
  </si>
  <si>
    <t>cg15467759</t>
  </si>
  <si>
    <t>cg15473084</t>
  </si>
  <si>
    <t>cg15477247</t>
  </si>
  <si>
    <t>cg15505412</t>
  </si>
  <si>
    <t>cg15512961</t>
  </si>
  <si>
    <t>cg15516226</t>
  </si>
  <si>
    <t>cg15518950</t>
  </si>
  <si>
    <t>cg15525848</t>
  </si>
  <si>
    <t>cg15529680</t>
  </si>
  <si>
    <t>cg15531486</t>
  </si>
  <si>
    <t>cg15534212</t>
  </si>
  <si>
    <t>cg15537433</t>
  </si>
  <si>
    <t>cg15538070</t>
  </si>
  <si>
    <t>cg15538669</t>
  </si>
  <si>
    <t>cg15538767</t>
  </si>
  <si>
    <t>cg15541008</t>
  </si>
  <si>
    <t>cg15543452</t>
  </si>
  <si>
    <t>cg15544071</t>
  </si>
  <si>
    <t>cg15544720</t>
  </si>
  <si>
    <t>cg15549029</t>
  </si>
  <si>
    <t>cg15549761</t>
  </si>
  <si>
    <t>cg15552172</t>
  </si>
  <si>
    <t>cg15552370</t>
  </si>
  <si>
    <t>cg15553958</t>
  </si>
  <si>
    <t>cg15555712</t>
  </si>
  <si>
    <t>cg15555995</t>
  </si>
  <si>
    <t>cg15557878</t>
  </si>
  <si>
    <t>cg15563057</t>
  </si>
  <si>
    <t>cg15567634</t>
  </si>
  <si>
    <t>cg15574301</t>
  </si>
  <si>
    <t>cg15595030</t>
  </si>
  <si>
    <t>cg15596189</t>
  </si>
  <si>
    <t>cg15597069</t>
  </si>
  <si>
    <t>cg15598120</t>
  </si>
  <si>
    <t>cg15599832</t>
  </si>
  <si>
    <t>cg15600751</t>
  </si>
  <si>
    <t>cg15601915</t>
  </si>
  <si>
    <t>cg15611624</t>
  </si>
  <si>
    <t>cg15611809</t>
  </si>
  <si>
    <t>cg15612947</t>
  </si>
  <si>
    <t>cg15614155</t>
  </si>
  <si>
    <t>cg15614301</t>
  </si>
  <si>
    <t>cg15618908</t>
  </si>
  <si>
    <t>cg15619794</t>
  </si>
  <si>
    <t>cg15622672</t>
  </si>
  <si>
    <t>cg15622912</t>
  </si>
  <si>
    <t>cg15623550</t>
  </si>
  <si>
    <t>cg15623892</t>
  </si>
  <si>
    <t>cg15626193</t>
  </si>
  <si>
    <t>cg15626797</t>
  </si>
  <si>
    <t>cg15628972</t>
  </si>
  <si>
    <t>cg15637484</t>
  </si>
  <si>
    <t>cg15637765</t>
  </si>
  <si>
    <t>cg15646817</t>
  </si>
  <si>
    <t>cg15647725</t>
  </si>
  <si>
    <t>cg15648832</t>
  </si>
  <si>
    <t>cg15649208</t>
  </si>
  <si>
    <t>cg15652169</t>
  </si>
  <si>
    <t>cg15655486</t>
  </si>
  <si>
    <t>cg15656181</t>
  </si>
  <si>
    <t>cg15656347</t>
  </si>
  <si>
    <t>cg15656769</t>
  </si>
  <si>
    <t>cg15661120</t>
  </si>
  <si>
    <t>cg15664067</t>
  </si>
  <si>
    <t>cg15664899</t>
  </si>
  <si>
    <t>cg15671158</t>
  </si>
  <si>
    <t>cg15672022</t>
  </si>
  <si>
    <t>cg15672072</t>
  </si>
  <si>
    <t>cg15675123</t>
  </si>
  <si>
    <t>cg15676241</t>
  </si>
  <si>
    <t>cg15677600</t>
  </si>
  <si>
    <t>cg15678380</t>
  </si>
  <si>
    <t>cg15678744</t>
  </si>
  <si>
    <t>cg15680973</t>
  </si>
  <si>
    <t>cg15685672</t>
  </si>
  <si>
    <t>cg15686437</t>
  </si>
  <si>
    <t>cg15686949</t>
  </si>
  <si>
    <t>cg15687395</t>
  </si>
  <si>
    <t>cg15687622</t>
  </si>
  <si>
    <t>cg15697257</t>
  </si>
  <si>
    <t>cg15699085</t>
  </si>
  <si>
    <t>cg15710554</t>
  </si>
  <si>
    <t>cg15714074</t>
  </si>
  <si>
    <t>cg15715507</t>
  </si>
  <si>
    <t>cg15716494</t>
  </si>
  <si>
    <t>cg15716847</t>
  </si>
  <si>
    <t>cg15727463</t>
  </si>
  <si>
    <t>cg15730313</t>
  </si>
  <si>
    <t>cg15740979</t>
  </si>
  <si>
    <t>cg15790852</t>
  </si>
  <si>
    <t>cg15810386</t>
  </si>
  <si>
    <t>cg15813090</t>
  </si>
  <si>
    <t>cg15813594</t>
  </si>
  <si>
    <t>cg15814504</t>
  </si>
  <si>
    <t>cg15815403</t>
  </si>
  <si>
    <t>cg15815587</t>
  </si>
  <si>
    <t>cg15817406</t>
  </si>
  <si>
    <t>cg15817464</t>
  </si>
  <si>
    <t>cg15820400</t>
  </si>
  <si>
    <t>cg15823859</t>
  </si>
  <si>
    <t>cg15824323</t>
  </si>
  <si>
    <t>cg15827031</t>
  </si>
  <si>
    <t>cg15827843</t>
  </si>
  <si>
    <t>cg15828096</t>
  </si>
  <si>
    <t>cg15830422</t>
  </si>
  <si>
    <t>cg15831285</t>
  </si>
  <si>
    <t>cg15833353</t>
  </si>
  <si>
    <t>cg15833873</t>
  </si>
  <si>
    <t>cg15835805</t>
  </si>
  <si>
    <t>cg15837280</t>
  </si>
  <si>
    <t>cg15838042</t>
  </si>
  <si>
    <t>cg15851800</t>
  </si>
  <si>
    <t>cg15852891</t>
  </si>
  <si>
    <t>cg15855237</t>
  </si>
  <si>
    <t>cg15869649</t>
  </si>
  <si>
    <t>cg15870576</t>
  </si>
  <si>
    <t>cg15874877</t>
  </si>
  <si>
    <t>cg15879084</t>
  </si>
  <si>
    <t>cg15882762</t>
  </si>
  <si>
    <t>cg15886008</t>
  </si>
  <si>
    <t>cg15886244</t>
  </si>
  <si>
    <t>cg15888340</t>
  </si>
  <si>
    <t>cg15892650</t>
  </si>
  <si>
    <t>cg15895121</t>
  </si>
  <si>
    <t>cg15895391</t>
  </si>
  <si>
    <t>cg15896301</t>
  </si>
  <si>
    <t>cg15897840</t>
  </si>
  <si>
    <t>cg15898536</t>
  </si>
  <si>
    <t>cg15901722</t>
  </si>
  <si>
    <t>cg15902864</t>
  </si>
  <si>
    <t>cg15902957</t>
  </si>
  <si>
    <t>cg15905124</t>
  </si>
  <si>
    <t>cg15910414</t>
  </si>
  <si>
    <t>cg15911114</t>
  </si>
  <si>
    <t>cg15911328</t>
  </si>
  <si>
    <t>cg15913645</t>
  </si>
  <si>
    <t>cg15914239</t>
  </si>
  <si>
    <t>cg15914500</t>
  </si>
  <si>
    <t>cg15919431</t>
  </si>
  <si>
    <t>cg15921518</t>
  </si>
  <si>
    <t>cg15923943</t>
  </si>
  <si>
    <t>cg15927295</t>
  </si>
  <si>
    <t>cg15927927</t>
  </si>
  <si>
    <t>cg15929201</t>
  </si>
  <si>
    <t>cg15936446</t>
  </si>
  <si>
    <t>cg15943396</t>
  </si>
  <si>
    <t>cg15946312</t>
  </si>
  <si>
    <t>cg15946571</t>
  </si>
  <si>
    <t>cg15947959</t>
  </si>
  <si>
    <t>cg15948012</t>
  </si>
  <si>
    <t>cg15949553</t>
  </si>
  <si>
    <t>cg15951280</t>
  </si>
  <si>
    <t>cg15951557</t>
  </si>
  <si>
    <t>cg15952808</t>
  </si>
  <si>
    <t>cg15954031</t>
  </si>
  <si>
    <t>cg15956794</t>
  </si>
  <si>
    <t>cg15960580</t>
  </si>
  <si>
    <t>cg15966954</t>
  </si>
  <si>
    <t>cg15968604</t>
  </si>
  <si>
    <t>cg15969756</t>
  </si>
  <si>
    <t>cg15975890</t>
  </si>
  <si>
    <t>cg15981305</t>
  </si>
  <si>
    <t>cg15988320</t>
  </si>
  <si>
    <t>cg15989525</t>
  </si>
  <si>
    <t>cg15992710</t>
  </si>
  <si>
    <t>cg15994999</t>
  </si>
  <si>
    <t>cg15999077</t>
  </si>
  <si>
    <t>cg16000227</t>
  </si>
  <si>
    <t>cg16005592</t>
  </si>
  <si>
    <t>cg16009167</t>
  </si>
  <si>
    <t>cg16013309</t>
  </si>
  <si>
    <t>cg16014000</t>
  </si>
  <si>
    <t>cg16016716</t>
  </si>
  <si>
    <t>cg16031133</t>
  </si>
  <si>
    <t>cg16045612</t>
  </si>
  <si>
    <t>cg16048537</t>
  </si>
  <si>
    <t>cg16049691</t>
  </si>
  <si>
    <t>cg16049890</t>
  </si>
  <si>
    <t>cg16051089</t>
  </si>
  <si>
    <t>cg16059665</t>
  </si>
  <si>
    <t>cg16062320</t>
  </si>
  <si>
    <t>cg16067210</t>
  </si>
  <si>
    <t>cg16068490</t>
  </si>
  <si>
    <t>cg16070709</t>
  </si>
  <si>
    <t>cg16072304</t>
  </si>
  <si>
    <t>cg16075209</t>
  </si>
  <si>
    <t>cg16079430</t>
  </si>
  <si>
    <t>cg16084842</t>
  </si>
  <si>
    <t>cg16086570</t>
  </si>
  <si>
    <t>cg16086730</t>
  </si>
  <si>
    <t>cg16087267</t>
  </si>
  <si>
    <t>cg16087826</t>
  </si>
  <si>
    <t>cg16089416</t>
  </si>
  <si>
    <t>cg16090192</t>
  </si>
  <si>
    <t>cg16092017</t>
  </si>
  <si>
    <t>cg16096308</t>
  </si>
  <si>
    <t>cg16097330</t>
  </si>
  <si>
    <t>cg16097655</t>
  </si>
  <si>
    <t>cg16102102</t>
  </si>
  <si>
    <t>cg16104076</t>
  </si>
  <si>
    <t>cg16105591</t>
  </si>
  <si>
    <t>cg16110411</t>
  </si>
  <si>
    <t>cg16110711</t>
  </si>
  <si>
    <t>cg16112129</t>
  </si>
  <si>
    <t>cg16117125</t>
  </si>
  <si>
    <t>cg16119483</t>
  </si>
  <si>
    <t>cg16126816</t>
  </si>
  <si>
    <t>cg16129777</t>
  </si>
  <si>
    <t>cg16131300</t>
  </si>
  <si>
    <t>cg16137007</t>
  </si>
  <si>
    <t>cg16138150</t>
  </si>
  <si>
    <t>cg16141752</t>
  </si>
  <si>
    <t>cg16144934</t>
  </si>
  <si>
    <t>cg16149930</t>
  </si>
  <si>
    <t>cg16150702</t>
  </si>
  <si>
    <t>cg16151960</t>
  </si>
  <si>
    <t>cg16151977</t>
  </si>
  <si>
    <t>cg16153168</t>
  </si>
  <si>
    <t>cg16153232</t>
  </si>
  <si>
    <t>cg16153986</t>
  </si>
  <si>
    <t>cg16154332</t>
  </si>
  <si>
    <t>cg16159717</t>
  </si>
  <si>
    <t>cg16160720</t>
  </si>
  <si>
    <t>cg16161135</t>
  </si>
  <si>
    <t>cg16161425</t>
  </si>
  <si>
    <t>cg16163535</t>
  </si>
  <si>
    <t>cg16168424</t>
  </si>
  <si>
    <t>cg16171407</t>
  </si>
  <si>
    <t>cg16176675</t>
  </si>
  <si>
    <t>cg16179182</t>
  </si>
  <si>
    <t>cg16181383</t>
  </si>
  <si>
    <t>cg16181978</t>
  </si>
  <si>
    <t>cg16182986</t>
  </si>
  <si>
    <t>cg16184242</t>
  </si>
  <si>
    <t>cg16184750</t>
  </si>
  <si>
    <t>cg16186131</t>
  </si>
  <si>
    <t>cg16187340</t>
  </si>
  <si>
    <t>cg16188038</t>
  </si>
  <si>
    <t>cg16194544</t>
  </si>
  <si>
    <t>cg16195496</t>
  </si>
  <si>
    <t>cg16198450</t>
  </si>
  <si>
    <t>cg16201940</t>
  </si>
  <si>
    <t>cg16202419</t>
  </si>
  <si>
    <t>cg16211704</t>
  </si>
  <si>
    <t>cg16211736</t>
  </si>
  <si>
    <t>cg16219322</t>
  </si>
  <si>
    <t>cg16221201</t>
  </si>
  <si>
    <t>cg16230060</t>
  </si>
  <si>
    <t>cg16230720</t>
  </si>
  <si>
    <t>cg16233489</t>
  </si>
  <si>
    <t>cg16235371</t>
  </si>
  <si>
    <t>cg16235679</t>
  </si>
  <si>
    <t>cg16235707</t>
  </si>
  <si>
    <t>cg16239216</t>
  </si>
  <si>
    <t>cg16244648</t>
  </si>
  <si>
    <t>cg16245345</t>
  </si>
  <si>
    <t>cg16246489</t>
  </si>
  <si>
    <t>cg16247269</t>
  </si>
  <si>
    <t>cg16247912</t>
  </si>
  <si>
    <t>cg16253338</t>
  </si>
  <si>
    <t>cg16254962</t>
  </si>
  <si>
    <t>cg16256592</t>
  </si>
  <si>
    <t>cg16258223</t>
  </si>
  <si>
    <t>cg16261572</t>
  </si>
  <si>
    <t>cg16261871</t>
  </si>
  <si>
    <t>cg16264466</t>
  </si>
  <si>
    <t>cg16264495</t>
  </si>
  <si>
    <t>cg16265906</t>
  </si>
  <si>
    <t>cg16266763</t>
  </si>
  <si>
    <t>cg16268429</t>
  </si>
  <si>
    <t>cg16269532</t>
  </si>
  <si>
    <t>cg16270526</t>
  </si>
  <si>
    <t>cg16272868</t>
  </si>
  <si>
    <t>cg16275981</t>
  </si>
  <si>
    <t>cg16276108</t>
  </si>
  <si>
    <t>cg16277944</t>
  </si>
  <si>
    <t>cg16280141</t>
  </si>
  <si>
    <t>cg16288562</t>
  </si>
  <si>
    <t>cg16298264</t>
  </si>
  <si>
    <t>cg16299063</t>
  </si>
  <si>
    <t>cg16300556</t>
  </si>
  <si>
    <t>cg16305037</t>
  </si>
  <si>
    <t>cg16309243</t>
  </si>
  <si>
    <t>cg16309721</t>
  </si>
  <si>
    <t>cg16309944</t>
  </si>
  <si>
    <t>cg16310774</t>
  </si>
  <si>
    <t>cg16311462</t>
  </si>
  <si>
    <t>cg16314693</t>
  </si>
  <si>
    <t>cg16317273</t>
  </si>
  <si>
    <t>cg16317923</t>
  </si>
  <si>
    <t>cg16318768</t>
  </si>
  <si>
    <t>cg16319860</t>
  </si>
  <si>
    <t>cg16320199</t>
  </si>
  <si>
    <t>cg16322479</t>
  </si>
  <si>
    <t>cg16324633</t>
  </si>
  <si>
    <t>cg16325251</t>
  </si>
  <si>
    <t>cg16326367</t>
  </si>
  <si>
    <t>cg16332813</t>
  </si>
  <si>
    <t>cg16334127</t>
  </si>
  <si>
    <t>cg16334383</t>
  </si>
  <si>
    <t>cg16335868</t>
  </si>
  <si>
    <t>cg16336751</t>
  </si>
  <si>
    <t>cg16339915</t>
  </si>
  <si>
    <t>cg16344026</t>
  </si>
  <si>
    <t>cg16351010</t>
  </si>
  <si>
    <t>cg16356013</t>
  </si>
  <si>
    <t>cg16360310</t>
  </si>
  <si>
    <t>cg16360372</t>
  </si>
  <si>
    <t>cg16360861</t>
  </si>
  <si>
    <t>cg16362140</t>
  </si>
  <si>
    <t>cg16365064</t>
  </si>
  <si>
    <t>cg16365086</t>
  </si>
  <si>
    <t>cg16367697</t>
  </si>
  <si>
    <t>cg16370061</t>
  </si>
  <si>
    <t>cg16370645</t>
  </si>
  <si>
    <t>cg16370767</t>
  </si>
  <si>
    <t>cg16370863</t>
  </si>
  <si>
    <t>cg16373535</t>
  </si>
  <si>
    <t>cg16374080</t>
  </si>
  <si>
    <t>cg16375999</t>
  </si>
  <si>
    <t>cg16377959</t>
  </si>
  <si>
    <t>cg16384588</t>
  </si>
  <si>
    <t>cg16391973</t>
  </si>
  <si>
    <t>cg16392193</t>
  </si>
  <si>
    <t>cg16393893</t>
  </si>
  <si>
    <t>cg16397714</t>
  </si>
  <si>
    <t>cg16400488</t>
  </si>
  <si>
    <t>cg16402693</t>
  </si>
  <si>
    <t>cg16413715</t>
  </si>
  <si>
    <t>cg16413763</t>
  </si>
  <si>
    <t>cg16415724</t>
  </si>
  <si>
    <t>cg16418800</t>
  </si>
  <si>
    <t>cg16419724</t>
  </si>
  <si>
    <t>cg16419756</t>
  </si>
  <si>
    <t>cg16419906</t>
  </si>
  <si>
    <t>cg16421589</t>
  </si>
  <si>
    <t>cg16422602</t>
  </si>
  <si>
    <t>cg16422714</t>
  </si>
  <si>
    <t>cg16422884</t>
  </si>
  <si>
    <t>cg16424683</t>
  </si>
  <si>
    <t>cg16425489</t>
  </si>
  <si>
    <t>cg16426715</t>
  </si>
  <si>
    <t>cg16430072</t>
  </si>
  <si>
    <t>cg16431436</t>
  </si>
  <si>
    <t>cg16434098</t>
  </si>
  <si>
    <t>cg16434306</t>
  </si>
  <si>
    <t>cg16434546</t>
  </si>
  <si>
    <t>cg16441550</t>
  </si>
  <si>
    <t>cg16448785</t>
  </si>
  <si>
    <t>cg16451306</t>
  </si>
  <si>
    <t>cg16451391</t>
  </si>
  <si>
    <t>cg16451601</t>
  </si>
  <si>
    <t>cg16457351</t>
  </si>
  <si>
    <t>cg16462183</t>
  </si>
  <si>
    <t>cg16464045</t>
  </si>
  <si>
    <t>cg16465129</t>
  </si>
  <si>
    <t>cg16469927</t>
  </si>
  <si>
    <t>cg16470576</t>
  </si>
  <si>
    <t>cg16472356</t>
  </si>
  <si>
    <t>cg16473774</t>
  </si>
  <si>
    <t>cg16474722</t>
  </si>
  <si>
    <t>cg16477187</t>
  </si>
  <si>
    <t>cg16478236</t>
  </si>
  <si>
    <t>cg16482761</t>
  </si>
  <si>
    <t>cg16487651</t>
  </si>
  <si>
    <t>cg16496928</t>
  </si>
  <si>
    <t>cg16498913</t>
  </si>
  <si>
    <t>cg16500852</t>
  </si>
  <si>
    <t>cg16505764</t>
  </si>
  <si>
    <t>cg16506426</t>
  </si>
  <si>
    <t>cg16507933</t>
  </si>
  <si>
    <t>cg16508480</t>
  </si>
  <si>
    <t>cg16509061</t>
  </si>
  <si>
    <t>cg16513883</t>
  </si>
  <si>
    <t>cg16514615</t>
  </si>
  <si>
    <t>cg16525215</t>
  </si>
  <si>
    <t>cg16525300</t>
  </si>
  <si>
    <t>cg16528678</t>
  </si>
  <si>
    <t>cg16532438</t>
  </si>
  <si>
    <t>cg16533510</t>
  </si>
  <si>
    <t>cg16535035</t>
  </si>
  <si>
    <t>cg16536329</t>
  </si>
  <si>
    <t>cg16536718</t>
  </si>
  <si>
    <t>cg16541222</t>
  </si>
  <si>
    <t>cg16545105</t>
  </si>
  <si>
    <t>cg16545743</t>
  </si>
  <si>
    <t>cg16546703</t>
  </si>
  <si>
    <t>cg16549809</t>
  </si>
  <si>
    <t>cg16555188</t>
  </si>
  <si>
    <t>cg16555533</t>
  </si>
  <si>
    <t>cg16556605</t>
  </si>
  <si>
    <t>cg16558925</t>
  </si>
  <si>
    <t>cg16559243</t>
  </si>
  <si>
    <t>cg16560436</t>
  </si>
  <si>
    <t>cg16560847</t>
  </si>
  <si>
    <t>cg16561756</t>
  </si>
  <si>
    <t>cg16565692</t>
  </si>
  <si>
    <t>cg16567815</t>
  </si>
  <si>
    <t>cg16572224</t>
  </si>
  <si>
    <t>cg16574643</t>
  </si>
  <si>
    <t>cg16574737</t>
  </si>
  <si>
    <t>cg16575319</t>
  </si>
  <si>
    <t>cg16577707</t>
  </si>
  <si>
    <t>cg16578742</t>
  </si>
  <si>
    <t>cg16579158</t>
  </si>
  <si>
    <t>cg16581199</t>
  </si>
  <si>
    <t>cg16584092</t>
  </si>
  <si>
    <t>cg16584290</t>
  </si>
  <si>
    <t>cg16584624</t>
  </si>
  <si>
    <t>cg16585682</t>
  </si>
  <si>
    <t>cg16585725</t>
  </si>
  <si>
    <t>cg16587974</t>
  </si>
  <si>
    <t>cg16590189</t>
  </si>
  <si>
    <t>cg16590515</t>
  </si>
  <si>
    <t>cg16591228</t>
  </si>
  <si>
    <t>cg16592391</t>
  </si>
  <si>
    <t>cg16594311</t>
  </si>
  <si>
    <t>cg16596064</t>
  </si>
  <si>
    <t>cg16599526</t>
  </si>
  <si>
    <t>cg16600634</t>
  </si>
  <si>
    <t>cg16600829</t>
  </si>
  <si>
    <t>cg16600998</t>
  </si>
  <si>
    <t>cg16602816</t>
  </si>
  <si>
    <t>cg16604066</t>
  </si>
  <si>
    <t>cg16608498</t>
  </si>
  <si>
    <t>cg16609957</t>
  </si>
  <si>
    <t>cg16614020</t>
  </si>
  <si>
    <t>cg16615508</t>
  </si>
  <si>
    <t>cg16617774</t>
  </si>
  <si>
    <t>cg16619991</t>
  </si>
  <si>
    <t>cg16620537</t>
  </si>
  <si>
    <t>cg16621691</t>
  </si>
  <si>
    <t>cg16625671</t>
  </si>
  <si>
    <t>cg16626420</t>
  </si>
  <si>
    <t>cg16632433</t>
  </si>
  <si>
    <t>cg16632994</t>
  </si>
  <si>
    <t>cg16635010</t>
  </si>
  <si>
    <t>cg16638920</t>
  </si>
  <si>
    <t>cg16639692</t>
  </si>
  <si>
    <t>cg16644338</t>
  </si>
  <si>
    <t>cg16645907</t>
  </si>
  <si>
    <t>cg16646054</t>
  </si>
  <si>
    <t>cg16647868</t>
  </si>
  <si>
    <t>cg16656826</t>
  </si>
  <si>
    <t>cg16656939</t>
  </si>
  <si>
    <t>cg16658255</t>
  </si>
  <si>
    <t>cg16658337</t>
  </si>
  <si>
    <t>cg16660494</t>
  </si>
  <si>
    <t>cg16663344</t>
  </si>
  <si>
    <t>cg16664394</t>
  </si>
  <si>
    <t>cg16665335</t>
  </si>
  <si>
    <t>cg16666329</t>
  </si>
  <si>
    <t>cg16667189</t>
  </si>
  <si>
    <t>cg16668042</t>
  </si>
  <si>
    <t>cg16673106</t>
  </si>
  <si>
    <t>cg16674484</t>
  </si>
  <si>
    <t>cg16677191</t>
  </si>
  <si>
    <t>cg16678219</t>
  </si>
  <si>
    <t>cg16679007</t>
  </si>
  <si>
    <t>cg16691158</t>
  </si>
  <si>
    <t>cg16691593</t>
  </si>
  <si>
    <t>cg16692892</t>
  </si>
  <si>
    <t>cg16706629</t>
  </si>
  <si>
    <t>cg16738336</t>
  </si>
  <si>
    <t>cg16746462</t>
  </si>
  <si>
    <t>cg16749247</t>
  </si>
  <si>
    <t>cg16750953</t>
  </si>
  <si>
    <t>cg16754747</t>
  </si>
  <si>
    <t>cg16773899</t>
  </si>
  <si>
    <t>cg16793150</t>
  </si>
  <si>
    <t>cg16802646</t>
  </si>
  <si>
    <t>cg16868895</t>
  </si>
  <si>
    <t>cg16884363</t>
  </si>
  <si>
    <t>cg16890600</t>
  </si>
  <si>
    <t>cg16896326</t>
  </si>
  <si>
    <t>cg16940012</t>
  </si>
  <si>
    <t>cg16945098</t>
  </si>
  <si>
    <t>cg16949889</t>
  </si>
  <si>
    <t>cg16956456</t>
  </si>
  <si>
    <t>cg16970232</t>
  </si>
  <si>
    <t>cg16970804</t>
  </si>
  <si>
    <t>cg16971831</t>
  </si>
  <si>
    <t>cg16982077</t>
  </si>
  <si>
    <t>cg16983159</t>
  </si>
  <si>
    <t>cg16990513</t>
  </si>
  <si>
    <t>cg16993435</t>
  </si>
  <si>
    <t>cg16993440</t>
  </si>
  <si>
    <t>cg16994941</t>
  </si>
  <si>
    <t>cg16997488</t>
  </si>
  <si>
    <t>cg17000885</t>
  </si>
  <si>
    <t>cg17000899</t>
  </si>
  <si>
    <t>cg17002645</t>
  </si>
  <si>
    <t>cg17008454</t>
  </si>
  <si>
    <t>cg17008960</t>
  </si>
  <si>
    <t>cg17009842</t>
  </si>
  <si>
    <t>cg17011276</t>
  </si>
  <si>
    <t>cg17016847</t>
  </si>
  <si>
    <t>cg17016932</t>
  </si>
  <si>
    <t>cg17019292</t>
  </si>
  <si>
    <t>cg17020834</t>
  </si>
  <si>
    <t>cg17023770</t>
  </si>
  <si>
    <t>cg17024456</t>
  </si>
  <si>
    <t>cg17025275</t>
  </si>
  <si>
    <t>cg17025674</t>
  </si>
  <si>
    <t>cg17027138</t>
  </si>
  <si>
    <t>cg17033185</t>
  </si>
  <si>
    <t>cg17034082</t>
  </si>
  <si>
    <t>cg17035996</t>
  </si>
  <si>
    <t>cg17038235</t>
  </si>
  <si>
    <t>cg17041438</t>
  </si>
  <si>
    <t>cg17044768</t>
  </si>
  <si>
    <t>cg17045869</t>
  </si>
  <si>
    <t>cg17053638</t>
  </si>
  <si>
    <t>cg17056132</t>
  </si>
  <si>
    <t>cg17057663</t>
  </si>
  <si>
    <t>cg17077776</t>
  </si>
  <si>
    <t>cg17080637</t>
  </si>
  <si>
    <t>cg17093478</t>
  </si>
  <si>
    <t>cg17104870</t>
  </si>
  <si>
    <t>cg17108383</t>
  </si>
  <si>
    <t>cg17111895</t>
  </si>
  <si>
    <t>cg17127769</t>
  </si>
  <si>
    <t>cg17157275</t>
  </si>
  <si>
    <t>cg17157872</t>
  </si>
  <si>
    <t>cg17166338</t>
  </si>
  <si>
    <t>cg17175376</t>
  </si>
  <si>
    <t>cg17200320</t>
  </si>
  <si>
    <t>cg17203840</t>
  </si>
  <si>
    <t>cg17204213</t>
  </si>
  <si>
    <t>cg17209428</t>
  </si>
  <si>
    <t>cg17210837</t>
  </si>
  <si>
    <t>cg17212277</t>
  </si>
  <si>
    <t>cg17214157</t>
  </si>
  <si>
    <t>cg17218311</t>
  </si>
  <si>
    <t>cg17222401</t>
  </si>
  <si>
    <t>cg17226602</t>
  </si>
  <si>
    <t>cg17229371</t>
  </si>
  <si>
    <t>cg17231776</t>
  </si>
  <si>
    <t>cg17231906</t>
  </si>
  <si>
    <t>cg17238830</t>
  </si>
  <si>
    <t>cg17244238</t>
  </si>
  <si>
    <t>cg17248495</t>
  </si>
  <si>
    <t>cg17249224</t>
  </si>
  <si>
    <t>cg17252528</t>
  </si>
  <si>
    <t>cg17257862</t>
  </si>
  <si>
    <t>cg17259096</t>
  </si>
  <si>
    <t>cg17259656</t>
  </si>
  <si>
    <t>cg17259886</t>
  </si>
  <si>
    <t>cg17261508</t>
  </si>
  <si>
    <t>cg17261712</t>
  </si>
  <si>
    <t>cg17263206</t>
  </si>
  <si>
    <t>cg17263916</t>
  </si>
  <si>
    <t>cg17264541</t>
  </si>
  <si>
    <t>cg17265790</t>
  </si>
  <si>
    <t>cg17266805</t>
  </si>
  <si>
    <t>cg17267260</t>
  </si>
  <si>
    <t>cg17268276</t>
  </si>
  <si>
    <t>cg17268699</t>
  </si>
  <si>
    <t>cg17278401</t>
  </si>
  <si>
    <t>cg17278770</t>
  </si>
  <si>
    <t>cg17279551</t>
  </si>
  <si>
    <t>cg17282910</t>
  </si>
  <si>
    <t>cg17283889</t>
  </si>
  <si>
    <t>cg17288892</t>
  </si>
  <si>
    <t>cg17297238</t>
  </si>
  <si>
    <t>cg17302896</t>
  </si>
  <si>
    <t>cg17304222</t>
  </si>
  <si>
    <t>cg17304262</t>
  </si>
  <si>
    <t>cg17307280</t>
  </si>
  <si>
    <t>cg17311726</t>
  </si>
  <si>
    <t>cg17314000</t>
  </si>
  <si>
    <t>cg17315964</t>
  </si>
  <si>
    <t>cg17317391</t>
  </si>
  <si>
    <t>cg17320136</t>
  </si>
  <si>
    <t>cg17321888</t>
  </si>
  <si>
    <t>cg17323243</t>
  </si>
  <si>
    <t>cg17326403</t>
  </si>
  <si>
    <t>cg17326771</t>
  </si>
  <si>
    <t>cg17328407</t>
  </si>
  <si>
    <t>cg17332422</t>
  </si>
  <si>
    <t>cg17333292</t>
  </si>
  <si>
    <t>cg17335387</t>
  </si>
  <si>
    <t>cg17342132</t>
  </si>
  <si>
    <t>cg17343167</t>
  </si>
  <si>
    <t>cg17343873</t>
  </si>
  <si>
    <t>cg17351974</t>
  </si>
  <si>
    <t>cg17355329</t>
  </si>
  <si>
    <t>cg17355919</t>
  </si>
  <si>
    <t>cg17356056</t>
  </si>
  <si>
    <t>cg17357161</t>
  </si>
  <si>
    <t>cg17357865</t>
  </si>
  <si>
    <t>cg17362593</t>
  </si>
  <si>
    <t>cg17371294</t>
  </si>
  <si>
    <t>cg17373554</t>
  </si>
  <si>
    <t>cg17373644</t>
  </si>
  <si>
    <t>cg17376861</t>
  </si>
  <si>
    <t>cg17381847</t>
  </si>
  <si>
    <t>cg17382294</t>
  </si>
  <si>
    <t>cg17382841</t>
  </si>
  <si>
    <t>cg17389874</t>
  </si>
  <si>
    <t>cg17390918</t>
  </si>
  <si>
    <t>cg17392648</t>
  </si>
  <si>
    <t>cg17393458</t>
  </si>
  <si>
    <t>cg17393572</t>
  </si>
  <si>
    <t>cg17394996</t>
  </si>
  <si>
    <t>cg17395226</t>
  </si>
  <si>
    <t>cg17397069</t>
  </si>
  <si>
    <t>cg17397548</t>
  </si>
  <si>
    <t>cg17405853</t>
  </si>
  <si>
    <t>cg17407677</t>
  </si>
  <si>
    <t>cg17408972</t>
  </si>
  <si>
    <t>cg17409809</t>
  </si>
  <si>
    <t>cg17409920</t>
  </si>
  <si>
    <t>cg17412464</t>
  </si>
  <si>
    <t>cg17416165</t>
  </si>
  <si>
    <t>cg17421417</t>
  </si>
  <si>
    <t>cg17422836</t>
  </si>
  <si>
    <t>cg17423032</t>
  </si>
  <si>
    <t>cg17424602</t>
  </si>
  <si>
    <t>cg17425484</t>
  </si>
  <si>
    <t>cg17425616</t>
  </si>
  <si>
    <t>cg17428242</t>
  </si>
  <si>
    <t>cg17429424</t>
  </si>
  <si>
    <t>cg17432513</t>
  </si>
  <si>
    <t>cg17439757</t>
  </si>
  <si>
    <t>cg17442932</t>
  </si>
  <si>
    <t>cg17444298</t>
  </si>
  <si>
    <t>cg17444747</t>
  </si>
  <si>
    <t>cg17449197</t>
  </si>
  <si>
    <t>cg17449851</t>
  </si>
  <si>
    <t>cg17451176</t>
  </si>
  <si>
    <t>cg17451404</t>
  </si>
  <si>
    <t>cg17452570</t>
  </si>
  <si>
    <t>cg17458967</t>
  </si>
  <si>
    <t>cg17467873</t>
  </si>
  <si>
    <t>cg17469668</t>
  </si>
  <si>
    <t>cg17470069</t>
  </si>
  <si>
    <t>cg17472786</t>
  </si>
  <si>
    <t>cg17480554</t>
  </si>
  <si>
    <t>cg17483411</t>
  </si>
  <si>
    <t>cg17484237</t>
  </si>
  <si>
    <t>cg17489342</t>
  </si>
  <si>
    <t>cg17490981</t>
  </si>
  <si>
    <t>cg17491117</t>
  </si>
  <si>
    <t>cg17503389</t>
  </si>
  <si>
    <t>cg17507952</t>
  </si>
  <si>
    <t>cg17508274</t>
  </si>
  <si>
    <t>cg17508462</t>
  </si>
  <si>
    <t>cg17518778</t>
  </si>
  <si>
    <t>cg17522249</t>
  </si>
  <si>
    <t>cg17524021</t>
  </si>
  <si>
    <t>cg17524250</t>
  </si>
  <si>
    <t>cg17526036</t>
  </si>
  <si>
    <t>cg17526741</t>
  </si>
  <si>
    <t>cg17533522</t>
  </si>
  <si>
    <t>cg17536465</t>
  </si>
  <si>
    <t>cg17542225</t>
  </si>
  <si>
    <t>cg17542330</t>
  </si>
  <si>
    <t>cg17543112</t>
  </si>
  <si>
    <t>cg17549167</t>
  </si>
  <si>
    <t>cg17554875</t>
  </si>
  <si>
    <t>cg17559809</t>
  </si>
  <si>
    <t>cg17560009</t>
  </si>
  <si>
    <t>cg17561030</t>
  </si>
  <si>
    <t>cg17566874</t>
  </si>
  <si>
    <t>cg17567195</t>
  </si>
  <si>
    <t>cg17568547</t>
  </si>
  <si>
    <t>cg17570188</t>
  </si>
  <si>
    <t>cg17571606</t>
  </si>
  <si>
    <t>cg17573603</t>
  </si>
  <si>
    <t>cg17574050</t>
  </si>
  <si>
    <t>cg17574857</t>
  </si>
  <si>
    <t>cg17578539</t>
  </si>
  <si>
    <t>cg17585421</t>
  </si>
  <si>
    <t>cg17585889</t>
  </si>
  <si>
    <t>cg17588578</t>
  </si>
  <si>
    <t>cg17590710</t>
  </si>
  <si>
    <t>cg17591188</t>
  </si>
  <si>
    <t>cg17593472</t>
  </si>
  <si>
    <t>cg17593721</t>
  </si>
  <si>
    <t>cg17597639</t>
  </si>
  <si>
    <t>cg17598923</t>
  </si>
  <si>
    <t>cg17599241</t>
  </si>
  <si>
    <t>cg17600233</t>
  </si>
  <si>
    <t>cg17601785</t>
  </si>
  <si>
    <t>cg17602756</t>
  </si>
  <si>
    <t>cg17603105</t>
  </si>
  <si>
    <t>cg17604407</t>
  </si>
  <si>
    <t>cg17604429</t>
  </si>
  <si>
    <t>cg17605107</t>
  </si>
  <si>
    <t>cg17608082</t>
  </si>
  <si>
    <t>cg17612535</t>
  </si>
  <si>
    <t>cg17617714</t>
  </si>
  <si>
    <t>cg17617843</t>
  </si>
  <si>
    <t>cg17617946</t>
  </si>
  <si>
    <t>cg17621438</t>
  </si>
  <si>
    <t>cg17624891</t>
  </si>
  <si>
    <t>cg17629685</t>
  </si>
  <si>
    <t>cg17629870</t>
  </si>
  <si>
    <t>cg17630392</t>
  </si>
  <si>
    <t>cg17633300</t>
  </si>
  <si>
    <t>cg17633683</t>
  </si>
  <si>
    <t>cg17638137</t>
  </si>
  <si>
    <t>cg17638160</t>
  </si>
  <si>
    <t>cg17642774</t>
  </si>
  <si>
    <t>cg17645677</t>
  </si>
  <si>
    <t>cg17649445</t>
  </si>
  <si>
    <t>cg17650747</t>
  </si>
  <si>
    <t>cg17651381</t>
  </si>
  <si>
    <t>cg17651451</t>
  </si>
  <si>
    <t>cg17652716</t>
  </si>
  <si>
    <t>cg17653368</t>
  </si>
  <si>
    <t>cg17655320</t>
  </si>
  <si>
    <t>cg17668731</t>
  </si>
  <si>
    <t>cg17670890</t>
  </si>
  <si>
    <t>cg17672209</t>
  </si>
  <si>
    <t>cg17674090</t>
  </si>
  <si>
    <t>cg17675088</t>
  </si>
  <si>
    <t>cg17680092</t>
  </si>
  <si>
    <t>cg17680767</t>
  </si>
  <si>
    <t>cg17685465</t>
  </si>
  <si>
    <t>cg17714794</t>
  </si>
  <si>
    <t>cg17720157</t>
  </si>
  <si>
    <t>cg17724054</t>
  </si>
  <si>
    <t>cg17729007</t>
  </si>
  <si>
    <t>cg17730402</t>
  </si>
  <si>
    <t>cg17731547</t>
  </si>
  <si>
    <t>cg17732038</t>
  </si>
  <si>
    <t>cg17736336</t>
  </si>
  <si>
    <t>cg17741986</t>
  </si>
  <si>
    <t>cg17744883</t>
  </si>
  <si>
    <t>cg17745339</t>
  </si>
  <si>
    <t>cg17747551</t>
  </si>
  <si>
    <t>cg17748122</t>
  </si>
  <si>
    <t>cg17751153</t>
  </si>
  <si>
    <t>cg17751867</t>
  </si>
  <si>
    <t>cg17752270</t>
  </si>
  <si>
    <t>cg17755888</t>
  </si>
  <si>
    <t>cg17760391</t>
  </si>
  <si>
    <t>cg17760878</t>
  </si>
  <si>
    <t>cg17765437</t>
  </si>
  <si>
    <t>cg17781669</t>
  </si>
  <si>
    <t>cg17782848</t>
  </si>
  <si>
    <t>cg17783982</t>
  </si>
  <si>
    <t>cg17786697</t>
  </si>
  <si>
    <t>cg17788587</t>
  </si>
  <si>
    <t>cg17791977</t>
  </si>
  <si>
    <t>cg17793776</t>
  </si>
  <si>
    <t>cg17807863</t>
  </si>
  <si>
    <t>cg17807913</t>
  </si>
  <si>
    <t>cg17809170</t>
  </si>
  <si>
    <t>cg17814596</t>
  </si>
  <si>
    <t>cg17815891</t>
  </si>
  <si>
    <t>cg17819520</t>
  </si>
  <si>
    <t>cg17820459</t>
  </si>
  <si>
    <t>cg17823376</t>
  </si>
  <si>
    <t>cg17830308</t>
  </si>
  <si>
    <t>cg17833476</t>
  </si>
  <si>
    <t>cg17842959</t>
  </si>
  <si>
    <t>cg17847344</t>
  </si>
  <si>
    <t>cg17847520</t>
  </si>
  <si>
    <t>cg17851165</t>
  </si>
  <si>
    <t>cg17852932</t>
  </si>
  <si>
    <t>cg17854544</t>
  </si>
  <si>
    <t>cg17856005</t>
  </si>
  <si>
    <t>cg17862146</t>
  </si>
  <si>
    <t>cg17865617</t>
  </si>
  <si>
    <t>cg17871403</t>
  </si>
  <si>
    <t>cg17871537</t>
  </si>
  <si>
    <t>cg17871749</t>
  </si>
  <si>
    <t>cg17876308</t>
  </si>
  <si>
    <t>cg17877220</t>
  </si>
  <si>
    <t>cg17878141</t>
  </si>
  <si>
    <t>cg17919331</t>
  </si>
  <si>
    <t>cg17923565</t>
  </si>
  <si>
    <t>cg17924243</t>
  </si>
  <si>
    <t>cg17925174</t>
  </si>
  <si>
    <t>cg17933386</t>
  </si>
  <si>
    <t>cg17934470</t>
  </si>
  <si>
    <t>cg17936721</t>
  </si>
  <si>
    <t>cg17937722</t>
  </si>
  <si>
    <t>cg17942617</t>
  </si>
  <si>
    <t>cg17943876</t>
  </si>
  <si>
    <t>cg17948913</t>
  </si>
  <si>
    <t>cg17953141</t>
  </si>
  <si>
    <t>cg17954373</t>
  </si>
  <si>
    <t>cg17955557</t>
  </si>
  <si>
    <t>cg17956926</t>
  </si>
  <si>
    <t>cg17958577</t>
  </si>
  <si>
    <t>cg17960442</t>
  </si>
  <si>
    <t>cg17962756</t>
  </si>
  <si>
    <t>cg17964921</t>
  </si>
  <si>
    <t>cg17965712</t>
  </si>
  <si>
    <t>cg17967426</t>
  </si>
  <si>
    <t>cg17969296</t>
  </si>
  <si>
    <t>cg17969789</t>
  </si>
  <si>
    <t>cg17974054</t>
  </si>
  <si>
    <t>cg17974715</t>
  </si>
  <si>
    <t>cg17979970</t>
  </si>
  <si>
    <t>cg17982116</t>
  </si>
  <si>
    <t>cg17983064</t>
  </si>
  <si>
    <t>cg17987505</t>
  </si>
  <si>
    <t>cg17987968</t>
  </si>
  <si>
    <t>cg17990532</t>
  </si>
  <si>
    <t>cg17998826</t>
  </si>
  <si>
    <t>cg18001714</t>
  </si>
  <si>
    <t>cg18007806</t>
  </si>
  <si>
    <t>cg18009093</t>
  </si>
  <si>
    <t>cg18009710</t>
  </si>
  <si>
    <t>cg18011946</t>
  </si>
  <si>
    <t>cg18016826</t>
  </si>
  <si>
    <t>cg18017926</t>
  </si>
  <si>
    <t>cg18023666</t>
  </si>
  <si>
    <t>cg18024167</t>
  </si>
  <si>
    <t>cg18026062</t>
  </si>
  <si>
    <t>cg18027481</t>
  </si>
  <si>
    <t>cg18030006</t>
  </si>
  <si>
    <t>cg18031221</t>
  </si>
  <si>
    <t>cg18031708</t>
  </si>
  <si>
    <t>cg18032969</t>
  </si>
  <si>
    <t>cg18034719</t>
  </si>
  <si>
    <t>cg18036140</t>
  </si>
  <si>
    <t>cg18036734</t>
  </si>
  <si>
    <t>cg18040788</t>
  </si>
  <si>
    <t>cg18042806</t>
  </si>
  <si>
    <t>cg18042851</t>
  </si>
  <si>
    <t>cg18043514</t>
  </si>
  <si>
    <t>cg18048975</t>
  </si>
  <si>
    <t>cg18053345</t>
  </si>
  <si>
    <t>cg18054674</t>
  </si>
  <si>
    <t>cg18055067</t>
  </si>
  <si>
    <t>cg18057723</t>
  </si>
  <si>
    <t>cg18059652</t>
  </si>
  <si>
    <t>cg18063495</t>
  </si>
  <si>
    <t>cg18065794</t>
  </si>
  <si>
    <t>cg18067236</t>
  </si>
  <si>
    <t>cg18068561</t>
  </si>
  <si>
    <t>cg18071162</t>
  </si>
  <si>
    <t>cg18073390</t>
  </si>
  <si>
    <t>cg18079355</t>
  </si>
  <si>
    <t>cg18089146</t>
  </si>
  <si>
    <t>cg18091435</t>
  </si>
  <si>
    <t>cg18093358</t>
  </si>
  <si>
    <t>cg18093572</t>
  </si>
  <si>
    <t>cg18100702</t>
  </si>
  <si>
    <t>cg18103159</t>
  </si>
  <si>
    <t>cg18105361</t>
  </si>
  <si>
    <t>cg18106800</t>
  </si>
  <si>
    <t>cg18110483</t>
  </si>
  <si>
    <t>cg18111129</t>
  </si>
  <si>
    <t>cg18111924</t>
  </si>
  <si>
    <t>cg18112295</t>
  </si>
  <si>
    <t>cg18113151</t>
  </si>
  <si>
    <t>cg18116174</t>
  </si>
  <si>
    <t>cg18121420</t>
  </si>
  <si>
    <t>cg18122027</t>
  </si>
  <si>
    <t>cg18123072</t>
  </si>
  <si>
    <t>cg18123399</t>
  </si>
  <si>
    <t>cg18126247</t>
  </si>
  <si>
    <t>cg18128495</t>
  </si>
  <si>
    <t>cg18129178</t>
  </si>
  <si>
    <t>cg18131724</t>
  </si>
  <si>
    <t>cg18134262</t>
  </si>
  <si>
    <t>cg18135796</t>
  </si>
  <si>
    <t>cg18139347</t>
  </si>
  <si>
    <t>cg18144404</t>
  </si>
  <si>
    <t>cg18144815</t>
  </si>
  <si>
    <t>cg18145011</t>
  </si>
  <si>
    <t>cg18146873</t>
  </si>
  <si>
    <t>cg18150362</t>
  </si>
  <si>
    <t>cg18157012</t>
  </si>
  <si>
    <t>cg18159184</t>
  </si>
  <si>
    <t>cg18159860</t>
  </si>
  <si>
    <t>cg18160072</t>
  </si>
  <si>
    <t>cg18164791</t>
  </si>
  <si>
    <t>cg18166636</t>
  </si>
  <si>
    <t>cg18169971</t>
  </si>
  <si>
    <t>cg18174828</t>
  </si>
  <si>
    <t>cg18179833</t>
  </si>
  <si>
    <t>cg18180673</t>
  </si>
  <si>
    <t>cg18181607</t>
  </si>
  <si>
    <t>cg18182111</t>
  </si>
  <si>
    <t>cg18183073</t>
  </si>
  <si>
    <t>cg18188717</t>
  </si>
  <si>
    <t>cg18188768</t>
  </si>
  <si>
    <t>cg18190824</t>
  </si>
  <si>
    <t>cg18191743</t>
  </si>
  <si>
    <t>cg18194153</t>
  </si>
  <si>
    <t>cg18198212</t>
  </si>
  <si>
    <t>cg18204964</t>
  </si>
  <si>
    <t>cg18205372</t>
  </si>
  <si>
    <t>cg18205770</t>
  </si>
  <si>
    <t>cg18223117</t>
  </si>
  <si>
    <t>cg18229134</t>
  </si>
  <si>
    <t>cg18232125</t>
  </si>
  <si>
    <t>cg18232861</t>
  </si>
  <si>
    <t>cg18235799</t>
  </si>
  <si>
    <t>cg18237607</t>
  </si>
  <si>
    <t>cg18240496</t>
  </si>
  <si>
    <t>cg18240814</t>
  </si>
  <si>
    <t>cg18245083</t>
  </si>
  <si>
    <t>cg18248994</t>
  </si>
  <si>
    <t>cg18252964</t>
  </si>
  <si>
    <t>cg18254586</t>
  </si>
  <si>
    <t>cg18256387</t>
  </si>
  <si>
    <t>cg18256498</t>
  </si>
  <si>
    <t>cg18258397</t>
  </si>
  <si>
    <t>cg18259253</t>
  </si>
  <si>
    <t>cg18260397</t>
  </si>
  <si>
    <t>cg18261223</t>
  </si>
  <si>
    <t>cg18263365</t>
  </si>
  <si>
    <t>cg18264459</t>
  </si>
  <si>
    <t>cg18269219</t>
  </si>
  <si>
    <t>cg18275539</t>
  </si>
  <si>
    <t>cg18275958</t>
  </si>
  <si>
    <t>cg18277507</t>
  </si>
  <si>
    <t>cg18281743</t>
  </si>
  <si>
    <t>cg18287241</t>
  </si>
  <si>
    <t>cg18287975</t>
  </si>
  <si>
    <t>cg18288193</t>
  </si>
  <si>
    <t>cg18290233</t>
  </si>
  <si>
    <t>cg18294646</t>
  </si>
  <si>
    <t>cg18295183</t>
  </si>
  <si>
    <t>cg18296001</t>
  </si>
  <si>
    <t>cg18296251</t>
  </si>
  <si>
    <t>cg18296956</t>
  </si>
  <si>
    <t>cg18297349</t>
  </si>
  <si>
    <t>cg18301423</t>
  </si>
  <si>
    <t>cg18302637</t>
  </si>
  <si>
    <t>cg18313137</t>
  </si>
  <si>
    <t>cg18318560</t>
  </si>
  <si>
    <t>cg18319687</t>
  </si>
  <si>
    <t>cg18319921</t>
  </si>
  <si>
    <t>cg18319967</t>
  </si>
  <si>
    <t>cg18320149</t>
  </si>
  <si>
    <t>cg18321631</t>
  </si>
  <si>
    <t>cg18325799</t>
  </si>
  <si>
    <t>cg18328428</t>
  </si>
  <si>
    <t>cg18329423</t>
  </si>
  <si>
    <t>cg18331133</t>
  </si>
  <si>
    <t>cg18334392</t>
  </si>
  <si>
    <t>cg18335607</t>
  </si>
  <si>
    <t>cg18338046</t>
  </si>
  <si>
    <t>cg18341512</t>
  </si>
  <si>
    <t>cg18344938</t>
  </si>
  <si>
    <t>cg18348500</t>
  </si>
  <si>
    <t>cg18355410</t>
  </si>
  <si>
    <t>cg18358020</t>
  </si>
  <si>
    <t>cg18359530</t>
  </si>
  <si>
    <t>cg18361024</t>
  </si>
  <si>
    <t>cg18364770</t>
  </si>
  <si>
    <t>cg18366169</t>
  </si>
  <si>
    <t>cg18366882</t>
  </si>
  <si>
    <t>cg18369866</t>
  </si>
  <si>
    <t>cg18371750</t>
  </si>
  <si>
    <t>cg18372930</t>
  </si>
  <si>
    <t>cg18374914</t>
  </si>
  <si>
    <t>cg18374977</t>
  </si>
  <si>
    <t>cg18382744</t>
  </si>
  <si>
    <t>cg18383345</t>
  </si>
  <si>
    <t>cg18392139</t>
  </si>
  <si>
    <t>cg18394340</t>
  </si>
  <si>
    <t>cg18394854</t>
  </si>
  <si>
    <t>cg18396527</t>
  </si>
  <si>
    <t>cg18417562</t>
  </si>
  <si>
    <t>cg18418457</t>
  </si>
  <si>
    <t>cg18422123</t>
  </si>
  <si>
    <t>cg18428283</t>
  </si>
  <si>
    <t>cg18430034</t>
  </si>
  <si>
    <t>cg18432572</t>
  </si>
  <si>
    <t>cg18433229</t>
  </si>
  <si>
    <t>cg18434588</t>
  </si>
  <si>
    <t>cg18442524</t>
  </si>
  <si>
    <t>cg18446110</t>
  </si>
  <si>
    <t>cg18446578</t>
  </si>
  <si>
    <t>cg18447299</t>
  </si>
  <si>
    <t>cg18449021</t>
  </si>
  <si>
    <t>cg18450832</t>
  </si>
  <si>
    <t>cg18455360</t>
  </si>
  <si>
    <t>cg18456003</t>
  </si>
  <si>
    <t>cg18458373</t>
  </si>
  <si>
    <t>cg18459375</t>
  </si>
  <si>
    <t>cg18465082</t>
  </si>
  <si>
    <t>cg18470904</t>
  </si>
  <si>
    <t>cg18472912</t>
  </si>
  <si>
    <t>cg18478850</t>
  </si>
  <si>
    <t>cg18482268</t>
  </si>
  <si>
    <t>cg18484008</t>
  </si>
  <si>
    <t>cg18489195</t>
  </si>
  <si>
    <t>cg18491039</t>
  </si>
  <si>
    <t>cg18495118</t>
  </si>
  <si>
    <t>cg18496382</t>
  </si>
  <si>
    <t>cg18496440</t>
  </si>
  <si>
    <t>cg18503856</t>
  </si>
  <si>
    <t>cg18511008</t>
  </si>
  <si>
    <t>cg18514949</t>
  </si>
  <si>
    <t>cg18519902</t>
  </si>
  <si>
    <t>cg18525740</t>
  </si>
  <si>
    <t>cg18526607</t>
  </si>
  <si>
    <t>cg18529246</t>
  </si>
  <si>
    <t>cg18531401</t>
  </si>
  <si>
    <t>cg18535011</t>
  </si>
  <si>
    <t>cg18535167</t>
  </si>
  <si>
    <t>cg18537617</t>
  </si>
  <si>
    <t>cg18540328</t>
  </si>
  <si>
    <t>cg18541609</t>
  </si>
  <si>
    <t>cg18546419</t>
  </si>
  <si>
    <t>cg18547262</t>
  </si>
  <si>
    <t>cg18547611</t>
  </si>
  <si>
    <t>cg18584639</t>
  </si>
  <si>
    <t>cg18584747</t>
  </si>
  <si>
    <t>cg18585314</t>
  </si>
  <si>
    <t>cg18595065</t>
  </si>
  <si>
    <t>cg18598249</t>
  </si>
  <si>
    <t>cg18598900</t>
  </si>
  <si>
    <t>cg18599138</t>
  </si>
  <si>
    <t>cg18602314</t>
  </si>
  <si>
    <t>cg18603028</t>
  </si>
  <si>
    <t>cg18607127</t>
  </si>
  <si>
    <t>cg18607221</t>
  </si>
  <si>
    <t>cg18623708</t>
  </si>
  <si>
    <t>cg18632102</t>
  </si>
  <si>
    <t>cg18632254</t>
  </si>
  <si>
    <t>cg18634665</t>
  </si>
  <si>
    <t>cg18634758</t>
  </si>
  <si>
    <t>cg18635361</t>
  </si>
  <si>
    <t>cg18637698</t>
  </si>
  <si>
    <t>cg18639499</t>
  </si>
  <si>
    <t>cg18640098</t>
  </si>
  <si>
    <t>cg18640536</t>
  </si>
  <si>
    <t>cg18644834</t>
  </si>
  <si>
    <t>cg18645276</t>
  </si>
  <si>
    <t>cg18646457</t>
  </si>
  <si>
    <t>cg18647237</t>
  </si>
  <si>
    <t>cg18649283</t>
  </si>
  <si>
    <t>cg18651300</t>
  </si>
  <si>
    <t>cg18652367</t>
  </si>
  <si>
    <t>cg18652721</t>
  </si>
  <si>
    <t>cg18653982</t>
  </si>
  <si>
    <t>cg18654971</t>
  </si>
  <si>
    <t>cg18656708</t>
  </si>
  <si>
    <t>cg18660166</t>
  </si>
  <si>
    <t>cg18660976</t>
  </si>
  <si>
    <t>cg18663621</t>
  </si>
  <si>
    <t>cg18663874</t>
  </si>
  <si>
    <t>cg18664712</t>
  </si>
  <si>
    <t>cg18665526</t>
  </si>
  <si>
    <t>cg18665594</t>
  </si>
  <si>
    <t>cg18669388</t>
  </si>
  <si>
    <t>cg18670373</t>
  </si>
  <si>
    <t>cg18670483</t>
  </si>
  <si>
    <t>cg18677871</t>
  </si>
  <si>
    <t>cg18678645</t>
  </si>
  <si>
    <t>cg18678812</t>
  </si>
  <si>
    <t>cg18680860</t>
  </si>
  <si>
    <t>cg18682923</t>
  </si>
  <si>
    <t>cg18683707</t>
  </si>
  <si>
    <t>cg18684951</t>
  </si>
  <si>
    <t>cg18688599</t>
  </si>
  <si>
    <t>cg18689486</t>
  </si>
  <si>
    <t>cg18689666</t>
  </si>
  <si>
    <t>cg18690282</t>
  </si>
  <si>
    <t>cg18693345</t>
  </si>
  <si>
    <t>cg18696805</t>
  </si>
  <si>
    <t>cg18698399</t>
  </si>
  <si>
    <t>cg18701481</t>
  </si>
  <si>
    <t>cg18704218</t>
  </si>
  <si>
    <t>cg18712348</t>
  </si>
  <si>
    <t>cg18722504</t>
  </si>
  <si>
    <t>cg18723442</t>
  </si>
  <si>
    <t>cg18725599</t>
  </si>
  <si>
    <t>cg18733486</t>
  </si>
  <si>
    <t>cg18735609</t>
  </si>
  <si>
    <t>cg18735810</t>
  </si>
  <si>
    <t>cg18740509</t>
  </si>
  <si>
    <t>cg18740872</t>
  </si>
  <si>
    <t>cg18741962</t>
  </si>
  <si>
    <t>cg18748085</t>
  </si>
  <si>
    <t>cg18750738</t>
  </si>
  <si>
    <t>cg18753619</t>
  </si>
  <si>
    <t>cg18755984</t>
  </si>
  <si>
    <t>cg18757087</t>
  </si>
  <si>
    <t>cg18765405</t>
  </si>
  <si>
    <t>cg18766033</t>
  </si>
  <si>
    <t>cg18766691</t>
  </si>
  <si>
    <t>cg18767058</t>
  </si>
  <si>
    <t>cg18767278</t>
  </si>
  <si>
    <t>cg18768426</t>
  </si>
  <si>
    <t>cg18771857</t>
  </si>
  <si>
    <t>cg18787478</t>
  </si>
  <si>
    <t>cg18789958</t>
  </si>
  <si>
    <t>cg18792381</t>
  </si>
  <si>
    <t>cg18795133</t>
  </si>
  <si>
    <t>cg18795277</t>
  </si>
  <si>
    <t>cg18796287</t>
  </si>
  <si>
    <t>cg18797653</t>
  </si>
  <si>
    <t>cg18798744</t>
  </si>
  <si>
    <t>cg18799217</t>
  </si>
  <si>
    <t>cg18800042</t>
  </si>
  <si>
    <t>cg18800681</t>
  </si>
  <si>
    <t>cg18801045</t>
  </si>
  <si>
    <t>cg18801579</t>
  </si>
  <si>
    <t>cg18802611</t>
  </si>
  <si>
    <t>cg18806193</t>
  </si>
  <si>
    <t>cg18809102</t>
  </si>
  <si>
    <t>cg18813020</t>
  </si>
  <si>
    <t>cg18814344</t>
  </si>
  <si>
    <t>cg18816996</t>
  </si>
  <si>
    <t>cg18829263</t>
  </si>
  <si>
    <t>cg18831260</t>
  </si>
  <si>
    <t>cg18831371</t>
  </si>
  <si>
    <t>cg18832223</t>
  </si>
  <si>
    <t>cg18833907</t>
  </si>
  <si>
    <t>cg18834712</t>
  </si>
  <si>
    <t>cg18835048</t>
  </si>
  <si>
    <t>cg18835320</t>
  </si>
  <si>
    <t>cg18836287</t>
  </si>
  <si>
    <t>cg18838158</t>
  </si>
  <si>
    <t>cg18838436</t>
  </si>
  <si>
    <t>cg18844163</t>
  </si>
  <si>
    <t>cg18844480</t>
  </si>
  <si>
    <t>cg18845797</t>
  </si>
  <si>
    <t>cg18848688</t>
  </si>
  <si>
    <t>cg18849169</t>
  </si>
  <si>
    <t>cg18849621</t>
  </si>
  <si>
    <t>cg18850527</t>
  </si>
  <si>
    <t>cg18854717</t>
  </si>
  <si>
    <t>cg18855208</t>
  </si>
  <si>
    <t>cg18856198</t>
  </si>
  <si>
    <t>cg18867653</t>
  </si>
  <si>
    <t>cg18872441</t>
  </si>
  <si>
    <t>cg18875607</t>
  </si>
  <si>
    <t>cg18876157</t>
  </si>
  <si>
    <t>cg18882448</t>
  </si>
  <si>
    <t>cg18883317</t>
  </si>
  <si>
    <t>cg18886563</t>
  </si>
  <si>
    <t>cg18887998</t>
  </si>
  <si>
    <t>cg18888657</t>
  </si>
  <si>
    <t>cg18891924</t>
  </si>
  <si>
    <t>cg18892446</t>
  </si>
  <si>
    <t>cg18893792</t>
  </si>
  <si>
    <t>cg18894648</t>
  </si>
  <si>
    <t>cg18896072</t>
  </si>
  <si>
    <t>cg18899516</t>
  </si>
  <si>
    <t>cg18902090</t>
  </si>
  <si>
    <t>cg18908071</t>
  </si>
  <si>
    <t>cg18912172</t>
  </si>
  <si>
    <t>cg18915143</t>
  </si>
  <si>
    <t>cg18920559</t>
  </si>
  <si>
    <t>cg18921954</t>
  </si>
  <si>
    <t>cg18922062</t>
  </si>
  <si>
    <t>cg18924848</t>
  </si>
  <si>
    <t>cg18930161</t>
  </si>
  <si>
    <t>cg18947000</t>
  </si>
  <si>
    <t>cg18966047</t>
  </si>
  <si>
    <t>cg18980733</t>
  </si>
  <si>
    <t>cg18986273</t>
  </si>
  <si>
    <t>cg18986749</t>
  </si>
  <si>
    <t>cg18994063</t>
  </si>
  <si>
    <t>cg18997983</t>
  </si>
  <si>
    <t>cg18999360</t>
  </si>
  <si>
    <t>cg18999535</t>
  </si>
  <si>
    <t>cg19001703</t>
  </si>
  <si>
    <t>cg19004718</t>
  </si>
  <si>
    <t>cg19005233</t>
  </si>
  <si>
    <t>cg19007249</t>
  </si>
  <si>
    <t>cg19008097</t>
  </si>
  <si>
    <t>cg19011063</t>
  </si>
  <si>
    <t>cg19011122</t>
  </si>
  <si>
    <t>cg19025497</t>
  </si>
  <si>
    <t>cg19027636</t>
  </si>
  <si>
    <t>cg19027827</t>
  </si>
  <si>
    <t>cg19032382</t>
  </si>
  <si>
    <t>cg19034084</t>
  </si>
  <si>
    <t>cg19034403</t>
  </si>
  <si>
    <t>cg19034636</t>
  </si>
  <si>
    <t>cg19035215</t>
  </si>
  <si>
    <t>cg19037350</t>
  </si>
  <si>
    <t>cg19038397</t>
  </si>
  <si>
    <t>cg19050152</t>
  </si>
  <si>
    <t>cg19051578</t>
  </si>
  <si>
    <t>cg19052164</t>
  </si>
  <si>
    <t>cg19056664</t>
  </si>
  <si>
    <t>cg19057001</t>
  </si>
  <si>
    <t>cg19063834</t>
  </si>
  <si>
    <t>cg19069283</t>
  </si>
  <si>
    <t>cg19075614</t>
  </si>
  <si>
    <t>cg19076425</t>
  </si>
  <si>
    <t>cg19076659</t>
  </si>
  <si>
    <t>cg19077161</t>
  </si>
  <si>
    <t>cg19082560</t>
  </si>
  <si>
    <t>cg19086001</t>
  </si>
  <si>
    <t>cg19088984</t>
  </si>
  <si>
    <t>cg19090585</t>
  </si>
  <si>
    <t>cg19091830</t>
  </si>
  <si>
    <t>cg19095600</t>
  </si>
  <si>
    <t>cg19101232</t>
  </si>
  <si>
    <t>cg19102120</t>
  </si>
  <si>
    <t>cg19106489</t>
  </si>
  <si>
    <t>cg19108718</t>
  </si>
  <si>
    <t>cg19108785</t>
  </si>
  <si>
    <t>cg19110523</t>
  </si>
  <si>
    <t>cg19116924</t>
  </si>
  <si>
    <t>cg19117047</t>
  </si>
  <si>
    <t>cg19117777</t>
  </si>
  <si>
    <t>cg19127078</t>
  </si>
  <si>
    <t>cg19135706</t>
  </si>
  <si>
    <t>cg19135982</t>
  </si>
  <si>
    <t>cg19184518</t>
  </si>
  <si>
    <t>cg19215261</t>
  </si>
  <si>
    <t>cg19247475</t>
  </si>
  <si>
    <t>cg19265970</t>
  </si>
  <si>
    <t>cg19294953</t>
  </si>
  <si>
    <t>cg19301897</t>
  </si>
  <si>
    <t>cg19304800</t>
  </si>
  <si>
    <t>cg19311812</t>
  </si>
  <si>
    <t>cg19360482</t>
  </si>
  <si>
    <t>cg19369775</t>
  </si>
  <si>
    <t>cg19374885</t>
  </si>
  <si>
    <t>cg19382175</t>
  </si>
  <si>
    <t>cg19400672</t>
  </si>
  <si>
    <t>cg19405836</t>
  </si>
  <si>
    <t>cg19407086</t>
  </si>
  <si>
    <t>cg19411025</t>
  </si>
  <si>
    <t>cg19412791</t>
  </si>
  <si>
    <t>cg19414040</t>
  </si>
  <si>
    <t>cg19418648</t>
  </si>
  <si>
    <t>cg19419051</t>
  </si>
  <si>
    <t>cg19419146</t>
  </si>
  <si>
    <t>cg19421752</t>
  </si>
  <si>
    <t>cg19424122</t>
  </si>
  <si>
    <t>cg19428083</t>
  </si>
  <si>
    <t>cg19429051</t>
  </si>
  <si>
    <t>cg19431274</t>
  </si>
  <si>
    <t>cg19431495</t>
  </si>
  <si>
    <t>cg19431566</t>
  </si>
  <si>
    <t>cg19431963</t>
  </si>
  <si>
    <t>cg19434183</t>
  </si>
  <si>
    <t>cg19435264</t>
  </si>
  <si>
    <t>cg19438583</t>
  </si>
  <si>
    <t>cg19440326</t>
  </si>
  <si>
    <t>cg19445684</t>
  </si>
  <si>
    <t>cg19451848</t>
  </si>
  <si>
    <t>cg19458787</t>
  </si>
  <si>
    <t>cg19459094</t>
  </si>
  <si>
    <t>cg19462976</t>
  </si>
  <si>
    <t>cg19466180</t>
  </si>
  <si>
    <t>cg19471574</t>
  </si>
  <si>
    <t>cg19475870</t>
  </si>
  <si>
    <t>cg19477706</t>
  </si>
  <si>
    <t>cg19486949</t>
  </si>
  <si>
    <t>cg19488785</t>
  </si>
  <si>
    <t>cg19488804</t>
  </si>
  <si>
    <t>cg19496158</t>
  </si>
  <si>
    <t>cg19500607</t>
  </si>
  <si>
    <t>cg19502709</t>
  </si>
  <si>
    <t>cg19503030</t>
  </si>
  <si>
    <t>cg19505546</t>
  </si>
  <si>
    <t>cg19513071</t>
  </si>
  <si>
    <t>cg19514721</t>
  </si>
  <si>
    <t>cg19518426</t>
  </si>
  <si>
    <t>cg19518672</t>
  </si>
  <si>
    <t>cg19523338</t>
  </si>
  <si>
    <t>cg19524676</t>
  </si>
  <si>
    <t>cg19527159</t>
  </si>
  <si>
    <t>cg19531075</t>
  </si>
  <si>
    <t>cg19532958</t>
  </si>
  <si>
    <t>cg19537558</t>
  </si>
  <si>
    <t>cg19542131</t>
  </si>
  <si>
    <t>cg19545851</t>
  </si>
  <si>
    <t>cg19547547</t>
  </si>
  <si>
    <t>cg19549288</t>
  </si>
  <si>
    <t>cg19550439</t>
  </si>
  <si>
    <t>cg19560287</t>
  </si>
  <si>
    <t>cg19561007</t>
  </si>
  <si>
    <t>cg19565757</t>
  </si>
  <si>
    <t>cg19567866</t>
  </si>
  <si>
    <t>cg19568544</t>
  </si>
  <si>
    <t>cg19569526</t>
  </si>
  <si>
    <t>cg19573859</t>
  </si>
  <si>
    <t>cg19575753</t>
  </si>
  <si>
    <t>cg19576697</t>
  </si>
  <si>
    <t>cg19577054</t>
  </si>
  <si>
    <t>cg19583819</t>
  </si>
  <si>
    <t>cg19586881</t>
  </si>
  <si>
    <t>cg19589060</t>
  </si>
  <si>
    <t>cg19596110</t>
  </si>
  <si>
    <t>cg19597031</t>
  </si>
  <si>
    <t>cg19598479</t>
  </si>
  <si>
    <t>cg19601475</t>
  </si>
  <si>
    <t>cg19606462</t>
  </si>
  <si>
    <t>cg19607021</t>
  </si>
  <si>
    <t>cg19610869</t>
  </si>
  <si>
    <t>cg19619432</t>
  </si>
  <si>
    <t>cg19619756</t>
  </si>
  <si>
    <t>cg19619956</t>
  </si>
  <si>
    <t>cg19622474</t>
  </si>
  <si>
    <t>cg19630951</t>
  </si>
  <si>
    <t>cg19632236</t>
  </si>
  <si>
    <t>cg19632594</t>
  </si>
  <si>
    <t>cg19633004</t>
  </si>
  <si>
    <t>cg19633192</t>
  </si>
  <si>
    <t>cg19644351</t>
  </si>
  <si>
    <t>cg19645200</t>
  </si>
  <si>
    <t>cg19646897</t>
  </si>
  <si>
    <t>cg19647567</t>
  </si>
  <si>
    <t>cg19648605</t>
  </si>
  <si>
    <t>cg19650632</t>
  </si>
  <si>
    <t>cg19658046</t>
  </si>
  <si>
    <t>cg19660063</t>
  </si>
  <si>
    <t>cg19671143</t>
  </si>
  <si>
    <t>cg19672694</t>
  </si>
  <si>
    <t>cg19673350</t>
  </si>
  <si>
    <t>cg19679907</t>
  </si>
  <si>
    <t>cg19683960</t>
  </si>
  <si>
    <t>cg19688830</t>
  </si>
  <si>
    <t>cg19689427</t>
  </si>
  <si>
    <t>cg19693760</t>
  </si>
  <si>
    <t>cg19694371</t>
  </si>
  <si>
    <t>cg19695166</t>
  </si>
  <si>
    <t>cg19695404</t>
  </si>
  <si>
    <t>cg19698137</t>
  </si>
  <si>
    <t>cg19720628</t>
  </si>
  <si>
    <t>cg19723187</t>
  </si>
  <si>
    <t>cg19727817</t>
  </si>
  <si>
    <t>cg19728382</t>
  </si>
  <si>
    <t>cg19729279</t>
  </si>
  <si>
    <t>cg19731233</t>
  </si>
  <si>
    <t>cg19732144</t>
  </si>
  <si>
    <t>cg19733633</t>
  </si>
  <si>
    <t>cg19734164</t>
  </si>
  <si>
    <t>cg19734870</t>
  </si>
  <si>
    <t>cg19742789</t>
  </si>
  <si>
    <t>cg19743820</t>
  </si>
  <si>
    <t>cg19744051</t>
  </si>
  <si>
    <t>cg19754180</t>
  </si>
  <si>
    <t>cg19756313</t>
  </si>
  <si>
    <t>cg19756358</t>
  </si>
  <si>
    <t>cg19756663</t>
  </si>
  <si>
    <t>cg19760823</t>
  </si>
  <si>
    <t>cg19764541</t>
  </si>
  <si>
    <t>cg19766820</t>
  </si>
  <si>
    <t>cg19767800</t>
  </si>
  <si>
    <t>cg19768013</t>
  </si>
  <si>
    <t>cg19769715</t>
  </si>
  <si>
    <t>cg19775582</t>
  </si>
  <si>
    <t>cg19784880</t>
  </si>
  <si>
    <t>cg19791262</t>
  </si>
  <si>
    <t>cg19793809</t>
  </si>
  <si>
    <t>cg19796273</t>
  </si>
  <si>
    <t>cg19797741</t>
  </si>
  <si>
    <t>cg19801705</t>
  </si>
  <si>
    <t>cg19803131</t>
  </si>
  <si>
    <t>cg19808215</t>
  </si>
  <si>
    <t>cg19814134</t>
  </si>
  <si>
    <t>cg19814830</t>
  </si>
  <si>
    <t>cg19817005</t>
  </si>
  <si>
    <t>cg19820287</t>
  </si>
  <si>
    <t>cg19836174</t>
  </si>
  <si>
    <t>cg19843353</t>
  </si>
  <si>
    <t>cg19844283</t>
  </si>
  <si>
    <t>cg19848126</t>
  </si>
  <si>
    <t>cg19852204</t>
  </si>
  <si>
    <t>cg19853517</t>
  </si>
  <si>
    <t>cg19854293</t>
  </si>
  <si>
    <t>cg19856728</t>
  </si>
  <si>
    <t>cg19857761</t>
  </si>
  <si>
    <t>cg19860636</t>
  </si>
  <si>
    <t>cg19863003</t>
  </si>
  <si>
    <t>cg19863584</t>
  </si>
  <si>
    <t>cg19863955</t>
  </si>
  <si>
    <t>cg19870438</t>
  </si>
  <si>
    <t>cg19874640</t>
  </si>
  <si>
    <t>cg19878194</t>
  </si>
  <si>
    <t>cg19880597</t>
  </si>
  <si>
    <t>cg19884223</t>
  </si>
  <si>
    <t>cg19884619</t>
  </si>
  <si>
    <t>cg19889066</t>
  </si>
  <si>
    <t>cg19891924</t>
  </si>
  <si>
    <t>cg19900896</t>
  </si>
  <si>
    <t>cg19905251</t>
  </si>
  <si>
    <t>cg19908207</t>
  </si>
  <si>
    <t>cg19910648</t>
  </si>
  <si>
    <t>cg19915256</t>
  </si>
  <si>
    <t>cg19919344</t>
  </si>
  <si>
    <t>cg19919989</t>
  </si>
  <si>
    <t>cg19927028</t>
  </si>
  <si>
    <t>cg19928046</t>
  </si>
  <si>
    <t>cg19933664</t>
  </si>
  <si>
    <t>cg19933985</t>
  </si>
  <si>
    <t>cg19938119</t>
  </si>
  <si>
    <t>cg19939793</t>
  </si>
  <si>
    <t>cg19947484</t>
  </si>
  <si>
    <t>cg19950073</t>
  </si>
  <si>
    <t>cg19950461</t>
  </si>
  <si>
    <t>cg19951244</t>
  </si>
  <si>
    <t>cg19951297</t>
  </si>
  <si>
    <t>cg19951663</t>
  </si>
  <si>
    <t>cg19953620</t>
  </si>
  <si>
    <t>cg19954000</t>
  </si>
  <si>
    <t>cg19954348</t>
  </si>
  <si>
    <t>cg19956155</t>
  </si>
  <si>
    <t>cg19957511</t>
  </si>
  <si>
    <t>cg19958866</t>
  </si>
  <si>
    <t>cg19960778</t>
  </si>
  <si>
    <t>cg19969650</t>
  </si>
  <si>
    <t>cg19972859</t>
  </si>
  <si>
    <t>cg19974854</t>
  </si>
  <si>
    <t>cg19976771</t>
  </si>
  <si>
    <t>cg19977628</t>
  </si>
  <si>
    <t>cg19977633</t>
  </si>
  <si>
    <t>cg19979108</t>
  </si>
  <si>
    <t>cg19980151</t>
  </si>
  <si>
    <t>cg19980199</t>
  </si>
  <si>
    <t>cg19980718</t>
  </si>
  <si>
    <t>cg19986872</t>
  </si>
  <si>
    <t>cg19988798</t>
  </si>
  <si>
    <t>cg19990316</t>
  </si>
  <si>
    <t>cg19991079</t>
  </si>
  <si>
    <t>cg20010012</t>
  </si>
  <si>
    <t>cg20021244</t>
  </si>
  <si>
    <t>cg20027296</t>
  </si>
  <si>
    <t>cg20030243</t>
  </si>
  <si>
    <t>cg20075683</t>
  </si>
  <si>
    <t>cg20079193</t>
  </si>
  <si>
    <t>cg20101978</t>
  </si>
  <si>
    <t>cg20126158</t>
  </si>
  <si>
    <t>cg20149766</t>
  </si>
  <si>
    <t>cg20172593</t>
  </si>
  <si>
    <t>cg20189782</t>
  </si>
  <si>
    <t>cg20194689</t>
  </si>
  <si>
    <t>cg20225275</t>
  </si>
  <si>
    <t>cg20261922</t>
  </si>
  <si>
    <t>cg20273774</t>
  </si>
  <si>
    <t>cg20274746</t>
  </si>
  <si>
    <t>cg20277250</t>
  </si>
  <si>
    <t>cg20277670</t>
  </si>
  <si>
    <t>cg20300655</t>
  </si>
  <si>
    <t>cg20310920</t>
  </si>
  <si>
    <t>cg20311501</t>
  </si>
  <si>
    <t>cg20315124</t>
  </si>
  <si>
    <t>cg20328399</t>
  </si>
  <si>
    <t>cg20338600</t>
  </si>
  <si>
    <t>cg20375093</t>
  </si>
  <si>
    <t>cg20379258</t>
  </si>
  <si>
    <t>cg20380649</t>
  </si>
  <si>
    <t>cg20383558</t>
  </si>
  <si>
    <t>cg20385216</t>
  </si>
  <si>
    <t>cg20386575</t>
  </si>
  <si>
    <t>cg20387341</t>
  </si>
  <si>
    <t>cg20388427</t>
  </si>
  <si>
    <t>cg20399011</t>
  </si>
  <si>
    <t>cg20402000</t>
  </si>
  <si>
    <t>cg20403878</t>
  </si>
  <si>
    <t>cg20406374</t>
  </si>
  <si>
    <t>cg20410135</t>
  </si>
  <si>
    <t>cg20410997</t>
  </si>
  <si>
    <t>cg20414364</t>
  </si>
  <si>
    <t>cg20416648</t>
  </si>
  <si>
    <t>cg20417024</t>
  </si>
  <si>
    <t>cg20417500</t>
  </si>
  <si>
    <t>cg20422099</t>
  </si>
  <si>
    <t>cg20426959</t>
  </si>
  <si>
    <t>cg20433262</t>
  </si>
  <si>
    <t>cg20434856</t>
  </si>
  <si>
    <t>cg20441048</t>
  </si>
  <si>
    <t>cg20441553</t>
  </si>
  <si>
    <t>cg20442232</t>
  </si>
  <si>
    <t>cg20442289</t>
  </si>
  <si>
    <t>cg20449228</t>
  </si>
  <si>
    <t>cg20451680</t>
  </si>
  <si>
    <t>cg20453176</t>
  </si>
  <si>
    <t>cg20453264</t>
  </si>
  <si>
    <t>cg20455092</t>
  </si>
  <si>
    <t>cg20463927</t>
  </si>
  <si>
    <t>cg20470275</t>
  </si>
  <si>
    <t>cg20471798</t>
  </si>
  <si>
    <t>cg20474306</t>
  </si>
  <si>
    <t>cg20474370</t>
  </si>
  <si>
    <t>cg20475035</t>
  </si>
  <si>
    <t>cg20480041</t>
  </si>
  <si>
    <t>cg20509092</t>
  </si>
  <si>
    <t>cg20512303</t>
  </si>
  <si>
    <t>cg20524425</t>
  </si>
  <si>
    <t>cg20534662</t>
  </si>
  <si>
    <t>cg20534884</t>
  </si>
  <si>
    <t>cg20535838</t>
  </si>
  <si>
    <t>cg20536364</t>
  </si>
  <si>
    <t>cg20536794</t>
  </si>
  <si>
    <t>cg20540378</t>
  </si>
  <si>
    <t>cg20541601</t>
  </si>
  <si>
    <t>cg20545087</t>
  </si>
  <si>
    <t>cg20546002</t>
  </si>
  <si>
    <t>cg20554397</t>
  </si>
  <si>
    <t>cg20558160</t>
  </si>
  <si>
    <t>cg20559537</t>
  </si>
  <si>
    <t>cg20563794</t>
  </si>
  <si>
    <t>cg20565082</t>
  </si>
  <si>
    <t>cg20566450</t>
  </si>
  <si>
    <t>cg20566766</t>
  </si>
  <si>
    <t>cg20584011</t>
  </si>
  <si>
    <t>cg20618750</t>
  </si>
  <si>
    <t>cg20646884</t>
  </si>
  <si>
    <t>cg20649665</t>
  </si>
  <si>
    <t>cg20655458</t>
  </si>
  <si>
    <t>cg20660802</t>
  </si>
  <si>
    <t>cg20668321</t>
  </si>
  <si>
    <t>cg20680166</t>
  </si>
  <si>
    <t>cg20682563</t>
  </si>
  <si>
    <t>cg20682639</t>
  </si>
  <si>
    <t>cg20683765</t>
  </si>
  <si>
    <t>cg20695142</t>
  </si>
  <si>
    <t>cg20700235</t>
  </si>
  <si>
    <t>cg20701977</t>
  </si>
  <si>
    <t>cg20702419</t>
  </si>
  <si>
    <t>cg20703137</t>
  </si>
  <si>
    <t>cg20703731</t>
  </si>
  <si>
    <t>cg20704330</t>
  </si>
  <si>
    <t>cg20708282</t>
  </si>
  <si>
    <t>cg20708411</t>
  </si>
  <si>
    <t>cg20712631</t>
  </si>
  <si>
    <t>cg20713035</t>
  </si>
  <si>
    <t>cg20713439</t>
  </si>
  <si>
    <t>cg20716774</t>
  </si>
  <si>
    <t>cg20717585</t>
  </si>
  <si>
    <t>cg20721239</t>
  </si>
  <si>
    <t>cg20721320</t>
  </si>
  <si>
    <t>cg20722210</t>
  </si>
  <si>
    <t>cg20723271</t>
  </si>
  <si>
    <t>cg20725716</t>
  </si>
  <si>
    <t>cg20725936</t>
  </si>
  <si>
    <t>cg20730619</t>
  </si>
  <si>
    <t>cg20739904</t>
  </si>
  <si>
    <t>cg20741528</t>
  </si>
  <si>
    <t>cg20742562</t>
  </si>
  <si>
    <t>cg20744943</t>
  </si>
  <si>
    <t>cg20752472</t>
  </si>
  <si>
    <t>cg20757912</t>
  </si>
  <si>
    <t>cg20758593</t>
  </si>
  <si>
    <t>cg20759084</t>
  </si>
  <si>
    <t>cg20768043</t>
  </si>
  <si>
    <t>cg20770003</t>
  </si>
  <si>
    <t>cg20770504</t>
  </si>
  <si>
    <t>cg20771870</t>
  </si>
  <si>
    <t>cg20772593</t>
  </si>
  <si>
    <t>cg20775840</t>
  </si>
  <si>
    <t>cg20776169</t>
  </si>
  <si>
    <t>cg20776454</t>
  </si>
  <si>
    <t>cg20777257</t>
  </si>
  <si>
    <t>cg20779019</t>
  </si>
  <si>
    <t>cg20779239</t>
  </si>
  <si>
    <t>cg20784649</t>
  </si>
  <si>
    <t>cg20800086</t>
  </si>
  <si>
    <t>cg20820249</t>
  </si>
  <si>
    <t>cg20833838</t>
  </si>
  <si>
    <t>cg20858173</t>
  </si>
  <si>
    <t>cg20864859</t>
  </si>
  <si>
    <t>cg20868410</t>
  </si>
  <si>
    <t>cg20873205</t>
  </si>
  <si>
    <t>cg20919615</t>
  </si>
  <si>
    <t>cg20924470</t>
  </si>
  <si>
    <t>cg20926282</t>
  </si>
  <si>
    <t>cg20929922</t>
  </si>
  <si>
    <t>cg20931964</t>
  </si>
  <si>
    <t>cg20938085</t>
  </si>
  <si>
    <t>cg20938802</t>
  </si>
  <si>
    <t>cg20943084</t>
  </si>
  <si>
    <t>cg20948472</t>
  </si>
  <si>
    <t>cg20951821</t>
  </si>
  <si>
    <t>cg20952358</t>
  </si>
  <si>
    <t>cg20954870</t>
  </si>
  <si>
    <t>cg20956407</t>
  </si>
  <si>
    <t>cg20963696</t>
  </si>
  <si>
    <t>cg20969424</t>
  </si>
  <si>
    <t>cg20971045</t>
  </si>
  <si>
    <t>cg20971546</t>
  </si>
  <si>
    <t>cg20974424</t>
  </si>
  <si>
    <t>cg20977448</t>
  </si>
  <si>
    <t>cg20979602</t>
  </si>
  <si>
    <t>cg20985635</t>
  </si>
  <si>
    <t>cg20986443</t>
  </si>
  <si>
    <t>cg21000295</t>
  </si>
  <si>
    <t>cg21034676</t>
  </si>
  <si>
    <t>cg21035905</t>
  </si>
  <si>
    <t>cg21041447</t>
  </si>
  <si>
    <t>cg21043580</t>
  </si>
  <si>
    <t>cg21046940</t>
  </si>
  <si>
    <t>cg21048915</t>
  </si>
  <si>
    <t>cg21050416</t>
  </si>
  <si>
    <t>cg21052104</t>
  </si>
  <si>
    <t>cg21055684</t>
  </si>
  <si>
    <t>cg21056475</t>
  </si>
  <si>
    <t>cg21067654</t>
  </si>
  <si>
    <t>cg21073350</t>
  </si>
  <si>
    <t>cg21080251</t>
  </si>
  <si>
    <t>cg21089910</t>
  </si>
  <si>
    <t>cg21091679</t>
  </si>
  <si>
    <t>cg21091766</t>
  </si>
  <si>
    <t>cg21094949</t>
  </si>
  <si>
    <t>cg21097283</t>
  </si>
  <si>
    <t>cg21101631</t>
  </si>
  <si>
    <t>cg21103829</t>
  </si>
  <si>
    <t>cg21113900</t>
  </si>
  <si>
    <t>cg21115120</t>
  </si>
  <si>
    <t>cg21122075</t>
  </si>
  <si>
    <t>cg21122370</t>
  </si>
  <si>
    <t>cg21123434</t>
  </si>
  <si>
    <t>cg21123686</t>
  </si>
  <si>
    <t>cg21123733</t>
  </si>
  <si>
    <t>cg21131622</t>
  </si>
  <si>
    <t>cg21136182</t>
  </si>
  <si>
    <t>cg21139209</t>
  </si>
  <si>
    <t>cg21143086</t>
  </si>
  <si>
    <t>cg21143428</t>
  </si>
  <si>
    <t>cg21145140</t>
  </si>
  <si>
    <t>cg21145248</t>
  </si>
  <si>
    <t>cg21145980</t>
  </si>
  <si>
    <t>cg21147203</t>
  </si>
  <si>
    <t>cg21151960</t>
  </si>
  <si>
    <t>cg21155100</t>
  </si>
  <si>
    <t>cg21158476</t>
  </si>
  <si>
    <t>cg21159260</t>
  </si>
  <si>
    <t>cg21160151</t>
  </si>
  <si>
    <t>cg21160852</t>
  </si>
  <si>
    <t>cg21165027</t>
  </si>
  <si>
    <t>cg21166092</t>
  </si>
  <si>
    <t>cg21166964</t>
  </si>
  <si>
    <t>cg21171858</t>
  </si>
  <si>
    <t>cg21179705</t>
  </si>
  <si>
    <t>cg21180956</t>
  </si>
  <si>
    <t>cg21183664</t>
  </si>
  <si>
    <t>cg21184132</t>
  </si>
  <si>
    <t>cg21185686</t>
  </si>
  <si>
    <t>cg21187195</t>
  </si>
  <si>
    <t>cg21189063</t>
  </si>
  <si>
    <t>cg21193660</t>
  </si>
  <si>
    <t>cg21194115</t>
  </si>
  <si>
    <t>cg21197266</t>
  </si>
  <si>
    <t>cg21200208</t>
  </si>
  <si>
    <t>cg21204530</t>
  </si>
  <si>
    <t>cg21207217</t>
  </si>
  <si>
    <t>cg21210529</t>
  </si>
  <si>
    <t>cg21211253</t>
  </si>
  <si>
    <t>cg21212314</t>
  </si>
  <si>
    <t>cg21214293</t>
  </si>
  <si>
    <t>cg21215899</t>
  </si>
  <si>
    <t>cg21215929</t>
  </si>
  <si>
    <t>cg21224291</t>
  </si>
  <si>
    <t>cg21224472</t>
  </si>
  <si>
    <t>cg21225170</t>
  </si>
  <si>
    <t>cg21229536</t>
  </si>
  <si>
    <t>cg21230503</t>
  </si>
  <si>
    <t>cg21230565</t>
  </si>
  <si>
    <t>cg21231400</t>
  </si>
  <si>
    <t>cg21233722</t>
  </si>
  <si>
    <t>cg21237481</t>
  </si>
  <si>
    <t>cg21242144</t>
  </si>
  <si>
    <t>cg21242232</t>
  </si>
  <si>
    <t>cg21243717</t>
  </si>
  <si>
    <t>cg21245816</t>
  </si>
  <si>
    <t>cg21249921</t>
  </si>
  <si>
    <t>cg21269843</t>
  </si>
  <si>
    <t>cg21283340</t>
  </si>
  <si>
    <t>cg21315530</t>
  </si>
  <si>
    <t>cg21319053</t>
  </si>
  <si>
    <t>cg21332729</t>
  </si>
  <si>
    <t>cg21334510</t>
  </si>
  <si>
    <t>cg21351151</t>
  </si>
  <si>
    <t>cg21380625</t>
  </si>
  <si>
    <t>cg21410991</t>
  </si>
  <si>
    <t>cg21413258</t>
  </si>
  <si>
    <t>cg21424904</t>
  </si>
  <si>
    <t>cg21433933</t>
  </si>
  <si>
    <t>cg21473545</t>
  </si>
  <si>
    <t>cg21477033</t>
  </si>
  <si>
    <t>cg21478490</t>
  </si>
  <si>
    <t>cg21487099</t>
  </si>
  <si>
    <t>cg21491711</t>
  </si>
  <si>
    <t>cg21492882</t>
  </si>
  <si>
    <t>cg21493127</t>
  </si>
  <si>
    <t>cg21496319</t>
  </si>
  <si>
    <t>cg21496785</t>
  </si>
  <si>
    <t>cg21503476</t>
  </si>
  <si>
    <t>cg21504918</t>
  </si>
  <si>
    <t>cg21507882</t>
  </si>
  <si>
    <t>cg21509130</t>
  </si>
  <si>
    <t>cg21510189</t>
  </si>
  <si>
    <t>cg21512447</t>
  </si>
  <si>
    <t>cg21513991</t>
  </si>
  <si>
    <t>cg21514723</t>
  </si>
  <si>
    <t>cg21515406</t>
  </si>
  <si>
    <t>cg21515785</t>
  </si>
  <si>
    <t>cg21516478</t>
  </si>
  <si>
    <t>cg21517683</t>
  </si>
  <si>
    <t>cg21519219</t>
  </si>
  <si>
    <t>cg21519804</t>
  </si>
  <si>
    <t>cg21520299</t>
  </si>
  <si>
    <t>cg21523871</t>
  </si>
  <si>
    <t>cg21524199</t>
  </si>
  <si>
    <t>cg21525330</t>
  </si>
  <si>
    <t>cg21526011</t>
  </si>
  <si>
    <t>cg21533977</t>
  </si>
  <si>
    <t>cg21536585</t>
  </si>
  <si>
    <t>cg21536925</t>
  </si>
  <si>
    <t>cg21540749</t>
  </si>
  <si>
    <t>cg21544818</t>
  </si>
  <si>
    <t>cg21545535</t>
  </si>
  <si>
    <t>cg21545840</t>
  </si>
  <si>
    <t>cg21546155</t>
  </si>
  <si>
    <t>cg21548029</t>
  </si>
  <si>
    <t>cg21550107</t>
  </si>
  <si>
    <t>cg21550219</t>
  </si>
  <si>
    <t>cg21552292</t>
  </si>
  <si>
    <t>cg21554217</t>
  </si>
  <si>
    <t>cg21554569</t>
  </si>
  <si>
    <t>cg21554588</t>
  </si>
  <si>
    <t>cg21555696</t>
  </si>
  <si>
    <t>cg21558614</t>
  </si>
  <si>
    <t>cg21574815</t>
  </si>
  <si>
    <t>cg21575929</t>
  </si>
  <si>
    <t>cg21580394</t>
  </si>
  <si>
    <t>cg21580428</t>
  </si>
  <si>
    <t>cg21580846</t>
  </si>
  <si>
    <t>cg21582714</t>
  </si>
  <si>
    <t>cg21583694</t>
  </si>
  <si>
    <t>cg21590264</t>
  </si>
  <si>
    <t>cg21592001</t>
  </si>
  <si>
    <t>cg21592463</t>
  </si>
  <si>
    <t>cg21594278</t>
  </si>
  <si>
    <t>cg21605986</t>
  </si>
  <si>
    <t>cg21606036</t>
  </si>
  <si>
    <t>cg21613324</t>
  </si>
  <si>
    <t>cg21618273</t>
  </si>
  <si>
    <t>cg21620524</t>
  </si>
  <si>
    <t>cg21623671</t>
  </si>
  <si>
    <t>cg21624165</t>
  </si>
  <si>
    <t>cg21625271</t>
  </si>
  <si>
    <t>cg21625568</t>
  </si>
  <si>
    <t>cg21626163</t>
  </si>
  <si>
    <t>cg21629394</t>
  </si>
  <si>
    <t>cg21631086</t>
  </si>
  <si>
    <t>cg21633134</t>
  </si>
  <si>
    <t>cg21635265</t>
  </si>
  <si>
    <t>cg21636683</t>
  </si>
  <si>
    <t>cg21636911</t>
  </si>
  <si>
    <t>cg21652012</t>
  </si>
  <si>
    <t>cg21662506</t>
  </si>
  <si>
    <t>cg21670451</t>
  </si>
  <si>
    <t>cg21677976</t>
  </si>
  <si>
    <t>cg21682418</t>
  </si>
  <si>
    <t>cg21702128</t>
  </si>
  <si>
    <t>cg21743597</t>
  </si>
  <si>
    <t>cg21751787</t>
  </si>
  <si>
    <t>cg21752383</t>
  </si>
  <si>
    <t>cg21753973</t>
  </si>
  <si>
    <t>cg21756326</t>
  </si>
  <si>
    <t>cg21756587</t>
  </si>
  <si>
    <t>cg21758733</t>
  </si>
  <si>
    <t>cg21764043</t>
  </si>
  <si>
    <t>cg21767036</t>
  </si>
  <si>
    <t>cg21768042</t>
  </si>
  <si>
    <t>cg21768539</t>
  </si>
  <si>
    <t>cg21771173</t>
  </si>
  <si>
    <t>cg21771528</t>
  </si>
  <si>
    <t>cg21772997</t>
  </si>
  <si>
    <t>cg21774667</t>
  </si>
  <si>
    <t>cg21775675</t>
  </si>
  <si>
    <t>cg21776403</t>
  </si>
  <si>
    <t>cg21776419</t>
  </si>
  <si>
    <t>cg21784134</t>
  </si>
  <si>
    <t>cg21795544</t>
  </si>
  <si>
    <t>cg21797405</t>
  </si>
  <si>
    <t>cg21799270</t>
  </si>
  <si>
    <t>cg21806022</t>
  </si>
  <si>
    <t>cg21806100</t>
  </si>
  <si>
    <t>cg21806139</t>
  </si>
  <si>
    <t>cg21806580</t>
  </si>
  <si>
    <t>cg21806985</t>
  </si>
  <si>
    <t>cg21808837</t>
  </si>
  <si>
    <t>cg21815063</t>
  </si>
  <si>
    <t>cg21817287</t>
  </si>
  <si>
    <t>cg21830711</t>
  </si>
  <si>
    <t>cg21842274</t>
  </si>
  <si>
    <t>cg21849875</t>
  </si>
  <si>
    <t>cg21850069</t>
  </si>
  <si>
    <t>cg21869586</t>
  </si>
  <si>
    <t>cg21875156</t>
  </si>
  <si>
    <t>cg21877498</t>
  </si>
  <si>
    <t>cg21878514</t>
  </si>
  <si>
    <t>cg21883261</t>
  </si>
  <si>
    <t>cg21883291</t>
  </si>
  <si>
    <t>cg21885134</t>
  </si>
  <si>
    <t>cg21889472</t>
  </si>
  <si>
    <t>cg21895377</t>
  </si>
  <si>
    <t>cg21898046</t>
  </si>
  <si>
    <t>cg21899992</t>
  </si>
  <si>
    <t>cg21901223</t>
  </si>
  <si>
    <t>cg21918513</t>
  </si>
  <si>
    <t>cg21919857</t>
  </si>
  <si>
    <t>cg21921460</t>
  </si>
  <si>
    <t>cg21925754</t>
  </si>
  <si>
    <t>cg21926451</t>
  </si>
  <si>
    <t>cg21927362</t>
  </si>
  <si>
    <t>cg21929969</t>
  </si>
  <si>
    <t>cg21930118</t>
  </si>
  <si>
    <t>cg21935402</t>
  </si>
  <si>
    <t>cg21937886</t>
  </si>
  <si>
    <t>cg21940875</t>
  </si>
  <si>
    <t>cg21946374</t>
  </si>
  <si>
    <t>cg21949274</t>
  </si>
  <si>
    <t>cg21949355</t>
  </si>
  <si>
    <t>cg21950518</t>
  </si>
  <si>
    <t>cg21952646</t>
  </si>
  <si>
    <t>cg21956099</t>
  </si>
  <si>
    <t>cg21956997</t>
  </si>
  <si>
    <t>cg21960680</t>
  </si>
  <si>
    <t>cg21962324</t>
  </si>
  <si>
    <t>cg21962562</t>
  </si>
  <si>
    <t>cg21964466</t>
  </si>
  <si>
    <t>cg21966378</t>
  </si>
  <si>
    <t>cg21970789</t>
  </si>
  <si>
    <t>cg21972502</t>
  </si>
  <si>
    <t>cg21975834</t>
  </si>
  <si>
    <t>cg21982455</t>
  </si>
  <si>
    <t>cg21985356</t>
  </si>
  <si>
    <t>cg21993406</t>
  </si>
  <si>
    <t>cg21998208</t>
  </si>
  <si>
    <t>cg22005145</t>
  </si>
  <si>
    <t>cg22006625</t>
  </si>
  <si>
    <t>cg22007501</t>
  </si>
  <si>
    <t>cg22009596</t>
  </si>
  <si>
    <t>cg22010743</t>
  </si>
  <si>
    <t>cg22013719</t>
  </si>
  <si>
    <t>cg22014398</t>
  </si>
  <si>
    <t>cg22016770</t>
  </si>
  <si>
    <t>cg22017187</t>
  </si>
  <si>
    <t>cg22019649</t>
  </si>
  <si>
    <t>cg22020813</t>
  </si>
  <si>
    <t>cg22021794</t>
  </si>
  <si>
    <t>cg22022099</t>
  </si>
  <si>
    <t>cg22023819</t>
  </si>
  <si>
    <t>cg22030839</t>
  </si>
  <si>
    <t>cg22032789</t>
  </si>
  <si>
    <t>cg22047013</t>
  </si>
  <si>
    <t>cg22047350</t>
  </si>
  <si>
    <t>cg22047487</t>
  </si>
  <si>
    <t>cg22051146</t>
  </si>
  <si>
    <t>cg22051204</t>
  </si>
  <si>
    <t>cg22052143</t>
  </si>
  <si>
    <t>cg22055687</t>
  </si>
  <si>
    <t>cg22055815</t>
  </si>
  <si>
    <t>cg22057240</t>
  </si>
  <si>
    <t>cg22060611</t>
  </si>
  <si>
    <t>cg22060694</t>
  </si>
  <si>
    <t>cg22065439</t>
  </si>
  <si>
    <t>cg22076495</t>
  </si>
  <si>
    <t>cg22077101</t>
  </si>
  <si>
    <t>cg22079902</t>
  </si>
  <si>
    <t>cg22080086</t>
  </si>
  <si>
    <t>cg22086973</t>
  </si>
  <si>
    <t>cg22092397</t>
  </si>
  <si>
    <t>cg22101141</t>
  </si>
  <si>
    <t>cg22106577</t>
  </si>
  <si>
    <t>cg22108469</t>
  </si>
  <si>
    <t>cg22108563</t>
  </si>
  <si>
    <t>cg22109708</t>
  </si>
  <si>
    <t>cg22111038</t>
  </si>
  <si>
    <t>cg22112587</t>
  </si>
  <si>
    <t>cg22115076</t>
  </si>
  <si>
    <t>cg22115305</t>
  </si>
  <si>
    <t>cg22116670</t>
  </si>
  <si>
    <t>cg22118147</t>
  </si>
  <si>
    <t>cg22122229</t>
  </si>
  <si>
    <t>cg22130145</t>
  </si>
  <si>
    <t>cg22135561</t>
  </si>
  <si>
    <t>cg22135685</t>
  </si>
  <si>
    <t>cg22143698</t>
  </si>
  <si>
    <t>cg22144668</t>
  </si>
  <si>
    <t>cg22149359</t>
  </si>
  <si>
    <t>cg22149516</t>
  </si>
  <si>
    <t>cg22150440</t>
  </si>
  <si>
    <t>cg22153940</t>
  </si>
  <si>
    <t>cg22160263</t>
  </si>
  <si>
    <t>cg22160472</t>
  </si>
  <si>
    <t>cg22160883</t>
  </si>
  <si>
    <t>cg22175873</t>
  </si>
  <si>
    <t>cg22178392</t>
  </si>
  <si>
    <t>cg22180848</t>
  </si>
  <si>
    <t>cg22188603</t>
  </si>
  <si>
    <t>cg22191665</t>
  </si>
  <si>
    <t>cg22192489</t>
  </si>
  <si>
    <t>cg22195011</t>
  </si>
  <si>
    <t>cg22196610</t>
  </si>
  <si>
    <t>cg22197830</t>
  </si>
  <si>
    <t>cg22202786</t>
  </si>
  <si>
    <t>cg22203582</t>
  </si>
  <si>
    <t>cg22203607</t>
  </si>
  <si>
    <t>cg22207135</t>
  </si>
  <si>
    <t>cg22215520</t>
  </si>
  <si>
    <t>cg22230395</t>
  </si>
  <si>
    <t>cg22277296</t>
  </si>
  <si>
    <t>cg22279415</t>
  </si>
  <si>
    <t>cg22281080</t>
  </si>
  <si>
    <t>cg22305129</t>
  </si>
  <si>
    <t>cg22345692</t>
  </si>
  <si>
    <t>cg22356527</t>
  </si>
  <si>
    <t>cg22359217</t>
  </si>
  <si>
    <t>cg22381282</t>
  </si>
  <si>
    <t>cg22398566</t>
  </si>
  <si>
    <t>cg22418083</t>
  </si>
  <si>
    <t>cg22418337</t>
  </si>
  <si>
    <t>cg22422090</t>
  </si>
  <si>
    <t>cg22423821</t>
  </si>
  <si>
    <t>cg22434226</t>
  </si>
  <si>
    <t>cg22437221</t>
  </si>
  <si>
    <t>cg22437316</t>
  </si>
  <si>
    <t>cg22438376</t>
  </si>
  <si>
    <t>cg22439359</t>
  </si>
  <si>
    <t>cg22442352</t>
  </si>
  <si>
    <t>cg22444512</t>
  </si>
  <si>
    <t>cg22445920</t>
  </si>
  <si>
    <t>cg22447511</t>
  </si>
  <si>
    <t>cg22448679</t>
  </si>
  <si>
    <t>cg22453818</t>
  </si>
  <si>
    <t>cg22455090</t>
  </si>
  <si>
    <t>cg22459204</t>
  </si>
  <si>
    <t>cg22463008</t>
  </si>
  <si>
    <t>cg22463553</t>
  </si>
  <si>
    <t>cg22464692</t>
  </si>
  <si>
    <t>cg22465281</t>
  </si>
  <si>
    <t>cg22473616</t>
  </si>
  <si>
    <t>cg22473846</t>
  </si>
  <si>
    <t>cg22479161</t>
  </si>
  <si>
    <t>cg22479226</t>
  </si>
  <si>
    <t>cg22485938</t>
  </si>
  <si>
    <t>cg22486051</t>
  </si>
  <si>
    <t>cg22488849</t>
  </si>
  <si>
    <t>cg22496380</t>
  </si>
  <si>
    <t>cg22499086</t>
  </si>
  <si>
    <t>cg22501885</t>
  </si>
  <si>
    <t>cg22509422</t>
  </si>
  <si>
    <t>cg22512536</t>
  </si>
  <si>
    <t>cg22519422</t>
  </si>
  <si>
    <t>cg22519545</t>
  </si>
  <si>
    <t>cg22519912</t>
  </si>
  <si>
    <t>cg22540600</t>
  </si>
  <si>
    <t>cg22542177</t>
  </si>
  <si>
    <t>cg22547396</t>
  </si>
  <si>
    <t>cg22547851</t>
  </si>
  <si>
    <t>cg22550446</t>
  </si>
  <si>
    <t>cg22550528</t>
  </si>
  <si>
    <t>cg22551065</t>
  </si>
  <si>
    <t>cg22553828</t>
  </si>
  <si>
    <t>cg22556768</t>
  </si>
  <si>
    <t>cg22559034</t>
  </si>
  <si>
    <t>cg22560979</t>
  </si>
  <si>
    <t>cg22562383</t>
  </si>
  <si>
    <t>cg22563040</t>
  </si>
  <si>
    <t>cg22565914</t>
  </si>
  <si>
    <t>cg22571544</t>
  </si>
  <si>
    <t>cg22584580</t>
  </si>
  <si>
    <t>cg22588983</t>
  </si>
  <si>
    <t>cg22590032</t>
  </si>
  <si>
    <t>cg22592346</t>
  </si>
  <si>
    <t>cg22594055</t>
  </si>
  <si>
    <t>cg22598563</t>
  </si>
  <si>
    <t>cg22604188</t>
  </si>
  <si>
    <t>cg22605063</t>
  </si>
  <si>
    <t>cg22618924</t>
  </si>
  <si>
    <t>cg22619376</t>
  </si>
  <si>
    <t>cg22620071</t>
  </si>
  <si>
    <t>cg22621982</t>
  </si>
  <si>
    <t>cg22631387</t>
  </si>
  <si>
    <t>cg22632352</t>
  </si>
  <si>
    <t>cg22635402</t>
  </si>
  <si>
    <t>cg22635717</t>
  </si>
  <si>
    <t>cg22639242</t>
  </si>
  <si>
    <t>cg22639561</t>
  </si>
  <si>
    <t>cg22640213</t>
  </si>
  <si>
    <t>cg22641266</t>
  </si>
  <si>
    <t>cg22642485</t>
  </si>
  <si>
    <t>cg22642777</t>
  </si>
  <si>
    <t>cg22644194</t>
  </si>
  <si>
    <t>cg22645421</t>
  </si>
  <si>
    <t>cg22646937</t>
  </si>
  <si>
    <t>cg22646995</t>
  </si>
  <si>
    <t>cg22655561</t>
  </si>
  <si>
    <t>cg22656956</t>
  </si>
  <si>
    <t>cg22657059</t>
  </si>
  <si>
    <t>cg22657457</t>
  </si>
  <si>
    <t>cg22658758</t>
  </si>
  <si>
    <t>cg22659922</t>
  </si>
  <si>
    <t>cg22659953</t>
  </si>
  <si>
    <t>cg22664253</t>
  </si>
  <si>
    <t>cg22667294</t>
  </si>
  <si>
    <t>cg22668767</t>
  </si>
  <si>
    <t>cg22669872</t>
  </si>
  <si>
    <t>cg22671929</t>
  </si>
  <si>
    <t>cg22675956</t>
  </si>
  <si>
    <t>cg22685009</t>
  </si>
  <si>
    <t>cg22689909</t>
  </si>
  <si>
    <t>cg22693435</t>
  </si>
  <si>
    <t>cg22697108</t>
  </si>
  <si>
    <t>cg22698031</t>
  </si>
  <si>
    <t>cg22705225</t>
  </si>
  <si>
    <t>cg22714668</t>
  </si>
  <si>
    <t>cg22716151</t>
  </si>
  <si>
    <t>cg22717114</t>
  </si>
  <si>
    <t>cg22730140</t>
  </si>
  <si>
    <t>cg22733357</t>
  </si>
  <si>
    <t>cg22733438</t>
  </si>
  <si>
    <t>cg22736718</t>
  </si>
  <si>
    <t>cg22737624</t>
  </si>
  <si>
    <t>cg22737695</t>
  </si>
  <si>
    <t>cg22746333</t>
  </si>
  <si>
    <t>cg22748850</t>
  </si>
  <si>
    <t>cg22749423</t>
  </si>
  <si>
    <t>cg22754176</t>
  </si>
  <si>
    <t>cg22756386</t>
  </si>
  <si>
    <t>cg22764044</t>
  </si>
  <si>
    <t>cg22764338</t>
  </si>
  <si>
    <t>cg22765308</t>
  </si>
  <si>
    <t>cg22765718</t>
  </si>
  <si>
    <t>cg22765887</t>
  </si>
  <si>
    <t>cg22767001</t>
  </si>
  <si>
    <t>cg22771603</t>
  </si>
  <si>
    <t>cg22784258</t>
  </si>
  <si>
    <t>cg22788465</t>
  </si>
  <si>
    <t>cg22790839</t>
  </si>
  <si>
    <t>cg22791543</t>
  </si>
  <si>
    <t>cg22791948</t>
  </si>
  <si>
    <t>cg22793871</t>
  </si>
  <si>
    <t>cg22794304</t>
  </si>
  <si>
    <t>cg22800332</t>
  </si>
  <si>
    <t>cg22800884</t>
  </si>
  <si>
    <t>cg22809017</t>
  </si>
  <si>
    <t>cg22810049</t>
  </si>
  <si>
    <t>cg22811572</t>
  </si>
  <si>
    <t>cg22812013</t>
  </si>
  <si>
    <t>cg22818036</t>
  </si>
  <si>
    <t>cg22826136</t>
  </si>
  <si>
    <t>cg22830947</t>
  </si>
  <si>
    <t>cg22834998</t>
  </si>
  <si>
    <t>cg22836153</t>
  </si>
  <si>
    <t>cg22837283</t>
  </si>
  <si>
    <t>cg22839180</t>
  </si>
  <si>
    <t>cg22845236</t>
  </si>
  <si>
    <t>cg22847228</t>
  </si>
  <si>
    <t>cg22849427</t>
  </si>
  <si>
    <t>cg22851125</t>
  </si>
  <si>
    <t>cg22857141</t>
  </si>
  <si>
    <t>cg22861758</t>
  </si>
  <si>
    <t>cg22862193</t>
  </si>
  <si>
    <t>cg22869668</t>
  </si>
  <si>
    <t>cg22871227</t>
  </si>
  <si>
    <t>cg22875855</t>
  </si>
  <si>
    <t>cg22878469</t>
  </si>
  <si>
    <t>cg22879111</t>
  </si>
  <si>
    <t>cg22881499</t>
  </si>
  <si>
    <t>cg22884717</t>
  </si>
  <si>
    <t>cg22885332</t>
  </si>
  <si>
    <t>cg22886139</t>
  </si>
  <si>
    <t>cg22894329</t>
  </si>
  <si>
    <t>cg22899000</t>
  </si>
  <si>
    <t>cg22899392</t>
  </si>
  <si>
    <t>cg22902550</t>
  </si>
  <si>
    <t>cg22902564</t>
  </si>
  <si>
    <t>cg22904401</t>
  </si>
  <si>
    <t>cg22906486</t>
  </si>
  <si>
    <t>cg22907189</t>
  </si>
  <si>
    <t>cg22916646</t>
  </si>
  <si>
    <t>cg22929099</t>
  </si>
  <si>
    <t>cg22929787</t>
  </si>
  <si>
    <t>cg22936884</t>
  </si>
  <si>
    <t>cg22938407</t>
  </si>
  <si>
    <t>cg22938488</t>
  </si>
  <si>
    <t>cg22938576</t>
  </si>
  <si>
    <t>cg22940263</t>
  </si>
  <si>
    <t>cg22940492</t>
  </si>
  <si>
    <t>cg22945473</t>
  </si>
  <si>
    <t>cg22949767</t>
  </si>
  <si>
    <t>cg22951509</t>
  </si>
  <si>
    <t>cg22953407</t>
  </si>
  <si>
    <t>cg22954810</t>
  </si>
  <si>
    <t>cg22955555</t>
  </si>
  <si>
    <t>cg22955595</t>
  </si>
  <si>
    <t>cg22957659</t>
  </si>
  <si>
    <t>cg22958571</t>
  </si>
  <si>
    <t>cg22964183</t>
  </si>
  <si>
    <t>cg22965432</t>
  </si>
  <si>
    <t>cg22965943</t>
  </si>
  <si>
    <t>cg22966316</t>
  </si>
  <si>
    <t>cg22968028</t>
  </si>
  <si>
    <t>cg22971157</t>
  </si>
  <si>
    <t>cg22975568</t>
  </si>
  <si>
    <t>cg22979041</t>
  </si>
  <si>
    <t>cg22979433</t>
  </si>
  <si>
    <t>cg22983903</t>
  </si>
  <si>
    <t>cg22984769</t>
  </si>
  <si>
    <t>cg22987011</t>
  </si>
  <si>
    <t>cg22988198</t>
  </si>
  <si>
    <t>cg22993585</t>
  </si>
  <si>
    <t>cg22999540</t>
  </si>
  <si>
    <t>cg23000153</t>
  </si>
  <si>
    <t>cg23001370</t>
  </si>
  <si>
    <t>cg23001413</t>
  </si>
  <si>
    <t>cg23008153</t>
  </si>
  <si>
    <t>cg23008175</t>
  </si>
  <si>
    <t>cg23010035</t>
  </si>
  <si>
    <t>cg23011886</t>
  </si>
  <si>
    <t>cg23012192</t>
  </si>
  <si>
    <t>cg23021168</t>
  </si>
  <si>
    <t>cg23023870</t>
  </si>
  <si>
    <t>cg23025223</t>
  </si>
  <si>
    <t>cg23027345</t>
  </si>
  <si>
    <t>cg23029193</t>
  </si>
  <si>
    <t>cg23031487</t>
  </si>
  <si>
    <t>cg23032364</t>
  </si>
  <si>
    <t>cg23034134</t>
  </si>
  <si>
    <t>cg23035241</t>
  </si>
  <si>
    <t>cg23036405</t>
  </si>
  <si>
    <t>cg23037386</t>
  </si>
  <si>
    <t>cg23037403</t>
  </si>
  <si>
    <t>cg23037611</t>
  </si>
  <si>
    <t>cg23044186</t>
  </si>
  <si>
    <t>cg23045425</t>
  </si>
  <si>
    <t>cg23047671</t>
  </si>
  <si>
    <t>cg23051887</t>
  </si>
  <si>
    <t>cg23053299</t>
  </si>
  <si>
    <t>cg23057943</t>
  </si>
  <si>
    <t>cg23061578</t>
  </si>
  <si>
    <t>cg23062115</t>
  </si>
  <si>
    <t>cg23072711</t>
  </si>
  <si>
    <t>cg23074932</t>
  </si>
  <si>
    <t>cg23075480</t>
  </si>
  <si>
    <t>cg23075607</t>
  </si>
  <si>
    <t>cg23077575</t>
  </si>
  <si>
    <t>cg23085154</t>
  </si>
  <si>
    <t>cg23086749</t>
  </si>
  <si>
    <t>cg23091771</t>
  </si>
  <si>
    <t>cg23097534</t>
  </si>
  <si>
    <t>cg23098195</t>
  </si>
  <si>
    <t>cg23101093</t>
  </si>
  <si>
    <t>cg23110957</t>
  </si>
  <si>
    <t>cg23112213</t>
  </si>
  <si>
    <t>cg23115083</t>
  </si>
  <si>
    <t>cg23119827</t>
  </si>
  <si>
    <t>cg23123362</t>
  </si>
  <si>
    <t>cg23129024</t>
  </si>
  <si>
    <t>cg23129463</t>
  </si>
  <si>
    <t>cg23134259</t>
  </si>
  <si>
    <t>cg23138772</t>
  </si>
  <si>
    <t>cg23141632</t>
  </si>
  <si>
    <t>cg23148838</t>
  </si>
  <si>
    <t>cg23149687</t>
  </si>
  <si>
    <t>cg23154495</t>
  </si>
  <si>
    <t>cg23155911</t>
  </si>
  <si>
    <t>cg23160224</t>
  </si>
  <si>
    <t>cg23162310</t>
  </si>
  <si>
    <t>cg23164327</t>
  </si>
  <si>
    <t>cg23171102</t>
  </si>
  <si>
    <t>cg23171103</t>
  </si>
  <si>
    <t>cg23171203</t>
  </si>
  <si>
    <t>cg23171871</t>
  </si>
  <si>
    <t>cg23172995</t>
  </si>
  <si>
    <t>cg23173495</t>
  </si>
  <si>
    <t>cg23174201</t>
  </si>
  <si>
    <t>cg23174616</t>
  </si>
  <si>
    <t>cg23177839</t>
  </si>
  <si>
    <t>cg23180941</t>
  </si>
  <si>
    <t>cg23181170</t>
  </si>
  <si>
    <t>cg23184477</t>
  </si>
  <si>
    <t>cg23187653</t>
  </si>
  <si>
    <t>cg23195435</t>
  </si>
  <si>
    <t>cg23197992</t>
  </si>
  <si>
    <t>cg23198558</t>
  </si>
  <si>
    <t>cg23205886</t>
  </si>
  <si>
    <t>cg23208176</t>
  </si>
  <si>
    <t>cg23209962</t>
  </si>
  <si>
    <t>cg23209976</t>
  </si>
  <si>
    <t>cg23211470</t>
  </si>
  <si>
    <t>cg23211535</t>
  </si>
  <si>
    <t>cg23213959</t>
  </si>
  <si>
    <t>cg23215092</t>
  </si>
  <si>
    <t>cg23221540</t>
  </si>
  <si>
    <t>cg23222488</t>
  </si>
  <si>
    <t>cg23227621</t>
  </si>
  <si>
    <t>cg23229984</t>
  </si>
  <si>
    <t>cg23233650</t>
  </si>
  <si>
    <t>cg23233742</t>
  </si>
  <si>
    <t>cg23234674</t>
  </si>
  <si>
    <t>cg23236370</t>
  </si>
  <si>
    <t>cg23245835</t>
  </si>
  <si>
    <t>cg23248424</t>
  </si>
  <si>
    <t>cg23248452</t>
  </si>
  <si>
    <t>cg23251640</t>
  </si>
  <si>
    <t>cg23256675</t>
  </si>
  <si>
    <t>cg23260877</t>
  </si>
  <si>
    <t>cg23261102</t>
  </si>
  <si>
    <t>cg23268102</t>
  </si>
  <si>
    <t>cg23275644</t>
  </si>
  <si>
    <t>cg23285825</t>
  </si>
  <si>
    <t>cg23289545</t>
  </si>
  <si>
    <t>cg23290159</t>
  </si>
  <si>
    <t>cg23297413</t>
  </si>
  <si>
    <t>cg23303188</t>
  </si>
  <si>
    <t>cg23303408</t>
  </si>
  <si>
    <t>cg23305768</t>
  </si>
  <si>
    <t>cg23313005</t>
  </si>
  <si>
    <t>cg23316671</t>
  </si>
  <si>
    <t>cg23317501</t>
  </si>
  <si>
    <t>cg23319696</t>
  </si>
  <si>
    <t>cg23325245</t>
  </si>
  <si>
    <t>cg23325413</t>
  </si>
  <si>
    <t>cg23327334</t>
  </si>
  <si>
    <t>cg23328208</t>
  </si>
  <si>
    <t>cg23328852</t>
  </si>
  <si>
    <t>cg23329372</t>
  </si>
  <si>
    <t>cg23333911</t>
  </si>
  <si>
    <t>cg23336321</t>
  </si>
  <si>
    <t>cg23336905</t>
  </si>
  <si>
    <t>cg23337501</t>
  </si>
  <si>
    <t>cg23339342</t>
  </si>
  <si>
    <t>cg23340350</t>
  </si>
  <si>
    <t>cg23346625</t>
  </si>
  <si>
    <t>cg23346969</t>
  </si>
  <si>
    <t>cg23354510</t>
  </si>
  <si>
    <t>cg23361356</t>
  </si>
  <si>
    <t>cg23365666</t>
  </si>
  <si>
    <t>cg23367683</t>
  </si>
  <si>
    <t>cg23373626</t>
  </si>
  <si>
    <t>cg23376467</t>
  </si>
  <si>
    <t>cg23377852</t>
  </si>
  <si>
    <t>cg23378365</t>
  </si>
  <si>
    <t>cg23385845</t>
  </si>
  <si>
    <t>cg23385847</t>
  </si>
  <si>
    <t>cg23391157</t>
  </si>
  <si>
    <t>cg23395449</t>
  </si>
  <si>
    <t>cg23395749</t>
  </si>
  <si>
    <t>cg23396403</t>
  </si>
  <si>
    <t>cg23396751</t>
  </si>
  <si>
    <t>cg23398720</t>
  </si>
  <si>
    <t>cg23403144</t>
  </si>
  <si>
    <t>cg23415916</t>
  </si>
  <si>
    <t>cg23423191</t>
  </si>
  <si>
    <t>cg23425242</t>
  </si>
  <si>
    <t>cg23429678</t>
  </si>
  <si>
    <t>cg23431508</t>
  </si>
  <si>
    <t>cg23434654</t>
  </si>
  <si>
    <t>cg23434998</t>
  </si>
  <si>
    <t>cg23436042</t>
  </si>
  <si>
    <t>cg23440636</t>
  </si>
  <si>
    <t>cg23454038</t>
  </si>
  <si>
    <t>cg23459010</t>
  </si>
  <si>
    <t>cg23462129</t>
  </si>
  <si>
    <t>cg23462144</t>
  </si>
  <si>
    <t>cg23463077</t>
  </si>
  <si>
    <t>cg23463917</t>
  </si>
  <si>
    <t>cg23465650</t>
  </si>
  <si>
    <t>cg23468238</t>
  </si>
  <si>
    <t>cg23470729</t>
  </si>
  <si>
    <t>cg23471617</t>
  </si>
  <si>
    <t>cg23477774</t>
  </si>
  <si>
    <t>cg23483886</t>
  </si>
  <si>
    <t>cg23489236</t>
  </si>
  <si>
    <t>cg23496260</t>
  </si>
  <si>
    <t>cg23496331</t>
  </si>
  <si>
    <t>cg23498254</t>
  </si>
  <si>
    <t>cg23499632</t>
  </si>
  <si>
    <t>cg23500931</t>
  </si>
  <si>
    <t>cg23502298</t>
  </si>
  <si>
    <t>cg23502772</t>
  </si>
  <si>
    <t>cg23504032</t>
  </si>
  <si>
    <t>cg23505500</t>
  </si>
  <si>
    <t>cg23506042</t>
  </si>
  <si>
    <t>cg23510026</t>
  </si>
  <si>
    <t>cg23513686</t>
  </si>
  <si>
    <t>cg23513690</t>
  </si>
  <si>
    <t>cg23514135</t>
  </si>
  <si>
    <t>cg23516824</t>
  </si>
  <si>
    <t>cg23518039</t>
  </si>
  <si>
    <t>cg23522872</t>
  </si>
  <si>
    <t>cg23528652</t>
  </si>
  <si>
    <t>cg23530586</t>
  </si>
  <si>
    <t>cg23530619</t>
  </si>
  <si>
    <t>cg23551873</t>
  </si>
  <si>
    <t>cg23563234</t>
  </si>
  <si>
    <t>cg23573900</t>
  </si>
  <si>
    <t>cg23582967</t>
  </si>
  <si>
    <t>cg23596123</t>
  </si>
  <si>
    <t>cg23613317</t>
  </si>
  <si>
    <t>cg23614852</t>
  </si>
  <si>
    <t>cg23615676</t>
  </si>
  <si>
    <t>cg23625660</t>
  </si>
  <si>
    <t>cg23639989</t>
  </si>
  <si>
    <t>cg23652182</t>
  </si>
  <si>
    <t>cg23658329</t>
  </si>
  <si>
    <t>cg23697400</t>
  </si>
  <si>
    <t>cg23713079</t>
  </si>
  <si>
    <t>cg23720125</t>
  </si>
  <si>
    <t>cg23732003</t>
  </si>
  <si>
    <t>cg23803311</t>
  </si>
  <si>
    <t>cg23810282</t>
  </si>
  <si>
    <t>cg23813556</t>
  </si>
  <si>
    <t>cg23818046</t>
  </si>
  <si>
    <t>cg23827991</t>
  </si>
  <si>
    <t>cg23866759</t>
  </si>
  <si>
    <t>cg23872935</t>
  </si>
  <si>
    <t>cg23873669</t>
  </si>
  <si>
    <t>cg23910787</t>
  </si>
  <si>
    <t>cg23913350</t>
  </si>
  <si>
    <t>cg23915011</t>
  </si>
  <si>
    <t>cg23915769</t>
  </si>
  <si>
    <t>cg23917868</t>
  </si>
  <si>
    <t>cg23923425</t>
  </si>
  <si>
    <t>cg23928118</t>
  </si>
  <si>
    <t>cg23934776</t>
  </si>
  <si>
    <t>cg23937476</t>
  </si>
  <si>
    <t>cg23937633</t>
  </si>
  <si>
    <t>cg23939866</t>
  </si>
  <si>
    <t>cg23941075</t>
  </si>
  <si>
    <t>cg23941599</t>
  </si>
  <si>
    <t>cg23942789</t>
  </si>
  <si>
    <t>cg23942974</t>
  </si>
  <si>
    <t>cg23943829</t>
  </si>
  <si>
    <t>cg23944572</t>
  </si>
  <si>
    <t>cg23948204</t>
  </si>
  <si>
    <t>cg23948236</t>
  </si>
  <si>
    <t>cg23951296</t>
  </si>
  <si>
    <t>cg23951526</t>
  </si>
  <si>
    <t>cg23954268</t>
  </si>
  <si>
    <t>cg23961466</t>
  </si>
  <si>
    <t>cg23964014</t>
  </si>
  <si>
    <t>cg23968552</t>
  </si>
  <si>
    <t>cg23973000</t>
  </si>
  <si>
    <t>cg23974473</t>
  </si>
  <si>
    <t>cg23974739</t>
  </si>
  <si>
    <t>cg23975425</t>
  </si>
  <si>
    <t>cg23977063</t>
  </si>
  <si>
    <t>cg23977883</t>
  </si>
  <si>
    <t>cg23977888</t>
  </si>
  <si>
    <t>cg23981526</t>
  </si>
  <si>
    <t>cg23985374</t>
  </si>
  <si>
    <t>cg23985447</t>
  </si>
  <si>
    <t>cg23987134</t>
  </si>
  <si>
    <t>cg23987137</t>
  </si>
  <si>
    <t>cg23989709</t>
  </si>
  <si>
    <t>cg23990435</t>
  </si>
  <si>
    <t>cg23993511</t>
  </si>
  <si>
    <t>cg23994191</t>
  </si>
  <si>
    <t>cg23997185</t>
  </si>
  <si>
    <t>cg23998650</t>
  </si>
  <si>
    <t>cg24000908</t>
  </si>
  <si>
    <t>cg24002167</t>
  </si>
  <si>
    <t>cg24003542</t>
  </si>
  <si>
    <t>cg24005340</t>
  </si>
  <si>
    <t>cg24005360</t>
  </si>
  <si>
    <t>cg24008516</t>
  </si>
  <si>
    <t>cg24012683</t>
  </si>
  <si>
    <t>cg24014780</t>
  </si>
  <si>
    <t>cg24014822</t>
  </si>
  <si>
    <t>cg24021105</t>
  </si>
  <si>
    <t>cg24024214</t>
  </si>
  <si>
    <t>cg24024424</t>
  </si>
  <si>
    <t>cg24032269</t>
  </si>
  <si>
    <t>cg24040989</t>
  </si>
  <si>
    <t>cg24043192</t>
  </si>
  <si>
    <t>cg24059623</t>
  </si>
  <si>
    <t>cg24061122</t>
  </si>
  <si>
    <t>cg24064279</t>
  </si>
  <si>
    <t>cg24065270</t>
  </si>
  <si>
    <t>cg24066843</t>
  </si>
  <si>
    <t>cg24067652</t>
  </si>
  <si>
    <t>cg24076884</t>
  </si>
  <si>
    <t>cg24078875</t>
  </si>
  <si>
    <t>cg24091570</t>
  </si>
  <si>
    <t>cg24093182</t>
  </si>
  <si>
    <t>cg24094897</t>
  </si>
  <si>
    <t>cg24095222</t>
  </si>
  <si>
    <t>cg24095374</t>
  </si>
  <si>
    <t>cg24096745</t>
  </si>
  <si>
    <t>cg24098561</t>
  </si>
  <si>
    <t>cg24098762</t>
  </si>
  <si>
    <t>cg24100214</t>
  </si>
  <si>
    <t>cg24100671</t>
  </si>
  <si>
    <t>cg24109679</t>
  </si>
  <si>
    <t>cg24113496</t>
  </si>
  <si>
    <t>cg24114651</t>
  </si>
  <si>
    <t>cg24115019</t>
  </si>
  <si>
    <t>cg24115593</t>
  </si>
  <si>
    <t>cg24116380</t>
  </si>
  <si>
    <t>cg24117468</t>
  </si>
  <si>
    <t>cg24119225</t>
  </si>
  <si>
    <t>cg24119607</t>
  </si>
  <si>
    <t>cg24120357</t>
  </si>
  <si>
    <t>cg24129589</t>
  </si>
  <si>
    <t>cg24131671</t>
  </si>
  <si>
    <t>cg24137543</t>
  </si>
  <si>
    <t>cg24139639</t>
  </si>
  <si>
    <t>cg24140686</t>
  </si>
  <si>
    <t>cg24141298</t>
  </si>
  <si>
    <t>cg24141911</t>
  </si>
  <si>
    <t>cg24146265</t>
  </si>
  <si>
    <t>cg24155123</t>
  </si>
  <si>
    <t>cg24157131</t>
  </si>
  <si>
    <t>cg24158075</t>
  </si>
  <si>
    <t>cg24162856</t>
  </si>
  <si>
    <t>cg24163613</t>
  </si>
  <si>
    <t>cg24165667</t>
  </si>
  <si>
    <t>cg24171764</t>
  </si>
  <si>
    <t>cg24175899</t>
  </si>
  <si>
    <t>cg24180759</t>
  </si>
  <si>
    <t>cg24181760</t>
  </si>
  <si>
    <t>cg24185628</t>
  </si>
  <si>
    <t>cg24185852</t>
  </si>
  <si>
    <t>cg24187797</t>
  </si>
  <si>
    <t>cg24202119</t>
  </si>
  <si>
    <t>cg24202381</t>
  </si>
  <si>
    <t>cg24231716</t>
  </si>
  <si>
    <t>cg24252614</t>
  </si>
  <si>
    <t>cg24271863</t>
  </si>
  <si>
    <t>cg24274600</t>
  </si>
  <si>
    <t>cg24304919</t>
  </si>
  <si>
    <t>cg24309730</t>
  </si>
  <si>
    <t>cg24319613</t>
  </si>
  <si>
    <t>cg24332422</t>
  </si>
  <si>
    <t>cg24341536</t>
  </si>
  <si>
    <t>cg24358397</t>
  </si>
  <si>
    <t>cg24363955</t>
  </si>
  <si>
    <t>cg24368316</t>
  </si>
  <si>
    <t>cg24385322</t>
  </si>
  <si>
    <t>cg24393055</t>
  </si>
  <si>
    <t>cg24421668</t>
  </si>
  <si>
    <t>cg24448113</t>
  </si>
  <si>
    <t>cg24462476</t>
  </si>
  <si>
    <t>cg24495017</t>
  </si>
  <si>
    <t>cg24504986</t>
  </si>
  <si>
    <t>cg24523000</t>
  </si>
  <si>
    <t>cg24525304</t>
  </si>
  <si>
    <t>cg24526760</t>
  </si>
  <si>
    <t>cg24527008</t>
  </si>
  <si>
    <t>cg24531590</t>
  </si>
  <si>
    <t>cg24531977</t>
  </si>
  <si>
    <t>cg24536328</t>
  </si>
  <si>
    <t>cg24536824</t>
  </si>
  <si>
    <t>cg24538029</t>
  </si>
  <si>
    <t>cg24538331</t>
  </si>
  <si>
    <t>cg24539599</t>
  </si>
  <si>
    <t>cg24542929</t>
  </si>
  <si>
    <t>cg24543939</t>
  </si>
  <si>
    <t>cg24544876</t>
  </si>
  <si>
    <t>cg24545324</t>
  </si>
  <si>
    <t>cg24548564</t>
  </si>
  <si>
    <t>cg24549289</t>
  </si>
  <si>
    <t>cg24550343</t>
  </si>
  <si>
    <t>cg24550676</t>
  </si>
  <si>
    <t>cg24554147</t>
  </si>
  <si>
    <t>cg24556334</t>
  </si>
  <si>
    <t>cg24557206</t>
  </si>
  <si>
    <t>cg24558977</t>
  </si>
  <si>
    <t>cg24562081</t>
  </si>
  <si>
    <t>cg24566249</t>
  </si>
  <si>
    <t>cg24569045</t>
  </si>
  <si>
    <t>cg24575624</t>
  </si>
  <si>
    <t>cg24576358</t>
  </si>
  <si>
    <t>cg24577766</t>
  </si>
  <si>
    <t>cg24579887</t>
  </si>
  <si>
    <t>cg24581650</t>
  </si>
  <si>
    <t>cg24583624</t>
  </si>
  <si>
    <t>cg24585422</t>
  </si>
  <si>
    <t>cg24585559</t>
  </si>
  <si>
    <t>cg24592043</t>
  </si>
  <si>
    <t>cg24592364</t>
  </si>
  <si>
    <t>cg24598020</t>
  </si>
  <si>
    <t>cg24598187</t>
  </si>
  <si>
    <t>cg24598316</t>
  </si>
  <si>
    <t>cg24600724</t>
  </si>
  <si>
    <t>cg24602243</t>
  </si>
  <si>
    <t>cg24603206</t>
  </si>
  <si>
    <t>cg24606352</t>
  </si>
  <si>
    <t>cg24608218</t>
  </si>
  <si>
    <t>cg24610854</t>
  </si>
  <si>
    <t>cg24611648</t>
  </si>
  <si>
    <t>cg24611962</t>
  </si>
  <si>
    <t>cg24615189</t>
  </si>
  <si>
    <t>cg24618614</t>
  </si>
  <si>
    <t>cg24619276</t>
  </si>
  <si>
    <t>cg24620455</t>
  </si>
  <si>
    <t>cg24620709</t>
  </si>
  <si>
    <t>cg24628076</t>
  </si>
  <si>
    <t>cg24628676</t>
  </si>
  <si>
    <t>cg24628744</t>
  </si>
  <si>
    <t>cg24630195</t>
  </si>
  <si>
    <t>cg24631913</t>
  </si>
  <si>
    <t>cg24632646</t>
  </si>
  <si>
    <t>cg24633027</t>
  </si>
  <si>
    <t>cg24635157</t>
  </si>
  <si>
    <t>cg24641276</t>
  </si>
  <si>
    <t>cg24642372</t>
  </si>
  <si>
    <t>cg24643045</t>
  </si>
  <si>
    <t>cg24648119</t>
  </si>
  <si>
    <t>cg24649554</t>
  </si>
  <si>
    <t>cg24650296</t>
  </si>
  <si>
    <t>cg24650748</t>
  </si>
  <si>
    <t>cg24650915</t>
  </si>
  <si>
    <t>cg24650940</t>
  </si>
  <si>
    <t>cg24653263</t>
  </si>
  <si>
    <t>cg24661016</t>
  </si>
  <si>
    <t>cg24663663</t>
  </si>
  <si>
    <t>cg24668883</t>
  </si>
  <si>
    <t>cg24675098</t>
  </si>
  <si>
    <t>cg24677472</t>
  </si>
  <si>
    <t>cg24678581</t>
  </si>
  <si>
    <t>cg24679567</t>
  </si>
  <si>
    <t>cg24683061</t>
  </si>
  <si>
    <t>cg24686270</t>
  </si>
  <si>
    <t>cg24686453</t>
  </si>
  <si>
    <t>cg24689420</t>
  </si>
  <si>
    <t>cg24689583</t>
  </si>
  <si>
    <t>cg24693695</t>
  </si>
  <si>
    <t>cg24696500</t>
  </si>
  <si>
    <t>cg24706839</t>
  </si>
  <si>
    <t>cg24712501</t>
  </si>
  <si>
    <t>cg24718827</t>
  </si>
  <si>
    <t>cg24722577</t>
  </si>
  <si>
    <t>cg24724630</t>
  </si>
  <si>
    <t>cg24729983</t>
  </si>
  <si>
    <t>cg24731015</t>
  </si>
  <si>
    <t>cg24731635</t>
  </si>
  <si>
    <t>cg24732123</t>
  </si>
  <si>
    <t>cg24736935</t>
  </si>
  <si>
    <t>cg24740632</t>
  </si>
  <si>
    <t>cg24748631</t>
  </si>
  <si>
    <t>cg24749385</t>
  </si>
  <si>
    <t>cg24749912</t>
  </si>
  <si>
    <t>cg24756227</t>
  </si>
  <si>
    <t>cg24758077</t>
  </si>
  <si>
    <t>cg24762962</t>
  </si>
  <si>
    <t>cg24765579</t>
  </si>
  <si>
    <t>cg24767237</t>
  </si>
  <si>
    <t>cg24773493</t>
  </si>
  <si>
    <t>cg24773720</t>
  </si>
  <si>
    <t>cg24774954</t>
  </si>
  <si>
    <t>cg24776326</t>
  </si>
  <si>
    <t>cg24777564</t>
  </si>
  <si>
    <t>cg24779921</t>
  </si>
  <si>
    <t>cg24780796</t>
  </si>
  <si>
    <t>cg24786495</t>
  </si>
  <si>
    <t>cg24787076</t>
  </si>
  <si>
    <t>cg24787130</t>
  </si>
  <si>
    <t>cg24787470</t>
  </si>
  <si>
    <t>cg24794623</t>
  </si>
  <si>
    <t>cg24795093</t>
  </si>
  <si>
    <t>cg24800883</t>
  </si>
  <si>
    <t>cg24801535</t>
  </si>
  <si>
    <t>cg24802241</t>
  </si>
  <si>
    <t>cg24803906</t>
  </si>
  <si>
    <t>cg24803912</t>
  </si>
  <si>
    <t>cg24809768</t>
  </si>
  <si>
    <t>cg24811563</t>
  </si>
  <si>
    <t>cg24814117</t>
  </si>
  <si>
    <t>cg24816114</t>
  </si>
  <si>
    <t>cg24824178</t>
  </si>
  <si>
    <t>cg24825482</t>
  </si>
  <si>
    <t>cg24828151</t>
  </si>
  <si>
    <t>cg24830738</t>
  </si>
  <si>
    <t>cg24832838</t>
  </si>
  <si>
    <t>cg24832985</t>
  </si>
  <si>
    <t>cg24833739</t>
  </si>
  <si>
    <t>cg24842908</t>
  </si>
  <si>
    <t>cg24845578</t>
  </si>
  <si>
    <t>cg24849812</t>
  </si>
  <si>
    <t>cg24853438</t>
  </si>
  <si>
    <t>cg24853975</t>
  </si>
  <si>
    <t>cg24854704</t>
  </si>
  <si>
    <t>cg24854943</t>
  </si>
  <si>
    <t>cg24863569</t>
  </si>
  <si>
    <t>cg24865955</t>
  </si>
  <si>
    <t>cg24870096</t>
  </si>
  <si>
    <t>cg24870828</t>
  </si>
  <si>
    <t>cg24872217</t>
  </si>
  <si>
    <t>cg24874478</t>
  </si>
  <si>
    <t>cg24876683</t>
  </si>
  <si>
    <t>cg24877677</t>
  </si>
  <si>
    <t>cg24886356</t>
  </si>
  <si>
    <t>cg24892139</t>
  </si>
  <si>
    <t>cg24894783</t>
  </si>
  <si>
    <t>cg24896460</t>
  </si>
  <si>
    <t>cg24897141</t>
  </si>
  <si>
    <t>cg24899138</t>
  </si>
  <si>
    <t>cg24904084</t>
  </si>
  <si>
    <t>cg24904943</t>
  </si>
  <si>
    <t>cg24905254</t>
  </si>
  <si>
    <t>cg24905370</t>
  </si>
  <si>
    <t>cg24906527</t>
  </si>
  <si>
    <t>cg24907814</t>
  </si>
  <si>
    <t>cg24917641</t>
  </si>
  <si>
    <t>cg24924560</t>
  </si>
  <si>
    <t>cg24926760</t>
  </si>
  <si>
    <t>cg24930851</t>
  </si>
  <si>
    <t>cg24932525</t>
  </si>
  <si>
    <t>cg24934804</t>
  </si>
  <si>
    <t>cg24935185</t>
  </si>
  <si>
    <t>cg24949191</t>
  </si>
  <si>
    <t>cg24950571</t>
  </si>
  <si>
    <t>cg24951286</t>
  </si>
  <si>
    <t>cg24951781</t>
  </si>
  <si>
    <t>cg24953682</t>
  </si>
  <si>
    <t>cg24954590</t>
  </si>
  <si>
    <t>cg24955824</t>
  </si>
  <si>
    <t>cg24958687</t>
  </si>
  <si>
    <t>cg24959663</t>
  </si>
  <si>
    <t>cg24975342</t>
  </si>
  <si>
    <t>cg24986915</t>
  </si>
  <si>
    <t>cg24986971</t>
  </si>
  <si>
    <t>cg24988625</t>
  </si>
  <si>
    <t>cg24992359</t>
  </si>
  <si>
    <t>cg24992577</t>
  </si>
  <si>
    <t>cg24997659</t>
  </si>
  <si>
    <t>cg24998096</t>
  </si>
  <si>
    <t>cg25003047</t>
  </si>
  <si>
    <t>cg25003658</t>
  </si>
  <si>
    <t>cg25009862</t>
  </si>
  <si>
    <t>cg25010500</t>
  </si>
  <si>
    <t>cg25011337</t>
  </si>
  <si>
    <t>cg25016544</t>
  </si>
  <si>
    <t>cg25021598</t>
  </si>
  <si>
    <t>cg25028503</t>
  </si>
  <si>
    <t>cg25037595</t>
  </si>
  <si>
    <t>cg25040733</t>
  </si>
  <si>
    <t>cg25051331</t>
  </si>
  <si>
    <t>cg25054311</t>
  </si>
  <si>
    <t>cg25069147</t>
  </si>
  <si>
    <t>cg25071880</t>
  </si>
  <si>
    <t>cg25075504</t>
  </si>
  <si>
    <t>cg25077823</t>
  </si>
  <si>
    <t>cg25079100</t>
  </si>
  <si>
    <t>cg25085755</t>
  </si>
  <si>
    <t>cg25090510</t>
  </si>
  <si>
    <t>cg25090569</t>
  </si>
  <si>
    <t>cg25093503</t>
  </si>
  <si>
    <t>cg25093583</t>
  </si>
  <si>
    <t>cg25093603</t>
  </si>
  <si>
    <t>cg25098834</t>
  </si>
  <si>
    <t>cg25101061</t>
  </si>
  <si>
    <t>cg25102343</t>
  </si>
  <si>
    <t>cg25102726</t>
  </si>
  <si>
    <t>cg25103161</t>
  </si>
  <si>
    <t>cg25103492</t>
  </si>
  <si>
    <t>cg25106844</t>
  </si>
  <si>
    <t>cg25110734</t>
  </si>
  <si>
    <t>cg25110832</t>
  </si>
  <si>
    <t>cg25112044</t>
  </si>
  <si>
    <t>cg25112366</t>
  </si>
  <si>
    <t>cg25112826</t>
  </si>
  <si>
    <t>cg25116200</t>
  </si>
  <si>
    <t>cg25116709</t>
  </si>
  <si>
    <t>cg25118877</t>
  </si>
  <si>
    <t>cg25119077</t>
  </si>
  <si>
    <t>cg25122699</t>
  </si>
  <si>
    <t>cg25123521</t>
  </si>
  <si>
    <t>cg25125298</t>
  </si>
  <si>
    <t>cg25129000</t>
  </si>
  <si>
    <t>cg25131818</t>
  </si>
  <si>
    <t>cg25132078</t>
  </si>
  <si>
    <t>cg25133422</t>
  </si>
  <si>
    <t>cg25136045</t>
  </si>
  <si>
    <t>cg25140133</t>
  </si>
  <si>
    <t>cg25140347</t>
  </si>
  <si>
    <t>cg25142010</t>
  </si>
  <si>
    <t>cg25145840</t>
  </si>
  <si>
    <t>cg25147941</t>
  </si>
  <si>
    <t>cg25148341</t>
  </si>
  <si>
    <t>cg25152909</t>
  </si>
  <si>
    <t>cg25154432</t>
  </si>
  <si>
    <t>cg25192435</t>
  </si>
  <si>
    <t>cg25194328</t>
  </si>
  <si>
    <t>cg25195415</t>
  </si>
  <si>
    <t>cg25196203</t>
  </si>
  <si>
    <t>cg25199188</t>
  </si>
  <si>
    <t>cg25201511</t>
  </si>
  <si>
    <t>cg25212993</t>
  </si>
  <si>
    <t>cg25213720</t>
  </si>
  <si>
    <t>cg25215292</t>
  </si>
  <si>
    <t>cg25218470</t>
  </si>
  <si>
    <t>cg25221615</t>
  </si>
  <si>
    <t>cg25223623</t>
  </si>
  <si>
    <t>cg25225632</t>
  </si>
  <si>
    <t>cg25232795</t>
  </si>
  <si>
    <t>cg25233672</t>
  </si>
  <si>
    <t>cg25243721</t>
  </si>
  <si>
    <t>cg25251621</t>
  </si>
  <si>
    <t>cg25257930</t>
  </si>
  <si>
    <t>cg25267732</t>
  </si>
  <si>
    <t>cg25302419</t>
  </si>
  <si>
    <t>cg25308742</t>
  </si>
  <si>
    <t>cg25309017</t>
  </si>
  <si>
    <t>cg25309041</t>
  </si>
  <si>
    <t>cg25310205</t>
  </si>
  <si>
    <t>cg25314111</t>
  </si>
  <si>
    <t>cg25314520</t>
  </si>
  <si>
    <t>cg25314902</t>
  </si>
  <si>
    <t>cg25316172</t>
  </si>
  <si>
    <t>cg25316769</t>
  </si>
  <si>
    <t>cg25319233</t>
  </si>
  <si>
    <t>cg25321549</t>
  </si>
  <si>
    <t>cg25323112</t>
  </si>
  <si>
    <t>cg25325446</t>
  </si>
  <si>
    <t>cg25328184</t>
  </si>
  <si>
    <t>cg25332207</t>
  </si>
  <si>
    <t>cg25336267</t>
  </si>
  <si>
    <t>cg25337148</t>
  </si>
  <si>
    <t>cg25339612</t>
  </si>
  <si>
    <t>cg25341963</t>
  </si>
  <si>
    <t>cg25342875</t>
  </si>
  <si>
    <t>cg25349472</t>
  </si>
  <si>
    <t>cg25350825</t>
  </si>
  <si>
    <t>cg25352328</t>
  </si>
  <si>
    <t>cg25353384</t>
  </si>
  <si>
    <t>cg25353752</t>
  </si>
  <si>
    <t>cg25358289</t>
  </si>
  <si>
    <t>cg25359292</t>
  </si>
  <si>
    <t>cg25368647</t>
  </si>
  <si>
    <t>cg25368824</t>
  </si>
  <si>
    <t>cg25373553</t>
  </si>
  <si>
    <t>cg25374813</t>
  </si>
  <si>
    <t>cg25376491</t>
  </si>
  <si>
    <t>cg25383593</t>
  </si>
  <si>
    <t>cg25383660</t>
  </si>
  <si>
    <t>cg25386845</t>
  </si>
  <si>
    <t>cg25387487</t>
  </si>
  <si>
    <t>cg25387624</t>
  </si>
  <si>
    <t>cg25392187</t>
  </si>
  <si>
    <t>cg25392700</t>
  </si>
  <si>
    <t>cg25396971</t>
  </si>
  <si>
    <t>cg25409734</t>
  </si>
  <si>
    <t>cg25410785</t>
  </si>
  <si>
    <t>cg25412546</t>
  </si>
  <si>
    <t>cg25415546</t>
  </si>
  <si>
    <t>cg25415695</t>
  </si>
  <si>
    <t>cg25417281</t>
  </si>
  <si>
    <t>cg25418748</t>
  </si>
  <si>
    <t>cg25421209</t>
  </si>
  <si>
    <t>cg25423752</t>
  </si>
  <si>
    <t>cg25428293</t>
  </si>
  <si>
    <t>cg25433552</t>
  </si>
  <si>
    <t>cg25443512</t>
  </si>
  <si>
    <t>cg25443836</t>
  </si>
  <si>
    <t>cg25444556</t>
  </si>
  <si>
    <t>cg25447549</t>
  </si>
  <si>
    <t>cg25461508</t>
  </si>
  <si>
    <t>cg25462190</t>
  </si>
  <si>
    <t>cg25469868</t>
  </si>
  <si>
    <t>cg25474070</t>
  </si>
  <si>
    <t>cg25475742</t>
  </si>
  <si>
    <t>cg25477268</t>
  </si>
  <si>
    <t>cg25478037</t>
  </si>
  <si>
    <t>cg25479732</t>
  </si>
  <si>
    <t>cg25480395</t>
  </si>
  <si>
    <t>cg25486472</t>
  </si>
  <si>
    <t>cg25493276</t>
  </si>
  <si>
    <t>cg25494605</t>
  </si>
  <si>
    <t>cg25495951</t>
  </si>
  <si>
    <t>cg25496162</t>
  </si>
  <si>
    <t>cg25498327</t>
  </si>
  <si>
    <t>cg25502950</t>
  </si>
  <si>
    <t>cg25503410</t>
  </si>
  <si>
    <t>cg25507845</t>
  </si>
  <si>
    <t>cg25510201</t>
  </si>
  <si>
    <t>cg25511118</t>
  </si>
  <si>
    <t>cg25512513</t>
  </si>
  <si>
    <t>cg25512903</t>
  </si>
  <si>
    <t>cg25513379</t>
  </si>
  <si>
    <t>cg25515502</t>
  </si>
  <si>
    <t>cg25515991</t>
  </si>
  <si>
    <t>cg25516235</t>
  </si>
  <si>
    <t>cg25516542</t>
  </si>
  <si>
    <t>cg25518170</t>
  </si>
  <si>
    <t>cg25527223</t>
  </si>
  <si>
    <t>cg25529304</t>
  </si>
  <si>
    <t>cg25532099</t>
  </si>
  <si>
    <t>cg25536739</t>
  </si>
  <si>
    <t>cg25537119</t>
  </si>
  <si>
    <t>cg25538984</t>
  </si>
  <si>
    <t>cg25539976</t>
  </si>
  <si>
    <t>cg25547937</t>
  </si>
  <si>
    <t>cg25550425</t>
  </si>
  <si>
    <t>cg25550878</t>
  </si>
  <si>
    <t>cg25551358</t>
  </si>
  <si>
    <t>cg25551987</t>
  </si>
  <si>
    <t>cg25553841</t>
  </si>
  <si>
    <t>cg25553916</t>
  </si>
  <si>
    <t>cg25554190</t>
  </si>
  <si>
    <t>cg25554943</t>
  </si>
  <si>
    <t>cg25555059</t>
  </si>
  <si>
    <t>cg25561401</t>
  </si>
  <si>
    <t>cg25565203</t>
  </si>
  <si>
    <t>cg25566141</t>
  </si>
  <si>
    <t>cg25568490</t>
  </si>
  <si>
    <t>cg25573365</t>
  </si>
  <si>
    <t>cg25573480</t>
  </si>
  <si>
    <t>cg25577272</t>
  </si>
  <si>
    <t>cg25579159</t>
  </si>
  <si>
    <t>cg25581352</t>
  </si>
  <si>
    <t>cg25582398</t>
  </si>
  <si>
    <t>cg25583491</t>
  </si>
  <si>
    <t>cg25584080</t>
  </si>
  <si>
    <t>cg25584626</t>
  </si>
  <si>
    <t>cg25585967</t>
  </si>
  <si>
    <t>cg25585985</t>
  </si>
  <si>
    <t>cg25587617</t>
  </si>
  <si>
    <t>cg25588222</t>
  </si>
  <si>
    <t>cg25588274</t>
  </si>
  <si>
    <t>cg25588787</t>
  </si>
  <si>
    <t>cg25589932</t>
  </si>
  <si>
    <t>cg25592513</t>
  </si>
  <si>
    <t>cg25592746</t>
  </si>
  <si>
    <t>cg25597233</t>
  </si>
  <si>
    <t>cg25599786</t>
  </si>
  <si>
    <t>cg25600472</t>
  </si>
  <si>
    <t>cg25601631</t>
  </si>
  <si>
    <t>cg25605541</t>
  </si>
  <si>
    <t>cg25611476</t>
  </si>
  <si>
    <t>cg25613180</t>
  </si>
  <si>
    <t>cg25617058</t>
  </si>
  <si>
    <t>cg25617328</t>
  </si>
  <si>
    <t>cg25619703</t>
  </si>
  <si>
    <t>cg25621518</t>
  </si>
  <si>
    <t>cg25626519</t>
  </si>
  <si>
    <t>cg25631739</t>
  </si>
  <si>
    <t>cg25633069</t>
  </si>
  <si>
    <t>cg25637952</t>
  </si>
  <si>
    <t>cg25637963</t>
  </si>
  <si>
    <t>cg25641025</t>
  </si>
  <si>
    <t>cg25642955</t>
  </si>
  <si>
    <t>cg25643229</t>
  </si>
  <si>
    <t>cg25644150</t>
  </si>
  <si>
    <t>cg25648203</t>
  </si>
  <si>
    <t>cg25648250</t>
  </si>
  <si>
    <t>cg25648746</t>
  </si>
  <si>
    <t>cg25650256</t>
  </si>
  <si>
    <t>cg25651118</t>
  </si>
  <si>
    <t>cg25651148</t>
  </si>
  <si>
    <t>cg25656762</t>
  </si>
  <si>
    <t>cg25657187</t>
  </si>
  <si>
    <t>cg25660838</t>
  </si>
  <si>
    <t>cg25663304</t>
  </si>
  <si>
    <t>cg25664813</t>
  </si>
  <si>
    <t>cg25668922</t>
  </si>
  <si>
    <t>cg25670229</t>
  </si>
  <si>
    <t>cg25677709</t>
  </si>
  <si>
    <t>cg25731807</t>
  </si>
  <si>
    <t>cg25734913</t>
  </si>
  <si>
    <t>cg25735280</t>
  </si>
  <si>
    <t>cg25769935</t>
  </si>
  <si>
    <t>cg25770135</t>
  </si>
  <si>
    <t>cg25771615</t>
  </si>
  <si>
    <t>cg25775198</t>
  </si>
  <si>
    <t>cg25821963</t>
  </si>
  <si>
    <t>cg25836159</t>
  </si>
  <si>
    <t>cg25847835</t>
  </si>
  <si>
    <t>cg25852941</t>
  </si>
  <si>
    <t>cg25891639</t>
  </si>
  <si>
    <t>cg25913233</t>
  </si>
  <si>
    <t>cg25921179</t>
  </si>
  <si>
    <t>cg25922969</t>
  </si>
  <si>
    <t>cg25925473</t>
  </si>
  <si>
    <t>cg25928493</t>
  </si>
  <si>
    <t>cg25928955</t>
  </si>
  <si>
    <t>cg25930493</t>
  </si>
  <si>
    <t>cg25930842</t>
  </si>
  <si>
    <t>cg25931371</t>
  </si>
  <si>
    <t>cg25936138</t>
  </si>
  <si>
    <t>cg25936482</t>
  </si>
  <si>
    <t>cg25937884</t>
  </si>
  <si>
    <t>cg25939350</t>
  </si>
  <si>
    <t>cg25939793</t>
  </si>
  <si>
    <t>cg25940447</t>
  </si>
  <si>
    <t>cg25942450</t>
  </si>
  <si>
    <t>cg25942860</t>
  </si>
  <si>
    <t>cg25944717</t>
  </si>
  <si>
    <t>cg25947408</t>
  </si>
  <si>
    <t>cg25951075</t>
  </si>
  <si>
    <t>cg25962774</t>
  </si>
  <si>
    <t>cg25967418</t>
  </si>
  <si>
    <t>cg25969932</t>
  </si>
  <si>
    <t>cg25970471</t>
  </si>
  <si>
    <t>cg25971314</t>
  </si>
  <si>
    <t>cg25980344</t>
  </si>
  <si>
    <t>cg25984996</t>
  </si>
  <si>
    <t>cg25986185</t>
  </si>
  <si>
    <t>cg25987408</t>
  </si>
  <si>
    <t>cg25988603</t>
  </si>
  <si>
    <t>cg25993248</t>
  </si>
  <si>
    <t>cg25998860</t>
  </si>
  <si>
    <t>cg26001207</t>
  </si>
  <si>
    <t>cg26002008</t>
  </si>
  <si>
    <t>cg26006951</t>
  </si>
  <si>
    <t>cg26007237</t>
  </si>
  <si>
    <t>cg26008208</t>
  </si>
  <si>
    <t>cg26009970</t>
  </si>
  <si>
    <t>cg26013791</t>
  </si>
  <si>
    <t>cg26046435</t>
  </si>
  <si>
    <t>cg26047920</t>
  </si>
  <si>
    <t>cg26059202</t>
  </si>
  <si>
    <t>cg26060817</t>
  </si>
  <si>
    <t>cg26063962</t>
  </si>
  <si>
    <t>cg26064470</t>
  </si>
  <si>
    <t>cg26067259</t>
  </si>
  <si>
    <t>cg26068413</t>
  </si>
  <si>
    <t>cg26069252</t>
  </si>
  <si>
    <t>cg26070751</t>
  </si>
  <si>
    <t>cg26072213</t>
  </si>
  <si>
    <t>cg26072457</t>
  </si>
  <si>
    <t>cg26074148</t>
  </si>
  <si>
    <t>cg26076750</t>
  </si>
  <si>
    <t>cg26076905</t>
  </si>
  <si>
    <t>cg26077283</t>
  </si>
  <si>
    <t>cg26081812</t>
  </si>
  <si>
    <t>cg26086899</t>
  </si>
  <si>
    <t>cg26088753</t>
  </si>
  <si>
    <t>cg26090075</t>
  </si>
  <si>
    <t>cg26095194</t>
  </si>
  <si>
    <t>cg26096100</t>
  </si>
  <si>
    <t>cg26096304</t>
  </si>
  <si>
    <t>cg26096752</t>
  </si>
  <si>
    <t>cg26101465</t>
  </si>
  <si>
    <t>cg26103526</t>
  </si>
  <si>
    <t>cg26104072</t>
  </si>
  <si>
    <t>cg26108690</t>
  </si>
  <si>
    <t>cg26117521</t>
  </si>
  <si>
    <t>cg26118202</t>
  </si>
  <si>
    <t>cg26118943</t>
  </si>
  <si>
    <t>cg26119620</t>
  </si>
  <si>
    <t>cg26122710</t>
  </si>
  <si>
    <t>cg26124526</t>
  </si>
  <si>
    <t>cg26124717</t>
  </si>
  <si>
    <t>cg26127025</t>
  </si>
  <si>
    <t>cg26139975</t>
  </si>
  <si>
    <t>cg26144627</t>
  </si>
  <si>
    <t>cg26152188</t>
  </si>
  <si>
    <t>cg26159074</t>
  </si>
  <si>
    <t>cg26161725</t>
  </si>
  <si>
    <t>cg26163463</t>
  </si>
  <si>
    <t>cg26171898</t>
  </si>
  <si>
    <t>cg26173203</t>
  </si>
  <si>
    <t>cg26178732</t>
  </si>
  <si>
    <t>cg26185071</t>
  </si>
  <si>
    <t>cg26186408</t>
  </si>
  <si>
    <t>cg26187219</t>
  </si>
  <si>
    <t>cg26188571</t>
  </si>
  <si>
    <t>cg26195178</t>
  </si>
  <si>
    <t>cg26196385</t>
  </si>
  <si>
    <t>cg26197254</t>
  </si>
  <si>
    <t>cg26205131</t>
  </si>
  <si>
    <t>cg26205216</t>
  </si>
  <si>
    <t>cg26205681</t>
  </si>
  <si>
    <t>cg26206748</t>
  </si>
  <si>
    <t>cg26206948</t>
  </si>
  <si>
    <t>cg26209169</t>
  </si>
  <si>
    <t>cg26213438</t>
  </si>
  <si>
    <t>cg26215009</t>
  </si>
  <si>
    <t>cg26216629</t>
  </si>
  <si>
    <t>cg26216724</t>
  </si>
  <si>
    <t>cg26217846</t>
  </si>
  <si>
    <t>cg26221111</t>
  </si>
  <si>
    <t>cg26221342</t>
  </si>
  <si>
    <t>cg26222042</t>
  </si>
  <si>
    <t>cg26224060</t>
  </si>
  <si>
    <t>cg26226142</t>
  </si>
  <si>
    <t>cg26229274</t>
  </si>
  <si>
    <t>cg26233374</t>
  </si>
  <si>
    <t>cg26235369</t>
  </si>
  <si>
    <t>cg26241363</t>
  </si>
  <si>
    <t>cg26241893</t>
  </si>
  <si>
    <t>cg26243109</t>
  </si>
  <si>
    <t>cg26246127</t>
  </si>
  <si>
    <t>cg26250461</t>
  </si>
  <si>
    <t>cg26251325</t>
  </si>
  <si>
    <t>cg26257163</t>
  </si>
  <si>
    <t>cg26270345</t>
  </si>
  <si>
    <t>cg26273129</t>
  </si>
  <si>
    <t>cg26277754</t>
  </si>
  <si>
    <t>cg26281025</t>
  </si>
  <si>
    <t>cg26284920</t>
  </si>
  <si>
    <t>cg26292378</t>
  </si>
  <si>
    <t>cg26294995</t>
  </si>
  <si>
    <t>cg26302614</t>
  </si>
  <si>
    <t>cg26305827</t>
  </si>
  <si>
    <t>cg26306638</t>
  </si>
  <si>
    <t>cg26307641</t>
  </si>
  <si>
    <t>cg26312410</t>
  </si>
  <si>
    <t>cg26313517</t>
  </si>
  <si>
    <t>cg26317056</t>
  </si>
  <si>
    <t>cg26317555</t>
  </si>
  <si>
    <t>cg26318502</t>
  </si>
  <si>
    <t>cg26320006</t>
  </si>
  <si>
    <t>cg26324201</t>
  </si>
  <si>
    <t>cg26330063</t>
  </si>
  <si>
    <t>cg26331096</t>
  </si>
  <si>
    <t>cg26333450</t>
  </si>
  <si>
    <t>cg26333638</t>
  </si>
  <si>
    <t>cg26336790</t>
  </si>
  <si>
    <t>cg26337998</t>
  </si>
  <si>
    <t>cg26338386</t>
  </si>
  <si>
    <t>cg26338703</t>
  </si>
  <si>
    <t>cg26339193</t>
  </si>
  <si>
    <t>cg26343116</t>
  </si>
  <si>
    <t>cg26343183</t>
  </si>
  <si>
    <t>cg26346232</t>
  </si>
  <si>
    <t>cg26346930</t>
  </si>
  <si>
    <t>cg26350784</t>
  </si>
  <si>
    <t>cg26353176</t>
  </si>
  <si>
    <t>cg26353903</t>
  </si>
  <si>
    <t>cg26354759</t>
  </si>
  <si>
    <t>cg26356176</t>
  </si>
  <si>
    <t>cg26358105</t>
  </si>
  <si>
    <t>cg26368813</t>
  </si>
  <si>
    <t>cg26370016</t>
  </si>
  <si>
    <t>cg26373949</t>
  </si>
  <si>
    <t>cg26375473</t>
  </si>
  <si>
    <t>cg26377242</t>
  </si>
  <si>
    <t>cg26377880</t>
  </si>
  <si>
    <t>cg26385779</t>
  </si>
  <si>
    <t>cg26389330</t>
  </si>
  <si>
    <t>cg26390400</t>
  </si>
  <si>
    <t>cg26392924</t>
  </si>
  <si>
    <t>cg26393379</t>
  </si>
  <si>
    <t>cg26399778</t>
  </si>
  <si>
    <t>cg26399819</t>
  </si>
  <si>
    <t>cg26400169</t>
  </si>
  <si>
    <t>cg26403171</t>
  </si>
  <si>
    <t>cg26404463</t>
  </si>
  <si>
    <t>cg26408925</t>
  </si>
  <si>
    <t>cg26416905</t>
  </si>
  <si>
    <t>cg26419265</t>
  </si>
  <si>
    <t>cg26422022</t>
  </si>
  <si>
    <t>cg26424300</t>
  </si>
  <si>
    <t>cg26425555</t>
  </si>
  <si>
    <t>cg26429629</t>
  </si>
  <si>
    <t>cg26429655</t>
  </si>
  <si>
    <t>cg26430167</t>
  </si>
  <si>
    <t>cg26436158</t>
  </si>
  <si>
    <t>cg26444351</t>
  </si>
  <si>
    <t>cg26448137</t>
  </si>
  <si>
    <t>cg26455624</t>
  </si>
  <si>
    <t>cg26458288</t>
  </si>
  <si>
    <t>cg26458505</t>
  </si>
  <si>
    <t>cg26465474</t>
  </si>
  <si>
    <t>cg26465611</t>
  </si>
  <si>
    <t>cg26468696</t>
  </si>
  <si>
    <t>cg26472118</t>
  </si>
  <si>
    <t>cg26473844</t>
  </si>
  <si>
    <t>cg26474043</t>
  </si>
  <si>
    <t>cg26475085</t>
  </si>
  <si>
    <t>cg26480141</t>
  </si>
  <si>
    <t>cg26480626</t>
  </si>
  <si>
    <t>cg26483472</t>
  </si>
  <si>
    <t>cg26486919</t>
  </si>
  <si>
    <t>cg26488405</t>
  </si>
  <si>
    <t>cg26488999</t>
  </si>
  <si>
    <t>cg26492514</t>
  </si>
  <si>
    <t>cg26493306</t>
  </si>
  <si>
    <t>cg26494916</t>
  </si>
  <si>
    <t>cg26495591</t>
  </si>
  <si>
    <t>cg26495867</t>
  </si>
  <si>
    <t>cg26496372</t>
  </si>
  <si>
    <t>cg26497768</t>
  </si>
  <si>
    <t>cg26503653</t>
  </si>
  <si>
    <t>cg26504021</t>
  </si>
  <si>
    <t>cg26504188</t>
  </si>
  <si>
    <t>cg26505878</t>
  </si>
  <si>
    <t>cg26506087</t>
  </si>
  <si>
    <t>cg26506680</t>
  </si>
  <si>
    <t>cg26509691</t>
  </si>
  <si>
    <t>cg26513304</t>
  </si>
  <si>
    <t>cg26513854</t>
  </si>
  <si>
    <t>cg26514430</t>
  </si>
  <si>
    <t>cg26517012</t>
  </si>
  <si>
    <t>cg26517714</t>
  </si>
  <si>
    <t>cg26522389</t>
  </si>
  <si>
    <t>cg26523565</t>
  </si>
  <si>
    <t>cg26530201</t>
  </si>
  <si>
    <t>cg26532621</t>
  </si>
  <si>
    <t>cg26536999</t>
  </si>
  <si>
    <t>cg26542302</t>
  </si>
  <si>
    <t>cg26544607</t>
  </si>
  <si>
    <t>cg26546373</t>
  </si>
  <si>
    <t>cg26547816</t>
  </si>
  <si>
    <t>cg26549701</t>
  </si>
  <si>
    <t>cg26551187</t>
  </si>
  <si>
    <t>cg26556719</t>
  </si>
  <si>
    <t>cg26558417</t>
  </si>
  <si>
    <t>cg26560699</t>
  </si>
  <si>
    <t>cg26564714</t>
  </si>
  <si>
    <t>cg26564874</t>
  </si>
  <si>
    <t>cg26565737</t>
  </si>
  <si>
    <t>cg26565838</t>
  </si>
  <si>
    <t>cg26565974</t>
  </si>
  <si>
    <t>cg26568330</t>
  </si>
  <si>
    <t>cg26569002</t>
  </si>
  <si>
    <t>cg26570448</t>
  </si>
  <si>
    <t>cg26573704</t>
  </si>
  <si>
    <t>cg26578682</t>
  </si>
  <si>
    <t>cg26583598</t>
  </si>
  <si>
    <t>cg26584034</t>
  </si>
  <si>
    <t>cg26586952</t>
  </si>
  <si>
    <t>cg26593521</t>
  </si>
  <si>
    <t>cg26594331</t>
  </si>
  <si>
    <t>cg26597539</t>
  </si>
  <si>
    <t>cg26603275</t>
  </si>
  <si>
    <t>cg26611836</t>
  </si>
  <si>
    <t>cg26615160</t>
  </si>
  <si>
    <t>cg26620242</t>
  </si>
  <si>
    <t>cg26620356</t>
  </si>
  <si>
    <t>cg26620370</t>
  </si>
  <si>
    <t>cg26622291</t>
  </si>
  <si>
    <t>cg26624398</t>
  </si>
  <si>
    <t>cg26627769</t>
  </si>
  <si>
    <t>cg26630792</t>
  </si>
  <si>
    <t>cg26643914</t>
  </si>
  <si>
    <t>cg26647312</t>
  </si>
  <si>
    <t>cg26651429</t>
  </si>
  <si>
    <t>cg26657018</t>
  </si>
  <si>
    <t>cg26658272</t>
  </si>
  <si>
    <t>cg26658897</t>
  </si>
  <si>
    <t>cg26663609</t>
  </si>
  <si>
    <t>cg26665234</t>
  </si>
  <si>
    <t>cg26666835</t>
  </si>
  <si>
    <t>cg26670985</t>
  </si>
  <si>
    <t>cg26671749</t>
  </si>
  <si>
    <t>cg26682994</t>
  </si>
  <si>
    <t>cg26687413</t>
  </si>
  <si>
    <t>cg26689710</t>
  </si>
  <si>
    <t>cg26689765</t>
  </si>
  <si>
    <t>cg26690304</t>
  </si>
  <si>
    <t>cg26695076</t>
  </si>
  <si>
    <t>cg26703534</t>
  </si>
  <si>
    <t>cg26708797</t>
  </si>
  <si>
    <t>cg26714425</t>
  </si>
  <si>
    <t>cg26714693</t>
  </si>
  <si>
    <t>cg26715884</t>
  </si>
  <si>
    <t>cg26717066</t>
  </si>
  <si>
    <t>cg26721890</t>
  </si>
  <si>
    <t>cg26721993</t>
  </si>
  <si>
    <t>cg26722342</t>
  </si>
  <si>
    <t>cg26775866</t>
  </si>
  <si>
    <t>cg26783353</t>
  </si>
  <si>
    <t>cg26787239</t>
  </si>
  <si>
    <t>cg26789869</t>
  </si>
  <si>
    <t>cg26790059</t>
  </si>
  <si>
    <t>cg26795494</t>
  </si>
  <si>
    <t>cg26801278</t>
  </si>
  <si>
    <t>cg26802495</t>
  </si>
  <si>
    <t>cg26804336</t>
  </si>
  <si>
    <t>cg26807475</t>
  </si>
  <si>
    <t>cg26815688</t>
  </si>
  <si>
    <t>cg26818820</t>
  </si>
  <si>
    <t>cg26819793</t>
  </si>
  <si>
    <t>cg26824709</t>
  </si>
  <si>
    <t>cg26825544</t>
  </si>
  <si>
    <t>cg26826004</t>
  </si>
  <si>
    <t>cg26829318</t>
  </si>
  <si>
    <t>cg26830409</t>
  </si>
  <si>
    <t>cg26832893</t>
  </si>
  <si>
    <t>cg26836573</t>
  </si>
  <si>
    <t>cg26837730</t>
  </si>
  <si>
    <t>cg26840062</t>
  </si>
  <si>
    <t>cg26840437</t>
  </si>
  <si>
    <t>cg26843711</t>
  </si>
  <si>
    <t>cg26845138</t>
  </si>
  <si>
    <t>cg26849931</t>
  </si>
  <si>
    <t>cg26851782</t>
  </si>
  <si>
    <t>cg26855406</t>
  </si>
  <si>
    <t>cg26866348</t>
  </si>
  <si>
    <t>cg26866474</t>
  </si>
  <si>
    <t>cg26871350</t>
  </si>
  <si>
    <t>cg26872028</t>
  </si>
  <si>
    <t>cg26873329</t>
  </si>
  <si>
    <t>cg26874163</t>
  </si>
  <si>
    <t>cg26874542</t>
  </si>
  <si>
    <t>cg26876077</t>
  </si>
  <si>
    <t>cg26876242</t>
  </si>
  <si>
    <t>cg26878190</t>
  </si>
  <si>
    <t>cg26881360</t>
  </si>
  <si>
    <t>cg26881997</t>
  </si>
  <si>
    <t>cg26885951</t>
  </si>
  <si>
    <t>cg26886259</t>
  </si>
  <si>
    <t>cg26889819</t>
  </si>
  <si>
    <t>cg26890354</t>
  </si>
  <si>
    <t>cg26893743</t>
  </si>
  <si>
    <t>cg26896762</t>
  </si>
  <si>
    <t>cg26896912</t>
  </si>
  <si>
    <t>cg26898099</t>
  </si>
  <si>
    <t>cg26898754</t>
  </si>
  <si>
    <t>cg26900259</t>
  </si>
  <si>
    <t>cg26902279</t>
  </si>
  <si>
    <t>cg26903222</t>
  </si>
  <si>
    <t>cg26904700</t>
  </si>
  <si>
    <t>cg26911562</t>
  </si>
  <si>
    <t>cg26918954</t>
  </si>
  <si>
    <t>cg26921969</t>
  </si>
  <si>
    <t>cg26924408</t>
  </si>
  <si>
    <t>cg26925408</t>
  </si>
  <si>
    <t>cg26934362</t>
  </si>
  <si>
    <t>cg26937148</t>
  </si>
  <si>
    <t>cg26941476</t>
  </si>
  <si>
    <t>cg26943056</t>
  </si>
  <si>
    <t>cg26944301</t>
  </si>
  <si>
    <t>cg26947766</t>
  </si>
  <si>
    <t>cg26948274</t>
  </si>
  <si>
    <t>cg26951839</t>
  </si>
  <si>
    <t>cg26954197</t>
  </si>
  <si>
    <t>cg26958859</t>
  </si>
  <si>
    <t>cg26962778</t>
  </si>
  <si>
    <t>cg26964629</t>
  </si>
  <si>
    <t>cg26967579</t>
  </si>
  <si>
    <t>cg26967723</t>
  </si>
  <si>
    <t>cg26972554</t>
  </si>
  <si>
    <t>cg26973607</t>
  </si>
  <si>
    <t>cg26974158</t>
  </si>
  <si>
    <t>cg26975459</t>
  </si>
  <si>
    <t>cg26976687</t>
  </si>
  <si>
    <t>cg26977979</t>
  </si>
  <si>
    <t>cg26983411</t>
  </si>
  <si>
    <t>cg26986989</t>
  </si>
  <si>
    <t>cg26987004</t>
  </si>
  <si>
    <t>cg26993940</t>
  </si>
  <si>
    <t>cg26994023</t>
  </si>
  <si>
    <t>cg26996818</t>
  </si>
  <si>
    <t>cg27002826</t>
  </si>
  <si>
    <t>cg27012108</t>
  </si>
  <si>
    <t>cg27020362</t>
  </si>
  <si>
    <t>cg27020573</t>
  </si>
  <si>
    <t>cg27022324</t>
  </si>
  <si>
    <t>cg27023524</t>
  </si>
  <si>
    <t>cg27032781</t>
  </si>
  <si>
    <t>cg27033705</t>
  </si>
  <si>
    <t>cg27033712</t>
  </si>
  <si>
    <t>cg27035806</t>
  </si>
  <si>
    <t>cg27038382</t>
  </si>
  <si>
    <t>cg27040696</t>
  </si>
  <si>
    <t>cg27046077</t>
  </si>
  <si>
    <t>cg27046306</t>
  </si>
  <si>
    <t>cg27048363</t>
  </si>
  <si>
    <t>cg27053763</t>
  </si>
  <si>
    <t>cg27054655</t>
  </si>
  <si>
    <t>cg27058811</t>
  </si>
  <si>
    <t>cg27059340</t>
  </si>
  <si>
    <t>cg27061947</t>
  </si>
  <si>
    <t>cg27061971</t>
  </si>
  <si>
    <t>cg27063969</t>
  </si>
  <si>
    <t>cg27065003</t>
  </si>
  <si>
    <t>cg27066917</t>
  </si>
  <si>
    <t>cg27067214</t>
  </si>
  <si>
    <t>cg27071460</t>
  </si>
  <si>
    <t>cg27072813</t>
  </si>
  <si>
    <t>cg27079341</t>
  </si>
  <si>
    <t>cg27081603</t>
  </si>
  <si>
    <t>cg27083040</t>
  </si>
  <si>
    <t>cg27084994</t>
  </si>
  <si>
    <t>cg27086874</t>
  </si>
  <si>
    <t>cg27087622</t>
  </si>
  <si>
    <t>cg27096144</t>
  </si>
  <si>
    <t>cg27097034</t>
  </si>
  <si>
    <t>cg27098807</t>
  </si>
  <si>
    <t>cg27101802</t>
  </si>
  <si>
    <t>cg27104275</t>
  </si>
  <si>
    <t>cg27107585</t>
  </si>
  <si>
    <t>cg27108925</t>
  </si>
  <si>
    <t>cg27109106</t>
  </si>
  <si>
    <t>cg27112339</t>
  </si>
  <si>
    <t>cg27116842</t>
  </si>
  <si>
    <t>cg27117005</t>
  </si>
  <si>
    <t>cg27123016</t>
  </si>
  <si>
    <t>cg27124462</t>
  </si>
  <si>
    <t>cg27128984</t>
  </si>
  <si>
    <t>cg27130993</t>
  </si>
  <si>
    <t>cg27144115</t>
  </si>
  <si>
    <t>cg27144719</t>
  </si>
  <si>
    <t>cg27149073</t>
  </si>
  <si>
    <t>cg27152280</t>
  </si>
  <si>
    <t>cg27207616</t>
  </si>
  <si>
    <t>cg27244482</t>
  </si>
  <si>
    <t>cg27258823</t>
  </si>
  <si>
    <t>cg27282761</t>
  </si>
  <si>
    <t>cg27294629</t>
  </si>
  <si>
    <t>cg27300619</t>
  </si>
  <si>
    <t>cg27303933</t>
  </si>
  <si>
    <t>cg27305357</t>
  </si>
  <si>
    <t>cg27308484</t>
  </si>
  <si>
    <t>cg27309276</t>
  </si>
  <si>
    <t>cg27309611</t>
  </si>
  <si>
    <t>cg27310319</t>
  </si>
  <si>
    <t>cg27311041</t>
  </si>
  <si>
    <t>cg27314116</t>
  </si>
  <si>
    <t>cg27315555</t>
  </si>
  <si>
    <t>cg27317416</t>
  </si>
  <si>
    <t>cg27320658</t>
  </si>
  <si>
    <t>cg27326876</t>
  </si>
  <si>
    <t>cg27328673</t>
  </si>
  <si>
    <t>cg27331495</t>
  </si>
  <si>
    <t>cg27331554</t>
  </si>
  <si>
    <t>cg27335544</t>
  </si>
  <si>
    <t>cg27338836</t>
  </si>
  <si>
    <t>cg27342251</t>
  </si>
  <si>
    <t>cg27344289</t>
  </si>
  <si>
    <t>cg27346707</t>
  </si>
  <si>
    <t>cg27349687</t>
  </si>
  <si>
    <t>cg27352123</t>
  </si>
  <si>
    <t>cg27355724</t>
  </si>
  <si>
    <t>cg27361847</t>
  </si>
  <si>
    <t>cg27362297</t>
  </si>
  <si>
    <t>cg27367512</t>
  </si>
  <si>
    <t>cg27372162</t>
  </si>
  <si>
    <t>cg27372468</t>
  </si>
  <si>
    <t>cg27373765</t>
  </si>
  <si>
    <t>cg27378537</t>
  </si>
  <si>
    <t>cg27378540</t>
  </si>
  <si>
    <t>cg27379773</t>
  </si>
  <si>
    <t>cg27380530</t>
  </si>
  <si>
    <t>cg27403635</t>
  </si>
  <si>
    <t>cg27422420</t>
  </si>
  <si>
    <t>cg27462405</t>
  </si>
  <si>
    <t>cg27465566</t>
  </si>
  <si>
    <t>cg27467996</t>
  </si>
  <si>
    <t>cg27479845</t>
  </si>
  <si>
    <t>cg27497299</t>
  </si>
  <si>
    <t>cg27543230</t>
  </si>
  <si>
    <t>cg27543403</t>
  </si>
  <si>
    <t>cg27553119</t>
  </si>
  <si>
    <t>cg27559630</t>
  </si>
  <si>
    <t>cg27567430</t>
  </si>
  <si>
    <t>cg27568809</t>
  </si>
  <si>
    <t>cg27576971</t>
  </si>
  <si>
    <t>cg27580375</t>
  </si>
  <si>
    <t>cg27581493</t>
  </si>
  <si>
    <t>cg27582180</t>
  </si>
  <si>
    <t>cg27583996</t>
  </si>
  <si>
    <t>cg27584762</t>
  </si>
  <si>
    <t>cg27587780</t>
  </si>
  <si>
    <t>cg27589796</t>
  </si>
  <si>
    <t>cg27592666</t>
  </si>
  <si>
    <t>cg27597459</t>
  </si>
  <si>
    <t>cg27603000</t>
  </si>
  <si>
    <t>cg27603338</t>
  </si>
  <si>
    <t>cg27607283</t>
  </si>
  <si>
    <t>cg27610178</t>
  </si>
  <si>
    <t>cg27610250</t>
  </si>
  <si>
    <t>cg27613852</t>
  </si>
  <si>
    <t>cg27615366</t>
  </si>
  <si>
    <t>cg27619489</t>
  </si>
  <si>
    <t>cg27619840</t>
  </si>
  <si>
    <t>cg27626110</t>
  </si>
  <si>
    <t>cg27626331</t>
  </si>
  <si>
    <t>cg27628536</t>
  </si>
  <si>
    <t>cg27634633</t>
  </si>
  <si>
    <t>cg27635845</t>
  </si>
  <si>
    <t>cg27639030</t>
  </si>
  <si>
    <t>cg27648808</t>
  </si>
  <si>
    <t>cg27650909</t>
  </si>
  <si>
    <t>cg27650985</t>
  </si>
  <si>
    <t>cg27652869</t>
  </si>
  <si>
    <t>cg27654142</t>
  </si>
  <si>
    <t>cg27656362</t>
  </si>
  <si>
    <t>cg27656498</t>
  </si>
  <si>
    <t>cg27658017</t>
  </si>
  <si>
    <t>cg27658391</t>
  </si>
  <si>
    <t>cg27660076</t>
  </si>
  <si>
    <t>cg27665580</t>
  </si>
  <si>
    <t>cg27665767</t>
  </si>
  <si>
    <t>ch.5.252072R</t>
  </si>
  <si>
    <t>ch.5.978199R</t>
  </si>
  <si>
    <t>ch.5.1514501R</t>
  </si>
  <si>
    <t>ch.5.115380F</t>
  </si>
  <si>
    <t>ch.5.2973702R</t>
  </si>
  <si>
    <t>ch.5.5396883R</t>
  </si>
  <si>
    <t>ch.5.6026528F</t>
  </si>
  <si>
    <t>ch.5.18883716R</t>
  </si>
  <si>
    <t>ch.5.24240029R</t>
  </si>
  <si>
    <t>ch.5.28120096R</t>
  </si>
  <si>
    <t>ch.5.634030F</t>
  </si>
  <si>
    <t>ch.5.38673910R</t>
  </si>
  <si>
    <t>ch.5.52674027R</t>
  </si>
  <si>
    <t>ch.5.55361480F</t>
  </si>
  <si>
    <t>ch.5.58219013F</t>
  </si>
  <si>
    <t>ch.5.61135040R</t>
  </si>
  <si>
    <t>ch.5.67966857R</t>
  </si>
  <si>
    <t>ch.5.68282404R</t>
  </si>
  <si>
    <t>ch.5.1369403R</t>
  </si>
  <si>
    <t>ch.5.73958282R</t>
  </si>
  <si>
    <t>ch.5.79606571R</t>
  </si>
  <si>
    <t>ch.5.83977780R</t>
  </si>
  <si>
    <t>ch.5.1607347F</t>
  </si>
  <si>
    <t>ch.5.87268879R</t>
  </si>
  <si>
    <t>ch.5.91394379F</t>
  </si>
  <si>
    <t>ch.5.92314382F</t>
  </si>
  <si>
    <t>ch.5.2259325F</t>
  </si>
  <si>
    <t>ch.5.2444790R</t>
  </si>
  <si>
    <t>ch.5.2517577F</t>
  </si>
  <si>
    <t>ch.5.2522686R</t>
  </si>
  <si>
    <t>ch.5.3276032R</t>
  </si>
  <si>
    <t>ch.5.3315058R</t>
  </si>
  <si>
    <t>cg00002930</t>
  </si>
  <si>
    <t>cg00004562</t>
  </si>
  <si>
    <t>cg00004608</t>
  </si>
  <si>
    <t>cg00004806</t>
  </si>
  <si>
    <t>cg00005040</t>
  </si>
  <si>
    <t>cg00007420</t>
  </si>
  <si>
    <t>cg00008564</t>
  </si>
  <si>
    <t>cg00010853</t>
  </si>
  <si>
    <t>cg00013015</t>
  </si>
  <si>
    <t>cg00014748</t>
  </si>
  <si>
    <t>cg00016802</t>
  </si>
  <si>
    <t>cg00017931</t>
  </si>
  <si>
    <t>cg00020419</t>
  </si>
  <si>
    <t>cg00023321</t>
  </si>
  <si>
    <t>cg00024396</t>
  </si>
  <si>
    <t>cg00026362</t>
  </si>
  <si>
    <t>cg00026374</t>
  </si>
  <si>
    <t>cg00028251</t>
  </si>
  <si>
    <t>cg00028455</t>
  </si>
  <si>
    <t>cg00029521</t>
  </si>
  <si>
    <t>cg00029928</t>
  </si>
  <si>
    <t>cg00030427</t>
  </si>
  <si>
    <t>cg00031491</t>
  </si>
  <si>
    <t>cg00035673</t>
  </si>
  <si>
    <t>cg00036011</t>
  </si>
  <si>
    <t>cg00037441</t>
  </si>
  <si>
    <t>cg00039129</t>
  </si>
  <si>
    <t>cg00040466</t>
  </si>
  <si>
    <t>cg00041901</t>
  </si>
  <si>
    <t>cg00044245</t>
  </si>
  <si>
    <t>cg00047532</t>
  </si>
  <si>
    <t>cg00048838</t>
  </si>
  <si>
    <t>cg00049595</t>
  </si>
  <si>
    <t>cg00050375</t>
  </si>
  <si>
    <t>cg00051590</t>
  </si>
  <si>
    <t>cg00051595</t>
  </si>
  <si>
    <t>cg00052772</t>
  </si>
  <si>
    <t>cg00065396</t>
  </si>
  <si>
    <t>cg00066805</t>
  </si>
  <si>
    <t>cg00070318</t>
  </si>
  <si>
    <t>cg00070870</t>
  </si>
  <si>
    <t>cg00071051</t>
  </si>
  <si>
    <t>cg00071161</t>
  </si>
  <si>
    <t>cg00074746</t>
  </si>
  <si>
    <t>cg00080118</t>
  </si>
  <si>
    <t>cg00083018</t>
  </si>
  <si>
    <t>cg00083059</t>
  </si>
  <si>
    <t>cg00083206</t>
  </si>
  <si>
    <t>cg00084398</t>
  </si>
  <si>
    <t>cg00086577</t>
  </si>
  <si>
    <t>cg00087368</t>
  </si>
  <si>
    <t>cg00087728</t>
  </si>
  <si>
    <t>cg00088688</t>
  </si>
  <si>
    <t>cg00089464</t>
  </si>
  <si>
    <t>cg00089821</t>
  </si>
  <si>
    <t>cg00091044</t>
  </si>
  <si>
    <t>cg00092682</t>
  </si>
  <si>
    <t>cg00094412</t>
  </si>
  <si>
    <t>cg00095018</t>
  </si>
  <si>
    <t>cg00095629</t>
  </si>
  <si>
    <t>cg00095976</t>
  </si>
  <si>
    <t>cg00098063</t>
  </si>
  <si>
    <t>cg00101728</t>
  </si>
  <si>
    <t>cg00101895</t>
  </si>
  <si>
    <t>cg00102920</t>
  </si>
  <si>
    <t>cg00104072</t>
  </si>
  <si>
    <t>cg00110578</t>
  </si>
  <si>
    <t>cg00110790</t>
  </si>
  <si>
    <t>cg00110832</t>
  </si>
  <si>
    <t>cg00114160</t>
  </si>
  <si>
    <t>cg00114944</t>
  </si>
  <si>
    <t>cg00115567</t>
  </si>
  <si>
    <t>cg00115714</t>
  </si>
  <si>
    <t>cg00116315</t>
  </si>
  <si>
    <t>cg00119053</t>
  </si>
  <si>
    <t>cg00120254</t>
  </si>
  <si>
    <t>cg00123181</t>
  </si>
  <si>
    <t>cg00126536</t>
  </si>
  <si>
    <t>cg00128100</t>
  </si>
  <si>
    <t>cg00128571</t>
  </si>
  <si>
    <t>cg00129731</t>
  </si>
  <si>
    <t>cg00130530</t>
  </si>
  <si>
    <t>cg00134190</t>
  </si>
  <si>
    <t>cg00140361</t>
  </si>
  <si>
    <t>cg00140910</t>
  </si>
  <si>
    <t>cg00144161</t>
  </si>
  <si>
    <t>cg00152637</t>
  </si>
  <si>
    <t>cg00154557</t>
  </si>
  <si>
    <t>cg00155619</t>
  </si>
  <si>
    <t>cg00157439</t>
  </si>
  <si>
    <t>cg00163549</t>
  </si>
  <si>
    <t>cg00164997</t>
  </si>
  <si>
    <t>cg00165360</t>
  </si>
  <si>
    <t>cg00167916</t>
  </si>
  <si>
    <t>cg00169019</t>
  </si>
  <si>
    <t>cg00169412</t>
  </si>
  <si>
    <t>cg00170003</t>
  </si>
  <si>
    <t>cg00170421</t>
  </si>
  <si>
    <t>cg00171725</t>
  </si>
  <si>
    <t>cg00171729</t>
  </si>
  <si>
    <t>cg00173538</t>
  </si>
  <si>
    <t>cg00173854</t>
  </si>
  <si>
    <t>cg00174718</t>
  </si>
  <si>
    <t>cg00175579</t>
  </si>
  <si>
    <t>cg00176709</t>
  </si>
  <si>
    <t>cg00179217</t>
  </si>
  <si>
    <t>cg00180277</t>
  </si>
  <si>
    <t>cg00180930</t>
  </si>
  <si>
    <t>cg00181439</t>
  </si>
  <si>
    <t>cg00183186</t>
  </si>
  <si>
    <t>cg00184279</t>
  </si>
  <si>
    <t>cg00184953</t>
  </si>
  <si>
    <t>cg00187059</t>
  </si>
  <si>
    <t>cg00187889</t>
  </si>
  <si>
    <t>cg00194146</t>
  </si>
  <si>
    <t>cg00198141</t>
  </si>
  <si>
    <t>cg00199091</t>
  </si>
  <si>
    <t>cg00200298</t>
  </si>
  <si>
    <t>cg00201275</t>
  </si>
  <si>
    <t>cg00201779</t>
  </si>
  <si>
    <t>cg00202479</t>
  </si>
  <si>
    <t>cg00203456</t>
  </si>
  <si>
    <t>cg00210210</t>
  </si>
  <si>
    <t>cg00210473</t>
  </si>
  <si>
    <t>cg00211961</t>
  </si>
  <si>
    <t>cg00213729</t>
  </si>
  <si>
    <t>cg00214855</t>
  </si>
  <si>
    <t>cg00219282</t>
  </si>
  <si>
    <t>cg00219543</t>
  </si>
  <si>
    <t>cg00222690</t>
  </si>
  <si>
    <t>cg00224202</t>
  </si>
  <si>
    <t>cg00224417</t>
  </si>
  <si>
    <t>cg00225157</t>
  </si>
  <si>
    <t>cg00225553</t>
  </si>
  <si>
    <t>cg00226085</t>
  </si>
  <si>
    <t>cg00226615</t>
  </si>
  <si>
    <t>cg00230368</t>
  </si>
  <si>
    <t>cg00231504</t>
  </si>
  <si>
    <t>cg00231771</t>
  </si>
  <si>
    <t>cg00232453</t>
  </si>
  <si>
    <t>cg00234975</t>
  </si>
  <si>
    <t>cg00237489</t>
  </si>
  <si>
    <t>cg00238362</t>
  </si>
  <si>
    <t>cg00238662</t>
  </si>
  <si>
    <t>cg00239529</t>
  </si>
  <si>
    <t>cg00240875</t>
  </si>
  <si>
    <t>cg00244352</t>
  </si>
  <si>
    <t>cg00244776</t>
  </si>
  <si>
    <t>cg00247631</t>
  </si>
  <si>
    <t>cg00251594</t>
  </si>
  <si>
    <t>cg00254486</t>
  </si>
  <si>
    <t>cg00255142</t>
  </si>
  <si>
    <t>cg00256591</t>
  </si>
  <si>
    <t>cg00258203</t>
  </si>
  <si>
    <t>cg00258873</t>
  </si>
  <si>
    <t>cg00269996</t>
  </si>
  <si>
    <t>cg00270974</t>
  </si>
  <si>
    <t>cg00271925</t>
  </si>
  <si>
    <t>cg00273754</t>
  </si>
  <si>
    <t>cg00273863</t>
  </si>
  <si>
    <t>cg00274279</t>
  </si>
  <si>
    <t>cg00274587</t>
  </si>
  <si>
    <t>cg00277898</t>
  </si>
  <si>
    <t>cg00278517</t>
  </si>
  <si>
    <t>cg00280619</t>
  </si>
  <si>
    <t>cg00281967</t>
  </si>
  <si>
    <t>cg00285363</t>
  </si>
  <si>
    <t>cg00293599</t>
  </si>
  <si>
    <t>cg00294572</t>
  </si>
  <si>
    <t>cg00296779</t>
  </si>
  <si>
    <t>cg00309106</t>
  </si>
  <si>
    <t>cg00310139</t>
  </si>
  <si>
    <t>cg00316222</t>
  </si>
  <si>
    <t>cg00320625</t>
  </si>
  <si>
    <t>cg00326161</t>
  </si>
  <si>
    <t>cg00333528</t>
  </si>
  <si>
    <t>cg00333679</t>
  </si>
  <si>
    <t>cg00333848</t>
  </si>
  <si>
    <t>cg00334056</t>
  </si>
  <si>
    <t>cg00334177</t>
  </si>
  <si>
    <t>cg00338122</t>
  </si>
  <si>
    <t>cg00340328</t>
  </si>
  <si>
    <t>cg00340855</t>
  </si>
  <si>
    <t>cg00343185</t>
  </si>
  <si>
    <t>cg00350478</t>
  </si>
  <si>
    <t>cg00350615</t>
  </si>
  <si>
    <t>cg00354641</t>
  </si>
  <si>
    <t>cg00356500</t>
  </si>
  <si>
    <t>cg00356645</t>
  </si>
  <si>
    <t>cg00359010</t>
  </si>
  <si>
    <t>cg00359087</t>
  </si>
  <si>
    <t>cg00359661</t>
  </si>
  <si>
    <t>cg00361017</t>
  </si>
  <si>
    <t>cg00361229</t>
  </si>
  <si>
    <t>cg00364457</t>
  </si>
  <si>
    <t>cg00366186</t>
  </si>
  <si>
    <t>cg00367596</t>
  </si>
  <si>
    <t>cg00369202</t>
  </si>
  <si>
    <t>cg00369351</t>
  </si>
  <si>
    <t>cg00374105</t>
  </si>
  <si>
    <t>cg00377074</t>
  </si>
  <si>
    <t>cg00377681</t>
  </si>
  <si>
    <t>cg00379377</t>
  </si>
  <si>
    <t>cg00379630</t>
  </si>
  <si>
    <t>cg00380464</t>
  </si>
  <si>
    <t>cg00380904</t>
  </si>
  <si>
    <t>cg00380924</t>
  </si>
  <si>
    <t>cg00382470</t>
  </si>
  <si>
    <t>cg00385620</t>
  </si>
  <si>
    <t>cg00387170</t>
  </si>
  <si>
    <t>cg00389713</t>
  </si>
  <si>
    <t>cg00390176</t>
  </si>
  <si>
    <t>cg00392003</t>
  </si>
  <si>
    <t>cg00394763</t>
  </si>
  <si>
    <t>cg00397059</t>
  </si>
  <si>
    <t>cg00397479</t>
  </si>
  <si>
    <t>cg00402074</t>
  </si>
  <si>
    <t>cg00402737</t>
  </si>
  <si>
    <t>cg00403784</t>
  </si>
  <si>
    <t>cg00405078</t>
  </si>
  <si>
    <t>cg00407820</t>
  </si>
  <si>
    <t>cg00408224</t>
  </si>
  <si>
    <t>cg00408278</t>
  </si>
  <si>
    <t>cg00409245</t>
  </si>
  <si>
    <t>cg00412337</t>
  </si>
  <si>
    <t>cg00412749</t>
  </si>
  <si>
    <t>cg00415065</t>
  </si>
  <si>
    <t>cg00416492</t>
  </si>
  <si>
    <t>cg00417835</t>
  </si>
  <si>
    <t>cg00420808</t>
  </si>
  <si>
    <t>cg00420895</t>
  </si>
  <si>
    <t>cg00421846</t>
  </si>
  <si>
    <t>cg00423167</t>
  </si>
  <si>
    <t>cg00424286</t>
  </si>
  <si>
    <t>cg00426056</t>
  </si>
  <si>
    <t>cg00431837</t>
  </si>
  <si>
    <t>cg00432049</t>
  </si>
  <si>
    <t>cg00434010</t>
  </si>
  <si>
    <t>cg00436301</t>
  </si>
  <si>
    <t>cg00437443</t>
  </si>
  <si>
    <t>cg00438026</t>
  </si>
  <si>
    <t>cg00438946</t>
  </si>
  <si>
    <t>cg00440217</t>
  </si>
  <si>
    <t>cg00444847</t>
  </si>
  <si>
    <t>cg00446211</t>
  </si>
  <si>
    <t>cg00446250</t>
  </si>
  <si>
    <t>cg00449868</t>
  </si>
  <si>
    <t>cg00452398</t>
  </si>
  <si>
    <t>cg00454577</t>
  </si>
  <si>
    <t>cg00456557</t>
  </si>
  <si>
    <t>cg00456582</t>
  </si>
  <si>
    <t>cg00456597</t>
  </si>
  <si>
    <t>cg00457913</t>
  </si>
  <si>
    <t>cg00464814</t>
  </si>
  <si>
    <t>cg00466425</t>
  </si>
  <si>
    <t>cg00468146</t>
  </si>
  <si>
    <t>cg00470051</t>
  </si>
  <si>
    <t>cg00474209</t>
  </si>
  <si>
    <t>cg00474500</t>
  </si>
  <si>
    <t>cg00475820</t>
  </si>
  <si>
    <t>cg00475973</t>
  </si>
  <si>
    <t>cg00479451</t>
  </si>
  <si>
    <t>cg00482232</t>
  </si>
  <si>
    <t>cg00486113</t>
  </si>
  <si>
    <t>cg00488091</t>
  </si>
  <si>
    <t>cg00491418</t>
  </si>
  <si>
    <t>cg00491616</t>
  </si>
  <si>
    <t>cg00494883</t>
  </si>
  <si>
    <t>cg00495476</t>
  </si>
  <si>
    <t>cg00495693</t>
  </si>
  <si>
    <t>cg00499191</t>
  </si>
  <si>
    <t>cg00500498</t>
  </si>
  <si>
    <t>cg00501467</t>
  </si>
  <si>
    <t>cg00501482</t>
  </si>
  <si>
    <t>cg00501919</t>
  </si>
  <si>
    <t>cg00503917</t>
  </si>
  <si>
    <t>cg00504902</t>
  </si>
  <si>
    <t>cg00505762</t>
  </si>
  <si>
    <t>cg00510541</t>
  </si>
  <si>
    <t>cg00510787</t>
  </si>
  <si>
    <t>cg00514307</t>
  </si>
  <si>
    <t>cg00517532</t>
  </si>
  <si>
    <t>cg00518152</t>
  </si>
  <si>
    <t>cg00518266</t>
  </si>
  <si>
    <t>cg00519483</t>
  </si>
  <si>
    <t>cg00520406</t>
  </si>
  <si>
    <t>cg00521620</t>
  </si>
  <si>
    <t>cg00523379</t>
  </si>
  <si>
    <t>cg00524023</t>
  </si>
  <si>
    <t>cg00525496</t>
  </si>
  <si>
    <t>cg00526069</t>
  </si>
  <si>
    <t>cg00526791</t>
  </si>
  <si>
    <t>cg00530740</t>
  </si>
  <si>
    <t>cg00531745</t>
  </si>
  <si>
    <t>cg00533183</t>
  </si>
  <si>
    <t>cg00533923</t>
  </si>
  <si>
    <t>cg00536532</t>
  </si>
  <si>
    <t>cg00537673</t>
  </si>
  <si>
    <t>cg00538717</t>
  </si>
  <si>
    <t>cg00538726</t>
  </si>
  <si>
    <t>cg00539360</t>
  </si>
  <si>
    <t>cg00544436</t>
  </si>
  <si>
    <t>cg00547425</t>
  </si>
  <si>
    <t>cg00549972</t>
  </si>
  <si>
    <t>cg00549973</t>
  </si>
  <si>
    <t>cg00551398</t>
  </si>
  <si>
    <t>cg00552704</t>
  </si>
  <si>
    <t>cg00553355</t>
  </si>
  <si>
    <t>cg00554810</t>
  </si>
  <si>
    <t>cg00555933</t>
  </si>
  <si>
    <t>cg00563045</t>
  </si>
  <si>
    <t>cg00564996</t>
  </si>
  <si>
    <t>cg00565348</t>
  </si>
  <si>
    <t>cg00565831</t>
  </si>
  <si>
    <t>cg00567696</t>
  </si>
  <si>
    <t>cg00569718</t>
  </si>
  <si>
    <t>cg00575066</t>
  </si>
  <si>
    <t>cg00575529</t>
  </si>
  <si>
    <t>cg00575744</t>
  </si>
  <si>
    <t>cg00578220</t>
  </si>
  <si>
    <t>cg00578240</t>
  </si>
  <si>
    <t>cg00578614</t>
  </si>
  <si>
    <t>cg00579036</t>
  </si>
  <si>
    <t>cg00579105</t>
  </si>
  <si>
    <t>cg00579292</t>
  </si>
  <si>
    <t>cg00583046</t>
  </si>
  <si>
    <t>cg00588517</t>
  </si>
  <si>
    <t>cg00590036</t>
  </si>
  <si>
    <t>cg00590039</t>
  </si>
  <si>
    <t>cg00591740</t>
  </si>
  <si>
    <t>cg00592058</t>
  </si>
  <si>
    <t>cg00594408</t>
  </si>
  <si>
    <t>cg00597713</t>
  </si>
  <si>
    <t>cg00599401</t>
  </si>
  <si>
    <t>cg00599564</t>
  </si>
  <si>
    <t>cg00603110</t>
  </si>
  <si>
    <t>cg00604202</t>
  </si>
  <si>
    <t>cg00609135</t>
  </si>
  <si>
    <t>cg00609961</t>
  </si>
  <si>
    <t>cg00610228</t>
  </si>
  <si>
    <t>cg00613177</t>
  </si>
  <si>
    <t>cg00613385</t>
  </si>
  <si>
    <t>cg00614392</t>
  </si>
  <si>
    <t>cg00615550</t>
  </si>
  <si>
    <t>cg00615592</t>
  </si>
  <si>
    <t>cg00617292</t>
  </si>
  <si>
    <t>cg00622528</t>
  </si>
  <si>
    <t>cg00624404</t>
  </si>
  <si>
    <t>cg00628211</t>
  </si>
  <si>
    <t>cg00628477</t>
  </si>
  <si>
    <t>cg00630781</t>
  </si>
  <si>
    <t>cg00632188</t>
  </si>
  <si>
    <t>cg00635481</t>
  </si>
  <si>
    <t>cg00635780</t>
  </si>
  <si>
    <t>cg00640376</t>
  </si>
  <si>
    <t>cg00640456</t>
  </si>
  <si>
    <t>cg00641127</t>
  </si>
  <si>
    <t>cg00642740</t>
  </si>
  <si>
    <t>cg00643086</t>
  </si>
  <si>
    <t>cg00647063</t>
  </si>
  <si>
    <t>cg00648153</t>
  </si>
  <si>
    <t>cg00648274</t>
  </si>
  <si>
    <t>cg00651216</t>
  </si>
  <si>
    <t>cg00653609</t>
  </si>
  <si>
    <t>cg00655307</t>
  </si>
  <si>
    <t>cg00656420</t>
  </si>
  <si>
    <t>cg00657095</t>
  </si>
  <si>
    <t>cg00660009</t>
  </si>
  <si>
    <t>cg00663832</t>
  </si>
  <si>
    <t>cg00664084</t>
  </si>
  <si>
    <t>cg00664135</t>
  </si>
  <si>
    <t>cg00664405</t>
  </si>
  <si>
    <t>cg00664730</t>
  </si>
  <si>
    <t>cg00664793</t>
  </si>
  <si>
    <t>cg00664842</t>
  </si>
  <si>
    <t>cg00667751</t>
  </si>
  <si>
    <t>cg00668559</t>
  </si>
  <si>
    <t>cg00669594</t>
  </si>
  <si>
    <t>cg00671225</t>
  </si>
  <si>
    <t>cg00672633</t>
  </si>
  <si>
    <t>cg00679556</t>
  </si>
  <si>
    <t>cg00682802</t>
  </si>
  <si>
    <t>cg00684824</t>
  </si>
  <si>
    <t>cg00688979</t>
  </si>
  <si>
    <t>cg00689772</t>
  </si>
  <si>
    <t>cg00695799</t>
  </si>
  <si>
    <t>cg00696158</t>
  </si>
  <si>
    <t>cg00697559</t>
  </si>
  <si>
    <t>cg00700324</t>
  </si>
  <si>
    <t>cg00700596</t>
  </si>
  <si>
    <t>cg00702381</t>
  </si>
  <si>
    <t>cg00702719</t>
  </si>
  <si>
    <t>cg00702872</t>
  </si>
  <si>
    <t>cg00704305</t>
  </si>
  <si>
    <t>cg00704819</t>
  </si>
  <si>
    <t>cg00715124</t>
  </si>
  <si>
    <t>cg00716752</t>
  </si>
  <si>
    <t>cg00717680</t>
  </si>
  <si>
    <t>cg00718519</t>
  </si>
  <si>
    <t>cg00718684</t>
  </si>
  <si>
    <t>cg00720829</t>
  </si>
  <si>
    <t>cg00721468</t>
  </si>
  <si>
    <t>cg00721819</t>
  </si>
  <si>
    <t>cg00728602</t>
  </si>
  <si>
    <t>cg00728848</t>
  </si>
  <si>
    <t>cg00730077</t>
  </si>
  <si>
    <t>cg00731619</t>
  </si>
  <si>
    <t>cg00731683</t>
  </si>
  <si>
    <t>cg00732807</t>
  </si>
  <si>
    <t>cg00733115</t>
  </si>
  <si>
    <t>cg00733315</t>
  </si>
  <si>
    <t>cg00734993</t>
  </si>
  <si>
    <t>cg00735599</t>
  </si>
  <si>
    <t>cg00735907</t>
  </si>
  <si>
    <t>cg00738387</t>
  </si>
  <si>
    <t>cg00742040</t>
  </si>
  <si>
    <t>cg00745607</t>
  </si>
  <si>
    <t>cg00746130</t>
  </si>
  <si>
    <t>cg00752628</t>
  </si>
  <si>
    <t>cg00753442</t>
  </si>
  <si>
    <t>cg00758854</t>
  </si>
  <si>
    <t>cg00759420</t>
  </si>
  <si>
    <t>cg00765128</t>
  </si>
  <si>
    <t>cg00768299</t>
  </si>
  <si>
    <t>cg00772000</t>
  </si>
  <si>
    <t>cg00772868</t>
  </si>
  <si>
    <t>cg00774100</t>
  </si>
  <si>
    <t>cg00775197</t>
  </si>
  <si>
    <t>cg00777805</t>
  </si>
  <si>
    <t>cg00780364</t>
  </si>
  <si>
    <t>cg00782811</t>
  </si>
  <si>
    <t>cg00783244</t>
  </si>
  <si>
    <t>cg00783905</t>
  </si>
  <si>
    <t>cg00786256</t>
  </si>
  <si>
    <t>cg00789034</t>
  </si>
  <si>
    <t>cg00791418</t>
  </si>
  <si>
    <t>cg00792966</t>
  </si>
  <si>
    <t>cg00794911</t>
  </si>
  <si>
    <t>cg00801571</t>
  </si>
  <si>
    <t>cg00802168</t>
  </si>
  <si>
    <t>cg00803638</t>
  </si>
  <si>
    <t>cg00804078</t>
  </si>
  <si>
    <t>cg00805381</t>
  </si>
  <si>
    <t>cg00806239</t>
  </si>
  <si>
    <t>cg00806253</t>
  </si>
  <si>
    <t>cg00809917</t>
  </si>
  <si>
    <t>cg00811377</t>
  </si>
  <si>
    <t>cg00812578</t>
  </si>
  <si>
    <t>cg00814597</t>
  </si>
  <si>
    <t>cg00827895</t>
  </si>
  <si>
    <t>cg00836641</t>
  </si>
  <si>
    <t>cg00839434</t>
  </si>
  <si>
    <t>cg00843339</t>
  </si>
  <si>
    <t>cg00843352</t>
  </si>
  <si>
    <t>cg00846554</t>
  </si>
  <si>
    <t>cg00848392</t>
  </si>
  <si>
    <t>cg00849692</t>
  </si>
  <si>
    <t>cg00849713</t>
  </si>
  <si>
    <t>cg00850505</t>
  </si>
  <si>
    <t>cg00850971</t>
  </si>
  <si>
    <t>cg00851297</t>
  </si>
  <si>
    <t>cg00851616</t>
  </si>
  <si>
    <t>cg00852534</t>
  </si>
  <si>
    <t>cg00855483</t>
  </si>
  <si>
    <t>cg00858855</t>
  </si>
  <si>
    <t>cg00858894</t>
  </si>
  <si>
    <t>cg00862588</t>
  </si>
  <si>
    <t>cg00862770</t>
  </si>
  <si>
    <t>cg00862883</t>
  </si>
  <si>
    <t>cg00868252</t>
  </si>
  <si>
    <t>cg00868636</t>
  </si>
  <si>
    <t>cg00868747</t>
  </si>
  <si>
    <t>cg00869530</t>
  </si>
  <si>
    <t>cg00870279</t>
  </si>
  <si>
    <t>cg00875541</t>
  </si>
  <si>
    <t>cg00877037</t>
  </si>
  <si>
    <t>cg00879790</t>
  </si>
  <si>
    <t>cg00879843</t>
  </si>
  <si>
    <t>cg00885461</t>
  </si>
  <si>
    <t>cg00886780</t>
  </si>
  <si>
    <t>cg00887255</t>
  </si>
  <si>
    <t>cg00889031</t>
  </si>
  <si>
    <t>cg00893987</t>
  </si>
  <si>
    <t>cg00900444</t>
  </si>
  <si>
    <t>cg00900589</t>
  </si>
  <si>
    <t>cg00900704</t>
  </si>
  <si>
    <t>cg00903186</t>
  </si>
  <si>
    <t>cg00903577</t>
  </si>
  <si>
    <t>cg00904122</t>
  </si>
  <si>
    <t>cg00905858</t>
  </si>
  <si>
    <t>cg00906973</t>
  </si>
  <si>
    <t>cg00908197</t>
  </si>
  <si>
    <t>cg00908833</t>
  </si>
  <si>
    <t>cg00909395</t>
  </si>
  <si>
    <t>cg00910127</t>
  </si>
  <si>
    <t>cg00918762</t>
  </si>
  <si>
    <t>cg00920162</t>
  </si>
  <si>
    <t>cg00920990</t>
  </si>
  <si>
    <t>cg00925037</t>
  </si>
  <si>
    <t>cg00929465</t>
  </si>
  <si>
    <t>cg00929855</t>
  </si>
  <si>
    <t>cg00929964</t>
  </si>
  <si>
    <t>cg00930347</t>
  </si>
  <si>
    <t>cg00933415</t>
  </si>
  <si>
    <t>cg00933538</t>
  </si>
  <si>
    <t>cg00933542</t>
  </si>
  <si>
    <t>cg00933603</t>
  </si>
  <si>
    <t>cg00934322</t>
  </si>
  <si>
    <t>cg00936309</t>
  </si>
  <si>
    <t>cg00936996</t>
  </si>
  <si>
    <t>cg00941576</t>
  </si>
  <si>
    <t>cg00941824</t>
  </si>
  <si>
    <t>cg00941983</t>
  </si>
  <si>
    <t>cg00943851</t>
  </si>
  <si>
    <t>cg00944666</t>
  </si>
  <si>
    <t>cg00948880</t>
  </si>
  <si>
    <t>cg00950412</t>
  </si>
  <si>
    <t>cg00951857</t>
  </si>
  <si>
    <t>cg00952576</t>
  </si>
  <si>
    <t>cg00955096</t>
  </si>
  <si>
    <t>cg00957325</t>
  </si>
  <si>
    <t>cg00960419</t>
  </si>
  <si>
    <t>cg00962014</t>
  </si>
  <si>
    <t>cg00965469</t>
  </si>
  <si>
    <t>cg00966482</t>
  </si>
  <si>
    <t>cg00971309</t>
  </si>
  <si>
    <t>cg00972976</t>
  </si>
  <si>
    <t>cg00974935</t>
  </si>
  <si>
    <t>cg00975589</t>
  </si>
  <si>
    <t>cg00975876</t>
  </si>
  <si>
    <t>cg00978102</t>
  </si>
  <si>
    <t>cg00979520</t>
  </si>
  <si>
    <t>cg00979704</t>
  </si>
  <si>
    <t>cg00982521</t>
  </si>
  <si>
    <t>cg00982683</t>
  </si>
  <si>
    <t>cg00985117</t>
  </si>
  <si>
    <t>cg00985729</t>
  </si>
  <si>
    <t>cg00987918</t>
  </si>
  <si>
    <t>cg00988641</t>
  </si>
  <si>
    <t>cg00994561</t>
  </si>
  <si>
    <t>cg00994601</t>
  </si>
  <si>
    <t>cg01018117</t>
  </si>
  <si>
    <t>cg01018782</t>
  </si>
  <si>
    <t>cg01019344</t>
  </si>
  <si>
    <t>cg01019484</t>
  </si>
  <si>
    <t>cg01023151</t>
  </si>
  <si>
    <t>cg01023778</t>
  </si>
  <si>
    <t>cg01024792</t>
  </si>
  <si>
    <t>cg01025604</t>
  </si>
  <si>
    <t>cg01032630</t>
  </si>
  <si>
    <t>cg01033871</t>
  </si>
  <si>
    <t>cg01034696</t>
  </si>
  <si>
    <t>cg01038299</t>
  </si>
  <si>
    <t>cg01043370</t>
  </si>
  <si>
    <t>cg01043409</t>
  </si>
  <si>
    <t>cg01043910</t>
  </si>
  <si>
    <t>cg01046798</t>
  </si>
  <si>
    <t>cg01047779</t>
  </si>
  <si>
    <t>cg01050920</t>
  </si>
  <si>
    <t>cg01054432</t>
  </si>
  <si>
    <t>cg01058212</t>
  </si>
  <si>
    <t>cg01063280</t>
  </si>
  <si>
    <t>cg01064432</t>
  </si>
  <si>
    <t>cg01064902</t>
  </si>
  <si>
    <t>cg01067190</t>
  </si>
  <si>
    <t>cg01067983</t>
  </si>
  <si>
    <t>cg01069182</t>
  </si>
  <si>
    <t>cg01069468</t>
  </si>
  <si>
    <t>cg01070219</t>
  </si>
  <si>
    <t>cg01070854</t>
  </si>
  <si>
    <t>cg01071289</t>
  </si>
  <si>
    <t>cg01074928</t>
  </si>
  <si>
    <t>cg01075005</t>
  </si>
  <si>
    <t>cg01078434</t>
  </si>
  <si>
    <t>cg01081636</t>
  </si>
  <si>
    <t>cg01082299</t>
  </si>
  <si>
    <t>cg01082907</t>
  </si>
  <si>
    <t>cg01084722</t>
  </si>
  <si>
    <t>cg01087382</t>
  </si>
  <si>
    <t>cg01090161</t>
  </si>
  <si>
    <t>cg01093429</t>
  </si>
  <si>
    <t>cg01094192</t>
  </si>
  <si>
    <t>cg01101911</t>
  </si>
  <si>
    <t>cg01101997</t>
  </si>
  <si>
    <t>cg01106410</t>
  </si>
  <si>
    <t>cg01107685</t>
  </si>
  <si>
    <t>cg01108476</t>
  </si>
  <si>
    <t>cg01110356</t>
  </si>
  <si>
    <t>cg01110797</t>
  </si>
  <si>
    <t>cg01111041</t>
  </si>
  <si>
    <t>cg01112643</t>
  </si>
  <si>
    <t>cg01113538</t>
  </si>
  <si>
    <t>cg01114156</t>
  </si>
  <si>
    <t>cg01114186</t>
  </si>
  <si>
    <t>cg01115099</t>
  </si>
  <si>
    <t>cg01122755</t>
  </si>
  <si>
    <t>cg01125463</t>
  </si>
  <si>
    <t>cg01128736</t>
  </si>
  <si>
    <t>cg01129238</t>
  </si>
  <si>
    <t>cg01129566</t>
  </si>
  <si>
    <t>cg01130144</t>
  </si>
  <si>
    <t>cg01131076</t>
  </si>
  <si>
    <t>cg01132522</t>
  </si>
  <si>
    <t>cg01134061</t>
  </si>
  <si>
    <t>cg01134139</t>
  </si>
  <si>
    <t>cg01135200</t>
  </si>
  <si>
    <t>cg01137047</t>
  </si>
  <si>
    <t>cg01138671</t>
  </si>
  <si>
    <t>cg01138972</t>
  </si>
  <si>
    <t>cg01139808</t>
  </si>
  <si>
    <t>cg01143145</t>
  </si>
  <si>
    <t>cg01143314</t>
  </si>
  <si>
    <t>cg01148120</t>
  </si>
  <si>
    <t>cg01149768</t>
  </si>
  <si>
    <t>cg01152408</t>
  </si>
  <si>
    <t>cg01152927</t>
  </si>
  <si>
    <t>cg01153132</t>
  </si>
  <si>
    <t>cg01156070</t>
  </si>
  <si>
    <t>cg01156392</t>
  </si>
  <si>
    <t>cg01157525</t>
  </si>
  <si>
    <t>cg01158822</t>
  </si>
  <si>
    <t>cg01161376</t>
  </si>
  <si>
    <t>cg01163597</t>
  </si>
  <si>
    <t>cg01163931</t>
  </si>
  <si>
    <t>cg01166548</t>
  </si>
  <si>
    <t>cg01168115</t>
  </si>
  <si>
    <t>cg01168822</t>
  </si>
  <si>
    <t>cg01171339</t>
  </si>
  <si>
    <t>cg01172073</t>
  </si>
  <si>
    <t>cg01174504</t>
  </si>
  <si>
    <t>cg01175636</t>
  </si>
  <si>
    <t>cg01176947</t>
  </si>
  <si>
    <t>cg01177524</t>
  </si>
  <si>
    <t>cg01184431</t>
  </si>
  <si>
    <t>cg01185571</t>
  </si>
  <si>
    <t>cg01186702</t>
  </si>
  <si>
    <t>cg01187288</t>
  </si>
  <si>
    <t>cg01188191</t>
  </si>
  <si>
    <t>cg01188722</t>
  </si>
  <si>
    <t>cg01189926</t>
  </si>
  <si>
    <t>cg01190484</t>
  </si>
  <si>
    <t>cg01190522</t>
  </si>
  <si>
    <t>cg01191157</t>
  </si>
  <si>
    <t>cg01194674</t>
  </si>
  <si>
    <t>cg01196495</t>
  </si>
  <si>
    <t>cg01198887</t>
  </si>
  <si>
    <t>cg01202312</t>
  </si>
  <si>
    <t>cg01202751</t>
  </si>
  <si>
    <t>cg01203924</t>
  </si>
  <si>
    <t>cg01205011</t>
  </si>
  <si>
    <t>cg01205058</t>
  </si>
  <si>
    <t>cg01205299</t>
  </si>
  <si>
    <t>cg01205766</t>
  </si>
  <si>
    <t>cg01207473</t>
  </si>
  <si>
    <t>cg01209199</t>
  </si>
  <si>
    <t>cg01209655</t>
  </si>
  <si>
    <t>cg01211396</t>
  </si>
  <si>
    <t>cg01211867</t>
  </si>
  <si>
    <t>cg01220720</t>
  </si>
  <si>
    <t>cg01221716</t>
  </si>
  <si>
    <t>cg01230243</t>
  </si>
  <si>
    <t>cg01233872</t>
  </si>
  <si>
    <t>cg01234945</t>
  </si>
  <si>
    <t>cg01239708</t>
  </si>
  <si>
    <t>cg01245721</t>
  </si>
  <si>
    <t>cg01246676</t>
  </si>
  <si>
    <t>cg01251710</t>
  </si>
  <si>
    <t>cg01251971</t>
  </si>
  <si>
    <t>cg01253676</t>
  </si>
  <si>
    <t>cg01255458</t>
  </si>
  <si>
    <t>cg01255465</t>
  </si>
  <si>
    <t>cg01256227</t>
  </si>
  <si>
    <t>cg01258201</t>
  </si>
  <si>
    <t>cg01258751</t>
  </si>
  <si>
    <t>cg01259329</t>
  </si>
  <si>
    <t>cg01259378</t>
  </si>
  <si>
    <t>cg01261007</t>
  </si>
  <si>
    <t>cg01261939</t>
  </si>
  <si>
    <t>cg01266853</t>
  </si>
  <si>
    <t>cg01269620</t>
  </si>
  <si>
    <t>cg01276475</t>
  </si>
  <si>
    <t>cg01280069</t>
  </si>
  <si>
    <t>cg01282751</t>
  </si>
  <si>
    <t>cg01283917</t>
  </si>
  <si>
    <t>cg01287079</t>
  </si>
  <si>
    <t>cg01287811</t>
  </si>
  <si>
    <t>cg01288598</t>
  </si>
  <si>
    <t>cg01291375</t>
  </si>
  <si>
    <t>cg01291920</t>
  </si>
  <si>
    <t>cg01293250</t>
  </si>
  <si>
    <t>cg01294490</t>
  </si>
  <si>
    <t>cg01295600</t>
  </si>
  <si>
    <t>cg01297670</t>
  </si>
  <si>
    <t>cg01298514</t>
  </si>
  <si>
    <t>cg01300631</t>
  </si>
  <si>
    <t>cg01300852</t>
  </si>
  <si>
    <t>cg01302668</t>
  </si>
  <si>
    <t>cg01306510</t>
  </si>
  <si>
    <t>cg01307108</t>
  </si>
  <si>
    <t>cg01307502</t>
  </si>
  <si>
    <t>cg01307730</t>
  </si>
  <si>
    <t>cg01309328</t>
  </si>
  <si>
    <t>cg01309870</t>
  </si>
  <si>
    <t>cg01311802</t>
  </si>
  <si>
    <t>cg01312828</t>
  </si>
  <si>
    <t>cg01320361</t>
  </si>
  <si>
    <t>cg01320573</t>
  </si>
  <si>
    <t>cg01320908</t>
  </si>
  <si>
    <t>cg01321308</t>
  </si>
  <si>
    <t>cg01326942</t>
  </si>
  <si>
    <t>cg01330316</t>
  </si>
  <si>
    <t>cg01334682</t>
  </si>
  <si>
    <t>cg01339444</t>
  </si>
  <si>
    <t>cg01339648</t>
  </si>
  <si>
    <t>cg01339781</t>
  </si>
  <si>
    <t>cg01340991</t>
  </si>
  <si>
    <t>cg01344171</t>
  </si>
  <si>
    <t>cg01345434</t>
  </si>
  <si>
    <t>cg01347702</t>
  </si>
  <si>
    <t>cg01349370</t>
  </si>
  <si>
    <t>cg01350824</t>
  </si>
  <si>
    <t>cg01351783</t>
  </si>
  <si>
    <t>cg01353486</t>
  </si>
  <si>
    <t>cg01354656</t>
  </si>
  <si>
    <t>cg01357779</t>
  </si>
  <si>
    <t>cg01359246</t>
  </si>
  <si>
    <t>cg01359676</t>
  </si>
  <si>
    <t>cg01362183</t>
  </si>
  <si>
    <t>cg01362455</t>
  </si>
  <si>
    <t>cg01365486</t>
  </si>
  <si>
    <t>cg01367929</t>
  </si>
  <si>
    <t>cg01370111</t>
  </si>
  <si>
    <t>cg01371207</t>
  </si>
  <si>
    <t>cg01371258</t>
  </si>
  <si>
    <t>cg01372434</t>
  </si>
  <si>
    <t>cg01374592</t>
  </si>
  <si>
    <t>cg01374870</t>
  </si>
  <si>
    <t>cg01377139</t>
  </si>
  <si>
    <t>cg01379480</t>
  </si>
  <si>
    <t>cg01382181</t>
  </si>
  <si>
    <t>cg01383911</t>
  </si>
  <si>
    <t>cg01386080</t>
  </si>
  <si>
    <t>cg01386424</t>
  </si>
  <si>
    <t>cg01386735</t>
  </si>
  <si>
    <t>cg01392518</t>
  </si>
  <si>
    <t>cg01393604</t>
  </si>
  <si>
    <t>cg01394339</t>
  </si>
  <si>
    <t>cg01394927</t>
  </si>
  <si>
    <t>cg01401376</t>
  </si>
  <si>
    <t>cg01405093</t>
  </si>
  <si>
    <t>cg01410163</t>
  </si>
  <si>
    <t>cg01413582</t>
  </si>
  <si>
    <t>cg01417849</t>
  </si>
  <si>
    <t>cg01422797</t>
  </si>
  <si>
    <t>cg01423251</t>
  </si>
  <si>
    <t>cg01427769</t>
  </si>
  <si>
    <t>cg01442943</t>
  </si>
  <si>
    <t>cg01442959</t>
  </si>
  <si>
    <t>cg01445838</t>
  </si>
  <si>
    <t>cg01447674</t>
  </si>
  <si>
    <t>cg01448551</t>
  </si>
  <si>
    <t>cg01448944</t>
  </si>
  <si>
    <t>cg01452444</t>
  </si>
  <si>
    <t>cg01454004</t>
  </si>
  <si>
    <t>cg01454349</t>
  </si>
  <si>
    <t>cg01456691</t>
  </si>
  <si>
    <t>cg01459063</t>
  </si>
  <si>
    <t>cg01466082</t>
  </si>
  <si>
    <t>cg01466825</t>
  </si>
  <si>
    <t>cg01471293</t>
  </si>
  <si>
    <t>cg01472299</t>
  </si>
  <si>
    <t>cg01474544</t>
  </si>
  <si>
    <t>cg01476807</t>
  </si>
  <si>
    <t>cg01482375</t>
  </si>
  <si>
    <t>cg01484686</t>
  </si>
  <si>
    <t>cg01486752</t>
  </si>
  <si>
    <t>cg01487468</t>
  </si>
  <si>
    <t>cg01487683</t>
  </si>
  <si>
    <t>cg01487910</t>
  </si>
  <si>
    <t>cg01488260</t>
  </si>
  <si>
    <t>cg01489686</t>
  </si>
  <si>
    <t>cg01492146</t>
  </si>
  <si>
    <t>cg01492710</t>
  </si>
  <si>
    <t>cg01493563</t>
  </si>
  <si>
    <t>cg01493727</t>
  </si>
  <si>
    <t>cg01495597</t>
  </si>
  <si>
    <t>cg01500097</t>
  </si>
  <si>
    <t>cg01500567</t>
  </si>
  <si>
    <t>cg01501476</t>
  </si>
  <si>
    <t>cg01504030</t>
  </si>
  <si>
    <t>cg01505111</t>
  </si>
  <si>
    <t>cg01505406</t>
  </si>
  <si>
    <t>cg01508045</t>
  </si>
  <si>
    <t>cg01510990</t>
  </si>
  <si>
    <t>cg01513081</t>
  </si>
  <si>
    <t>cg01519950</t>
  </si>
  <si>
    <t>cg01520105</t>
  </si>
  <si>
    <t>cg01520588</t>
  </si>
  <si>
    <t>cg01521378</t>
  </si>
  <si>
    <t>cg01521674</t>
  </si>
  <si>
    <t>cg01526854</t>
  </si>
  <si>
    <t>cg01530154</t>
  </si>
  <si>
    <t>cg01532218</t>
  </si>
  <si>
    <t>cg01533585</t>
  </si>
  <si>
    <t>cg01535080</t>
  </si>
  <si>
    <t>cg01537289</t>
  </si>
  <si>
    <t>cg01538969</t>
  </si>
  <si>
    <t>cg01542644</t>
  </si>
  <si>
    <t>cg01544157</t>
  </si>
  <si>
    <t>cg01547733</t>
  </si>
  <si>
    <t>cg01547742</t>
  </si>
  <si>
    <t>cg01549940</t>
  </si>
  <si>
    <t>cg01553182</t>
  </si>
  <si>
    <t>cg01554625</t>
  </si>
  <si>
    <t>cg01557330</t>
  </si>
  <si>
    <t>cg01557332</t>
  </si>
  <si>
    <t>cg01561856</t>
  </si>
  <si>
    <t>cg01564343</t>
  </si>
  <si>
    <t>cg01568319</t>
  </si>
  <si>
    <t>cg01568521</t>
  </si>
  <si>
    <t>cg01569083</t>
  </si>
  <si>
    <t>cg01570769</t>
  </si>
  <si>
    <t>cg01570885</t>
  </si>
  <si>
    <t>cg01573067</t>
  </si>
  <si>
    <t>cg01579841</t>
  </si>
  <si>
    <t>cg01584000</t>
  </si>
  <si>
    <t>cg01588725</t>
  </si>
  <si>
    <t>cg01589595</t>
  </si>
  <si>
    <t>cg01590342</t>
  </si>
  <si>
    <t>cg01593740</t>
  </si>
  <si>
    <t>cg01595397</t>
  </si>
  <si>
    <t>cg01598675</t>
  </si>
  <si>
    <t>cg01601658</t>
  </si>
  <si>
    <t>cg01606197</t>
  </si>
  <si>
    <t>cg01606628</t>
  </si>
  <si>
    <t>cg01606867</t>
  </si>
  <si>
    <t>cg01609559</t>
  </si>
  <si>
    <t>cg01610857</t>
  </si>
  <si>
    <t>cg01611748</t>
  </si>
  <si>
    <t>cg01612133</t>
  </si>
  <si>
    <t>cg01612730</t>
  </si>
  <si>
    <t>cg01613870</t>
  </si>
  <si>
    <t>cg01614746</t>
  </si>
  <si>
    <t>cg01616446</t>
  </si>
  <si>
    <t>cg01617448</t>
  </si>
  <si>
    <t>cg01617695</t>
  </si>
  <si>
    <t>cg01617859</t>
  </si>
  <si>
    <t>cg01618834</t>
  </si>
  <si>
    <t>cg01620834</t>
  </si>
  <si>
    <t>cg01626459</t>
  </si>
  <si>
    <t>cg01627201</t>
  </si>
  <si>
    <t>cg01627594</t>
  </si>
  <si>
    <t>cg01630207</t>
  </si>
  <si>
    <t>cg01632562</t>
  </si>
  <si>
    <t>cg01634141</t>
  </si>
  <si>
    <t>cg01635061</t>
  </si>
  <si>
    <t>cg01641778</t>
  </si>
  <si>
    <t>cg01641994</t>
  </si>
  <si>
    <t>cg01644481</t>
  </si>
  <si>
    <t>cg01644684</t>
  </si>
  <si>
    <t>cg01644927</t>
  </si>
  <si>
    <t>cg01652681</t>
  </si>
  <si>
    <t>cg01653354</t>
  </si>
  <si>
    <t>cg01657574</t>
  </si>
  <si>
    <t>cg01657995</t>
  </si>
  <si>
    <t>cg01659184</t>
  </si>
  <si>
    <t>cg01664382</t>
  </si>
  <si>
    <t>cg01667634</t>
  </si>
  <si>
    <t>cg01669948</t>
  </si>
  <si>
    <t>cg01670758</t>
  </si>
  <si>
    <t>cg01679043</t>
  </si>
  <si>
    <t>cg01680268</t>
  </si>
  <si>
    <t>cg01688243</t>
  </si>
  <si>
    <t>cg01689029</t>
  </si>
  <si>
    <t>cg01692639</t>
  </si>
  <si>
    <t>cg01693108</t>
  </si>
  <si>
    <t>cg01693662</t>
  </si>
  <si>
    <t>cg01699293</t>
  </si>
  <si>
    <t>cg01701055</t>
  </si>
  <si>
    <t>cg01702009</t>
  </si>
  <si>
    <t>cg01702055</t>
  </si>
  <si>
    <t>cg01703162</t>
  </si>
  <si>
    <t>cg01704860</t>
  </si>
  <si>
    <t>cg01705131</t>
  </si>
  <si>
    <t>cg01709348</t>
  </si>
  <si>
    <t>cg01710084</t>
  </si>
  <si>
    <t>cg01713311</t>
  </si>
  <si>
    <t>cg01716499</t>
  </si>
  <si>
    <t>cg01716683</t>
  </si>
  <si>
    <t>cg01718580</t>
  </si>
  <si>
    <t>cg01719529</t>
  </si>
  <si>
    <t>cg01722904</t>
  </si>
  <si>
    <t>cg01726103</t>
  </si>
  <si>
    <t>cg01731920</t>
  </si>
  <si>
    <t>cg01733133</t>
  </si>
  <si>
    <t>cg01735191</t>
  </si>
  <si>
    <t>cg01737304</t>
  </si>
  <si>
    <t>cg01745867</t>
  </si>
  <si>
    <t>cg01748268</t>
  </si>
  <si>
    <t>cg01749249</t>
  </si>
  <si>
    <t>cg01761478</t>
  </si>
  <si>
    <t>cg01763051</t>
  </si>
  <si>
    <t>cg01764198</t>
  </si>
  <si>
    <t>cg01765653</t>
  </si>
  <si>
    <t>cg01769232</t>
  </si>
  <si>
    <t>cg01771096</t>
  </si>
  <si>
    <t>cg01771651</t>
  </si>
  <si>
    <t>cg01773443</t>
  </si>
  <si>
    <t>cg01775921</t>
  </si>
  <si>
    <t>cg01777019</t>
  </si>
  <si>
    <t>cg01780352</t>
  </si>
  <si>
    <t>cg01782500</t>
  </si>
  <si>
    <t>cg01785605</t>
  </si>
  <si>
    <t>cg01785906</t>
  </si>
  <si>
    <t>cg01786585</t>
  </si>
  <si>
    <t>cg01787834</t>
  </si>
  <si>
    <t>cg01787953</t>
  </si>
  <si>
    <t>cg01793865</t>
  </si>
  <si>
    <t>cg01798595</t>
  </si>
  <si>
    <t>cg01800614</t>
  </si>
  <si>
    <t>cg01801368</t>
  </si>
  <si>
    <t>cg01804233</t>
  </si>
  <si>
    <t>cg01804627</t>
  </si>
  <si>
    <t>cg01805282</t>
  </si>
  <si>
    <t>cg01806857</t>
  </si>
  <si>
    <t>cg01807737</t>
  </si>
  <si>
    <t>cg01808582</t>
  </si>
  <si>
    <t>cg01811674</t>
  </si>
  <si>
    <t>cg01813033</t>
  </si>
  <si>
    <t>cg01813171</t>
  </si>
  <si>
    <t>cg01815538</t>
  </si>
  <si>
    <t>cg01816031</t>
  </si>
  <si>
    <t>cg01818795</t>
  </si>
  <si>
    <t>cg01822727</t>
  </si>
  <si>
    <t>cg01824412</t>
  </si>
  <si>
    <t>cg01828753</t>
  </si>
  <si>
    <t>cg01828813</t>
  </si>
  <si>
    <t>cg01832737</t>
  </si>
  <si>
    <t>cg01832757</t>
  </si>
  <si>
    <t>cg01833771</t>
  </si>
  <si>
    <t>cg01836622</t>
  </si>
  <si>
    <t>cg01837719</t>
  </si>
  <si>
    <t>cg01837879</t>
  </si>
  <si>
    <t>cg01839396</t>
  </si>
  <si>
    <t>cg01843034</t>
  </si>
  <si>
    <t>cg01843804</t>
  </si>
  <si>
    <t>cg01844154</t>
  </si>
  <si>
    <t>cg01850269</t>
  </si>
  <si>
    <t>cg01851450</t>
  </si>
  <si>
    <t>cg01855118</t>
  </si>
  <si>
    <t>cg01856384</t>
  </si>
  <si>
    <t>cg01856887</t>
  </si>
  <si>
    <t>cg01863398</t>
  </si>
  <si>
    <t>cg01864372</t>
  </si>
  <si>
    <t>cg01865606</t>
  </si>
  <si>
    <t>cg01868782</t>
  </si>
  <si>
    <t>cg01869058</t>
  </si>
  <si>
    <t>cg01875764</t>
  </si>
  <si>
    <t>cg01877936</t>
  </si>
  <si>
    <t>cg01881322</t>
  </si>
  <si>
    <t>cg01881428</t>
  </si>
  <si>
    <t>cg01883159</t>
  </si>
  <si>
    <t>cg01885291</t>
  </si>
  <si>
    <t>cg01885948</t>
  </si>
  <si>
    <t>cg01887138</t>
  </si>
  <si>
    <t>cg01889237</t>
  </si>
  <si>
    <t>cg01895992</t>
  </si>
  <si>
    <t>cg01897517</t>
  </si>
  <si>
    <t>cg01904619</t>
  </si>
  <si>
    <t>cg01905142</t>
  </si>
  <si>
    <t>cg01907051</t>
  </si>
  <si>
    <t>cg01909833</t>
  </si>
  <si>
    <t>cg01912006</t>
  </si>
  <si>
    <t>cg01912955</t>
  </si>
  <si>
    <t>cg01913505</t>
  </si>
  <si>
    <t>cg01916632</t>
  </si>
  <si>
    <t>cg01923252</t>
  </si>
  <si>
    <t>cg01923429</t>
  </si>
  <si>
    <t>cg01928637</t>
  </si>
  <si>
    <t>cg01928820</t>
  </si>
  <si>
    <t>cg01929744</t>
  </si>
  <si>
    <t>cg01935747</t>
  </si>
  <si>
    <t>cg01936707</t>
  </si>
  <si>
    <t>cg01938066</t>
  </si>
  <si>
    <t>cg01940915</t>
  </si>
  <si>
    <t>cg01941403</t>
  </si>
  <si>
    <t>cg01941814</t>
  </si>
  <si>
    <t>cg01943813</t>
  </si>
  <si>
    <t>cg01948190</t>
  </si>
  <si>
    <t>cg01950077</t>
  </si>
  <si>
    <t>cg01951696</t>
  </si>
  <si>
    <t>cg01955533</t>
  </si>
  <si>
    <t>cg01956472</t>
  </si>
  <si>
    <t>cg01957150</t>
  </si>
  <si>
    <t>cg01957732</t>
  </si>
  <si>
    <t>cg01959262</t>
  </si>
  <si>
    <t>cg01959516</t>
  </si>
  <si>
    <t>cg01959541</t>
  </si>
  <si>
    <t>cg01962471</t>
  </si>
  <si>
    <t>cg01963573</t>
  </si>
  <si>
    <t>cg01963618</t>
  </si>
  <si>
    <t>cg01965173</t>
  </si>
  <si>
    <t>cg01969058</t>
  </si>
  <si>
    <t>cg01970322</t>
  </si>
  <si>
    <t>cg01975734</t>
  </si>
  <si>
    <t>cg01976913</t>
  </si>
  <si>
    <t>cg01976992</t>
  </si>
  <si>
    <t>cg01978236</t>
  </si>
  <si>
    <t>cg01979171</t>
  </si>
  <si>
    <t>cg01979603</t>
  </si>
  <si>
    <t>cg01980222</t>
  </si>
  <si>
    <t>cg01981433</t>
  </si>
  <si>
    <t>cg01983421</t>
  </si>
  <si>
    <t>cg01985396</t>
  </si>
  <si>
    <t>cg01993468</t>
  </si>
  <si>
    <t>cg01993576</t>
  </si>
  <si>
    <t>cg01994014</t>
  </si>
  <si>
    <t>cg01994599</t>
  </si>
  <si>
    <t>cg01999566</t>
  </si>
  <si>
    <t>cg01999652</t>
  </si>
  <si>
    <t>cg02001956</t>
  </si>
  <si>
    <t>cg02007235</t>
  </si>
  <si>
    <t>cg02007388</t>
  </si>
  <si>
    <t>cg02013781</t>
  </si>
  <si>
    <t>cg02015582</t>
  </si>
  <si>
    <t>cg02020945</t>
  </si>
  <si>
    <t>cg02027561</t>
  </si>
  <si>
    <t>cg02028402</t>
  </si>
  <si>
    <t>cg02031603</t>
  </si>
  <si>
    <t>cg02042585</t>
  </si>
  <si>
    <t>cg02042649</t>
  </si>
  <si>
    <t>cg02043083</t>
  </si>
  <si>
    <t>cg02043994</t>
  </si>
  <si>
    <t>cg02044803</t>
  </si>
  <si>
    <t>cg02046600</t>
  </si>
  <si>
    <t>cg02048646</t>
  </si>
  <si>
    <t>cg02049017</t>
  </si>
  <si>
    <t>cg02049629</t>
  </si>
  <si>
    <t>cg02050354</t>
  </si>
  <si>
    <t>cg02053920</t>
  </si>
  <si>
    <t>cg02054200</t>
  </si>
  <si>
    <t>cg02057561</t>
  </si>
  <si>
    <t>cg02060698</t>
  </si>
  <si>
    <t>cg02063166</t>
  </si>
  <si>
    <t>cg02063827</t>
  </si>
  <si>
    <t>cg02064106</t>
  </si>
  <si>
    <t>cg02065182</t>
  </si>
  <si>
    <t>cg02067722</t>
  </si>
  <si>
    <t>cg02068351</t>
  </si>
  <si>
    <t>cg02068390</t>
  </si>
  <si>
    <t>cg02070866</t>
  </si>
  <si>
    <t>cg02072940</t>
  </si>
  <si>
    <t>cg02073492</t>
  </si>
  <si>
    <t>cg02075593</t>
  </si>
  <si>
    <t>cg02077524</t>
  </si>
  <si>
    <t>cg02077766</t>
  </si>
  <si>
    <t>cg02082252</t>
  </si>
  <si>
    <t>cg02084729</t>
  </si>
  <si>
    <t>cg02086286</t>
  </si>
  <si>
    <t>cg02086355</t>
  </si>
  <si>
    <t>cg02087075</t>
  </si>
  <si>
    <t>cg02087923</t>
  </si>
  <si>
    <t>cg02090341</t>
  </si>
  <si>
    <t>cg02090927</t>
  </si>
  <si>
    <t>cg02091100</t>
  </si>
  <si>
    <t>cg02092785</t>
  </si>
  <si>
    <t>cg02095334</t>
  </si>
  <si>
    <t>cg02096172</t>
  </si>
  <si>
    <t>cg02098413</t>
  </si>
  <si>
    <t>cg02103895</t>
  </si>
  <si>
    <t>cg02104893</t>
  </si>
  <si>
    <t>cg02104962</t>
  </si>
  <si>
    <t>cg02105247</t>
  </si>
  <si>
    <t>cg02108340</t>
  </si>
  <si>
    <t>cg02112183</t>
  </si>
  <si>
    <t>cg02116996</t>
  </si>
  <si>
    <t>cg02117884</t>
  </si>
  <si>
    <t>cg02121517</t>
  </si>
  <si>
    <t>cg02123547</t>
  </si>
  <si>
    <t>cg02125191</t>
  </si>
  <si>
    <t>cg02127215</t>
  </si>
  <si>
    <t>cg02127689</t>
  </si>
  <si>
    <t>cg02129017</t>
  </si>
  <si>
    <t>cg02130894</t>
  </si>
  <si>
    <t>cg02133510</t>
  </si>
  <si>
    <t>cg02133941</t>
  </si>
  <si>
    <t>cg02134248</t>
  </si>
  <si>
    <t>cg02134353</t>
  </si>
  <si>
    <t>cg02137970</t>
  </si>
  <si>
    <t>cg02137984</t>
  </si>
  <si>
    <t>cg02146929</t>
  </si>
  <si>
    <t>cg02147981</t>
  </si>
  <si>
    <t>cg02149532</t>
  </si>
  <si>
    <t>cg02149708</t>
  </si>
  <si>
    <t>cg02150135</t>
  </si>
  <si>
    <t>cg02150582</t>
  </si>
  <si>
    <t>cg02150661</t>
  </si>
  <si>
    <t>cg02151752</t>
  </si>
  <si>
    <t>cg02152351</t>
  </si>
  <si>
    <t>cg02153286</t>
  </si>
  <si>
    <t>cg02153490</t>
  </si>
  <si>
    <t>cg02155024</t>
  </si>
  <si>
    <t>cg02156776</t>
  </si>
  <si>
    <t>cg02159996</t>
  </si>
  <si>
    <t>cg02162453</t>
  </si>
  <si>
    <t>cg02162880</t>
  </si>
  <si>
    <t>cg02164110</t>
  </si>
  <si>
    <t>cg02168159</t>
  </si>
  <si>
    <t>cg02168857</t>
  </si>
  <si>
    <t>cg02172533</t>
  </si>
  <si>
    <t>cg02172773</t>
  </si>
  <si>
    <t>cg02173004</t>
  </si>
  <si>
    <t>cg02174359</t>
  </si>
  <si>
    <t>cg02174486</t>
  </si>
  <si>
    <t>cg02176407</t>
  </si>
  <si>
    <t>cg02177648</t>
  </si>
  <si>
    <t>cg02181624</t>
  </si>
  <si>
    <t>cg02181847</t>
  </si>
  <si>
    <t>cg02182754</t>
  </si>
  <si>
    <t>cg02186769</t>
  </si>
  <si>
    <t>cg02187712</t>
  </si>
  <si>
    <t>cg02188299</t>
  </si>
  <si>
    <t>cg02189121</t>
  </si>
  <si>
    <t>cg02191336</t>
  </si>
  <si>
    <t>cg02191909</t>
  </si>
  <si>
    <t>cg02192731</t>
  </si>
  <si>
    <t>cg02192855</t>
  </si>
  <si>
    <t>cg02193425</t>
  </si>
  <si>
    <t>cg02196834</t>
  </si>
  <si>
    <t>cg02197019</t>
  </si>
  <si>
    <t>cg02202193</t>
  </si>
  <si>
    <t>cg02204845</t>
  </si>
  <si>
    <t>cg02205391</t>
  </si>
  <si>
    <t>cg02206980</t>
  </si>
  <si>
    <t>cg02208125</t>
  </si>
  <si>
    <t>cg02210140</t>
  </si>
  <si>
    <t>cg02210149</t>
  </si>
  <si>
    <t>cg02212836</t>
  </si>
  <si>
    <t>cg02214443</t>
  </si>
  <si>
    <t>cg02215430</t>
  </si>
  <si>
    <t>cg02216202</t>
  </si>
  <si>
    <t>cg02219071</t>
  </si>
  <si>
    <t>cg02220911</t>
  </si>
  <si>
    <t>cg02226810</t>
  </si>
  <si>
    <t>cg02227813</t>
  </si>
  <si>
    <t>cg02231813</t>
  </si>
  <si>
    <t>cg02246609</t>
  </si>
  <si>
    <t>cg02250071</t>
  </si>
  <si>
    <t>cg02254056</t>
  </si>
  <si>
    <t>cg02255844</t>
  </si>
  <si>
    <t>cg02257090</t>
  </si>
  <si>
    <t>cg02264288</t>
  </si>
  <si>
    <t>cg02264471</t>
  </si>
  <si>
    <t>cg02267270</t>
  </si>
  <si>
    <t>cg02269978</t>
  </si>
  <si>
    <t>cg02270108</t>
  </si>
  <si>
    <t>cg02272213</t>
  </si>
  <si>
    <t>cg02272258</t>
  </si>
  <si>
    <t>cg02272814</t>
  </si>
  <si>
    <t>cg02275989</t>
  </si>
  <si>
    <t>cg02278728</t>
  </si>
  <si>
    <t>cg02281167</t>
  </si>
  <si>
    <t>cg02284008</t>
  </si>
  <si>
    <t>cg02287007</t>
  </si>
  <si>
    <t>cg02289903</t>
  </si>
  <si>
    <t>cg02292809</t>
  </si>
  <si>
    <t>cg02299465</t>
  </si>
  <si>
    <t>cg02300308</t>
  </si>
  <si>
    <t>cg02301724</t>
  </si>
  <si>
    <t>cg02301769</t>
  </si>
  <si>
    <t>cg02303701</t>
  </si>
  <si>
    <t>cg02304584</t>
  </si>
  <si>
    <t>cg02304614</t>
  </si>
  <si>
    <t>cg02305757</t>
  </si>
  <si>
    <t>cg02306936</t>
  </si>
  <si>
    <t>cg02307277</t>
  </si>
  <si>
    <t>cg02308296</t>
  </si>
  <si>
    <t>cg02309230</t>
  </si>
  <si>
    <t>cg02311932</t>
  </si>
  <si>
    <t>cg02313535</t>
  </si>
  <si>
    <t>cg02332782</t>
  </si>
  <si>
    <t>cg02333706</t>
  </si>
  <si>
    <t>cg02333875</t>
  </si>
  <si>
    <t>cg02335642</t>
  </si>
  <si>
    <t>cg02336910</t>
  </si>
  <si>
    <t>cg02346730</t>
  </si>
  <si>
    <t>cg02351231</t>
  </si>
  <si>
    <t>cg02352370</t>
  </si>
  <si>
    <t>cg02353034</t>
  </si>
  <si>
    <t>cg02358755</t>
  </si>
  <si>
    <t>cg02359132</t>
  </si>
  <si>
    <t>cg02359409</t>
  </si>
  <si>
    <t>cg02363737</t>
  </si>
  <si>
    <t>cg02366002</t>
  </si>
  <si>
    <t>cg02366587</t>
  </si>
  <si>
    <t>cg02371052</t>
  </si>
  <si>
    <t>cg02375585</t>
  </si>
  <si>
    <t>cg02376496</t>
  </si>
  <si>
    <t>cg02379116</t>
  </si>
  <si>
    <t>cg02382532</t>
  </si>
  <si>
    <t>cg02383285</t>
  </si>
  <si>
    <t>cg02385809</t>
  </si>
  <si>
    <t>cg02385848</t>
  </si>
  <si>
    <t>cg02386354</t>
  </si>
  <si>
    <t>cg02386403</t>
  </si>
  <si>
    <t>cg02386599</t>
  </si>
  <si>
    <t>cg02387583</t>
  </si>
  <si>
    <t>cg02389040</t>
  </si>
  <si>
    <t>cg02389091</t>
  </si>
  <si>
    <t>cg02396797</t>
  </si>
  <si>
    <t>cg02397124</t>
  </si>
  <si>
    <t>cg02397497</t>
  </si>
  <si>
    <t>cg02398482</t>
  </si>
  <si>
    <t>cg02400146</t>
  </si>
  <si>
    <t>cg02400433</t>
  </si>
  <si>
    <t>cg02401132</t>
  </si>
  <si>
    <t>cg02404974</t>
  </si>
  <si>
    <t>cg02407720</t>
  </si>
  <si>
    <t>cg02407730</t>
  </si>
  <si>
    <t>cg02412050</t>
  </si>
  <si>
    <t>cg02415651</t>
  </si>
  <si>
    <t>cg02424007</t>
  </si>
  <si>
    <t>cg02425518</t>
  </si>
  <si>
    <t>cg02426093</t>
  </si>
  <si>
    <t>cg02434880</t>
  </si>
  <si>
    <t>cg02439889</t>
  </si>
  <si>
    <t>cg02443062</t>
  </si>
  <si>
    <t>cg02445907</t>
  </si>
  <si>
    <t>cg02446081</t>
  </si>
  <si>
    <t>cg02447229</t>
  </si>
  <si>
    <t>cg02450267</t>
  </si>
  <si>
    <t>cg02451691</t>
  </si>
  <si>
    <t>cg02456219</t>
  </si>
  <si>
    <t>cg02458812</t>
  </si>
  <si>
    <t>cg02460426</t>
  </si>
  <si>
    <t>cg02462443</t>
  </si>
  <si>
    <t>cg02463791</t>
  </si>
  <si>
    <t>cg02463891</t>
  </si>
  <si>
    <t>cg02464568</t>
  </si>
  <si>
    <t>cg02469655</t>
  </si>
  <si>
    <t>cg02470690</t>
  </si>
  <si>
    <t>cg02471993</t>
  </si>
  <si>
    <t>cg02475416</t>
  </si>
  <si>
    <t>cg02478829</t>
  </si>
  <si>
    <t>cg02480696</t>
  </si>
  <si>
    <t>cg02484633</t>
  </si>
  <si>
    <t>cg02486351</t>
  </si>
  <si>
    <t>cg02489478</t>
  </si>
  <si>
    <t>cg02490736</t>
  </si>
  <si>
    <t>cg02498983</t>
  </si>
  <si>
    <t>cg02499409</t>
  </si>
  <si>
    <t>cg02501767</t>
  </si>
  <si>
    <t>cg02531797</t>
  </si>
  <si>
    <t>cg02532824</t>
  </si>
  <si>
    <t>cg02536431</t>
  </si>
  <si>
    <t>cg02538046</t>
  </si>
  <si>
    <t>cg02541301</t>
  </si>
  <si>
    <t>cg02546883</t>
  </si>
  <si>
    <t>cg02548542</t>
  </si>
  <si>
    <t>cg02548777</t>
  </si>
  <si>
    <t>cg02550277</t>
  </si>
  <si>
    <t>cg02550722</t>
  </si>
  <si>
    <t>cg02553305</t>
  </si>
  <si>
    <t>cg02556401</t>
  </si>
  <si>
    <t>cg02561343</t>
  </si>
  <si>
    <t>cg02566775</t>
  </si>
  <si>
    <t>cg02567144</t>
  </si>
  <si>
    <t>cg02567751</t>
  </si>
  <si>
    <t>cg02569698</t>
  </si>
  <si>
    <t>cg02570493</t>
  </si>
  <si>
    <t>cg02571560</t>
  </si>
  <si>
    <t>cg02576394</t>
  </si>
  <si>
    <t>cg02578070</t>
  </si>
  <si>
    <t>cg02579316</t>
  </si>
  <si>
    <t>cg02583465</t>
  </si>
  <si>
    <t>cg02585598</t>
  </si>
  <si>
    <t>cg02588532</t>
  </si>
  <si>
    <t>cg02589054</t>
  </si>
  <si>
    <t>cg02590376</t>
  </si>
  <si>
    <t>cg02594127</t>
  </si>
  <si>
    <t>cg02595760</t>
  </si>
  <si>
    <t>cg02596153</t>
  </si>
  <si>
    <t>cg02597894</t>
  </si>
  <si>
    <t>cg02598430</t>
  </si>
  <si>
    <t>cg02598465</t>
  </si>
  <si>
    <t>cg02600978</t>
  </si>
  <si>
    <t>cg02602007</t>
  </si>
  <si>
    <t>cg02603839</t>
  </si>
  <si>
    <t>cg02609733</t>
  </si>
  <si>
    <t>cg02611419</t>
  </si>
  <si>
    <t>cg02611812</t>
  </si>
  <si>
    <t>cg02611970</t>
  </si>
  <si>
    <t>cg02612650</t>
  </si>
  <si>
    <t>cg02622074</t>
  </si>
  <si>
    <t>cg02623971</t>
  </si>
  <si>
    <t>cg02624905</t>
  </si>
  <si>
    <t>cg02624984</t>
  </si>
  <si>
    <t>cg02627747</t>
  </si>
  <si>
    <t>cg02628680</t>
  </si>
  <si>
    <t>cg02629070</t>
  </si>
  <si>
    <t>cg02629156</t>
  </si>
  <si>
    <t>cg02635209</t>
  </si>
  <si>
    <t>cg02637359</t>
  </si>
  <si>
    <t>cg02642841</t>
  </si>
  <si>
    <t>cg02643778</t>
  </si>
  <si>
    <t>cg02647297</t>
  </si>
  <si>
    <t>cg02647520</t>
  </si>
  <si>
    <t>cg02649189</t>
  </si>
  <si>
    <t>cg02651357</t>
  </si>
  <si>
    <t>cg02652321</t>
  </si>
  <si>
    <t>cg02652369</t>
  </si>
  <si>
    <t>cg02652579</t>
  </si>
  <si>
    <t>cg02652760</t>
  </si>
  <si>
    <t>cg02654935</t>
  </si>
  <si>
    <t>cg02654940</t>
  </si>
  <si>
    <t>cg02655195</t>
  </si>
  <si>
    <t>cg02656667</t>
  </si>
  <si>
    <t>cg02657128</t>
  </si>
  <si>
    <t>cg02662873</t>
  </si>
  <si>
    <t>cg02663496</t>
  </si>
  <si>
    <t>cg02664205</t>
  </si>
  <si>
    <t>cg02666489</t>
  </si>
  <si>
    <t>cg02668819</t>
  </si>
  <si>
    <t>cg02669888</t>
  </si>
  <si>
    <t>cg02673107</t>
  </si>
  <si>
    <t>cg02673305</t>
  </si>
  <si>
    <t>cg02675264</t>
  </si>
  <si>
    <t>cg02678305</t>
  </si>
  <si>
    <t>cg02678520</t>
  </si>
  <si>
    <t>cg02680909</t>
  </si>
  <si>
    <t>cg02681370</t>
  </si>
  <si>
    <t>cg02683509</t>
  </si>
  <si>
    <t>cg02683578</t>
  </si>
  <si>
    <t>cg02685901</t>
  </si>
  <si>
    <t>cg02689448</t>
  </si>
  <si>
    <t>cg02691355</t>
  </si>
  <si>
    <t>cg02694972</t>
  </si>
  <si>
    <t>cg02695062</t>
  </si>
  <si>
    <t>cg02701019</t>
  </si>
  <si>
    <t>cg02704088</t>
  </si>
  <si>
    <t>cg02704895</t>
  </si>
  <si>
    <t>cg02705792</t>
  </si>
  <si>
    <t>cg02708799</t>
  </si>
  <si>
    <t>cg02708950</t>
  </si>
  <si>
    <t>cg02713068</t>
  </si>
  <si>
    <t>cg02713232</t>
  </si>
  <si>
    <t>cg02716556</t>
  </si>
  <si>
    <t>cg02720618</t>
  </si>
  <si>
    <t>cg02721602</t>
  </si>
  <si>
    <t>cg02725437</t>
  </si>
  <si>
    <t>cg02728342</t>
  </si>
  <si>
    <t>cg02730990</t>
  </si>
  <si>
    <t>cg02731193</t>
  </si>
  <si>
    <t>cg02731824</t>
  </si>
  <si>
    <t>cg02732202</t>
  </si>
  <si>
    <t>cg02742214</t>
  </si>
  <si>
    <t>cg02743091</t>
  </si>
  <si>
    <t>cg02743522</t>
  </si>
  <si>
    <t>cg02746340</t>
  </si>
  <si>
    <t>cg02749752</t>
  </si>
  <si>
    <t>cg02752812</t>
  </si>
  <si>
    <t>cg02755847</t>
  </si>
  <si>
    <t>cg02755956</t>
  </si>
  <si>
    <t>cg02756056</t>
  </si>
  <si>
    <t>cg02756608</t>
  </si>
  <si>
    <t>cg02758155</t>
  </si>
  <si>
    <t>cg02758274</t>
  </si>
  <si>
    <t>cg02758840</t>
  </si>
  <si>
    <t>cg02760112</t>
  </si>
  <si>
    <t>cg02760218</t>
  </si>
  <si>
    <t>cg02761568</t>
  </si>
  <si>
    <t>cg02768671</t>
  </si>
  <si>
    <t>cg02769614</t>
  </si>
  <si>
    <t>cg02773868</t>
  </si>
  <si>
    <t>cg02775414</t>
  </si>
  <si>
    <t>cg02776448</t>
  </si>
  <si>
    <t>cg02776628</t>
  </si>
  <si>
    <t>cg02776641</t>
  </si>
  <si>
    <t>cg02777885</t>
  </si>
  <si>
    <t>cg02779707</t>
  </si>
  <si>
    <t>cg02781447</t>
  </si>
  <si>
    <t>cg02788189</t>
  </si>
  <si>
    <t>cg02790471</t>
  </si>
  <si>
    <t>cg02797038</t>
  </si>
  <si>
    <t>cg02797933</t>
  </si>
  <si>
    <t>cg02798621</t>
  </si>
  <si>
    <t>cg02800817</t>
  </si>
  <si>
    <t>cg02801114</t>
  </si>
  <si>
    <t>cg02802514</t>
  </si>
  <si>
    <t>cg02803604</t>
  </si>
  <si>
    <t>cg02806715</t>
  </si>
  <si>
    <t>cg02807882</t>
  </si>
  <si>
    <t>cg02809940</t>
  </si>
  <si>
    <t>cg02810149</t>
  </si>
  <si>
    <t>cg02813606</t>
  </si>
  <si>
    <t>cg02813916</t>
  </si>
  <si>
    <t>cg02815835</t>
  </si>
  <si>
    <t>cg02816003</t>
  </si>
  <si>
    <t>cg02816729</t>
  </si>
  <si>
    <t>cg02821855</t>
  </si>
  <si>
    <t>cg02822838</t>
  </si>
  <si>
    <t>cg02825171</t>
  </si>
  <si>
    <t>cg02827244</t>
  </si>
  <si>
    <t>cg02828016</t>
  </si>
  <si>
    <t>cg02832512</t>
  </si>
  <si>
    <t>cg02832952</t>
  </si>
  <si>
    <t>cg02833386</t>
  </si>
  <si>
    <t>cg02835756</t>
  </si>
  <si>
    <t>cg02836135</t>
  </si>
  <si>
    <t>cg02837591</t>
  </si>
  <si>
    <t>cg02838148</t>
  </si>
  <si>
    <t>cg02853020</t>
  </si>
  <si>
    <t>cg02854090</t>
  </si>
  <si>
    <t>cg02854226</t>
  </si>
  <si>
    <t>cg02856481</t>
  </si>
  <si>
    <t>cg02864535</t>
  </si>
  <si>
    <t>cg02865675</t>
  </si>
  <si>
    <t>cg02866733</t>
  </si>
  <si>
    <t>cg02867250</t>
  </si>
  <si>
    <t>cg02867650</t>
  </si>
  <si>
    <t>cg02868790</t>
  </si>
  <si>
    <t>cg02870189</t>
  </si>
  <si>
    <t>cg02871313</t>
  </si>
  <si>
    <t>cg02872426</t>
  </si>
  <si>
    <t>cg02874569</t>
  </si>
  <si>
    <t>cg02878284</t>
  </si>
  <si>
    <t>cg02879159</t>
  </si>
  <si>
    <t>cg02879471</t>
  </si>
  <si>
    <t>cg02881419</t>
  </si>
  <si>
    <t>cg02882216</t>
  </si>
  <si>
    <t>cg02882755</t>
  </si>
  <si>
    <t>cg02885428</t>
  </si>
  <si>
    <t>cg02887507</t>
  </si>
  <si>
    <t>cg02888146</t>
  </si>
  <si>
    <t>cg02888633</t>
  </si>
  <si>
    <t>cg02888917</t>
  </si>
  <si>
    <t>cg02890126</t>
  </si>
  <si>
    <t>cg02890435</t>
  </si>
  <si>
    <t>cg02893019</t>
  </si>
  <si>
    <t>cg02897675</t>
  </si>
  <si>
    <t>cg02902313</t>
  </si>
  <si>
    <t>cg02902477</t>
  </si>
  <si>
    <t>cg02902489</t>
  </si>
  <si>
    <t>cg02904344</t>
  </si>
  <si>
    <t>cg02907402</t>
  </si>
  <si>
    <t>cg02908748</t>
  </si>
  <si>
    <t>cg02909790</t>
  </si>
  <si>
    <t>cg02911985</t>
  </si>
  <si>
    <t>cg02915381</t>
  </si>
  <si>
    <t>cg02915939</t>
  </si>
  <si>
    <t>cg02917640</t>
  </si>
  <si>
    <t>cg02918101</t>
  </si>
  <si>
    <t>cg02918166</t>
  </si>
  <si>
    <t>cg02922084</t>
  </si>
  <si>
    <t>cg02925601</t>
  </si>
  <si>
    <t>cg02926622</t>
  </si>
  <si>
    <t>cg02926965</t>
  </si>
  <si>
    <t>cg02927327</t>
  </si>
  <si>
    <t>cg02927981</t>
  </si>
  <si>
    <t>cg02928278</t>
  </si>
  <si>
    <t>cg02928916</t>
  </si>
  <si>
    <t>cg02931604</t>
  </si>
  <si>
    <t>cg02933431</t>
  </si>
  <si>
    <t>cg02934347</t>
  </si>
  <si>
    <t>cg02936944</t>
  </si>
  <si>
    <t>cg02937479</t>
  </si>
  <si>
    <t>cg02939958</t>
  </si>
  <si>
    <t>cg02944057</t>
  </si>
  <si>
    <t>cg02952361</t>
  </si>
  <si>
    <t>cg02953039</t>
  </si>
  <si>
    <t>cg02953381</t>
  </si>
  <si>
    <t>cg02953457</t>
  </si>
  <si>
    <t>cg02956387</t>
  </si>
  <si>
    <t>cg02957918</t>
  </si>
  <si>
    <t>cg02959551</t>
  </si>
  <si>
    <t>cg02960716</t>
  </si>
  <si>
    <t>cg02963973</t>
  </si>
  <si>
    <t>cg02966329</t>
  </si>
  <si>
    <t>cg02967959</t>
  </si>
  <si>
    <t>cg02968496</t>
  </si>
  <si>
    <t>cg02969214</t>
  </si>
  <si>
    <t>cg02974527</t>
  </si>
  <si>
    <t>cg02976009</t>
  </si>
  <si>
    <t>cg02980249</t>
  </si>
  <si>
    <t>cg02986692</t>
  </si>
  <si>
    <t>cg02986733</t>
  </si>
  <si>
    <t>cg02990567</t>
  </si>
  <si>
    <t>cg02994187</t>
  </si>
  <si>
    <t>cg02995567</t>
  </si>
  <si>
    <t>cg02996131</t>
  </si>
  <si>
    <t>cg02996364</t>
  </si>
  <si>
    <t>cg03000156</t>
  </si>
  <si>
    <t>cg03000305</t>
  </si>
  <si>
    <t>cg03000593</t>
  </si>
  <si>
    <t>cg03001276</t>
  </si>
  <si>
    <t>cg03001484</t>
  </si>
  <si>
    <t>cg03003722</t>
  </si>
  <si>
    <t>cg03005132</t>
  </si>
  <si>
    <t>cg03007571</t>
  </si>
  <si>
    <t>cg03013488</t>
  </si>
  <si>
    <t>cg03014695</t>
  </si>
  <si>
    <t>cg03016906</t>
  </si>
  <si>
    <t>cg03018478</t>
  </si>
  <si>
    <t>cg03020545</t>
  </si>
  <si>
    <t>cg03026524</t>
  </si>
  <si>
    <t>cg03026929</t>
  </si>
  <si>
    <t>cg03027547</t>
  </si>
  <si>
    <t>cg03029060</t>
  </si>
  <si>
    <t>cg03030757</t>
  </si>
  <si>
    <t>cg03031281</t>
  </si>
  <si>
    <t>cg03032574</t>
  </si>
  <si>
    <t>cg03034180</t>
  </si>
  <si>
    <t>cg03035849</t>
  </si>
  <si>
    <t>cg03037030</t>
  </si>
  <si>
    <t>cg03037684</t>
  </si>
  <si>
    <t>cg03037740</t>
  </si>
  <si>
    <t>cg03038057</t>
  </si>
  <si>
    <t>cg03038850</t>
  </si>
  <si>
    <t>cg03039387</t>
  </si>
  <si>
    <t>cg03043553</t>
  </si>
  <si>
    <t>cg03045620</t>
  </si>
  <si>
    <t>cg03046925</t>
  </si>
  <si>
    <t>cg03048354</t>
  </si>
  <si>
    <t>cg03049125</t>
  </si>
  <si>
    <t>cg03049445</t>
  </si>
  <si>
    <t>cg03049568</t>
  </si>
  <si>
    <t>cg03051439</t>
  </si>
  <si>
    <t>cg03051449</t>
  </si>
  <si>
    <t>cg03052182</t>
  </si>
  <si>
    <t>cg03052606</t>
  </si>
  <si>
    <t>cg03054050</t>
  </si>
  <si>
    <t>cg03058602</t>
  </si>
  <si>
    <t>cg03059420</t>
  </si>
  <si>
    <t>cg03059528</t>
  </si>
  <si>
    <t>cg03061585</t>
  </si>
  <si>
    <t>cg03061689</t>
  </si>
  <si>
    <t>cg03062252</t>
  </si>
  <si>
    <t>cg03063347</t>
  </si>
  <si>
    <t>cg03064642</t>
  </si>
  <si>
    <t>cg03065308</t>
  </si>
  <si>
    <t>cg03065614</t>
  </si>
  <si>
    <t>cg03072286</t>
  </si>
  <si>
    <t>cg03073361</t>
  </si>
  <si>
    <t>cg03074925</t>
  </si>
  <si>
    <t>cg03076440</t>
  </si>
  <si>
    <t>cg03078690</t>
  </si>
  <si>
    <t>cg03080105</t>
  </si>
  <si>
    <t>cg03080985</t>
  </si>
  <si>
    <t>cg03082821</t>
  </si>
  <si>
    <t>cg03084824</t>
  </si>
  <si>
    <t>cg03085859</t>
  </si>
  <si>
    <t>cg03087607</t>
  </si>
  <si>
    <t>cg03088332</t>
  </si>
  <si>
    <t>cg03089870</t>
  </si>
  <si>
    <t>cg03092680</t>
  </si>
  <si>
    <t>cg03094134</t>
  </si>
  <si>
    <t>cg03094443</t>
  </si>
  <si>
    <t>cg03095562</t>
  </si>
  <si>
    <t>cg03097134</t>
  </si>
  <si>
    <t>cg03099771</t>
  </si>
  <si>
    <t>cg03102087</t>
  </si>
  <si>
    <t>cg03108701</t>
  </si>
  <si>
    <t>cg03108777</t>
  </si>
  <si>
    <t>cg03114601</t>
  </si>
  <si>
    <t>cg03115379</t>
  </si>
  <si>
    <t>cg03116364</t>
  </si>
  <si>
    <t>cg03119031</t>
  </si>
  <si>
    <t>cg03120116</t>
  </si>
  <si>
    <t>cg03120185</t>
  </si>
  <si>
    <t>cg03120829</t>
  </si>
  <si>
    <t>cg03122264</t>
  </si>
  <si>
    <t>cg03122455</t>
  </si>
  <si>
    <t>cg03124636</t>
  </si>
  <si>
    <t>cg03126547</t>
  </si>
  <si>
    <t>cg03126567</t>
  </si>
  <si>
    <t>cg03127104</t>
  </si>
  <si>
    <t>cg03127244</t>
  </si>
  <si>
    <t>cg03127506</t>
  </si>
  <si>
    <t>cg03128060</t>
  </si>
  <si>
    <t>cg03137522</t>
  </si>
  <si>
    <t>cg03137792</t>
  </si>
  <si>
    <t>cg03137889</t>
  </si>
  <si>
    <t>cg03142905</t>
  </si>
  <si>
    <t>cg03143046</t>
  </si>
  <si>
    <t>cg03143118</t>
  </si>
  <si>
    <t>cg03146965</t>
  </si>
  <si>
    <t>cg03149958</t>
  </si>
  <si>
    <t>cg03150220</t>
  </si>
  <si>
    <t>cg03151319</t>
  </si>
  <si>
    <t>cg03154717</t>
  </si>
  <si>
    <t>cg03155896</t>
  </si>
  <si>
    <t>cg03157588</t>
  </si>
  <si>
    <t>cg03157610</t>
  </si>
  <si>
    <t>cg03158828</t>
  </si>
  <si>
    <t>cg03159127</t>
  </si>
  <si>
    <t>cg03159871</t>
  </si>
  <si>
    <t>cg03160135</t>
  </si>
  <si>
    <t>cg03160788</t>
  </si>
  <si>
    <t>cg03164052</t>
  </si>
  <si>
    <t>cg03168255</t>
  </si>
  <si>
    <t>cg03170881</t>
  </si>
  <si>
    <t>cg03173502</t>
  </si>
  <si>
    <t>cg03173713</t>
  </si>
  <si>
    <t>cg03176423</t>
  </si>
  <si>
    <t>cg03178887</t>
  </si>
  <si>
    <t>cg03179438</t>
  </si>
  <si>
    <t>cg03183541</t>
  </si>
  <si>
    <t>cg03185034</t>
  </si>
  <si>
    <t>cg03187135</t>
  </si>
  <si>
    <t>cg03189075</t>
  </si>
  <si>
    <t>cg03190725</t>
  </si>
  <si>
    <t>cg03190911</t>
  </si>
  <si>
    <t>cg03192536</t>
  </si>
  <si>
    <t>cg03193349</t>
  </si>
  <si>
    <t>cg03195116</t>
  </si>
  <si>
    <t>cg03200120</t>
  </si>
  <si>
    <t>cg03200341</t>
  </si>
  <si>
    <t>cg03200502</t>
  </si>
  <si>
    <t>cg03200801</t>
  </si>
  <si>
    <t>cg03202557</t>
  </si>
  <si>
    <t>cg03202897</t>
  </si>
  <si>
    <t>cg03203320</t>
  </si>
  <si>
    <t>cg03204140</t>
  </si>
  <si>
    <t>cg03204678</t>
  </si>
  <si>
    <t>cg03209557</t>
  </si>
  <si>
    <t>cg03213757</t>
  </si>
  <si>
    <t>cg03216698</t>
  </si>
  <si>
    <t>cg03217090</t>
  </si>
  <si>
    <t>cg03217966</t>
  </si>
  <si>
    <t>cg03221100</t>
  </si>
  <si>
    <t>cg03223185</t>
  </si>
  <si>
    <t>cg03226425</t>
  </si>
  <si>
    <t>cg03228386</t>
  </si>
  <si>
    <t>cg03229463</t>
  </si>
  <si>
    <t>cg03234806</t>
  </si>
  <si>
    <t>cg03239591</t>
  </si>
  <si>
    <t>cg03242458</t>
  </si>
  <si>
    <t>cg03243551</t>
  </si>
  <si>
    <t>cg03243683</t>
  </si>
  <si>
    <t>cg03244411</t>
  </si>
  <si>
    <t>cg03244438</t>
  </si>
  <si>
    <t>cg03244701</t>
  </si>
  <si>
    <t>cg03251356</t>
  </si>
  <si>
    <t>cg03255440</t>
  </si>
  <si>
    <t>cg03258475</t>
  </si>
  <si>
    <t>cg03264693</t>
  </si>
  <si>
    <t>cg03270395</t>
  </si>
  <si>
    <t>cg03270619</t>
  </si>
  <si>
    <t>cg03271997</t>
  </si>
  <si>
    <t>cg03273700</t>
  </si>
  <si>
    <t>cg03276956</t>
  </si>
  <si>
    <t>cg03277112</t>
  </si>
  <si>
    <t>cg03278811</t>
  </si>
  <si>
    <t>cg03280235</t>
  </si>
  <si>
    <t>cg03282295</t>
  </si>
  <si>
    <t>cg03285617</t>
  </si>
  <si>
    <t>cg03287658</t>
  </si>
  <si>
    <t>cg03290400</t>
  </si>
  <si>
    <t>cg03298314</t>
  </si>
  <si>
    <t>cg03299066</t>
  </si>
  <si>
    <t>cg03301848</t>
  </si>
  <si>
    <t>cg03303475</t>
  </si>
  <si>
    <t>cg03306368</t>
  </si>
  <si>
    <t>cg03309350</t>
  </si>
  <si>
    <t>cg03316098</t>
  </si>
  <si>
    <t>cg03316570</t>
  </si>
  <si>
    <t>cg03320827</t>
  </si>
  <si>
    <t>cg03321222</t>
  </si>
  <si>
    <t>cg03321503</t>
  </si>
  <si>
    <t>cg03322239</t>
  </si>
  <si>
    <t>cg03329603</t>
  </si>
  <si>
    <t>cg03330552</t>
  </si>
  <si>
    <t>cg03333253</t>
  </si>
  <si>
    <t>cg03338154</t>
  </si>
  <si>
    <t>cg03340261</t>
  </si>
  <si>
    <t>cg03344384</t>
  </si>
  <si>
    <t>cg03345448</t>
  </si>
  <si>
    <t>cg03349184</t>
  </si>
  <si>
    <t>cg03350138</t>
  </si>
  <si>
    <t>cg03350900</t>
  </si>
  <si>
    <t>cg03354376</t>
  </si>
  <si>
    <t>cg03356087</t>
  </si>
  <si>
    <t>cg03361100</t>
  </si>
  <si>
    <t>cg03361164</t>
  </si>
  <si>
    <t>cg03365432</t>
  </si>
  <si>
    <t>cg03368643</t>
  </si>
  <si>
    <t>cg03371043</t>
  </si>
  <si>
    <t>cg03372385</t>
  </si>
  <si>
    <t>cg03375061</t>
  </si>
  <si>
    <t>cg03376565</t>
  </si>
  <si>
    <t>cg03381047</t>
  </si>
  <si>
    <t>cg03383382</t>
  </si>
  <si>
    <t>cg03383661</t>
  </si>
  <si>
    <t>cg03388848</t>
  </si>
  <si>
    <t>cg03390300</t>
  </si>
  <si>
    <t>cg03395511</t>
  </si>
  <si>
    <t>cg03397609</t>
  </si>
  <si>
    <t>cg03398387</t>
  </si>
  <si>
    <t>cg03399814</t>
  </si>
  <si>
    <t>cg03409108</t>
  </si>
  <si>
    <t>cg03410223</t>
  </si>
  <si>
    <t>cg03410359</t>
  </si>
  <si>
    <t>cg03411334</t>
  </si>
  <si>
    <t>cg03411791</t>
  </si>
  <si>
    <t>cg03412431</t>
  </si>
  <si>
    <t>cg03415253</t>
  </si>
  <si>
    <t>cg03416812</t>
  </si>
  <si>
    <t>cg03422350</t>
  </si>
  <si>
    <t>cg03432955</t>
  </si>
  <si>
    <t>cg03438742</t>
  </si>
  <si>
    <t>cg03440267</t>
  </si>
  <si>
    <t>cg03442064</t>
  </si>
  <si>
    <t>cg03446062</t>
  </si>
  <si>
    <t>cg03446863</t>
  </si>
  <si>
    <t>cg03449389</t>
  </si>
  <si>
    <t>cg03449857</t>
  </si>
  <si>
    <t>cg03453309</t>
  </si>
  <si>
    <t>cg03454037</t>
  </si>
  <si>
    <t>cg03454397</t>
  </si>
  <si>
    <t>cg03458455</t>
  </si>
  <si>
    <t>cg03460137</t>
  </si>
  <si>
    <t>cg03460245</t>
  </si>
  <si>
    <t>cg03462055</t>
  </si>
  <si>
    <t>cg03463208</t>
  </si>
  <si>
    <t>cg03464017</t>
  </si>
  <si>
    <t>cg03465320</t>
  </si>
  <si>
    <t>cg03465464</t>
  </si>
  <si>
    <t>cg03465891</t>
  </si>
  <si>
    <t>cg03465947</t>
  </si>
  <si>
    <t>cg03466932</t>
  </si>
  <si>
    <t>cg03467813</t>
  </si>
  <si>
    <t>cg03469118</t>
  </si>
  <si>
    <t>cg03472672</t>
  </si>
  <si>
    <t>cg03472798</t>
  </si>
  <si>
    <t>cg03477252</t>
  </si>
  <si>
    <t>cg03479797</t>
  </si>
  <si>
    <t>cg03489495</t>
  </si>
  <si>
    <t>cg03492460</t>
  </si>
  <si>
    <t>cg03496473</t>
  </si>
  <si>
    <t>cg03498886</t>
  </si>
  <si>
    <t>cg03499675</t>
  </si>
  <si>
    <t>cg03507199</t>
  </si>
  <si>
    <t>cg03510041</t>
  </si>
  <si>
    <t>cg03512256</t>
  </si>
  <si>
    <t>cg03512637</t>
  </si>
  <si>
    <t>cg03514937</t>
  </si>
  <si>
    <t>cg03516548</t>
  </si>
  <si>
    <t>cg03520542</t>
  </si>
  <si>
    <t>cg03526776</t>
  </si>
  <si>
    <t>cg03528784</t>
  </si>
  <si>
    <t>cg03530219</t>
  </si>
  <si>
    <t>cg03531211</t>
  </si>
  <si>
    <t>cg03537740</t>
  </si>
  <si>
    <t>cg03540051</t>
  </si>
  <si>
    <t>cg03541334</t>
  </si>
  <si>
    <t>cg03541791</t>
  </si>
  <si>
    <t>cg03543593</t>
  </si>
  <si>
    <t>cg03550727</t>
  </si>
  <si>
    <t>cg03550821</t>
  </si>
  <si>
    <t>cg03551378</t>
  </si>
  <si>
    <t>cg03551454</t>
  </si>
  <si>
    <t>cg03552058</t>
  </si>
  <si>
    <t>cg03553308</t>
  </si>
  <si>
    <t>cg03553547</t>
  </si>
  <si>
    <t>cg03558010</t>
  </si>
  <si>
    <t>cg03564793</t>
  </si>
  <si>
    <t>cg03569645</t>
  </si>
  <si>
    <t>cg03570994</t>
  </si>
  <si>
    <t>cg03583746</t>
  </si>
  <si>
    <t>cg03584113</t>
  </si>
  <si>
    <t>cg03585731</t>
  </si>
  <si>
    <t>cg03586474</t>
  </si>
  <si>
    <t>cg03588325</t>
  </si>
  <si>
    <t>cg03588970</t>
  </si>
  <si>
    <t>cg03591753</t>
  </si>
  <si>
    <t>cg03591912</t>
  </si>
  <si>
    <t>cg03591990</t>
  </si>
  <si>
    <t>cg03592345</t>
  </si>
  <si>
    <t>cg03596678</t>
  </si>
  <si>
    <t>cg03596877</t>
  </si>
  <si>
    <t>cg03599224</t>
  </si>
  <si>
    <t>cg03600259</t>
  </si>
  <si>
    <t>cg03606646</t>
  </si>
  <si>
    <t>cg03608520</t>
  </si>
  <si>
    <t>cg03608577</t>
  </si>
  <si>
    <t>cg03610567</t>
  </si>
  <si>
    <t>cg03611618</t>
  </si>
  <si>
    <t>cg03617867</t>
  </si>
  <si>
    <t>cg03619586</t>
  </si>
  <si>
    <t>cg03623178</t>
  </si>
  <si>
    <t>cg03623982</t>
  </si>
  <si>
    <t>cg03625897</t>
  </si>
  <si>
    <t>cg03625951</t>
  </si>
  <si>
    <t>cg03626625</t>
  </si>
  <si>
    <t>cg03626734</t>
  </si>
  <si>
    <t>cg03627022</t>
  </si>
  <si>
    <t>cg03634777</t>
  </si>
  <si>
    <t>cg03637976</t>
  </si>
  <si>
    <t>cg03639249</t>
  </si>
  <si>
    <t>cg03639603</t>
  </si>
  <si>
    <t>cg03640766</t>
  </si>
  <si>
    <t>cg03644034</t>
  </si>
  <si>
    <t>cg03644587</t>
  </si>
  <si>
    <t>cg03647327</t>
  </si>
  <si>
    <t>cg03661299</t>
  </si>
  <si>
    <t>cg03662475</t>
  </si>
  <si>
    <t>cg03664139</t>
  </si>
  <si>
    <t>cg03665255</t>
  </si>
  <si>
    <t>cg03665259</t>
  </si>
  <si>
    <t>cg03668687</t>
  </si>
  <si>
    <t>cg03669198</t>
  </si>
  <si>
    <t>cg03670381</t>
  </si>
  <si>
    <t>cg03671812</t>
  </si>
  <si>
    <t>cg03673298</t>
  </si>
  <si>
    <t>cg03673916</t>
  </si>
  <si>
    <t>cg03673965</t>
  </si>
  <si>
    <t>cg03676602</t>
  </si>
  <si>
    <t>cg03680996</t>
  </si>
  <si>
    <t>cg03687994</t>
  </si>
  <si>
    <t>cg03689048</t>
  </si>
  <si>
    <t>cg03689225</t>
  </si>
  <si>
    <t>cg03691020</t>
  </si>
  <si>
    <t>cg03694466</t>
  </si>
  <si>
    <t>cg03695699</t>
  </si>
  <si>
    <t>cg03700516</t>
  </si>
  <si>
    <t>cg03700944</t>
  </si>
  <si>
    <t>cg03702686</t>
  </si>
  <si>
    <t>cg03707974</t>
  </si>
  <si>
    <t>cg03714531</t>
  </si>
  <si>
    <t>cg03714916</t>
  </si>
  <si>
    <t>cg03715143</t>
  </si>
  <si>
    <t>cg03717151</t>
  </si>
  <si>
    <t>cg03717830</t>
  </si>
  <si>
    <t>cg03718284</t>
  </si>
  <si>
    <t>cg03721978</t>
  </si>
  <si>
    <t>cg03723730</t>
  </si>
  <si>
    <t>cg03724949</t>
  </si>
  <si>
    <t>cg03729455</t>
  </si>
  <si>
    <t>cg03730958</t>
  </si>
  <si>
    <t>cg03734967</t>
  </si>
  <si>
    <t>cg03739609</t>
  </si>
  <si>
    <t>cg03742724</t>
  </si>
  <si>
    <t>cg03750778</t>
  </si>
  <si>
    <t>cg03754403</t>
  </si>
  <si>
    <t>cg03755226</t>
  </si>
  <si>
    <t>cg03755825</t>
  </si>
  <si>
    <t>cg03758047</t>
  </si>
  <si>
    <t>cg03758514</t>
  </si>
  <si>
    <t>cg03758918</t>
  </si>
  <si>
    <t>cg03761513</t>
  </si>
  <si>
    <t>cg03761746</t>
  </si>
  <si>
    <t>cg03762856</t>
  </si>
  <si>
    <t>cg03768171</t>
  </si>
  <si>
    <t>cg03768479</t>
  </si>
  <si>
    <t>cg03769055</t>
  </si>
  <si>
    <t>cg03772020</t>
  </si>
  <si>
    <t>cg03775991</t>
  </si>
  <si>
    <t>cg03778155</t>
  </si>
  <si>
    <t>cg03780271</t>
  </si>
  <si>
    <t>cg03780648</t>
  </si>
  <si>
    <t>cg03780997</t>
  </si>
  <si>
    <t>cg03781123</t>
  </si>
  <si>
    <t>cg03782043</t>
  </si>
  <si>
    <t>cg03782778</t>
  </si>
  <si>
    <t>cg03783258</t>
  </si>
  <si>
    <t>cg03783907</t>
  </si>
  <si>
    <t>cg03784567</t>
  </si>
  <si>
    <t>cg03786582</t>
  </si>
  <si>
    <t>cg03786924</t>
  </si>
  <si>
    <t>cg03788731</t>
  </si>
  <si>
    <t>cg03789088</t>
  </si>
  <si>
    <t>cg03790207</t>
  </si>
  <si>
    <t>cg03796751</t>
  </si>
  <si>
    <t>cg03796781</t>
  </si>
  <si>
    <t>cg03798603</t>
  </si>
  <si>
    <t>cg03798940</t>
  </si>
  <si>
    <t>cg03802443</t>
  </si>
  <si>
    <t>cg03803191</t>
  </si>
  <si>
    <t>cg03805406</t>
  </si>
  <si>
    <t>cg03807235</t>
  </si>
  <si>
    <t>cg03807737</t>
  </si>
  <si>
    <t>cg03807983</t>
  </si>
  <si>
    <t>cg03810301</t>
  </si>
  <si>
    <t>cg03812323</t>
  </si>
  <si>
    <t>cg03813377</t>
  </si>
  <si>
    <t>cg03815571</t>
  </si>
  <si>
    <t>cg03818920</t>
  </si>
  <si>
    <t>cg03820379</t>
  </si>
  <si>
    <t>cg03822267</t>
  </si>
  <si>
    <t>cg03822479</t>
  </si>
  <si>
    <t>cg03823154</t>
  </si>
  <si>
    <t>cg03825390</t>
  </si>
  <si>
    <t>cg03825488</t>
  </si>
  <si>
    <t>cg03826668</t>
  </si>
  <si>
    <t>cg03828459</t>
  </si>
  <si>
    <t>cg03830061</t>
  </si>
  <si>
    <t>cg03830329</t>
  </si>
  <si>
    <t>cg03832040</t>
  </si>
  <si>
    <t>cg03833068</t>
  </si>
  <si>
    <t>cg03833499</t>
  </si>
  <si>
    <t>cg03834885</t>
  </si>
  <si>
    <t>cg03835793</t>
  </si>
  <si>
    <t>cg03839717</t>
  </si>
  <si>
    <t>cg03841251</t>
  </si>
  <si>
    <t>cg03843170</t>
  </si>
  <si>
    <t>cg03844211</t>
  </si>
  <si>
    <t>cg03845383</t>
  </si>
  <si>
    <t>cg03846240</t>
  </si>
  <si>
    <t>cg03846951</t>
  </si>
  <si>
    <t>cg03848675</t>
  </si>
  <si>
    <t>cg03849851</t>
  </si>
  <si>
    <t>cg03852551</t>
  </si>
  <si>
    <t>cg03852706</t>
  </si>
  <si>
    <t>cg03860665</t>
  </si>
  <si>
    <t>cg03861427</t>
  </si>
  <si>
    <t>cg03863486</t>
  </si>
  <si>
    <t>cg03863838</t>
  </si>
  <si>
    <t>cg03866862</t>
  </si>
  <si>
    <t>cg03869253</t>
  </si>
  <si>
    <t>cg03872934</t>
  </si>
  <si>
    <t>cg03877020</t>
  </si>
  <si>
    <t>cg03877381</t>
  </si>
  <si>
    <t>cg03878496</t>
  </si>
  <si>
    <t>cg03879823</t>
  </si>
  <si>
    <t>cg03881738</t>
  </si>
  <si>
    <t>cg03887426</t>
  </si>
  <si>
    <t>cg03889226</t>
  </si>
  <si>
    <t>cg03891050</t>
  </si>
  <si>
    <t>cg03891302</t>
  </si>
  <si>
    <t>cg03891808</t>
  </si>
  <si>
    <t>cg03903268</t>
  </si>
  <si>
    <t>cg03910375</t>
  </si>
  <si>
    <t>cg03910793</t>
  </si>
  <si>
    <t>cg03910874</t>
  </si>
  <si>
    <t>cg03912011</t>
  </si>
  <si>
    <t>cg03914925</t>
  </si>
  <si>
    <t>cg03920445</t>
  </si>
  <si>
    <t>cg03926025</t>
  </si>
  <si>
    <t>cg03926852</t>
  </si>
  <si>
    <t>cg03938432</t>
  </si>
  <si>
    <t>cg03939485</t>
  </si>
  <si>
    <t>cg03940776</t>
  </si>
  <si>
    <t>cg03942922</t>
  </si>
  <si>
    <t>cg03944089</t>
  </si>
  <si>
    <t>cg03945301</t>
  </si>
  <si>
    <t>cg03945663</t>
  </si>
  <si>
    <t>cg03948609</t>
  </si>
  <si>
    <t>cg03957649</t>
  </si>
  <si>
    <t>cg03958663</t>
  </si>
  <si>
    <t>cg03958979</t>
  </si>
  <si>
    <t>cg03959219</t>
  </si>
  <si>
    <t>cg03962359</t>
  </si>
  <si>
    <t>cg03963476</t>
  </si>
  <si>
    <t>cg03964316</t>
  </si>
  <si>
    <t>cg03969138</t>
  </si>
  <si>
    <t>cg03969182</t>
  </si>
  <si>
    <t>cg03971626</t>
  </si>
  <si>
    <t>cg03974026</t>
  </si>
  <si>
    <t>cg03976567</t>
  </si>
  <si>
    <t>cg03978169</t>
  </si>
  <si>
    <t>cg03978761</t>
  </si>
  <si>
    <t>cg03979206</t>
  </si>
  <si>
    <t>cg03979905</t>
  </si>
  <si>
    <t>cg03980764</t>
  </si>
  <si>
    <t>cg03982487</t>
  </si>
  <si>
    <t>cg03983331</t>
  </si>
  <si>
    <t>cg03985136</t>
  </si>
  <si>
    <t>cg03985168</t>
  </si>
  <si>
    <t>cg03986578</t>
  </si>
  <si>
    <t>cg03988936</t>
  </si>
  <si>
    <t>cg03990905</t>
  </si>
  <si>
    <t>cg03994617</t>
  </si>
  <si>
    <t>cg03994891</t>
  </si>
  <si>
    <t>cg03995156</t>
  </si>
  <si>
    <t>cg03995852</t>
  </si>
  <si>
    <t>cg03999934</t>
  </si>
  <si>
    <t>cg04002618</t>
  </si>
  <si>
    <t>cg04005480</t>
  </si>
  <si>
    <t>cg04006397</t>
  </si>
  <si>
    <t>cg04006457</t>
  </si>
  <si>
    <t>cg04012857</t>
  </si>
  <si>
    <t>cg04012931</t>
  </si>
  <si>
    <t>cg04013595</t>
  </si>
  <si>
    <t>cg04016431</t>
  </si>
  <si>
    <t>cg04018288</t>
  </si>
  <si>
    <t>cg04021562</t>
  </si>
  <si>
    <t>cg04021733</t>
  </si>
  <si>
    <t>cg04022112</t>
  </si>
  <si>
    <t>cg04026012</t>
  </si>
  <si>
    <t>cg04026887</t>
  </si>
  <si>
    <t>cg04027632</t>
  </si>
  <si>
    <t>cg04030659</t>
  </si>
  <si>
    <t>cg04035638</t>
  </si>
  <si>
    <t>cg04037640</t>
  </si>
  <si>
    <t>cg04040884</t>
  </si>
  <si>
    <t>cg04040935</t>
  </si>
  <si>
    <t>cg04048339</t>
  </si>
  <si>
    <t>cg04049102</t>
  </si>
  <si>
    <t>cg04052934</t>
  </si>
  <si>
    <t>cg04055615</t>
  </si>
  <si>
    <t>cg04059461</t>
  </si>
  <si>
    <t>cg04061540</t>
  </si>
  <si>
    <t>cg04063763</t>
  </si>
  <si>
    <t>cg04064050</t>
  </si>
  <si>
    <t>cg04066686</t>
  </si>
  <si>
    <t>cg04074908</t>
  </si>
  <si>
    <t>cg04076535</t>
  </si>
  <si>
    <t>cg04078921</t>
  </si>
  <si>
    <t>cg04083466</t>
  </si>
  <si>
    <t>cg04086019</t>
  </si>
  <si>
    <t>cg04093125</t>
  </si>
  <si>
    <t>cg04095995</t>
  </si>
  <si>
    <t>cg04100647</t>
  </si>
  <si>
    <t>cg04105091</t>
  </si>
  <si>
    <t>cg04115104</t>
  </si>
  <si>
    <t>cg04122873</t>
  </si>
  <si>
    <t>cg04124126</t>
  </si>
  <si>
    <t>cg04127706</t>
  </si>
  <si>
    <t>cg04128394</t>
  </si>
  <si>
    <t>cg04128563</t>
  </si>
  <si>
    <t>cg04129308</t>
  </si>
  <si>
    <t>cg04130549</t>
  </si>
  <si>
    <t>cg04132146</t>
  </si>
  <si>
    <t>cg04136321</t>
  </si>
  <si>
    <t>cg04137133</t>
  </si>
  <si>
    <t>cg04138171</t>
  </si>
  <si>
    <t>cg04139449</t>
  </si>
  <si>
    <t>cg04139514</t>
  </si>
  <si>
    <t>cg04140974</t>
  </si>
  <si>
    <t>cg04143539</t>
  </si>
  <si>
    <t>cg04145477</t>
  </si>
  <si>
    <t>cg04145764</t>
  </si>
  <si>
    <t>cg04147027</t>
  </si>
  <si>
    <t>cg04147642</t>
  </si>
  <si>
    <t>cg04149916</t>
  </si>
  <si>
    <t>cg04151220</t>
  </si>
  <si>
    <t>cg04152460</t>
  </si>
  <si>
    <t>cg04161526</t>
  </si>
  <si>
    <t>cg04162225</t>
  </si>
  <si>
    <t>cg04163119</t>
  </si>
  <si>
    <t>cg04164351</t>
  </si>
  <si>
    <t>cg04164744</t>
  </si>
  <si>
    <t>cg04166913</t>
  </si>
  <si>
    <t>cg04170184</t>
  </si>
  <si>
    <t>cg04172115</t>
  </si>
  <si>
    <t>cg04172332</t>
  </si>
  <si>
    <t>cg04175292</t>
  </si>
  <si>
    <t>cg04175833</t>
  </si>
  <si>
    <t>cg04178207</t>
  </si>
  <si>
    <t>cg04180668</t>
  </si>
  <si>
    <t>cg04182226</t>
  </si>
  <si>
    <t>cg04182805</t>
  </si>
  <si>
    <t>cg04186487</t>
  </si>
  <si>
    <t>cg04187088</t>
  </si>
  <si>
    <t>cg04187121</t>
  </si>
  <si>
    <t>cg04189381</t>
  </si>
  <si>
    <t>cg04192760</t>
  </si>
  <si>
    <t>cg04193143</t>
  </si>
  <si>
    <t>cg04194294</t>
  </si>
  <si>
    <t>cg04194728</t>
  </si>
  <si>
    <t>cg04196068</t>
  </si>
  <si>
    <t>cg04197844</t>
  </si>
  <si>
    <t>cg04201373</t>
  </si>
  <si>
    <t>cg04206219</t>
  </si>
  <si>
    <t>cg04207385</t>
  </si>
  <si>
    <t>cg04208750</t>
  </si>
  <si>
    <t>cg04210056</t>
  </si>
  <si>
    <t>cg04212047</t>
  </si>
  <si>
    <t>cg04212651</t>
  </si>
  <si>
    <t>cg04213854</t>
  </si>
  <si>
    <t>cg04215564</t>
  </si>
  <si>
    <t>cg04219580</t>
  </si>
  <si>
    <t>cg04226386</t>
  </si>
  <si>
    <t>cg04228998</t>
  </si>
  <si>
    <t>cg04230050</t>
  </si>
  <si>
    <t>cg04230397</t>
  </si>
  <si>
    <t>cg04230891</t>
  </si>
  <si>
    <t>cg04231636</t>
  </si>
  <si>
    <t>cg04248234</t>
  </si>
  <si>
    <t>cg04248573</t>
  </si>
  <si>
    <t>cg04249613</t>
  </si>
  <si>
    <t>cg04258926</t>
  </si>
  <si>
    <t>cg04259935</t>
  </si>
  <si>
    <t>cg04261164</t>
  </si>
  <si>
    <t>cg04262471</t>
  </si>
  <si>
    <t>cg04262934</t>
  </si>
  <si>
    <t>cg04264018</t>
  </si>
  <si>
    <t>cg04264374</t>
  </si>
  <si>
    <t>cg04272615</t>
  </si>
  <si>
    <t>cg04272694</t>
  </si>
  <si>
    <t>cg04272712</t>
  </si>
  <si>
    <t>cg04276508</t>
  </si>
  <si>
    <t>cg04277232</t>
  </si>
  <si>
    <t>cg04277478</t>
  </si>
  <si>
    <t>cg04278702</t>
  </si>
  <si>
    <t>cg04281219</t>
  </si>
  <si>
    <t>cg04282694</t>
  </si>
  <si>
    <t>cg04283330</t>
  </si>
  <si>
    <t>cg04283637</t>
  </si>
  <si>
    <t>cg04285443</t>
  </si>
  <si>
    <t>cg04289385</t>
  </si>
  <si>
    <t>cg04290119</t>
  </si>
  <si>
    <t>cg04291097</t>
  </si>
  <si>
    <t>cg04292889</t>
  </si>
  <si>
    <t>cg04293259</t>
  </si>
  <si>
    <t>cg04293703</t>
  </si>
  <si>
    <t>cg04293930</t>
  </si>
  <si>
    <t>cg04294894</t>
  </si>
  <si>
    <t>cg04296147</t>
  </si>
  <si>
    <t>cg04296321</t>
  </si>
  <si>
    <t>cg04303274</t>
  </si>
  <si>
    <t>cg04303920</t>
  </si>
  <si>
    <t>cg04305440</t>
  </si>
  <si>
    <t>cg04305858</t>
  </si>
  <si>
    <t>cg04311326</t>
  </si>
  <si>
    <t>cg04316353</t>
  </si>
  <si>
    <t>cg04319462</t>
  </si>
  <si>
    <t>cg04321126</t>
  </si>
  <si>
    <t>cg04322718</t>
  </si>
  <si>
    <t>cg04323966</t>
  </si>
  <si>
    <t>cg04326854</t>
  </si>
  <si>
    <t>cg04332927</t>
  </si>
  <si>
    <t>cg04333686</t>
  </si>
  <si>
    <t>cg04335565</t>
  </si>
  <si>
    <t>cg04336513</t>
  </si>
  <si>
    <t>cg04337854</t>
  </si>
  <si>
    <t>cg04340502</t>
  </si>
  <si>
    <t>cg04350358</t>
  </si>
  <si>
    <t>cg04350675</t>
  </si>
  <si>
    <t>cg04353171</t>
  </si>
  <si>
    <t>cg04353312</t>
  </si>
  <si>
    <t>cg04355968</t>
  </si>
  <si>
    <t>cg04363228</t>
  </si>
  <si>
    <t>cg04363633</t>
  </si>
  <si>
    <t>cg04365452</t>
  </si>
  <si>
    <t>cg04368724</t>
  </si>
  <si>
    <t>cg04369491</t>
  </si>
  <si>
    <t>cg04374177</t>
  </si>
  <si>
    <t>cg04377324</t>
  </si>
  <si>
    <t>cg04381049</t>
  </si>
  <si>
    <t>cg04382063</t>
  </si>
  <si>
    <t>cg04384689</t>
  </si>
  <si>
    <t>cg04385220</t>
  </si>
  <si>
    <t>cg04385598</t>
  </si>
  <si>
    <t>cg04386400</t>
  </si>
  <si>
    <t>cg04387059</t>
  </si>
  <si>
    <t>cg04387240</t>
  </si>
  <si>
    <t>cg04391751</t>
  </si>
  <si>
    <t>cg04393170</t>
  </si>
  <si>
    <t>cg04394691</t>
  </si>
  <si>
    <t>cg04397817</t>
  </si>
  <si>
    <t>cg04398893</t>
  </si>
  <si>
    <t>cg04399083</t>
  </si>
  <si>
    <t>cg04399147</t>
  </si>
  <si>
    <t>cg04399205</t>
  </si>
  <si>
    <t>cg04400653</t>
  </si>
  <si>
    <t>cg04401763</t>
  </si>
  <si>
    <t>cg04405211</t>
  </si>
  <si>
    <t>cg04405612</t>
  </si>
  <si>
    <t>cg04406941</t>
  </si>
  <si>
    <t>cg04409579</t>
  </si>
  <si>
    <t>cg04409869</t>
  </si>
  <si>
    <t>cg04410161</t>
  </si>
  <si>
    <t>cg04415168</t>
  </si>
  <si>
    <t>cg04419740</t>
  </si>
  <si>
    <t>cg04419856</t>
  </si>
  <si>
    <t>cg04420723</t>
  </si>
  <si>
    <t>cg04420749</t>
  </si>
  <si>
    <t>cg04423542</t>
  </si>
  <si>
    <t>cg04424443</t>
  </si>
  <si>
    <t>cg04425624</t>
  </si>
  <si>
    <t>cg04427735</t>
  </si>
  <si>
    <t>cg04431990</t>
  </si>
  <si>
    <t>cg04432695</t>
  </si>
  <si>
    <t>cg04434244</t>
  </si>
  <si>
    <t>cg04435719</t>
  </si>
  <si>
    <t>cg04438129</t>
  </si>
  <si>
    <t>cg04438453</t>
  </si>
  <si>
    <t>cg04446453</t>
  </si>
  <si>
    <t>cg04450459</t>
  </si>
  <si>
    <t>cg04454050</t>
  </si>
  <si>
    <t>cg04454506</t>
  </si>
  <si>
    <t>cg04456228</t>
  </si>
  <si>
    <t>cg04456284</t>
  </si>
  <si>
    <t>cg04457658</t>
  </si>
  <si>
    <t>cg04459499</t>
  </si>
  <si>
    <t>cg04461802</t>
  </si>
  <si>
    <t>cg04464085</t>
  </si>
  <si>
    <t>cg04464559</t>
  </si>
  <si>
    <t>cg04464727</t>
  </si>
  <si>
    <t>cg04465120</t>
  </si>
  <si>
    <t>cg04467589</t>
  </si>
  <si>
    <t>cg04467618</t>
  </si>
  <si>
    <t>cg04471409</t>
  </si>
  <si>
    <t>cg04472685</t>
  </si>
  <si>
    <t>cg04473763</t>
  </si>
  <si>
    <t>cg04475375</t>
  </si>
  <si>
    <t>cg04476508</t>
  </si>
  <si>
    <t>cg04477291</t>
  </si>
  <si>
    <t>cg04477431</t>
  </si>
  <si>
    <t>cg04479716</t>
  </si>
  <si>
    <t>cg04480313</t>
  </si>
  <si>
    <t>cg04481779</t>
  </si>
  <si>
    <t>cg04482331</t>
  </si>
  <si>
    <t>cg04483720</t>
  </si>
  <si>
    <t>cg04487025</t>
  </si>
  <si>
    <t>cg04487479</t>
  </si>
  <si>
    <t>cg04487714</t>
  </si>
  <si>
    <t>cg04488476</t>
  </si>
  <si>
    <t>cg04489069</t>
  </si>
  <si>
    <t>cg04489434</t>
  </si>
  <si>
    <t>cg04491253</t>
  </si>
  <si>
    <t>cg04492496</t>
  </si>
  <si>
    <t>cg04494800</t>
  </si>
  <si>
    <t>cg04496791</t>
  </si>
  <si>
    <t>cg04497354</t>
  </si>
  <si>
    <t>cg04498418</t>
  </si>
  <si>
    <t>cg04499011</t>
  </si>
  <si>
    <t>cg04499015</t>
  </si>
  <si>
    <t>cg04500437</t>
  </si>
  <si>
    <t>cg04504095</t>
  </si>
  <si>
    <t>cg04504627</t>
  </si>
  <si>
    <t>cg04505349</t>
  </si>
  <si>
    <t>cg04508839</t>
  </si>
  <si>
    <t>cg04511728</t>
  </si>
  <si>
    <t>cg04512993</t>
  </si>
  <si>
    <t>cg04513728</t>
  </si>
  <si>
    <t>cg04517079</t>
  </si>
  <si>
    <t>cg04518066</t>
  </si>
  <si>
    <t>cg04520242</t>
  </si>
  <si>
    <t>cg04520251</t>
  </si>
  <si>
    <t>cg04521391</t>
  </si>
  <si>
    <t>cg04526365</t>
  </si>
  <si>
    <t>cg04528352</t>
  </si>
  <si>
    <t>cg04528808</t>
  </si>
  <si>
    <t>cg04530976</t>
  </si>
  <si>
    <t>cg04531704</t>
  </si>
  <si>
    <t>cg04536704</t>
  </si>
  <si>
    <t>cg04536765</t>
  </si>
  <si>
    <t>cg04537374</t>
  </si>
  <si>
    <t>cg04539172</t>
  </si>
  <si>
    <t>cg04541146</t>
  </si>
  <si>
    <t>cg04549115</t>
  </si>
  <si>
    <t>cg04554928</t>
  </si>
  <si>
    <t>cg04555779</t>
  </si>
  <si>
    <t>cg04560098</t>
  </si>
  <si>
    <t>cg04564003</t>
  </si>
  <si>
    <t>cg04565473</t>
  </si>
  <si>
    <t>cg04567302</t>
  </si>
  <si>
    <t>cg04572540</t>
  </si>
  <si>
    <t>cg04573397</t>
  </si>
  <si>
    <t>cg04573845</t>
  </si>
  <si>
    <t>cg04574194</t>
  </si>
  <si>
    <t>cg04576021</t>
  </si>
  <si>
    <t>cg04579171</t>
  </si>
  <si>
    <t>cg04579415</t>
  </si>
  <si>
    <t>cg04580344</t>
  </si>
  <si>
    <t>cg04581073</t>
  </si>
  <si>
    <t>cg04581938</t>
  </si>
  <si>
    <t>cg04591119</t>
  </si>
  <si>
    <t>cg04594399</t>
  </si>
  <si>
    <t>cg04595372</t>
  </si>
  <si>
    <t>cg04603184</t>
  </si>
  <si>
    <t>cg04611812</t>
  </si>
  <si>
    <t>cg04615964</t>
  </si>
  <si>
    <t>cg04616717</t>
  </si>
  <si>
    <t>cg04617914</t>
  </si>
  <si>
    <t>cg04621664</t>
  </si>
  <si>
    <t>cg04625536</t>
  </si>
  <si>
    <t>cg04626491</t>
  </si>
  <si>
    <t>cg04628438</t>
  </si>
  <si>
    <t>cg04628742</t>
  </si>
  <si>
    <t>cg04630271</t>
  </si>
  <si>
    <t>cg04633721</t>
  </si>
  <si>
    <t>cg04636564</t>
  </si>
  <si>
    <t>cg04636765</t>
  </si>
  <si>
    <t>cg04637007</t>
  </si>
  <si>
    <t>cg04637454</t>
  </si>
  <si>
    <t>cg04637967</t>
  </si>
  <si>
    <t>cg04639931</t>
  </si>
  <si>
    <t>cg04642300</t>
  </si>
  <si>
    <t>cg04642669</t>
  </si>
  <si>
    <t>cg04650094</t>
  </si>
  <si>
    <t>cg04650786</t>
  </si>
  <si>
    <t>cg04652903</t>
  </si>
  <si>
    <t>cg04657000</t>
  </si>
  <si>
    <t>cg04659729</t>
  </si>
  <si>
    <t>cg04661959</t>
  </si>
  <si>
    <t>cg04664126</t>
  </si>
  <si>
    <t>cg04664309</t>
  </si>
  <si>
    <t>cg04665604</t>
  </si>
  <si>
    <t>cg04672506</t>
  </si>
  <si>
    <t>cg04673565</t>
  </si>
  <si>
    <t>cg04674497</t>
  </si>
  <si>
    <t>cg04674508</t>
  </si>
  <si>
    <t>cg04676561</t>
  </si>
  <si>
    <t>cg04678230</t>
  </si>
  <si>
    <t>cg04679849</t>
  </si>
  <si>
    <t>cg04680754</t>
  </si>
  <si>
    <t>cg04690482</t>
  </si>
  <si>
    <t>cg04692403</t>
  </si>
  <si>
    <t>cg04693787</t>
  </si>
  <si>
    <t>cg04693873</t>
  </si>
  <si>
    <t>cg04699519</t>
  </si>
  <si>
    <t>cg04703174</t>
  </si>
  <si>
    <t>cg04709129</t>
  </si>
  <si>
    <t>cg04710115</t>
  </si>
  <si>
    <t>cg04710226</t>
  </si>
  <si>
    <t>cg04710641</t>
  </si>
  <si>
    <t>cg04714201</t>
  </si>
  <si>
    <t>cg04718853</t>
  </si>
  <si>
    <t>cg04721116</t>
  </si>
  <si>
    <t>cg04723137</t>
  </si>
  <si>
    <t>cg04734841</t>
  </si>
  <si>
    <t>cg04736217</t>
  </si>
  <si>
    <t>cg04739134</t>
  </si>
  <si>
    <t>cg04742345</t>
  </si>
  <si>
    <t>cg04746303</t>
  </si>
  <si>
    <t>cg04749507</t>
  </si>
  <si>
    <t>cg04752591</t>
  </si>
  <si>
    <t>cg04753078</t>
  </si>
  <si>
    <t>cg04753163</t>
  </si>
  <si>
    <t>cg04757012</t>
  </si>
  <si>
    <t>cg04762129</t>
  </si>
  <si>
    <t>cg04763519</t>
  </si>
  <si>
    <t>cg04764169</t>
  </si>
  <si>
    <t>cg04765285</t>
  </si>
  <si>
    <t>cg04767753</t>
  </si>
  <si>
    <t>cg04770660</t>
  </si>
  <si>
    <t>cg04771084</t>
  </si>
  <si>
    <t>cg04772644</t>
  </si>
  <si>
    <t>cg04773990</t>
  </si>
  <si>
    <t>cg04775383</t>
  </si>
  <si>
    <t>cg04777769</t>
  </si>
  <si>
    <t>cg04778855</t>
  </si>
  <si>
    <t>cg04781148</t>
  </si>
  <si>
    <t>cg04785838</t>
  </si>
  <si>
    <t>cg04791060</t>
  </si>
  <si>
    <t>cg04791477</t>
  </si>
  <si>
    <t>cg04792644</t>
  </si>
  <si>
    <t>cg04794804</t>
  </si>
  <si>
    <t>cg04801402</t>
  </si>
  <si>
    <t>cg04802171</t>
  </si>
  <si>
    <t>cg04802302</t>
  </si>
  <si>
    <t>cg04802801</t>
  </si>
  <si>
    <t>cg04804565</t>
  </si>
  <si>
    <t>cg04807036</t>
  </si>
  <si>
    <t>cg04809274</t>
  </si>
  <si>
    <t>cg04810660</t>
  </si>
  <si>
    <t>cg04811762</t>
  </si>
  <si>
    <t>cg04813787</t>
  </si>
  <si>
    <t>cg04815396</t>
  </si>
  <si>
    <t>cg04821129</t>
  </si>
  <si>
    <t>cg04822330</t>
  </si>
  <si>
    <t>cg04824390</t>
  </si>
  <si>
    <t>cg04824716</t>
  </si>
  <si>
    <t>cg04831510</t>
  </si>
  <si>
    <t>cg04831708</t>
  </si>
  <si>
    <t>cg04832873</t>
  </si>
  <si>
    <t>cg04835051</t>
  </si>
  <si>
    <t>cg04836028</t>
  </si>
  <si>
    <t>cg04837722</t>
  </si>
  <si>
    <t>cg04841389</t>
  </si>
  <si>
    <t>cg04846781</t>
  </si>
  <si>
    <t>cg04851044</t>
  </si>
  <si>
    <t>cg04852348</t>
  </si>
  <si>
    <t>cg04855107</t>
  </si>
  <si>
    <t>cg04856022</t>
  </si>
  <si>
    <t>cg04856292</t>
  </si>
  <si>
    <t>cg04859102</t>
  </si>
  <si>
    <t>cg04859726</t>
  </si>
  <si>
    <t>cg04863968</t>
  </si>
  <si>
    <t>cg04864990</t>
  </si>
  <si>
    <t>cg04867634</t>
  </si>
  <si>
    <t>cg04871875</t>
  </si>
  <si>
    <t>cg04874103</t>
  </si>
  <si>
    <t>cg04874267</t>
  </si>
  <si>
    <t>cg04874326</t>
  </si>
  <si>
    <t>cg04876424</t>
  </si>
  <si>
    <t>cg04877280</t>
  </si>
  <si>
    <t>cg04880968</t>
  </si>
  <si>
    <t>cg04887278</t>
  </si>
  <si>
    <t>cg04892552</t>
  </si>
  <si>
    <t>cg04895233</t>
  </si>
  <si>
    <t>cg04895387</t>
  </si>
  <si>
    <t>cg04895475</t>
  </si>
  <si>
    <t>cg04898810</t>
  </si>
  <si>
    <t>cg04903089</t>
  </si>
  <si>
    <t>cg04903159</t>
  </si>
  <si>
    <t>cg04903916</t>
  </si>
  <si>
    <t>cg04906636</t>
  </si>
  <si>
    <t>cg04907849</t>
  </si>
  <si>
    <t>cg04913118</t>
  </si>
  <si>
    <t>cg04920574</t>
  </si>
  <si>
    <t>cg04921914</t>
  </si>
  <si>
    <t>cg04928372</t>
  </si>
  <si>
    <t>cg04930829</t>
  </si>
  <si>
    <t>cg04930982</t>
  </si>
  <si>
    <t>cg04931090</t>
  </si>
  <si>
    <t>cg04932082</t>
  </si>
  <si>
    <t>cg04933135</t>
  </si>
  <si>
    <t>cg04939662</t>
  </si>
  <si>
    <t>cg04940526</t>
  </si>
  <si>
    <t>cg04941418</t>
  </si>
  <si>
    <t>cg04944283</t>
  </si>
  <si>
    <t>cg04944454</t>
  </si>
  <si>
    <t>cg04944873</t>
  </si>
  <si>
    <t>cg04945066</t>
  </si>
  <si>
    <t>cg04945443</t>
  </si>
  <si>
    <t>cg04946916</t>
  </si>
  <si>
    <t>cg04949608</t>
  </si>
  <si>
    <t>cg04950301</t>
  </si>
  <si>
    <t>cg04950384</t>
  </si>
  <si>
    <t>cg04951476</t>
  </si>
  <si>
    <t>cg04953348</t>
  </si>
  <si>
    <t>cg04955303</t>
  </si>
  <si>
    <t>cg04957663</t>
  </si>
  <si>
    <t>cg04958227</t>
  </si>
  <si>
    <t>cg04958236</t>
  </si>
  <si>
    <t>cg04959196</t>
  </si>
  <si>
    <t>cg04960243</t>
  </si>
  <si>
    <t>cg04960880</t>
  </si>
  <si>
    <t>cg04966574</t>
  </si>
  <si>
    <t>cg04970106</t>
  </si>
  <si>
    <t>cg04971779</t>
  </si>
  <si>
    <t>cg04972856</t>
  </si>
  <si>
    <t>cg04973669</t>
  </si>
  <si>
    <t>cg04974584</t>
  </si>
  <si>
    <t>cg04975376</t>
  </si>
  <si>
    <t>cg04975834</t>
  </si>
  <si>
    <t>cg04978831</t>
  </si>
  <si>
    <t>cg04979706</t>
  </si>
  <si>
    <t>cg04983519</t>
  </si>
  <si>
    <t>cg04983903</t>
  </si>
  <si>
    <t>cg04987004</t>
  </si>
  <si>
    <t>cg04987614</t>
  </si>
  <si>
    <t>cg04989440</t>
  </si>
  <si>
    <t>cg04991728</t>
  </si>
  <si>
    <t>cg04994953</t>
  </si>
  <si>
    <t>cg05000824</t>
  </si>
  <si>
    <t>cg05002580</t>
  </si>
  <si>
    <t>cg05003685</t>
  </si>
  <si>
    <t>cg05006142</t>
  </si>
  <si>
    <t>cg05007697</t>
  </si>
  <si>
    <t>cg05008218</t>
  </si>
  <si>
    <t>cg05008570</t>
  </si>
  <si>
    <t>cg05013036</t>
  </si>
  <si>
    <t>cg05016313</t>
  </si>
  <si>
    <t>cg05019142</t>
  </si>
  <si>
    <t>cg05021589</t>
  </si>
  <si>
    <t>cg05023168</t>
  </si>
  <si>
    <t>cg05024916</t>
  </si>
  <si>
    <t>cg05025556</t>
  </si>
  <si>
    <t>cg05035165</t>
  </si>
  <si>
    <t>cg05036130</t>
  </si>
  <si>
    <t>cg05036337</t>
  </si>
  <si>
    <t>cg05045332</t>
  </si>
  <si>
    <t>cg05048917</t>
  </si>
  <si>
    <t>cg05049576</t>
  </si>
  <si>
    <t>cg05050652</t>
  </si>
  <si>
    <t>cg05051142</t>
  </si>
  <si>
    <t>cg05053818</t>
  </si>
  <si>
    <t>cg05055326</t>
  </si>
  <si>
    <t>cg05064044</t>
  </si>
  <si>
    <t>cg05065239</t>
  </si>
  <si>
    <t>cg05067717</t>
  </si>
  <si>
    <t>cg05068206</t>
  </si>
  <si>
    <t>cg05069244</t>
  </si>
  <si>
    <t>cg05070742</t>
  </si>
  <si>
    <t>cg05071577</t>
  </si>
  <si>
    <t>cg05075708</t>
  </si>
  <si>
    <t>cg05080790</t>
  </si>
  <si>
    <t>cg05082466</t>
  </si>
  <si>
    <t>cg05085500</t>
  </si>
  <si>
    <t>cg05089427</t>
  </si>
  <si>
    <t>cg05090143</t>
  </si>
  <si>
    <t>cg05094429</t>
  </si>
  <si>
    <t>cg05096209</t>
  </si>
  <si>
    <t>cg05096634</t>
  </si>
  <si>
    <t>cg05098566</t>
  </si>
  <si>
    <t>cg05100070</t>
  </si>
  <si>
    <t>cg05100540</t>
  </si>
  <si>
    <t>cg05104447</t>
  </si>
  <si>
    <t>cg05109966</t>
  </si>
  <si>
    <t>cg05111146</t>
  </si>
  <si>
    <t>cg05112986</t>
  </si>
  <si>
    <t>cg05113734</t>
  </si>
  <si>
    <t>cg05114858</t>
  </si>
  <si>
    <t>cg05115308</t>
  </si>
  <si>
    <t>cg05115679</t>
  </si>
  <si>
    <t>cg05121987</t>
  </si>
  <si>
    <t>cg05123447</t>
  </si>
  <si>
    <t>cg05126887</t>
  </si>
  <si>
    <t>cg05130022</t>
  </si>
  <si>
    <t>cg05135158</t>
  </si>
  <si>
    <t>cg05135644</t>
  </si>
  <si>
    <t>cg05135714</t>
  </si>
  <si>
    <t>cg05137975</t>
  </si>
  <si>
    <t>cg05139788</t>
  </si>
  <si>
    <t>cg05139861</t>
  </si>
  <si>
    <t>cg05141234</t>
  </si>
  <si>
    <t>cg05141988</t>
  </si>
  <si>
    <t>cg05143092</t>
  </si>
  <si>
    <t>cg05147195</t>
  </si>
  <si>
    <t>cg05148722</t>
  </si>
  <si>
    <t>cg05155578</t>
  </si>
  <si>
    <t>cg05155704</t>
  </si>
  <si>
    <t>cg05157470</t>
  </si>
  <si>
    <t>cg05157492</t>
  </si>
  <si>
    <t>cg05158165</t>
  </si>
  <si>
    <t>cg05166820</t>
  </si>
  <si>
    <t>cg05168062</t>
  </si>
  <si>
    <t>cg05170275</t>
  </si>
  <si>
    <t>cg05170390</t>
  </si>
  <si>
    <t>cg05171584</t>
  </si>
  <si>
    <t>cg05172068</t>
  </si>
  <si>
    <t>cg05175158</t>
  </si>
  <si>
    <t>cg05175540</t>
  </si>
  <si>
    <t>cg05177437</t>
  </si>
  <si>
    <t>cg05177685</t>
  </si>
  <si>
    <t>cg05178226</t>
  </si>
  <si>
    <t>cg05184395</t>
  </si>
  <si>
    <t>cg05187193</t>
  </si>
  <si>
    <t>cg05191454</t>
  </si>
  <si>
    <t>cg05191792</t>
  </si>
  <si>
    <t>cg05192639</t>
  </si>
  <si>
    <t>cg05195129</t>
  </si>
  <si>
    <t>cg05197625</t>
  </si>
  <si>
    <t>cg05200311</t>
  </si>
  <si>
    <t>cg05200373</t>
  </si>
  <si>
    <t>cg05207526</t>
  </si>
  <si>
    <t>cg05216056</t>
  </si>
  <si>
    <t>cg05216141</t>
  </si>
  <si>
    <t>cg05216814</t>
  </si>
  <si>
    <t>cg05217597</t>
  </si>
  <si>
    <t>cg05218245</t>
  </si>
  <si>
    <t>cg05218678</t>
  </si>
  <si>
    <t>cg05219445</t>
  </si>
  <si>
    <t>cg05221720</t>
  </si>
  <si>
    <t>cg05222986</t>
  </si>
  <si>
    <t>cg05223441</t>
  </si>
  <si>
    <t>cg05225439</t>
  </si>
  <si>
    <t>cg05226805</t>
  </si>
  <si>
    <t>cg05227556</t>
  </si>
  <si>
    <t>cg05228964</t>
  </si>
  <si>
    <t>cg05230888</t>
  </si>
  <si>
    <t>cg05230906</t>
  </si>
  <si>
    <t>cg05232857</t>
  </si>
  <si>
    <t>cg05234552</t>
  </si>
  <si>
    <t>cg05235344</t>
  </si>
  <si>
    <t>cg05235761</t>
  </si>
  <si>
    <t>cg05237015</t>
  </si>
  <si>
    <t>cg05238917</t>
  </si>
  <si>
    <t>cg05240178</t>
  </si>
  <si>
    <t>cg05242261</t>
  </si>
  <si>
    <t>cg05253151</t>
  </si>
  <si>
    <t>cg05254646</t>
  </si>
  <si>
    <t>cg05256179</t>
  </si>
  <si>
    <t>cg05256719</t>
  </si>
  <si>
    <t>cg05258027</t>
  </si>
  <si>
    <t>cg05262335</t>
  </si>
  <si>
    <t>cg05262533</t>
  </si>
  <si>
    <t>cg05263682</t>
  </si>
  <si>
    <t>cg05264298</t>
  </si>
  <si>
    <t>cg05265020</t>
  </si>
  <si>
    <t>cg05274940</t>
  </si>
  <si>
    <t>cg05276066</t>
  </si>
  <si>
    <t>cg05276414</t>
  </si>
  <si>
    <t>cg05283716</t>
  </si>
  <si>
    <t>cg05293407</t>
  </si>
  <si>
    <t>cg05296188</t>
  </si>
  <si>
    <t>cg05298224</t>
  </si>
  <si>
    <t>cg05300316</t>
  </si>
  <si>
    <t>cg05301124</t>
  </si>
  <si>
    <t>cg05302489</t>
  </si>
  <si>
    <t>cg05308643</t>
  </si>
  <si>
    <t>cg05314142</t>
  </si>
  <si>
    <t>cg05314310</t>
  </si>
  <si>
    <t>cg05314350</t>
  </si>
  <si>
    <t>cg05315633</t>
  </si>
  <si>
    <t>cg05317038</t>
  </si>
  <si>
    <t>cg05317081</t>
  </si>
  <si>
    <t>cg05318169</t>
  </si>
  <si>
    <t>cg05322916</t>
  </si>
  <si>
    <t>cg05324696</t>
  </si>
  <si>
    <t>cg05329480</t>
  </si>
  <si>
    <t>cg05345286</t>
  </si>
  <si>
    <t>cg05347898</t>
  </si>
  <si>
    <t>cg05352838</t>
  </si>
  <si>
    <t>cg05354929</t>
  </si>
  <si>
    <t>cg05356163</t>
  </si>
  <si>
    <t>cg05358170</t>
  </si>
  <si>
    <t>cg05361818</t>
  </si>
  <si>
    <t>cg05362170</t>
  </si>
  <si>
    <t>cg05370068</t>
  </si>
  <si>
    <t>cg05374569</t>
  </si>
  <si>
    <t>cg05376017</t>
  </si>
  <si>
    <t>cg05379324</t>
  </si>
  <si>
    <t>cg05380127</t>
  </si>
  <si>
    <t>cg05380821</t>
  </si>
  <si>
    <t>cg05381475</t>
  </si>
  <si>
    <t>cg05383565</t>
  </si>
  <si>
    <t>cg05386208</t>
  </si>
  <si>
    <t>cg05388401</t>
  </si>
  <si>
    <t>cg05392263</t>
  </si>
  <si>
    <t>cg05392435</t>
  </si>
  <si>
    <t>cg05395947</t>
  </si>
  <si>
    <t>cg05396178</t>
  </si>
  <si>
    <t>cg05396761</t>
  </si>
  <si>
    <t>cg05399360</t>
  </si>
  <si>
    <t>cg05400196</t>
  </si>
  <si>
    <t>cg05401312</t>
  </si>
  <si>
    <t>cg05402265</t>
  </si>
  <si>
    <t>cg05411199</t>
  </si>
  <si>
    <t>cg05412930</t>
  </si>
  <si>
    <t>cg05413918</t>
  </si>
  <si>
    <t>cg05414338</t>
  </si>
  <si>
    <t>cg05417985</t>
  </si>
  <si>
    <t>cg05419581</t>
  </si>
  <si>
    <t>cg05420994</t>
  </si>
  <si>
    <t>cg05422383</t>
  </si>
  <si>
    <t>cg05423418</t>
  </si>
  <si>
    <t>cg05425464</t>
  </si>
  <si>
    <t>cg05426299</t>
  </si>
  <si>
    <t>cg05429527</t>
  </si>
  <si>
    <t>cg05431171</t>
  </si>
  <si>
    <t>cg05437995</t>
  </si>
  <si>
    <t>cg05438353</t>
  </si>
  <si>
    <t>cg05441830</t>
  </si>
  <si>
    <t>cg05447916</t>
  </si>
  <si>
    <t>cg05449607</t>
  </si>
  <si>
    <t>cg05453816</t>
  </si>
  <si>
    <t>cg05454562</t>
  </si>
  <si>
    <t>cg05457344</t>
  </si>
  <si>
    <t>cg05457747</t>
  </si>
  <si>
    <t>cg05457881</t>
  </si>
  <si>
    <t>cg05463027</t>
  </si>
  <si>
    <t>cg05463307</t>
  </si>
  <si>
    <t>cg05465342</t>
  </si>
  <si>
    <t>cg05466469</t>
  </si>
  <si>
    <t>cg05466596</t>
  </si>
  <si>
    <t>cg05467212</t>
  </si>
  <si>
    <t>cg05473289</t>
  </si>
  <si>
    <t>cg05474467</t>
  </si>
  <si>
    <t>cg05483184</t>
  </si>
  <si>
    <t>cg05485241</t>
  </si>
  <si>
    <t>cg05487803</t>
  </si>
  <si>
    <t>cg05488681</t>
  </si>
  <si>
    <t>cg05493394</t>
  </si>
  <si>
    <t>cg05495984</t>
  </si>
  <si>
    <t>cg05496603</t>
  </si>
  <si>
    <t>cg05501682</t>
  </si>
  <si>
    <t>cg05503991</t>
  </si>
  <si>
    <t>cg05507234</t>
  </si>
  <si>
    <t>cg05507546</t>
  </si>
  <si>
    <t>cg05511196</t>
  </si>
  <si>
    <t>cg05514072</t>
  </si>
  <si>
    <t>cg05514136</t>
  </si>
  <si>
    <t>cg05517541</t>
  </si>
  <si>
    <t>cg05521717</t>
  </si>
  <si>
    <t>cg05522349</t>
  </si>
  <si>
    <t>cg05525106</t>
  </si>
  <si>
    <t>cg05527337</t>
  </si>
  <si>
    <t>cg05527918</t>
  </si>
  <si>
    <t>cg05537360</t>
  </si>
  <si>
    <t>cg05538632</t>
  </si>
  <si>
    <t>cg05540913</t>
  </si>
  <si>
    <t>cg05542661</t>
  </si>
  <si>
    <t>cg05544828</t>
  </si>
  <si>
    <t>cg05544940</t>
  </si>
  <si>
    <t>cg05545813</t>
  </si>
  <si>
    <t>cg05546064</t>
  </si>
  <si>
    <t>cg05547260</t>
  </si>
  <si>
    <t>cg05552490</t>
  </si>
  <si>
    <t>cg05554735</t>
  </si>
  <si>
    <t>cg05554966</t>
  </si>
  <si>
    <t>cg05560494</t>
  </si>
  <si>
    <t>cg05563595</t>
  </si>
  <si>
    <t>cg05564090</t>
  </si>
  <si>
    <t>cg05564293</t>
  </si>
  <si>
    <t>cg05565809</t>
  </si>
  <si>
    <t>cg05568549</t>
  </si>
  <si>
    <t>cg05569328</t>
  </si>
  <si>
    <t>cg05571472</t>
  </si>
  <si>
    <t>cg05571970</t>
  </si>
  <si>
    <t>cg05575150</t>
  </si>
  <si>
    <t>cg05591701</t>
  </si>
  <si>
    <t>cg05592483</t>
  </si>
  <si>
    <t>cg05593336</t>
  </si>
  <si>
    <t>cg05593667</t>
  </si>
  <si>
    <t>cg05596650</t>
  </si>
  <si>
    <t>cg05597001</t>
  </si>
  <si>
    <t>cg05602975</t>
  </si>
  <si>
    <t>cg05603896</t>
  </si>
  <si>
    <t>cg05604668</t>
  </si>
  <si>
    <t>cg05605299</t>
  </si>
  <si>
    <t>cg05609656</t>
  </si>
  <si>
    <t>cg05612744</t>
  </si>
  <si>
    <t>cg05614351</t>
  </si>
  <si>
    <t>cg05617732</t>
  </si>
  <si>
    <t>cg05617744</t>
  </si>
  <si>
    <t>cg05620046</t>
  </si>
  <si>
    <t>cg05621218</t>
  </si>
  <si>
    <t>cg05622124</t>
  </si>
  <si>
    <t>cg05624396</t>
  </si>
  <si>
    <t>cg05624930</t>
  </si>
  <si>
    <t>cg05629721</t>
  </si>
  <si>
    <t>cg05630390</t>
  </si>
  <si>
    <t>cg05636843</t>
  </si>
  <si>
    <t>cg05637903</t>
  </si>
  <si>
    <t>cg05642143</t>
  </si>
  <si>
    <t>cg05642698</t>
  </si>
  <si>
    <t>cg05648225</t>
  </si>
  <si>
    <t>cg05648988</t>
  </si>
  <si>
    <t>cg05649229</t>
  </si>
  <si>
    <t>cg05650260</t>
  </si>
  <si>
    <t>cg05651080</t>
  </si>
  <si>
    <t>cg05655390</t>
  </si>
  <si>
    <t>cg05655837</t>
  </si>
  <si>
    <t>cg05656855</t>
  </si>
  <si>
    <t>cg05658414</t>
  </si>
  <si>
    <t>cg05661333</t>
  </si>
  <si>
    <t>cg05665555</t>
  </si>
  <si>
    <t>cg05666036</t>
  </si>
  <si>
    <t>cg05670865</t>
  </si>
  <si>
    <t>cg05672967</t>
  </si>
  <si>
    <t>cg05675514</t>
  </si>
  <si>
    <t>cg05675803</t>
  </si>
  <si>
    <t>cg05678462</t>
  </si>
  <si>
    <t>cg05679108</t>
  </si>
  <si>
    <t>cg05681072</t>
  </si>
  <si>
    <t>cg05683504</t>
  </si>
  <si>
    <t>cg05685587</t>
  </si>
  <si>
    <t>cg05686323</t>
  </si>
  <si>
    <t>cg05693127</t>
  </si>
  <si>
    <t>cg05693489</t>
  </si>
  <si>
    <t>cg05696715</t>
  </si>
  <si>
    <t>cg05697726</t>
  </si>
  <si>
    <t>cg05701765</t>
  </si>
  <si>
    <t>cg05715287</t>
  </si>
  <si>
    <t>cg05720054</t>
  </si>
  <si>
    <t>cg05721230</t>
  </si>
  <si>
    <t>cg05724257</t>
  </si>
  <si>
    <t>cg05728135</t>
  </si>
  <si>
    <t>cg05728656</t>
  </si>
  <si>
    <t>cg05729731</t>
  </si>
  <si>
    <t>cg05732794</t>
  </si>
  <si>
    <t>cg05733780</t>
  </si>
  <si>
    <t>cg05734456</t>
  </si>
  <si>
    <t>cg05738403</t>
  </si>
  <si>
    <t>cg05741161</t>
  </si>
  <si>
    <t>cg05742293</t>
  </si>
  <si>
    <t>cg05745317</t>
  </si>
  <si>
    <t>cg05751100</t>
  </si>
  <si>
    <t>cg05756301</t>
  </si>
  <si>
    <t>cg05756933</t>
  </si>
  <si>
    <t>cg05758246</t>
  </si>
  <si>
    <t>cg05758489</t>
  </si>
  <si>
    <t>cg05759090</t>
  </si>
  <si>
    <t>cg05759269</t>
  </si>
  <si>
    <t>cg05762309</t>
  </si>
  <si>
    <t>cg05764570</t>
  </si>
  <si>
    <t>cg05766136</t>
  </si>
  <si>
    <t>cg05766140</t>
  </si>
  <si>
    <t>cg05766943</t>
  </si>
  <si>
    <t>cg05769790</t>
  </si>
  <si>
    <t>cg05771767</t>
  </si>
  <si>
    <t>cg05777492</t>
  </si>
  <si>
    <t>cg05781984</t>
  </si>
  <si>
    <t>cg05785100</t>
  </si>
  <si>
    <t>cg05786361</t>
  </si>
  <si>
    <t>cg05787951</t>
  </si>
  <si>
    <t>cg05788125</t>
  </si>
  <si>
    <t>cg05789250</t>
  </si>
  <si>
    <t>cg05791862</t>
  </si>
  <si>
    <t>cg05792273</t>
  </si>
  <si>
    <t>cg05792494</t>
  </si>
  <si>
    <t>cg05792982</t>
  </si>
  <si>
    <t>cg05797367</t>
  </si>
  <si>
    <t>cg05798429</t>
  </si>
  <si>
    <t>cg05799276</t>
  </si>
  <si>
    <t>cg05802990</t>
  </si>
  <si>
    <t>cg05803989</t>
  </si>
  <si>
    <t>cg05805736</t>
  </si>
  <si>
    <t>cg05808372</t>
  </si>
  <si>
    <t>cg05813703</t>
  </si>
  <si>
    <t>cg05816193</t>
  </si>
  <si>
    <t>cg05816239</t>
  </si>
  <si>
    <t>cg05824482</t>
  </si>
  <si>
    <t>cg05826214</t>
  </si>
  <si>
    <t>cg05827186</t>
  </si>
  <si>
    <t>cg05828520</t>
  </si>
  <si>
    <t>cg05828906</t>
  </si>
  <si>
    <t>cg05837142</t>
  </si>
  <si>
    <t>cg05842120</t>
  </si>
  <si>
    <t>cg05842175</t>
  </si>
  <si>
    <t>cg05842855</t>
  </si>
  <si>
    <t>cg05845840</t>
  </si>
  <si>
    <t>cg05849324</t>
  </si>
  <si>
    <t>cg05850884</t>
  </si>
  <si>
    <t>cg05850971</t>
  </si>
  <si>
    <t>cg05852177</t>
  </si>
  <si>
    <t>cg05861708</t>
  </si>
  <si>
    <t>cg05861743</t>
  </si>
  <si>
    <t>cg05865613</t>
  </si>
  <si>
    <t>cg05867925</t>
  </si>
  <si>
    <t>cg05869491</t>
  </si>
  <si>
    <t>cg05872706</t>
  </si>
  <si>
    <t>cg05874233</t>
  </si>
  <si>
    <t>cg05875819</t>
  </si>
  <si>
    <t>cg05876496</t>
  </si>
  <si>
    <t>cg05879334</t>
  </si>
  <si>
    <t>cg05879498</t>
  </si>
  <si>
    <t>cg05881156</t>
  </si>
  <si>
    <t>cg05882415</t>
  </si>
  <si>
    <t>cg05884522</t>
  </si>
  <si>
    <t>cg05886811</t>
  </si>
  <si>
    <t>cg05887636</t>
  </si>
  <si>
    <t>cg05891181</t>
  </si>
  <si>
    <t>cg05897803</t>
  </si>
  <si>
    <t>cg05902173</t>
  </si>
  <si>
    <t>cg05905898</t>
  </si>
  <si>
    <t>cg05908380</t>
  </si>
  <si>
    <t>cg05909390</t>
  </si>
  <si>
    <t>cg05913737</t>
  </si>
  <si>
    <t>cg05914372</t>
  </si>
  <si>
    <t>cg05914981</t>
  </si>
  <si>
    <t>cg05915362</t>
  </si>
  <si>
    <t>cg05915981</t>
  </si>
  <si>
    <t>cg05917988</t>
  </si>
  <si>
    <t>cg05920345</t>
  </si>
  <si>
    <t>cg05921820</t>
  </si>
  <si>
    <t>cg05924253</t>
  </si>
  <si>
    <t>cg05928362</t>
  </si>
  <si>
    <t>cg05930034</t>
  </si>
  <si>
    <t>cg05931054</t>
  </si>
  <si>
    <t>cg05935904</t>
  </si>
  <si>
    <t>cg05947596</t>
  </si>
  <si>
    <t>cg05948527</t>
  </si>
  <si>
    <t>cg05949660</t>
  </si>
  <si>
    <t>cg05952672</t>
  </si>
  <si>
    <t>cg05964635</t>
  </si>
  <si>
    <t>cg05966988</t>
  </si>
  <si>
    <t>cg05969567</t>
  </si>
  <si>
    <t>cg05973262</t>
  </si>
  <si>
    <t>cg05973840</t>
  </si>
  <si>
    <t>cg05977147</t>
  </si>
  <si>
    <t>cg05977992</t>
  </si>
  <si>
    <t>cg05978527</t>
  </si>
  <si>
    <t>cg05989628</t>
  </si>
  <si>
    <t>cg05992235</t>
  </si>
  <si>
    <t>cg05995496</t>
  </si>
  <si>
    <t>cg06000193</t>
  </si>
  <si>
    <t>cg06002157</t>
  </si>
  <si>
    <t>cg06002203</t>
  </si>
  <si>
    <t>cg06003958</t>
  </si>
  <si>
    <t>cg06005318</t>
  </si>
  <si>
    <t>cg06005695</t>
  </si>
  <si>
    <t>cg06006623</t>
  </si>
  <si>
    <t>cg06008435</t>
  </si>
  <si>
    <t>cg06009422</t>
  </si>
  <si>
    <t>cg06009620</t>
  </si>
  <si>
    <t>cg06011323</t>
  </si>
  <si>
    <t>cg06011334</t>
  </si>
  <si>
    <t>cg06014958</t>
  </si>
  <si>
    <t>cg06015218</t>
  </si>
  <si>
    <t>cg06016354</t>
  </si>
  <si>
    <t>cg06017364</t>
  </si>
  <si>
    <t>cg06019170</t>
  </si>
  <si>
    <t>cg06021189</t>
  </si>
  <si>
    <t>cg06022936</t>
  </si>
  <si>
    <t>cg06023161</t>
  </si>
  <si>
    <t>cg06024039</t>
  </si>
  <si>
    <t>cg06024111</t>
  </si>
  <si>
    <t>cg06024540</t>
  </si>
  <si>
    <t>cg06028875</t>
  </si>
  <si>
    <t>cg06029061</t>
  </si>
  <si>
    <t>cg06030274</t>
  </si>
  <si>
    <t>cg06031011</t>
  </si>
  <si>
    <t>cg06032329</t>
  </si>
  <si>
    <t>cg06033773</t>
  </si>
  <si>
    <t>cg06035531</t>
  </si>
  <si>
    <t>cg06035815</t>
  </si>
  <si>
    <t>cg06043886</t>
  </si>
  <si>
    <t>cg06049111</t>
  </si>
  <si>
    <t>cg06052619</t>
  </si>
  <si>
    <t>cg06053377</t>
  </si>
  <si>
    <t>cg06053738</t>
  </si>
  <si>
    <t>cg06057918</t>
  </si>
  <si>
    <t>cg06060740</t>
  </si>
  <si>
    <t>cg06061002</t>
  </si>
  <si>
    <t>cg06062571</t>
  </si>
  <si>
    <t>cg06063598</t>
  </si>
  <si>
    <t>cg06071294</t>
  </si>
  <si>
    <t>cg06073695</t>
  </si>
  <si>
    <t>cg06078334</t>
  </si>
  <si>
    <t>cg06088929</t>
  </si>
  <si>
    <t>cg06093525</t>
  </si>
  <si>
    <t>cg06095195</t>
  </si>
  <si>
    <t>cg06095270</t>
  </si>
  <si>
    <t>cg06095695</t>
  </si>
  <si>
    <t>cg06100227</t>
  </si>
  <si>
    <t>cg06102149</t>
  </si>
  <si>
    <t>cg06102612</t>
  </si>
  <si>
    <t>cg06107116</t>
  </si>
  <si>
    <t>cg06108383</t>
  </si>
  <si>
    <t>cg06108459</t>
  </si>
  <si>
    <t>cg06110578</t>
  </si>
  <si>
    <t>cg06111486</t>
  </si>
  <si>
    <t>cg06111526</t>
  </si>
  <si>
    <t>cg06112910</t>
  </si>
  <si>
    <t>cg06113776</t>
  </si>
  <si>
    <t>cg06117072</t>
  </si>
  <si>
    <t>cg06118056</t>
  </si>
  <si>
    <t>cg06119137</t>
  </si>
  <si>
    <t>cg06121352</t>
  </si>
  <si>
    <t>cg06122000</t>
  </si>
  <si>
    <t>cg06124975</t>
  </si>
  <si>
    <t>cg06126060</t>
  </si>
  <si>
    <t>cg06127202</t>
  </si>
  <si>
    <t>cg06128195</t>
  </si>
  <si>
    <t>cg06131578</t>
  </si>
  <si>
    <t>cg06131755</t>
  </si>
  <si>
    <t>cg06132876</t>
  </si>
  <si>
    <t>cg06133876</t>
  </si>
  <si>
    <t>cg06138710</t>
  </si>
  <si>
    <t>cg06139438</t>
  </si>
  <si>
    <t>cg06140900</t>
  </si>
  <si>
    <t>cg06145610</t>
  </si>
  <si>
    <t>cg06146185</t>
  </si>
  <si>
    <t>cg06147366</t>
  </si>
  <si>
    <t>cg06148264</t>
  </si>
  <si>
    <t>cg06151074</t>
  </si>
  <si>
    <t>cg06152926</t>
  </si>
  <si>
    <t>cg06153893</t>
  </si>
  <si>
    <t>cg06154159</t>
  </si>
  <si>
    <t>cg06171013</t>
  </si>
  <si>
    <t>cg06171242</t>
  </si>
  <si>
    <t>cg06179249</t>
  </si>
  <si>
    <t>cg06179586</t>
  </si>
  <si>
    <t>cg06180108</t>
  </si>
  <si>
    <t>cg06182040</t>
  </si>
  <si>
    <t>cg06183244</t>
  </si>
  <si>
    <t>cg06183469</t>
  </si>
  <si>
    <t>cg06183820</t>
  </si>
  <si>
    <t>cg06186057</t>
  </si>
  <si>
    <t>cg06193382</t>
  </si>
  <si>
    <t>cg06194738</t>
  </si>
  <si>
    <t>cg06195293</t>
  </si>
  <si>
    <t>cg06196379</t>
  </si>
  <si>
    <t>cg06196984</t>
  </si>
  <si>
    <t>cg06197372</t>
  </si>
  <si>
    <t>cg06200777</t>
  </si>
  <si>
    <t>cg06200824</t>
  </si>
  <si>
    <t>cg06206827</t>
  </si>
  <si>
    <t>cg06208661</t>
  </si>
  <si>
    <t>cg06209740</t>
  </si>
  <si>
    <t>cg06212289</t>
  </si>
  <si>
    <t>cg06212945</t>
  </si>
  <si>
    <t>cg06218044</t>
  </si>
  <si>
    <t>cg06229737</t>
  </si>
  <si>
    <t>cg06233473</t>
  </si>
  <si>
    <t>cg06234342</t>
  </si>
  <si>
    <t>cg06241803</t>
  </si>
  <si>
    <t>cg06241901</t>
  </si>
  <si>
    <t>cg06246224</t>
  </si>
  <si>
    <t>cg06246357</t>
  </si>
  <si>
    <t>cg06247172</t>
  </si>
  <si>
    <t>cg06247406</t>
  </si>
  <si>
    <t>cg06253072</t>
  </si>
  <si>
    <t>cg06254453</t>
  </si>
  <si>
    <t>cg06258261</t>
  </si>
  <si>
    <t>cg06259339</t>
  </si>
  <si>
    <t>cg06259800</t>
  </si>
  <si>
    <t>cg06264679</t>
  </si>
  <si>
    <t>cg06264879</t>
  </si>
  <si>
    <t>cg06267728</t>
  </si>
  <si>
    <t>cg06270737</t>
  </si>
  <si>
    <t>cg06270776</t>
  </si>
  <si>
    <t>cg06271237</t>
  </si>
  <si>
    <t>cg06276088</t>
  </si>
  <si>
    <t>cg06277728</t>
  </si>
  <si>
    <t>cg06287783</t>
  </si>
  <si>
    <t>cg06289138</t>
  </si>
  <si>
    <t>cg06289444</t>
  </si>
  <si>
    <t>cg06292891</t>
  </si>
  <si>
    <t>cg06295784</t>
  </si>
  <si>
    <t>cg06298120</t>
  </si>
  <si>
    <t>cg06301114</t>
  </si>
  <si>
    <t>cg06308022</t>
  </si>
  <si>
    <t>cg06309882</t>
  </si>
  <si>
    <t>cg06312651</t>
  </si>
  <si>
    <t>cg06315208</t>
  </si>
  <si>
    <t>cg06315217</t>
  </si>
  <si>
    <t>cg06321883</t>
  </si>
  <si>
    <t>cg06323023</t>
  </si>
  <si>
    <t>cg06324507</t>
  </si>
  <si>
    <t>cg06325842</t>
  </si>
  <si>
    <t>cg06327998</t>
  </si>
  <si>
    <t>cg06328100</t>
  </si>
  <si>
    <t>cg06329225</t>
  </si>
  <si>
    <t>cg06332410</t>
  </si>
  <si>
    <t>cg06334093</t>
  </si>
  <si>
    <t>cg06336926</t>
  </si>
  <si>
    <t>cg06341027</t>
  </si>
  <si>
    <t>cg06343355</t>
  </si>
  <si>
    <t>cg06344571</t>
  </si>
  <si>
    <t>cg06345856</t>
  </si>
  <si>
    <t>cg06351503</t>
  </si>
  <si>
    <t>cg06354527</t>
  </si>
  <si>
    <t>cg06357743</t>
  </si>
  <si>
    <t>cg06357807</t>
  </si>
  <si>
    <t>cg06358108</t>
  </si>
  <si>
    <t>cg06358442</t>
  </si>
  <si>
    <t>cg06359086</t>
  </si>
  <si>
    <t>cg06361161</t>
  </si>
  <si>
    <t>cg06361744</t>
  </si>
  <si>
    <t>cg06362200</t>
  </si>
  <si>
    <t>cg06362282</t>
  </si>
  <si>
    <t>cg06362354</t>
  </si>
  <si>
    <t>cg06365270</t>
  </si>
  <si>
    <t>cg06366374</t>
  </si>
  <si>
    <t>cg06367453</t>
  </si>
  <si>
    <t>cg06367607</t>
  </si>
  <si>
    <t>cg06368721</t>
  </si>
  <si>
    <t>cg06370855</t>
  </si>
  <si>
    <t>cg06373648</t>
  </si>
  <si>
    <t>cg06378976</t>
  </si>
  <si>
    <t>cg06380725</t>
  </si>
  <si>
    <t>cg06381959</t>
  </si>
  <si>
    <t>cg06382132</t>
  </si>
  <si>
    <t>cg06386307</t>
  </si>
  <si>
    <t>cg06390606</t>
  </si>
  <si>
    <t>cg06391451</t>
  </si>
  <si>
    <t>cg06391563</t>
  </si>
  <si>
    <t>cg06392318</t>
  </si>
  <si>
    <t>cg06393830</t>
  </si>
  <si>
    <t>cg06395692</t>
  </si>
  <si>
    <t>cg06398287</t>
  </si>
  <si>
    <t>cg06399596</t>
  </si>
  <si>
    <t>cg06400745</t>
  </si>
  <si>
    <t>cg06408522</t>
  </si>
  <si>
    <t>cg06408571</t>
  </si>
  <si>
    <t>cg06411506</t>
  </si>
  <si>
    <t>cg06413398</t>
  </si>
  <si>
    <t>cg06422467</t>
  </si>
  <si>
    <t>cg06426027</t>
  </si>
  <si>
    <t>cg06430424</t>
  </si>
  <si>
    <t>cg06432036</t>
  </si>
  <si>
    <t>cg06433023</t>
  </si>
  <si>
    <t>cg06433995</t>
  </si>
  <si>
    <t>cg06436032</t>
  </si>
  <si>
    <t>cg06437464</t>
  </si>
  <si>
    <t>cg06438942</t>
  </si>
  <si>
    <t>cg06444723</t>
  </si>
  <si>
    <t>cg06449009</t>
  </si>
  <si>
    <t>cg06454157</t>
  </si>
  <si>
    <t>cg06456864</t>
  </si>
  <si>
    <t>cg06458086</t>
  </si>
  <si>
    <t>cg06463708</t>
  </si>
  <si>
    <t>cg06470822</t>
  </si>
  <si>
    <t>cg06471296</t>
  </si>
  <si>
    <t>cg06473288</t>
  </si>
  <si>
    <t>cg06475902</t>
  </si>
  <si>
    <t>cg06477487</t>
  </si>
  <si>
    <t>cg06477632</t>
  </si>
  <si>
    <t>cg06479512</t>
  </si>
  <si>
    <t>cg06480265</t>
  </si>
  <si>
    <t>cg06481660</t>
  </si>
  <si>
    <t>cg06485521</t>
  </si>
  <si>
    <t>cg06487442</t>
  </si>
  <si>
    <t>cg06487893</t>
  </si>
  <si>
    <t>cg06489830</t>
  </si>
  <si>
    <t>cg06491415</t>
  </si>
  <si>
    <t>cg06492708</t>
  </si>
  <si>
    <t>cg06493166</t>
  </si>
  <si>
    <t>cg06493473</t>
  </si>
  <si>
    <t>cg06493994</t>
  </si>
  <si>
    <t>cg06494670</t>
  </si>
  <si>
    <t>cg06495131</t>
  </si>
  <si>
    <t>cg06499030</t>
  </si>
  <si>
    <t>cg06508916</t>
  </si>
  <si>
    <t>cg06511049</t>
  </si>
  <si>
    <t>cg06513977</t>
  </si>
  <si>
    <t>cg06515328</t>
  </si>
  <si>
    <t>cg06519422</t>
  </si>
  <si>
    <t>cg06526189</t>
  </si>
  <si>
    <t>cg06526681</t>
  </si>
  <si>
    <t>cg06526741</t>
  </si>
  <si>
    <t>cg06527050</t>
  </si>
  <si>
    <t>cg06534376</t>
  </si>
  <si>
    <t>cg06534892</t>
  </si>
  <si>
    <t>cg06535156</t>
  </si>
  <si>
    <t>cg06535324</t>
  </si>
  <si>
    <t>cg06535498</t>
  </si>
  <si>
    <t>cg06536333</t>
  </si>
  <si>
    <t>cg06536503</t>
  </si>
  <si>
    <t>cg06539391</t>
  </si>
  <si>
    <t>cg06542377</t>
  </si>
  <si>
    <t>cg06543101</t>
  </si>
  <si>
    <t>cg06543974</t>
  </si>
  <si>
    <t>cg06544162</t>
  </si>
  <si>
    <t>cg06544198</t>
  </si>
  <si>
    <t>cg06545143</t>
  </si>
  <si>
    <t>cg06545967</t>
  </si>
  <si>
    <t>cg06560379</t>
  </si>
  <si>
    <t>cg06563066</t>
  </si>
  <si>
    <t>cg06564915</t>
  </si>
  <si>
    <t>cg06569176</t>
  </si>
  <si>
    <t>cg06576570</t>
  </si>
  <si>
    <t>cg06577251</t>
  </si>
  <si>
    <t>cg06580074</t>
  </si>
  <si>
    <t>cg06580770</t>
  </si>
  <si>
    <t>cg06581201</t>
  </si>
  <si>
    <t>cg06582575</t>
  </si>
  <si>
    <t>cg06583438</t>
  </si>
  <si>
    <t>cg06585203</t>
  </si>
  <si>
    <t>cg06596943</t>
  </si>
  <si>
    <t>cg06598631</t>
  </si>
  <si>
    <t>cg06608359</t>
  </si>
  <si>
    <t>cg06609004</t>
  </si>
  <si>
    <t>cg06609310</t>
  </si>
  <si>
    <t>cg06617528</t>
  </si>
  <si>
    <t>cg06623918</t>
  </si>
  <si>
    <t>cg06629734</t>
  </si>
  <si>
    <t>cg06632549</t>
  </si>
  <si>
    <t>cg06633162</t>
  </si>
  <si>
    <t>cg06634471</t>
  </si>
  <si>
    <t>cg06634552</t>
  </si>
  <si>
    <t>cg06636077</t>
  </si>
  <si>
    <t>cg06636172</t>
  </si>
  <si>
    <t>cg06638515</t>
  </si>
  <si>
    <t>cg06638810</t>
  </si>
  <si>
    <t>cg06638874</t>
  </si>
  <si>
    <t>cg06639166</t>
  </si>
  <si>
    <t>cg06640020</t>
  </si>
  <si>
    <t>cg06642647</t>
  </si>
  <si>
    <t>cg06642945</t>
  </si>
  <si>
    <t>cg06643013</t>
  </si>
  <si>
    <t>cg06645096</t>
  </si>
  <si>
    <t>cg06646708</t>
  </si>
  <si>
    <t>cg06652085</t>
  </si>
  <si>
    <t>cg06654127</t>
  </si>
  <si>
    <t>cg06656924</t>
  </si>
  <si>
    <t>cg06662484</t>
  </si>
  <si>
    <t>cg06662991</t>
  </si>
  <si>
    <t>cg06663251</t>
  </si>
  <si>
    <t>cg06664486</t>
  </si>
  <si>
    <t>cg06666093</t>
  </si>
  <si>
    <t>cg06666175</t>
  </si>
  <si>
    <t>cg06667222</t>
  </si>
  <si>
    <t>cg06667732</t>
  </si>
  <si>
    <t>cg06671964</t>
  </si>
  <si>
    <t>cg06673559</t>
  </si>
  <si>
    <t>cg06673826</t>
  </si>
  <si>
    <t>cg06674310</t>
  </si>
  <si>
    <t>cg06675483</t>
  </si>
  <si>
    <t>cg06686436</t>
  </si>
  <si>
    <t>cg06688989</t>
  </si>
  <si>
    <t>cg06694826</t>
  </si>
  <si>
    <t>cg06696874</t>
  </si>
  <si>
    <t>cg06697595</t>
  </si>
  <si>
    <t>cg06704132</t>
  </si>
  <si>
    <t>cg06726374</t>
  </si>
  <si>
    <t>cg06731021</t>
  </si>
  <si>
    <t>cg06733419</t>
  </si>
  <si>
    <t>cg06734816</t>
  </si>
  <si>
    <t>cg06736783</t>
  </si>
  <si>
    <t>cg06740049</t>
  </si>
  <si>
    <t>cg06741198</t>
  </si>
  <si>
    <t>cg06746997</t>
  </si>
  <si>
    <t>cg06753425</t>
  </si>
  <si>
    <t>cg06758211</t>
  </si>
  <si>
    <t>cg06759309</t>
  </si>
  <si>
    <t>cg06760467</t>
  </si>
  <si>
    <t>cg06761719</t>
  </si>
  <si>
    <t>cg06762457</t>
  </si>
  <si>
    <t>cg06764804</t>
  </si>
  <si>
    <t>cg06764842</t>
  </si>
  <si>
    <t>cg06765423</t>
  </si>
  <si>
    <t>cg06768203</t>
  </si>
  <si>
    <t>cg06769372</t>
  </si>
  <si>
    <t>cg06769918</t>
  </si>
  <si>
    <t>cg06770743</t>
  </si>
  <si>
    <t>cg06777581</t>
  </si>
  <si>
    <t>cg06779945</t>
  </si>
  <si>
    <t>cg06780705</t>
  </si>
  <si>
    <t>cg06783166</t>
  </si>
  <si>
    <t>cg06785293</t>
  </si>
  <si>
    <t>cg06789383</t>
  </si>
  <si>
    <t>cg06795078</t>
  </si>
  <si>
    <t>cg06803933</t>
  </si>
  <si>
    <t>cg06804433</t>
  </si>
  <si>
    <t>cg06805323</t>
  </si>
  <si>
    <t>cg06809298</t>
  </si>
  <si>
    <t>cg06813515</t>
  </si>
  <si>
    <t>cg06818415</t>
  </si>
  <si>
    <t>cg06818823</t>
  </si>
  <si>
    <t>cg06820197</t>
  </si>
  <si>
    <t>cg06823247</t>
  </si>
  <si>
    <t>cg06824423</t>
  </si>
  <si>
    <t>cg06828418</t>
  </si>
  <si>
    <t>cg06832008</t>
  </si>
  <si>
    <t>cg06836736</t>
  </si>
  <si>
    <t>cg06841863</t>
  </si>
  <si>
    <t>cg06843320</t>
  </si>
  <si>
    <t>cg06845571</t>
  </si>
  <si>
    <t>cg06849931</t>
  </si>
  <si>
    <t>cg06851817</t>
  </si>
  <si>
    <t>cg06852255</t>
  </si>
  <si>
    <t>cg06853836</t>
  </si>
  <si>
    <t>cg06855286</t>
  </si>
  <si>
    <t>cg06857094</t>
  </si>
  <si>
    <t>cg06858181</t>
  </si>
  <si>
    <t>cg06861427</t>
  </si>
  <si>
    <t>cg06863300</t>
  </si>
  <si>
    <t>cg06865492</t>
  </si>
  <si>
    <t>cg06868245</t>
  </si>
  <si>
    <t>cg06868377</t>
  </si>
  <si>
    <t>cg06871764</t>
  </si>
  <si>
    <t>cg06875863</t>
  </si>
  <si>
    <t>cg06879746</t>
  </si>
  <si>
    <t>cg06881695</t>
  </si>
  <si>
    <t>cg06884548</t>
  </si>
  <si>
    <t>cg06885468</t>
  </si>
  <si>
    <t>cg06887580</t>
  </si>
  <si>
    <t>cg06891815</t>
  </si>
  <si>
    <t>cg06892049</t>
  </si>
  <si>
    <t>cg06892548</t>
  </si>
  <si>
    <t>cg06893296</t>
  </si>
  <si>
    <t>cg06893980</t>
  </si>
  <si>
    <t>cg06895103</t>
  </si>
  <si>
    <t>cg06895295</t>
  </si>
  <si>
    <t>cg06898831</t>
  </si>
  <si>
    <t>cg06902929</t>
  </si>
  <si>
    <t>cg06903569</t>
  </si>
  <si>
    <t>cg06918467</t>
  </si>
  <si>
    <t>cg06921107</t>
  </si>
  <si>
    <t>cg06921606</t>
  </si>
  <si>
    <t>cg06925389</t>
  </si>
  <si>
    <t>cg06926426</t>
  </si>
  <si>
    <t>cg06928312</t>
  </si>
  <si>
    <t>cg06934111</t>
  </si>
  <si>
    <t>cg06934971</t>
  </si>
  <si>
    <t>cg06936731</t>
  </si>
  <si>
    <t>cg06937348</t>
  </si>
  <si>
    <t>cg06937552</t>
  </si>
  <si>
    <t>cg06945625</t>
  </si>
  <si>
    <t>cg06948825</t>
  </si>
  <si>
    <t>cg06952422</t>
  </si>
  <si>
    <t>cg06954660</t>
  </si>
  <si>
    <t>cg06954761</t>
  </si>
  <si>
    <t>cg06966082</t>
  </si>
  <si>
    <t>cg06967118</t>
  </si>
  <si>
    <t>cg06968241</t>
  </si>
  <si>
    <t>cg06974409</t>
  </si>
  <si>
    <t>cg06976485</t>
  </si>
  <si>
    <t>cg06977872</t>
  </si>
  <si>
    <t>cg06981111</t>
  </si>
  <si>
    <t>cg06981386</t>
  </si>
  <si>
    <t>cg06984176</t>
  </si>
  <si>
    <t>cg06984657</t>
  </si>
  <si>
    <t>cg06984945</t>
  </si>
  <si>
    <t>cg06986158</t>
  </si>
  <si>
    <t>cg06986657</t>
  </si>
  <si>
    <t>cg06987944</t>
  </si>
  <si>
    <t>cg06991565</t>
  </si>
  <si>
    <t>cg06993420</t>
  </si>
  <si>
    <t>cg07000290</t>
  </si>
  <si>
    <t>cg07002201</t>
  </si>
  <si>
    <t>cg07004443</t>
  </si>
  <si>
    <t>cg07005242</t>
  </si>
  <si>
    <t>cg07005356</t>
  </si>
  <si>
    <t>cg07006183</t>
  </si>
  <si>
    <t>cg07009584</t>
  </si>
  <si>
    <t>cg07011110</t>
  </si>
  <si>
    <t>cg07011235</t>
  </si>
  <si>
    <t>cg07014126</t>
  </si>
  <si>
    <t>cg07017214</t>
  </si>
  <si>
    <t>cg07019072</t>
  </si>
  <si>
    <t>cg07019243</t>
  </si>
  <si>
    <t>cg07022880</t>
  </si>
  <si>
    <t>cg07025169</t>
  </si>
  <si>
    <t>cg07026448</t>
  </si>
  <si>
    <t>cg07028241</t>
  </si>
  <si>
    <t>cg07028415</t>
  </si>
  <si>
    <t>cg07037963</t>
  </si>
  <si>
    <t>cg07053014</t>
  </si>
  <si>
    <t>cg07056079</t>
  </si>
  <si>
    <t>cg07059403</t>
  </si>
  <si>
    <t>cg07061500</t>
  </si>
  <si>
    <t>cg07068375</t>
  </si>
  <si>
    <t>cg07069434</t>
  </si>
  <si>
    <t>cg07076342</t>
  </si>
  <si>
    <t>cg07076751</t>
  </si>
  <si>
    <t>cg07076850</t>
  </si>
  <si>
    <t>cg07087232</t>
  </si>
  <si>
    <t>cg07087850</t>
  </si>
  <si>
    <t>cg07088771</t>
  </si>
  <si>
    <t>cg07090273</t>
  </si>
  <si>
    <t>cg07091741</t>
  </si>
  <si>
    <t>cg07097026</t>
  </si>
  <si>
    <t>cg07098689</t>
  </si>
  <si>
    <t>cg07098722</t>
  </si>
  <si>
    <t>cg07099407</t>
  </si>
  <si>
    <t>cg07103722</t>
  </si>
  <si>
    <t>cg07107055</t>
  </si>
  <si>
    <t>cg07108764</t>
  </si>
  <si>
    <t>cg07109351</t>
  </si>
  <si>
    <t>cg07109551</t>
  </si>
  <si>
    <t>cg07109788</t>
  </si>
  <si>
    <t>cg07113653</t>
  </si>
  <si>
    <t>cg07117059</t>
  </si>
  <si>
    <t>cg07126235</t>
  </si>
  <si>
    <t>cg07129907</t>
  </si>
  <si>
    <t>cg07134252</t>
  </si>
  <si>
    <t>cg07155553</t>
  </si>
  <si>
    <t>cg07156249</t>
  </si>
  <si>
    <t>cg07160118</t>
  </si>
  <si>
    <t>cg07160574</t>
  </si>
  <si>
    <t>cg07162210</t>
  </si>
  <si>
    <t>cg07162905</t>
  </si>
  <si>
    <t>cg07164639</t>
  </si>
  <si>
    <t>cg07169289</t>
  </si>
  <si>
    <t>cg07169712</t>
  </si>
  <si>
    <t>cg07173783</t>
  </si>
  <si>
    <t>cg07180523</t>
  </si>
  <si>
    <t>cg07180897</t>
  </si>
  <si>
    <t>cg07183637</t>
  </si>
  <si>
    <t>cg07184988</t>
  </si>
  <si>
    <t>cg07191600</t>
  </si>
  <si>
    <t>cg07194134</t>
  </si>
  <si>
    <t>cg07194798</t>
  </si>
  <si>
    <t>cg07203873</t>
  </si>
  <si>
    <t>cg07205860</t>
  </si>
  <si>
    <t>cg07207660</t>
  </si>
  <si>
    <t>cg07208161</t>
  </si>
  <si>
    <t>cg07215697</t>
  </si>
  <si>
    <t>cg07219440</t>
  </si>
  <si>
    <t>cg07219710</t>
  </si>
  <si>
    <t>cg07220152</t>
  </si>
  <si>
    <t>cg07220356</t>
  </si>
  <si>
    <t>cg07224114</t>
  </si>
  <si>
    <t>cg07226165</t>
  </si>
  <si>
    <t>cg07226470</t>
  </si>
  <si>
    <t>cg07229198</t>
  </si>
  <si>
    <t>cg07233587</t>
  </si>
  <si>
    <t>cg07235774</t>
  </si>
  <si>
    <t>cg07236939</t>
  </si>
  <si>
    <t>cg07237089</t>
  </si>
  <si>
    <t>cg07239153</t>
  </si>
  <si>
    <t>cg07242427</t>
  </si>
  <si>
    <t>cg07249406</t>
  </si>
  <si>
    <t>cg07249939</t>
  </si>
  <si>
    <t>cg07251872</t>
  </si>
  <si>
    <t>cg07252933</t>
  </si>
  <si>
    <t>cg07253321</t>
  </si>
  <si>
    <t>cg07253384</t>
  </si>
  <si>
    <t>cg07254821</t>
  </si>
  <si>
    <t>cg07256442</t>
  </si>
  <si>
    <t>cg07257768</t>
  </si>
  <si>
    <t>cg07260592</t>
  </si>
  <si>
    <t>cg07263632</t>
  </si>
  <si>
    <t>cg07264329</t>
  </si>
  <si>
    <t>cg07265541</t>
  </si>
  <si>
    <t>cg07266533</t>
  </si>
  <si>
    <t>cg07267166</t>
  </si>
  <si>
    <t>cg07269567</t>
  </si>
  <si>
    <t>cg07271361</t>
  </si>
  <si>
    <t>cg07274516</t>
  </si>
  <si>
    <t>cg07275218</t>
  </si>
  <si>
    <t>cg07278158</t>
  </si>
  <si>
    <t>cg07279933</t>
  </si>
  <si>
    <t>cg07279955</t>
  </si>
  <si>
    <t>cg07281633</t>
  </si>
  <si>
    <t>cg07291387</t>
  </si>
  <si>
    <t>cg07292442</t>
  </si>
  <si>
    <t>cg07294541</t>
  </si>
  <si>
    <t>cg07300386</t>
  </si>
  <si>
    <t>cg07304186</t>
  </si>
  <si>
    <t>cg07305776</t>
  </si>
  <si>
    <t>cg07306190</t>
  </si>
  <si>
    <t>cg07306331</t>
  </si>
  <si>
    <t>cg07306737</t>
  </si>
  <si>
    <t>cg07308824</t>
  </si>
  <si>
    <t>cg07314043</t>
  </si>
  <si>
    <t>cg07314680</t>
  </si>
  <si>
    <t>cg07315356</t>
  </si>
  <si>
    <t>cg07315969</t>
  </si>
  <si>
    <t>cg07318088</t>
  </si>
  <si>
    <t>cg07318113</t>
  </si>
  <si>
    <t>cg07322064</t>
  </si>
  <si>
    <t>cg07327468</t>
  </si>
  <si>
    <t>cg07329248</t>
  </si>
  <si>
    <t>cg07329532</t>
  </si>
  <si>
    <t>cg07332563</t>
  </si>
  <si>
    <t>cg07333021</t>
  </si>
  <si>
    <t>cg07335294</t>
  </si>
  <si>
    <t>cg07340870</t>
  </si>
  <si>
    <t>cg07343445</t>
  </si>
  <si>
    <t>cg07343821</t>
  </si>
  <si>
    <t>cg07345515</t>
  </si>
  <si>
    <t>cg07346187</t>
  </si>
  <si>
    <t>cg07351302</t>
  </si>
  <si>
    <t>cg07352586</t>
  </si>
  <si>
    <t>cg07353306</t>
  </si>
  <si>
    <t>cg07355088</t>
  </si>
  <si>
    <t>cg07357081</t>
  </si>
  <si>
    <t>cg07358634</t>
  </si>
  <si>
    <t>cg07362341</t>
  </si>
  <si>
    <t>cg07363239</t>
  </si>
  <si>
    <t>cg07363637</t>
  </si>
  <si>
    <t>cg07365404</t>
  </si>
  <si>
    <t>cg07369374</t>
  </si>
  <si>
    <t>cg07372932</t>
  </si>
  <si>
    <t>cg07374247</t>
  </si>
  <si>
    <t>cg07377172</t>
  </si>
  <si>
    <t>cg07382842</t>
  </si>
  <si>
    <t>cg07385723</t>
  </si>
  <si>
    <t>cg07388171</t>
  </si>
  <si>
    <t>cg07388806</t>
  </si>
  <si>
    <t>cg07400063</t>
  </si>
  <si>
    <t>cg07404514</t>
  </si>
  <si>
    <t>cg07409602</t>
  </si>
  <si>
    <t>cg07413497</t>
  </si>
  <si>
    <t>cg07414571</t>
  </si>
  <si>
    <t>cg07416885</t>
  </si>
  <si>
    <t>cg07421596</t>
  </si>
  <si>
    <t>cg07421969</t>
  </si>
  <si>
    <t>cg07433344</t>
  </si>
  <si>
    <t>cg07433449</t>
  </si>
  <si>
    <t>cg07436579</t>
  </si>
  <si>
    <t>cg07437384</t>
  </si>
  <si>
    <t>cg07439316</t>
  </si>
  <si>
    <t>cg07439409</t>
  </si>
  <si>
    <t>cg07441854</t>
  </si>
  <si>
    <t>cg07445691</t>
  </si>
  <si>
    <t>cg07448742</t>
  </si>
  <si>
    <t>cg07449758</t>
  </si>
  <si>
    <t>cg07456831</t>
  </si>
  <si>
    <t>cg07459652</t>
  </si>
  <si>
    <t>cg07460294</t>
  </si>
  <si>
    <t>cg07466622</t>
  </si>
  <si>
    <t>cg07466983</t>
  </si>
  <si>
    <t>cg07467062</t>
  </si>
  <si>
    <t>cg07471461</t>
  </si>
  <si>
    <t>cg07473249</t>
  </si>
  <si>
    <t>cg07474296</t>
  </si>
  <si>
    <t>cg07474672</t>
  </si>
  <si>
    <t>cg07474957</t>
  </si>
  <si>
    <t>cg07481734</t>
  </si>
  <si>
    <t>cg07481886</t>
  </si>
  <si>
    <t>cg07487751</t>
  </si>
  <si>
    <t>cg07489447</t>
  </si>
  <si>
    <t>cg07489624</t>
  </si>
  <si>
    <t>cg07492757</t>
  </si>
  <si>
    <t>cg07495357</t>
  </si>
  <si>
    <t>cg07495811</t>
  </si>
  <si>
    <t>cg07496962</t>
  </si>
  <si>
    <t>cg07500019</t>
  </si>
  <si>
    <t>cg07500713</t>
  </si>
  <si>
    <t>cg07502333</t>
  </si>
  <si>
    <t>cg07504780</t>
  </si>
  <si>
    <t>cg07504864</t>
  </si>
  <si>
    <t>cg07505014</t>
  </si>
  <si>
    <t>cg07507218</t>
  </si>
  <si>
    <t>cg07507418</t>
  </si>
  <si>
    <t>cg07507686</t>
  </si>
  <si>
    <t>cg07513204</t>
  </si>
  <si>
    <t>cg07513276</t>
  </si>
  <si>
    <t>cg07516307</t>
  </si>
  <si>
    <t>cg07520919</t>
  </si>
  <si>
    <t>cg07522229</t>
  </si>
  <si>
    <t>cg07531221</t>
  </si>
  <si>
    <t>cg07532782</t>
  </si>
  <si>
    <t>cg07535879</t>
  </si>
  <si>
    <t>cg07537699</t>
  </si>
  <si>
    <t>cg07539045</t>
  </si>
  <si>
    <t>cg07540542</t>
  </si>
  <si>
    <t>cg07541160</t>
  </si>
  <si>
    <t>cg07546106</t>
  </si>
  <si>
    <t>cg07546684</t>
  </si>
  <si>
    <t>cg07547781</t>
  </si>
  <si>
    <t>cg07549335</t>
  </si>
  <si>
    <t>cg07549373</t>
  </si>
  <si>
    <t>cg07554734</t>
  </si>
  <si>
    <t>cg07556599</t>
  </si>
  <si>
    <t>cg07558837</t>
  </si>
  <si>
    <t>cg07563050</t>
  </si>
  <si>
    <t>cg07567800</t>
  </si>
  <si>
    <t>cg07568141</t>
  </si>
  <si>
    <t>cg07570142</t>
  </si>
  <si>
    <t>cg07571531</t>
  </si>
  <si>
    <t>cg07573985</t>
  </si>
  <si>
    <t>cg07576187</t>
  </si>
  <si>
    <t>cg07583933</t>
  </si>
  <si>
    <t>cg07590529</t>
  </si>
  <si>
    <t>cg07593342</t>
  </si>
  <si>
    <t>cg07593839</t>
  </si>
  <si>
    <t>cg07596845</t>
  </si>
  <si>
    <t>cg07599389</t>
  </si>
  <si>
    <t>cg07600374</t>
  </si>
  <si>
    <t>cg07601645</t>
  </si>
  <si>
    <t>cg07603815</t>
  </si>
  <si>
    <t>cg07613268</t>
  </si>
  <si>
    <t>cg07617317</t>
  </si>
  <si>
    <t>cg07617339</t>
  </si>
  <si>
    <t>cg07618175</t>
  </si>
  <si>
    <t>cg07618435</t>
  </si>
  <si>
    <t>cg07619549</t>
  </si>
  <si>
    <t>cg07620992</t>
  </si>
  <si>
    <t>cg07622533</t>
  </si>
  <si>
    <t>cg07623567</t>
  </si>
  <si>
    <t>cg07624424</t>
  </si>
  <si>
    <t>cg07627535</t>
  </si>
  <si>
    <t>cg07628084</t>
  </si>
  <si>
    <t>cg07635744</t>
  </si>
  <si>
    <t>cg07636178</t>
  </si>
  <si>
    <t>cg07636194</t>
  </si>
  <si>
    <t>cg07642949</t>
  </si>
  <si>
    <t>cg07643404</t>
  </si>
  <si>
    <t>cg07645809</t>
  </si>
  <si>
    <t>cg07646791</t>
  </si>
  <si>
    <t>cg07647651</t>
  </si>
  <si>
    <t>cg07651687</t>
  </si>
  <si>
    <t>cg07653264</t>
  </si>
  <si>
    <t>cg07653289</t>
  </si>
  <si>
    <t>cg07656347</t>
  </si>
  <si>
    <t>cg07657142</t>
  </si>
  <si>
    <t>cg07660236</t>
  </si>
  <si>
    <t>cg07661389</t>
  </si>
  <si>
    <t>cg07665229</t>
  </si>
  <si>
    <t>cg07671221</t>
  </si>
  <si>
    <t>cg07683276</t>
  </si>
  <si>
    <t>cg07687332</t>
  </si>
  <si>
    <t>cg07695625</t>
  </si>
  <si>
    <t>cg07699277</t>
  </si>
  <si>
    <t>cg07699648</t>
  </si>
  <si>
    <t>cg07703081</t>
  </si>
  <si>
    <t>cg07705135</t>
  </si>
  <si>
    <t>cg07705604</t>
  </si>
  <si>
    <t>cg07705820</t>
  </si>
  <si>
    <t>cg07705908</t>
  </si>
  <si>
    <t>cg07708721</t>
  </si>
  <si>
    <t>cg07709210</t>
  </si>
  <si>
    <t>cg07710211</t>
  </si>
  <si>
    <t>cg07713538</t>
  </si>
  <si>
    <t>cg07714708</t>
  </si>
  <si>
    <t>cg07715974</t>
  </si>
  <si>
    <t>cg07717083</t>
  </si>
  <si>
    <t>cg07718716</t>
  </si>
  <si>
    <t>cg07721569</t>
  </si>
  <si>
    <t>cg07722358</t>
  </si>
  <si>
    <t>cg07722505</t>
  </si>
  <si>
    <t>cg07725389</t>
  </si>
  <si>
    <t>cg07734926</t>
  </si>
  <si>
    <t>cg07735790</t>
  </si>
  <si>
    <t>cg07738839</t>
  </si>
  <si>
    <t>cg07740989</t>
  </si>
  <si>
    <t>cg07741184</t>
  </si>
  <si>
    <t>cg07741910</t>
  </si>
  <si>
    <t>cg07743144</t>
  </si>
  <si>
    <t>cg07746628</t>
  </si>
  <si>
    <t>cg07747241</t>
  </si>
  <si>
    <t>cg07750536</t>
  </si>
  <si>
    <t>cg07750744</t>
  </si>
  <si>
    <t>cg07750813</t>
  </si>
  <si>
    <t>cg07754347</t>
  </si>
  <si>
    <t>cg07764171</t>
  </si>
  <si>
    <t>cg07782113</t>
  </si>
  <si>
    <t>cg07792871</t>
  </si>
  <si>
    <t>cg07799366</t>
  </si>
  <si>
    <t>cg07800670</t>
  </si>
  <si>
    <t>cg07803420</t>
  </si>
  <si>
    <t>cg07805064</t>
  </si>
  <si>
    <t>cg07805833</t>
  </si>
  <si>
    <t>cg07810190</t>
  </si>
  <si>
    <t>cg07815131</t>
  </si>
  <si>
    <t>cg07816653</t>
  </si>
  <si>
    <t>cg07817400</t>
  </si>
  <si>
    <t>cg07821407</t>
  </si>
  <si>
    <t>cg07825007</t>
  </si>
  <si>
    <t>cg07826275</t>
  </si>
  <si>
    <t>cg07826642</t>
  </si>
  <si>
    <t>cg07827717</t>
  </si>
  <si>
    <t>cg07829465</t>
  </si>
  <si>
    <t>cg07829740</t>
  </si>
  <si>
    <t>cg07830855</t>
  </si>
  <si>
    <t>cg07831644</t>
  </si>
  <si>
    <t>cg07833420</t>
  </si>
  <si>
    <t>cg07836142</t>
  </si>
  <si>
    <t>cg07837102</t>
  </si>
  <si>
    <t>cg07837434</t>
  </si>
  <si>
    <t>cg07839627</t>
  </si>
  <si>
    <t>cg07839742</t>
  </si>
  <si>
    <t>cg07841385</t>
  </si>
  <si>
    <t>cg07841905</t>
  </si>
  <si>
    <t>cg07843262</t>
  </si>
  <si>
    <t>cg07845011</t>
  </si>
  <si>
    <t>cg07845406</t>
  </si>
  <si>
    <t>cg07857181</t>
  </si>
  <si>
    <t>cg07868688</t>
  </si>
  <si>
    <t>cg07870713</t>
  </si>
  <si>
    <t>cg07871313</t>
  </si>
  <si>
    <t>cg07873320</t>
  </si>
  <si>
    <t>cg07874738</t>
  </si>
  <si>
    <t>cg07875215</t>
  </si>
  <si>
    <t>cg07878800</t>
  </si>
  <si>
    <t>cg07880384</t>
  </si>
  <si>
    <t>cg07881623</t>
  </si>
  <si>
    <t>cg07883823</t>
  </si>
  <si>
    <t>cg07885132</t>
  </si>
  <si>
    <t>cg07889329</t>
  </si>
  <si>
    <t>cg07891064</t>
  </si>
  <si>
    <t>cg07891483</t>
  </si>
  <si>
    <t>cg07897048</t>
  </si>
  <si>
    <t>cg07898120</t>
  </si>
  <si>
    <t>cg07899634</t>
  </si>
  <si>
    <t>cg07904285</t>
  </si>
  <si>
    <t>cg07905444</t>
  </si>
  <si>
    <t>cg07905696</t>
  </si>
  <si>
    <t>cg07905975</t>
  </si>
  <si>
    <t>cg07906726</t>
  </si>
  <si>
    <t>cg07907517</t>
  </si>
  <si>
    <t>cg07907670</t>
  </si>
  <si>
    <t>cg07910408</t>
  </si>
  <si>
    <t>cg07911587</t>
  </si>
  <si>
    <t>cg07912161</t>
  </si>
  <si>
    <t>cg07912416</t>
  </si>
  <si>
    <t>cg07913887</t>
  </si>
  <si>
    <t>cg07917843</t>
  </si>
  <si>
    <t>cg07920838</t>
  </si>
  <si>
    <t>cg07923588</t>
  </si>
  <si>
    <t>cg07927540</t>
  </si>
  <si>
    <t>cg07930207</t>
  </si>
  <si>
    <t>cg07931652</t>
  </si>
  <si>
    <t>cg07936285</t>
  </si>
  <si>
    <t>cg07938826</t>
  </si>
  <si>
    <t>cg07939046</t>
  </si>
  <si>
    <t>cg07939445</t>
  </si>
  <si>
    <t>cg07939503</t>
  </si>
  <si>
    <t>cg07940011</t>
  </si>
  <si>
    <t>cg07944381</t>
  </si>
  <si>
    <t>cg07950252</t>
  </si>
  <si>
    <t>cg07954885</t>
  </si>
  <si>
    <t>cg07955933</t>
  </si>
  <si>
    <t>cg07967643</t>
  </si>
  <si>
    <t>cg07967918</t>
  </si>
  <si>
    <t>cg07968224</t>
  </si>
  <si>
    <t>cg07970325</t>
  </si>
  <si>
    <t>cg07970821</t>
  </si>
  <si>
    <t>cg07970874</t>
  </si>
  <si>
    <t>cg07972026</t>
  </si>
  <si>
    <t>cg07972954</t>
  </si>
  <si>
    <t>cg07977689</t>
  </si>
  <si>
    <t>cg07977752</t>
  </si>
  <si>
    <t>cg07977946</t>
  </si>
  <si>
    <t>cg07980671</t>
  </si>
  <si>
    <t>cg07983888</t>
  </si>
  <si>
    <t>cg07989437</t>
  </si>
  <si>
    <t>cg07991112</t>
  </si>
  <si>
    <t>cg07991951</t>
  </si>
  <si>
    <t>cg07993642</t>
  </si>
  <si>
    <t>cg07995200</t>
  </si>
  <si>
    <t>cg07997104</t>
  </si>
  <si>
    <t>cg08009622</t>
  </si>
  <si>
    <t>cg08009669</t>
  </si>
  <si>
    <t>cg08011328</t>
  </si>
  <si>
    <t>cg08015382</t>
  </si>
  <si>
    <t>cg08015801</t>
  </si>
  <si>
    <t>cg08021615</t>
  </si>
  <si>
    <t>cg08026412</t>
  </si>
  <si>
    <t>cg08027034</t>
  </si>
  <si>
    <t>cg08027484</t>
  </si>
  <si>
    <t>cg08027745</t>
  </si>
  <si>
    <t>cg08027810</t>
  </si>
  <si>
    <t>cg08035151</t>
  </si>
  <si>
    <t>cg08039385</t>
  </si>
  <si>
    <t>cg08041469</t>
  </si>
  <si>
    <t>cg08046751</t>
  </si>
  <si>
    <t>cg08048963</t>
  </si>
  <si>
    <t>cg08049198</t>
  </si>
  <si>
    <t>cg08049736</t>
  </si>
  <si>
    <t>cg08055087</t>
  </si>
  <si>
    <t>cg08056850</t>
  </si>
  <si>
    <t>cg08060645</t>
  </si>
  <si>
    <t>cg08065408</t>
  </si>
  <si>
    <t>cg08066917</t>
  </si>
  <si>
    <t>cg08071609</t>
  </si>
  <si>
    <t>cg08072310</t>
  </si>
  <si>
    <t>cg08073652</t>
  </si>
  <si>
    <t>cg08074131</t>
  </si>
  <si>
    <t>cg08075060</t>
  </si>
  <si>
    <t>cg08077736</t>
  </si>
  <si>
    <t>cg08083016</t>
  </si>
  <si>
    <t>cg08084946</t>
  </si>
  <si>
    <t>cg08085929</t>
  </si>
  <si>
    <t>cg08090835</t>
  </si>
  <si>
    <t>cg08093277</t>
  </si>
  <si>
    <t>cg08099136</t>
  </si>
  <si>
    <t>cg08099293</t>
  </si>
  <si>
    <t>cg08103317</t>
  </si>
  <si>
    <t>cg08105217</t>
  </si>
  <si>
    <t>cg08107098</t>
  </si>
  <si>
    <t>cg08109136</t>
  </si>
  <si>
    <t>cg08109681</t>
  </si>
  <si>
    <t>cg08109815</t>
  </si>
  <si>
    <t>cg08110052</t>
  </si>
  <si>
    <t>cg08110861</t>
  </si>
  <si>
    <t>cg08111284</t>
  </si>
  <si>
    <t>cg08114265</t>
  </si>
  <si>
    <t>cg08124399</t>
  </si>
  <si>
    <t>cg08126542</t>
  </si>
  <si>
    <t>cg08129761</t>
  </si>
  <si>
    <t>cg08130490</t>
  </si>
  <si>
    <t>cg08132003</t>
  </si>
  <si>
    <t>cg08133058</t>
  </si>
  <si>
    <t>cg08133228</t>
  </si>
  <si>
    <t>cg08133486</t>
  </si>
  <si>
    <t>cg08135787</t>
  </si>
  <si>
    <t>cg08135850</t>
  </si>
  <si>
    <t>cg08135904</t>
  </si>
  <si>
    <t>cg08136020</t>
  </si>
  <si>
    <t>cg08142684</t>
  </si>
  <si>
    <t>cg08151204</t>
  </si>
  <si>
    <t>cg08155486</t>
  </si>
  <si>
    <t>cg08165151</t>
  </si>
  <si>
    <t>cg08167286</t>
  </si>
  <si>
    <t>cg08168400</t>
  </si>
  <si>
    <t>cg08178786</t>
  </si>
  <si>
    <t>cg08180063</t>
  </si>
  <si>
    <t>cg08180596</t>
  </si>
  <si>
    <t>cg08183114</t>
  </si>
  <si>
    <t>cg08190928</t>
  </si>
  <si>
    <t>cg08192165</t>
  </si>
  <si>
    <t>cg08193141</t>
  </si>
  <si>
    <t>cg08196667</t>
  </si>
  <si>
    <t>cg08197797</t>
  </si>
  <si>
    <t>cg08200851</t>
  </si>
  <si>
    <t>cg08204571</t>
  </si>
  <si>
    <t>cg08207209</t>
  </si>
  <si>
    <t>cg08207604</t>
  </si>
  <si>
    <t>cg08214847</t>
  </si>
  <si>
    <t>cg08219863</t>
  </si>
  <si>
    <t>cg08224852</t>
  </si>
  <si>
    <t>cg08228366</t>
  </si>
  <si>
    <t>cg08233811</t>
  </si>
  <si>
    <t>cg08234168</t>
  </si>
  <si>
    <t>cg08246318</t>
  </si>
  <si>
    <t>cg08248751</t>
  </si>
  <si>
    <t>cg08249371</t>
  </si>
  <si>
    <t>cg08249780</t>
  </si>
  <si>
    <t>cg08250055</t>
  </si>
  <si>
    <t>cg08252369</t>
  </si>
  <si>
    <t>cg08253704</t>
  </si>
  <si>
    <t>cg08254733</t>
  </si>
  <si>
    <t>cg08255964</t>
  </si>
  <si>
    <t>cg08256027</t>
  </si>
  <si>
    <t>cg08257003</t>
  </si>
  <si>
    <t>cg08263071</t>
  </si>
  <si>
    <t>cg08267489</t>
  </si>
  <si>
    <t>cg08268892</t>
  </si>
  <si>
    <t>cg08273233</t>
  </si>
  <si>
    <t>cg08277291</t>
  </si>
  <si>
    <t>cg08277314</t>
  </si>
  <si>
    <t>cg08289346</t>
  </si>
  <si>
    <t>cg08291302</t>
  </si>
  <si>
    <t>cg08293075</t>
  </si>
  <si>
    <t>cg08295498</t>
  </si>
  <si>
    <t>cg08300252</t>
  </si>
  <si>
    <t>cg08301503</t>
  </si>
  <si>
    <t>cg08302713</t>
  </si>
  <si>
    <t>cg08303612</t>
  </si>
  <si>
    <t>cg08306084</t>
  </si>
  <si>
    <t>cg08306955</t>
  </si>
  <si>
    <t>cg08310224</t>
  </si>
  <si>
    <t>cg08313040</t>
  </si>
  <si>
    <t>cg08315187</t>
  </si>
  <si>
    <t>cg08315770</t>
  </si>
  <si>
    <t>cg08316699</t>
  </si>
  <si>
    <t>cg08319974</t>
  </si>
  <si>
    <t>cg08320861</t>
  </si>
  <si>
    <t>cg08321684</t>
  </si>
  <si>
    <t>cg08322034</t>
  </si>
  <si>
    <t>cg08324157</t>
  </si>
  <si>
    <t>cg08328160</t>
  </si>
  <si>
    <t>cg08329753</t>
  </si>
  <si>
    <t>cg08335767</t>
  </si>
  <si>
    <t>cg08336736</t>
  </si>
  <si>
    <t>cg08340838</t>
  </si>
  <si>
    <t>cg08342770</t>
  </si>
  <si>
    <t>cg08344534</t>
  </si>
  <si>
    <t>cg08345211</t>
  </si>
  <si>
    <t>cg08345465</t>
  </si>
  <si>
    <t>cg08352920</t>
  </si>
  <si>
    <t>cg08355863</t>
  </si>
  <si>
    <t>cg08356572</t>
  </si>
  <si>
    <t>cg08358263</t>
  </si>
  <si>
    <t>cg08362804</t>
  </si>
  <si>
    <t>cg08362880</t>
  </si>
  <si>
    <t>cg08365388</t>
  </si>
  <si>
    <t>cg08367318</t>
  </si>
  <si>
    <t>cg08367659</t>
  </si>
  <si>
    <t>cg08375286</t>
  </si>
  <si>
    <t>cg08376368</t>
  </si>
  <si>
    <t>cg08378567</t>
  </si>
  <si>
    <t>cg08382963</t>
  </si>
  <si>
    <t>cg08383144</t>
  </si>
  <si>
    <t>cg08385906</t>
  </si>
  <si>
    <t>cg08386009</t>
  </si>
  <si>
    <t>cg08390280</t>
  </si>
  <si>
    <t>cg08391356</t>
  </si>
  <si>
    <t>cg08395524</t>
  </si>
  <si>
    <t>cg08396034</t>
  </si>
  <si>
    <t>cg08396915</t>
  </si>
  <si>
    <t>cg08397344</t>
  </si>
  <si>
    <t>cg08397993</t>
  </si>
  <si>
    <t>cg08400210</t>
  </si>
  <si>
    <t>cg08401657</t>
  </si>
  <si>
    <t>cg08401836</t>
  </si>
  <si>
    <t>cg08402640</t>
  </si>
  <si>
    <t>cg08404427</t>
  </si>
  <si>
    <t>cg08409562</t>
  </si>
  <si>
    <t>cg08410028</t>
  </si>
  <si>
    <t>cg08410921</t>
  </si>
  <si>
    <t>cg08412885</t>
  </si>
  <si>
    <t>cg08415141</t>
  </si>
  <si>
    <t>cg08415973</t>
  </si>
  <si>
    <t>cg08416875</t>
  </si>
  <si>
    <t>cg08417687</t>
  </si>
  <si>
    <t>cg08419582</t>
  </si>
  <si>
    <t>cg08419879</t>
  </si>
  <si>
    <t>cg08420066</t>
  </si>
  <si>
    <t>cg08424166</t>
  </si>
  <si>
    <t>cg08426066</t>
  </si>
  <si>
    <t>cg08428985</t>
  </si>
  <si>
    <t>cg08430292</t>
  </si>
  <si>
    <t>cg08430325</t>
  </si>
  <si>
    <t>cg08432053</t>
  </si>
  <si>
    <t>cg08432075</t>
  </si>
  <si>
    <t>cg08434574</t>
  </si>
  <si>
    <t>cg08436959</t>
  </si>
  <si>
    <t>cg08439728</t>
  </si>
  <si>
    <t>cg08441534</t>
  </si>
  <si>
    <t>cg08444284</t>
  </si>
  <si>
    <t>cg08447044</t>
  </si>
  <si>
    <t>cg08450897</t>
  </si>
  <si>
    <t>cg08456130</t>
  </si>
  <si>
    <t>cg08457178</t>
  </si>
  <si>
    <t>cg08458400</t>
  </si>
  <si>
    <t>cg08458630</t>
  </si>
  <si>
    <t>cg08459746</t>
  </si>
  <si>
    <t>cg08460022</t>
  </si>
  <si>
    <t>cg08460717</t>
  </si>
  <si>
    <t>cg08463024</t>
  </si>
  <si>
    <t>cg08464208</t>
  </si>
  <si>
    <t>cg08466385</t>
  </si>
  <si>
    <t>cg08476837</t>
  </si>
  <si>
    <t>cg08477599</t>
  </si>
  <si>
    <t>cg08482167</t>
  </si>
  <si>
    <t>cg08482670</t>
  </si>
  <si>
    <t>cg08483834</t>
  </si>
  <si>
    <t>cg08484337</t>
  </si>
  <si>
    <t>cg08484518</t>
  </si>
  <si>
    <t>cg08485158</t>
  </si>
  <si>
    <t>cg08486432</t>
  </si>
  <si>
    <t>cg08487909</t>
  </si>
  <si>
    <t>cg08490690</t>
  </si>
  <si>
    <t>cg08491668</t>
  </si>
  <si>
    <t>cg08494905</t>
  </si>
  <si>
    <t>cg08498156</t>
  </si>
  <si>
    <t>cg08500171</t>
  </si>
  <si>
    <t>cg08502159</t>
  </si>
  <si>
    <t>cg08502490</t>
  </si>
  <si>
    <t>cg08505243</t>
  </si>
  <si>
    <t>cg08507806</t>
  </si>
  <si>
    <t>cg08508724</t>
  </si>
  <si>
    <t>cg08509237</t>
  </si>
  <si>
    <t>cg08509383</t>
  </si>
  <si>
    <t>cg08509427</t>
  </si>
  <si>
    <t>cg08510658</t>
  </si>
  <si>
    <t>cg08513123</t>
  </si>
  <si>
    <t>cg08513253</t>
  </si>
  <si>
    <t>cg08515442</t>
  </si>
  <si>
    <t>cg08520429</t>
  </si>
  <si>
    <t>cg08523505</t>
  </si>
  <si>
    <t>cg08541518</t>
  </si>
  <si>
    <t>cg08542016</t>
  </si>
  <si>
    <t>cg08542199</t>
  </si>
  <si>
    <t>cg08542429</t>
  </si>
  <si>
    <t>cg08545493</t>
  </si>
  <si>
    <t>cg08548882</t>
  </si>
  <si>
    <t>cg08553327</t>
  </si>
  <si>
    <t>cg08555556</t>
  </si>
  <si>
    <t>cg08557029</t>
  </si>
  <si>
    <t>cg08557970</t>
  </si>
  <si>
    <t>cg08558323</t>
  </si>
  <si>
    <t>cg08559989</t>
  </si>
  <si>
    <t>cg08560465</t>
  </si>
  <si>
    <t>cg08569322</t>
  </si>
  <si>
    <t>cg08573679</t>
  </si>
  <si>
    <t>cg08576184</t>
  </si>
  <si>
    <t>cg08582827</t>
  </si>
  <si>
    <t>cg08583435</t>
  </si>
  <si>
    <t>cg08585380</t>
  </si>
  <si>
    <t>cg08588180</t>
  </si>
  <si>
    <t>cg08590186</t>
  </si>
  <si>
    <t>cg08595806</t>
  </si>
  <si>
    <t>cg08596308</t>
  </si>
  <si>
    <t>cg08596842</t>
  </si>
  <si>
    <t>cg08598364</t>
  </si>
  <si>
    <t>cg08601457</t>
  </si>
  <si>
    <t>cg08601899</t>
  </si>
  <si>
    <t>cg08601959</t>
  </si>
  <si>
    <t>cg08601984</t>
  </si>
  <si>
    <t>cg08606655</t>
  </si>
  <si>
    <t>cg08607032</t>
  </si>
  <si>
    <t>cg08612601</t>
  </si>
  <si>
    <t>cg08614082</t>
  </si>
  <si>
    <t>cg08614481</t>
  </si>
  <si>
    <t>cg08616702</t>
  </si>
  <si>
    <t>cg08619119</t>
  </si>
  <si>
    <t>cg08619528</t>
  </si>
  <si>
    <t>cg08620270</t>
  </si>
  <si>
    <t>cg08620995</t>
  </si>
  <si>
    <t>cg08621203</t>
  </si>
  <si>
    <t>cg08621418</t>
  </si>
  <si>
    <t>cg08621445</t>
  </si>
  <si>
    <t>cg08623051</t>
  </si>
  <si>
    <t>cg08625851</t>
  </si>
  <si>
    <t>cg08631819</t>
  </si>
  <si>
    <t>cg08632007</t>
  </si>
  <si>
    <t>cg08632473</t>
  </si>
  <si>
    <t>cg08635134</t>
  </si>
  <si>
    <t>cg08640361</t>
  </si>
  <si>
    <t>cg08643359</t>
  </si>
  <si>
    <t>cg08647910</t>
  </si>
  <si>
    <t>cg08652108</t>
  </si>
  <si>
    <t>cg08652722</t>
  </si>
  <si>
    <t>cg08659487</t>
  </si>
  <si>
    <t>cg08660395</t>
  </si>
  <si>
    <t>cg08664487</t>
  </si>
  <si>
    <t>cg08666707</t>
  </si>
  <si>
    <t>cg08667148</t>
  </si>
  <si>
    <t>cg08670906</t>
  </si>
  <si>
    <t>cg08672919</t>
  </si>
  <si>
    <t>cg08673763</t>
  </si>
  <si>
    <t>cg08675092</t>
  </si>
  <si>
    <t>cg08677954</t>
  </si>
  <si>
    <t>cg08678755</t>
  </si>
  <si>
    <t>cg08681737</t>
  </si>
  <si>
    <t>cg08683791</t>
  </si>
  <si>
    <t>cg08684361</t>
  </si>
  <si>
    <t>cg08687386</t>
  </si>
  <si>
    <t>cg08687901</t>
  </si>
  <si>
    <t>cg08696640</t>
  </si>
  <si>
    <t>cg08701952</t>
  </si>
  <si>
    <t>cg08707536</t>
  </si>
  <si>
    <t>cg08709276</t>
  </si>
  <si>
    <t>cg08711281</t>
  </si>
  <si>
    <t>cg08724369</t>
  </si>
  <si>
    <t>cg08728118</t>
  </si>
  <si>
    <t>cg08732684</t>
  </si>
  <si>
    <t>cg08733960</t>
  </si>
  <si>
    <t>cg08734918</t>
  </si>
  <si>
    <t>cg08735211</t>
  </si>
  <si>
    <t>cg08743794</t>
  </si>
  <si>
    <t>cg08743899</t>
  </si>
  <si>
    <t>cg08744475</t>
  </si>
  <si>
    <t>cg08747889</t>
  </si>
  <si>
    <t>cg08749775</t>
  </si>
  <si>
    <t>cg08751499</t>
  </si>
  <si>
    <t>cg08753297</t>
  </si>
  <si>
    <t>cg08755130</t>
  </si>
  <si>
    <t>cg08757670</t>
  </si>
  <si>
    <t>cg08759745</t>
  </si>
  <si>
    <t>cg08759957</t>
  </si>
  <si>
    <t>cg08763126</t>
  </si>
  <si>
    <t>cg08766762</t>
  </si>
  <si>
    <t>cg08770734</t>
  </si>
  <si>
    <t>cg08770771</t>
  </si>
  <si>
    <t>cg08771019</t>
  </si>
  <si>
    <t>cg08773226</t>
  </si>
  <si>
    <t>cg08782487</t>
  </si>
  <si>
    <t>cg08784091</t>
  </si>
  <si>
    <t>cg08784966</t>
  </si>
  <si>
    <t>cg08789053</t>
  </si>
  <si>
    <t>cg08792388</t>
  </si>
  <si>
    <t>cg08792416</t>
  </si>
  <si>
    <t>cg08794940</t>
  </si>
  <si>
    <t>cg08795949</t>
  </si>
  <si>
    <t>cg08797106</t>
  </si>
  <si>
    <t>cg08797669</t>
  </si>
  <si>
    <t>cg08799350</t>
  </si>
  <si>
    <t>cg08799655</t>
  </si>
  <si>
    <t>cg08799997</t>
  </si>
  <si>
    <t>cg08800670</t>
  </si>
  <si>
    <t>cg08802604</t>
  </si>
  <si>
    <t>cg08810053</t>
  </si>
  <si>
    <t>cg08810584</t>
  </si>
  <si>
    <t>cg08811210</t>
  </si>
  <si>
    <t>cg08813936</t>
  </si>
  <si>
    <t>cg08814206</t>
  </si>
  <si>
    <t>cg08815340</t>
  </si>
  <si>
    <t>cg08818610</t>
  </si>
  <si>
    <t>cg08826738</t>
  </si>
  <si>
    <t>cg08827454</t>
  </si>
  <si>
    <t>cg08827756</t>
  </si>
  <si>
    <t>cg08830754</t>
  </si>
  <si>
    <t>cg08834050</t>
  </si>
  <si>
    <t>cg08834273</t>
  </si>
  <si>
    <t>cg08840847</t>
  </si>
  <si>
    <t>cg08843660</t>
  </si>
  <si>
    <t>cg08846245</t>
  </si>
  <si>
    <t>cg08846333</t>
  </si>
  <si>
    <t>cg08848598</t>
  </si>
  <si>
    <t>cg08849150</t>
  </si>
  <si>
    <t>cg08851943</t>
  </si>
  <si>
    <t>cg08852765</t>
  </si>
  <si>
    <t>cg08854266</t>
  </si>
  <si>
    <t>cg08856420</t>
  </si>
  <si>
    <t>cg08858220</t>
  </si>
  <si>
    <t>cg08862148</t>
  </si>
  <si>
    <t>cg08864240</t>
  </si>
  <si>
    <t>cg08869160</t>
  </si>
  <si>
    <t>cg08875433</t>
  </si>
  <si>
    <t>cg08875948</t>
  </si>
  <si>
    <t>cg08878352</t>
  </si>
  <si>
    <t>cg08879099</t>
  </si>
  <si>
    <t>cg08880817</t>
  </si>
  <si>
    <t>cg08882882</t>
  </si>
  <si>
    <t>cg08895903</t>
  </si>
  <si>
    <t>cg08897388</t>
  </si>
  <si>
    <t>cg08899667</t>
  </si>
  <si>
    <t>cg08900874</t>
  </si>
  <si>
    <t>cg08907436</t>
  </si>
  <si>
    <t>cg08910205</t>
  </si>
  <si>
    <t>cg08913013</t>
  </si>
  <si>
    <t>cg08917831</t>
  </si>
  <si>
    <t>cg08918658</t>
  </si>
  <si>
    <t>cg08918709</t>
  </si>
  <si>
    <t>cg08923450</t>
  </si>
  <si>
    <t>cg08929002</t>
  </si>
  <si>
    <t>cg08932320</t>
  </si>
  <si>
    <t>cg08932727</t>
  </si>
  <si>
    <t>cg08933939</t>
  </si>
  <si>
    <t>cg08939974</t>
  </si>
  <si>
    <t>cg08946601</t>
  </si>
  <si>
    <t>cg08946989</t>
  </si>
  <si>
    <t>cg08947964</t>
  </si>
  <si>
    <t>cg08949650</t>
  </si>
  <si>
    <t>cg08950757</t>
  </si>
  <si>
    <t>cg08951271</t>
  </si>
  <si>
    <t>cg08951273</t>
  </si>
  <si>
    <t>cg08958598</t>
  </si>
  <si>
    <t>cg08961187</t>
  </si>
  <si>
    <t>cg08962020</t>
  </si>
  <si>
    <t>cg08962184</t>
  </si>
  <si>
    <t>cg08966889</t>
  </si>
  <si>
    <t>cg08969344</t>
  </si>
  <si>
    <t>cg08971831</t>
  </si>
  <si>
    <t>cg08974500</t>
  </si>
  <si>
    <t>cg08981181</t>
  </si>
  <si>
    <t>cg08983330</t>
  </si>
  <si>
    <t>cg08987413</t>
  </si>
  <si>
    <t>cg08989818</t>
  </si>
  <si>
    <t>cg08992729</t>
  </si>
  <si>
    <t>cg08995556</t>
  </si>
  <si>
    <t>cg08996301</t>
  </si>
  <si>
    <t>cg08997518</t>
  </si>
  <si>
    <t>cg08998192</t>
  </si>
  <si>
    <t>cg09002684</t>
  </si>
  <si>
    <t>cg09003023</t>
  </si>
  <si>
    <t>cg09004287</t>
  </si>
  <si>
    <t>cg09005548</t>
  </si>
  <si>
    <t>cg09008753</t>
  </si>
  <si>
    <t>cg09009248</t>
  </si>
  <si>
    <t>cg09009770</t>
  </si>
  <si>
    <t>cg09012858</t>
  </si>
  <si>
    <t>cg09015325</t>
  </si>
  <si>
    <t>cg09016348</t>
  </si>
  <si>
    <t>cg09016822</t>
  </si>
  <si>
    <t>cg09018383</t>
  </si>
  <si>
    <t>cg09025324</t>
  </si>
  <si>
    <t>cg09028157</t>
  </si>
  <si>
    <t>cg09032303</t>
  </si>
  <si>
    <t>cg09032499</t>
  </si>
  <si>
    <t>cg09034601</t>
  </si>
  <si>
    <t>cg09037630</t>
  </si>
  <si>
    <t>cg09042759</t>
  </si>
  <si>
    <t>cg09043226</t>
  </si>
  <si>
    <t>cg09043403</t>
  </si>
  <si>
    <t>cg09045050</t>
  </si>
  <si>
    <t>cg09045681</t>
  </si>
  <si>
    <t>cg09046055</t>
  </si>
  <si>
    <t>cg09046168</t>
  </si>
  <si>
    <t>cg09046490</t>
  </si>
  <si>
    <t>cg09050820</t>
  </si>
  <si>
    <t>cg09059042</t>
  </si>
  <si>
    <t>cg09063566</t>
  </si>
  <si>
    <t>cg09074817</t>
  </si>
  <si>
    <t>cg09076926</t>
  </si>
  <si>
    <t>cg09080120</t>
  </si>
  <si>
    <t>cg09083108</t>
  </si>
  <si>
    <t>cg09083345</t>
  </si>
  <si>
    <t>cg09083736</t>
  </si>
  <si>
    <t>cg09086326</t>
  </si>
  <si>
    <t>cg09088448</t>
  </si>
  <si>
    <t>cg09088836</t>
  </si>
  <si>
    <t>cg09091918</t>
  </si>
  <si>
    <t>cg09093485</t>
  </si>
  <si>
    <t>cg09094393</t>
  </si>
  <si>
    <t>cg09097215</t>
  </si>
  <si>
    <t>cg09098904</t>
  </si>
  <si>
    <t>cg09100695</t>
  </si>
  <si>
    <t>cg09100940</t>
  </si>
  <si>
    <t>cg09102573</t>
  </si>
  <si>
    <t>cg09103187</t>
  </si>
  <si>
    <t>cg09103423</t>
  </si>
  <si>
    <t>cg09106984</t>
  </si>
  <si>
    <t>cg09108191</t>
  </si>
  <si>
    <t>cg09110394</t>
  </si>
  <si>
    <t>cg09111718</t>
  </si>
  <si>
    <t>cg09113474</t>
  </si>
  <si>
    <t>cg09118053</t>
  </si>
  <si>
    <t>cg09119433</t>
  </si>
  <si>
    <t>cg09121623</t>
  </si>
  <si>
    <t>cg09123524</t>
  </si>
  <si>
    <t>cg09125623</t>
  </si>
  <si>
    <t>cg09126467</t>
  </si>
  <si>
    <t>cg09127107</t>
  </si>
  <si>
    <t>cg09130091</t>
  </si>
  <si>
    <t>cg09131398</t>
  </si>
  <si>
    <t>cg09133386</t>
  </si>
  <si>
    <t>cg09133706</t>
  </si>
  <si>
    <t>cg09134314</t>
  </si>
  <si>
    <t>cg09134341</t>
  </si>
  <si>
    <t>cg09139128</t>
  </si>
  <si>
    <t>cg09141919</t>
  </si>
  <si>
    <t>cg09144073</t>
  </si>
  <si>
    <t>cg09146459</t>
  </si>
  <si>
    <t>cg09146645</t>
  </si>
  <si>
    <t>cg09149149</t>
  </si>
  <si>
    <t>cg09149894</t>
  </si>
  <si>
    <t>cg09150006</t>
  </si>
  <si>
    <t>cg09152042</t>
  </si>
  <si>
    <t>cg09153092</t>
  </si>
  <si>
    <t>cg09153713</t>
  </si>
  <si>
    <t>cg09156769</t>
  </si>
  <si>
    <t>cg09174480</t>
  </si>
  <si>
    <t>cg09181548</t>
  </si>
  <si>
    <t>cg09182900</t>
  </si>
  <si>
    <t>cg09184423</t>
  </si>
  <si>
    <t>cg09185650</t>
  </si>
  <si>
    <t>cg09190325</t>
  </si>
  <si>
    <t>cg09195321</t>
  </si>
  <si>
    <t>cg09198138</t>
  </si>
  <si>
    <t>cg09198277</t>
  </si>
  <si>
    <t>cg09202659</t>
  </si>
  <si>
    <t>cg09207762</t>
  </si>
  <si>
    <t>cg09210225</t>
  </si>
  <si>
    <t>cg09211372</t>
  </si>
  <si>
    <t>cg09211399</t>
  </si>
  <si>
    <t>cg09214254</t>
  </si>
  <si>
    <t>cg09222422</t>
  </si>
  <si>
    <t>cg09223975</t>
  </si>
  <si>
    <t>cg09224534</t>
  </si>
  <si>
    <t>cg09225373</t>
  </si>
  <si>
    <t>cg09225462</t>
  </si>
  <si>
    <t>cg09226692</t>
  </si>
  <si>
    <t>cg09230350</t>
  </si>
  <si>
    <t>cg09235535</t>
  </si>
  <si>
    <t>cg09235583</t>
  </si>
  <si>
    <t>cg09236174</t>
  </si>
  <si>
    <t>cg09236658</t>
  </si>
  <si>
    <t>cg09237899</t>
  </si>
  <si>
    <t>cg09238726</t>
  </si>
  <si>
    <t>cg09241097</t>
  </si>
  <si>
    <t>cg09244754</t>
  </si>
  <si>
    <t>cg09245698</t>
  </si>
  <si>
    <t>cg09246347</t>
  </si>
  <si>
    <t>cg09247060</t>
  </si>
  <si>
    <t>cg09248660</t>
  </si>
  <si>
    <t>cg09249446</t>
  </si>
  <si>
    <t>cg09255586</t>
  </si>
  <si>
    <t>cg09261555</t>
  </si>
  <si>
    <t>cg09261794</t>
  </si>
  <si>
    <t>cg09267674</t>
  </si>
  <si>
    <t>cg09270675</t>
  </si>
  <si>
    <t>cg09276565</t>
  </si>
  <si>
    <t>cg09281154</t>
  </si>
  <si>
    <t>cg09283154</t>
  </si>
  <si>
    <t>cg09284457</t>
  </si>
  <si>
    <t>cg09284772</t>
  </si>
  <si>
    <t>cg09289820</t>
  </si>
  <si>
    <t>cg09292226</t>
  </si>
  <si>
    <t>cg09293890</t>
  </si>
  <si>
    <t>cg09295252</t>
  </si>
  <si>
    <t>cg09296730</t>
  </si>
  <si>
    <t>cg09297145</t>
  </si>
  <si>
    <t>cg09298934</t>
  </si>
  <si>
    <t>cg09301199</t>
  </si>
  <si>
    <t>cg09303847</t>
  </si>
  <si>
    <t>cg09305113</t>
  </si>
  <si>
    <t>cg09305161</t>
  </si>
  <si>
    <t>cg09307468</t>
  </si>
  <si>
    <t>cg09310966</t>
  </si>
  <si>
    <t>cg09312576</t>
  </si>
  <si>
    <t>cg09313188</t>
  </si>
  <si>
    <t>cg09314258</t>
  </si>
  <si>
    <t>cg09314434</t>
  </si>
  <si>
    <t>cg09325158</t>
  </si>
  <si>
    <t>cg09326440</t>
  </si>
  <si>
    <t>cg09326812</t>
  </si>
  <si>
    <t>cg09327035</t>
  </si>
  <si>
    <t>cg09328444</t>
  </si>
  <si>
    <t>cg09329266</t>
  </si>
  <si>
    <t>cg09329606</t>
  </si>
  <si>
    <t>cg09332353</t>
  </si>
  <si>
    <t>cg09332655</t>
  </si>
  <si>
    <t>cg09332664</t>
  </si>
  <si>
    <t>cg09333584</t>
  </si>
  <si>
    <t>cg09333873</t>
  </si>
  <si>
    <t>cg09334776</t>
  </si>
  <si>
    <t>cg09334977</t>
  </si>
  <si>
    <t>cg09336017</t>
  </si>
  <si>
    <t>cg09339301</t>
  </si>
  <si>
    <t>cg09340713</t>
  </si>
  <si>
    <t>cg09344041</t>
  </si>
  <si>
    <t>cg09347824</t>
  </si>
  <si>
    <t>cg09348948</t>
  </si>
  <si>
    <t>cg09349343</t>
  </si>
  <si>
    <t>cg09351636</t>
  </si>
  <si>
    <t>cg09354037</t>
  </si>
  <si>
    <t>cg09357589</t>
  </si>
  <si>
    <t>cg09359480</t>
  </si>
  <si>
    <t>cg09364020</t>
  </si>
  <si>
    <t>cg09364338</t>
  </si>
  <si>
    <t>cg09364590</t>
  </si>
  <si>
    <t>cg09365542</t>
  </si>
  <si>
    <t>cg09368485</t>
  </si>
  <si>
    <t>cg09374375</t>
  </si>
  <si>
    <t>cg09374772</t>
  </si>
  <si>
    <t>cg09379385</t>
  </si>
  <si>
    <t>cg09379497</t>
  </si>
  <si>
    <t>cg09381175</t>
  </si>
  <si>
    <t>cg09381582</t>
  </si>
  <si>
    <t>cg09381701</t>
  </si>
  <si>
    <t>cg09382618</t>
  </si>
  <si>
    <t>cg09382809</t>
  </si>
  <si>
    <t>cg09383424</t>
  </si>
  <si>
    <t>cg09384098</t>
  </si>
  <si>
    <t>cg09392045</t>
  </si>
  <si>
    <t>cg09395540</t>
  </si>
  <si>
    <t>cg09404334</t>
  </si>
  <si>
    <t>cg09404376</t>
  </si>
  <si>
    <t>cg09404643</t>
  </si>
  <si>
    <t>cg09407967</t>
  </si>
  <si>
    <t>cg09408780</t>
  </si>
  <si>
    <t>cg09409412</t>
  </si>
  <si>
    <t>cg09409956</t>
  </si>
  <si>
    <t>cg09423413</t>
  </si>
  <si>
    <t>cg09423875</t>
  </si>
  <si>
    <t>cg09430664</t>
  </si>
  <si>
    <t>cg09430946</t>
  </si>
  <si>
    <t>cg09432361</t>
  </si>
  <si>
    <t>cg09435861</t>
  </si>
  <si>
    <t>cg09436375</t>
  </si>
  <si>
    <t>cg09439093</t>
  </si>
  <si>
    <t>cg09439238</t>
  </si>
  <si>
    <t>cg09441030</t>
  </si>
  <si>
    <t>cg09441568</t>
  </si>
  <si>
    <t>cg09443046</t>
  </si>
  <si>
    <t>cg09444060</t>
  </si>
  <si>
    <t>cg09444439</t>
  </si>
  <si>
    <t>cg09447217</t>
  </si>
  <si>
    <t>cg09447622</t>
  </si>
  <si>
    <t>cg09454560</t>
  </si>
  <si>
    <t>cg09456777</t>
  </si>
  <si>
    <t>cg09458323</t>
  </si>
  <si>
    <t>cg09459955</t>
  </si>
  <si>
    <t>cg09459982</t>
  </si>
  <si>
    <t>cg09470274</t>
  </si>
  <si>
    <t>cg09478591</t>
  </si>
  <si>
    <t>cg09484852</t>
  </si>
  <si>
    <t>cg09489757</t>
  </si>
  <si>
    <t>cg09490007</t>
  </si>
  <si>
    <t>cg09490277</t>
  </si>
  <si>
    <t>cg09491120</t>
  </si>
  <si>
    <t>cg09494573</t>
  </si>
  <si>
    <t>cg09496393</t>
  </si>
  <si>
    <t>cg09496915</t>
  </si>
  <si>
    <t>cg09502339</t>
  </si>
  <si>
    <t>cg09503608</t>
  </si>
  <si>
    <t>cg09505722</t>
  </si>
  <si>
    <t>cg09508730</t>
  </si>
  <si>
    <t>cg09510976</t>
  </si>
  <si>
    <t>cg09511662</t>
  </si>
  <si>
    <t>cg09514717</t>
  </si>
  <si>
    <t>cg09516476</t>
  </si>
  <si>
    <t>cg09517283</t>
  </si>
  <si>
    <t>cg09523275</t>
  </si>
  <si>
    <t>cg09524334</t>
  </si>
  <si>
    <t>cg09524396</t>
  </si>
  <si>
    <t>cg09526780</t>
  </si>
  <si>
    <t>cg09527362</t>
  </si>
  <si>
    <t>cg09533428</t>
  </si>
  <si>
    <t>cg09535963</t>
  </si>
  <si>
    <t>cg09540952</t>
  </si>
  <si>
    <t>cg09545394</t>
  </si>
  <si>
    <t>cg09548893</t>
  </si>
  <si>
    <t>cg09550127</t>
  </si>
  <si>
    <t>cg09550397</t>
  </si>
  <si>
    <t>cg09551472</t>
  </si>
  <si>
    <t>cg09553466</t>
  </si>
  <si>
    <t>cg09560911</t>
  </si>
  <si>
    <t>cg09564020</t>
  </si>
  <si>
    <t>cg09564101</t>
  </si>
  <si>
    <t>cg09566131</t>
  </si>
  <si>
    <t>cg09567915</t>
  </si>
  <si>
    <t>cg09569347</t>
  </si>
  <si>
    <t>cg09571082</t>
  </si>
  <si>
    <t>cg09577455</t>
  </si>
  <si>
    <t>cg09577986</t>
  </si>
  <si>
    <t>cg09578086</t>
  </si>
  <si>
    <t>cg09581551</t>
  </si>
  <si>
    <t>cg09582880</t>
  </si>
  <si>
    <t>cg09583464</t>
  </si>
  <si>
    <t>cg09595260</t>
  </si>
  <si>
    <t>cg09597192</t>
  </si>
  <si>
    <t>cg09600028</t>
  </si>
  <si>
    <t>cg09600532</t>
  </si>
  <si>
    <t>cg09601882</t>
  </si>
  <si>
    <t>cg09603520</t>
  </si>
  <si>
    <t>cg09604414</t>
  </si>
  <si>
    <t>cg09605726</t>
  </si>
  <si>
    <t>cg09609649</t>
  </si>
  <si>
    <t>cg09615020</t>
  </si>
  <si>
    <t>cg09618381</t>
  </si>
  <si>
    <t>cg09618640</t>
  </si>
  <si>
    <t>cg09618893</t>
  </si>
  <si>
    <t>cg09620705</t>
  </si>
  <si>
    <t>cg09620840</t>
  </si>
  <si>
    <t>cg09623085</t>
  </si>
  <si>
    <t>cg09624858</t>
  </si>
  <si>
    <t>cg09625158</t>
  </si>
  <si>
    <t>cg09633081</t>
  </si>
  <si>
    <t>cg09636063</t>
  </si>
  <si>
    <t>cg09637963</t>
  </si>
  <si>
    <t>cg09643350</t>
  </si>
  <si>
    <t>cg09644065</t>
  </si>
  <si>
    <t>cg09647033</t>
  </si>
  <si>
    <t>cg09649686</t>
  </si>
  <si>
    <t>cg09651522</t>
  </si>
  <si>
    <t>cg09657185</t>
  </si>
  <si>
    <t>cg09658987</t>
  </si>
  <si>
    <t>cg09661926</t>
  </si>
  <si>
    <t>cg09664433</t>
  </si>
  <si>
    <t>cg09670189</t>
  </si>
  <si>
    <t>cg09672152</t>
  </si>
  <si>
    <t>cg09674015</t>
  </si>
  <si>
    <t>cg09676013</t>
  </si>
  <si>
    <t>cg09693388</t>
  </si>
  <si>
    <t>cg09699039</t>
  </si>
  <si>
    <t>cg09701702</t>
  </si>
  <si>
    <t>cg09702096</t>
  </si>
  <si>
    <t>cg09702881</t>
  </si>
  <si>
    <t>cg09706021</t>
  </si>
  <si>
    <t>cg09706573</t>
  </si>
  <si>
    <t>cg09708616</t>
  </si>
  <si>
    <t>cg09712135</t>
  </si>
  <si>
    <t>cg09712756</t>
  </si>
  <si>
    <t>cg09713850</t>
  </si>
  <si>
    <t>cg09714607</t>
  </si>
  <si>
    <t>cg09715059</t>
  </si>
  <si>
    <t>cg09721630</t>
  </si>
  <si>
    <t>cg09725975</t>
  </si>
  <si>
    <t>cg09727245</t>
  </si>
  <si>
    <t>cg09729395</t>
  </si>
  <si>
    <t>cg09729511</t>
  </si>
  <si>
    <t>cg09730719</t>
  </si>
  <si>
    <t>cg09733045</t>
  </si>
  <si>
    <t>cg09734123</t>
  </si>
  <si>
    <t>cg09735773</t>
  </si>
  <si>
    <t>cg09736194</t>
  </si>
  <si>
    <t>cg09736440</t>
  </si>
  <si>
    <t>cg09740468</t>
  </si>
  <si>
    <t>cg09745336</t>
  </si>
  <si>
    <t>cg09745430</t>
  </si>
  <si>
    <t>cg09749813</t>
  </si>
  <si>
    <t>cg09753839</t>
  </si>
  <si>
    <t>cg09754413</t>
  </si>
  <si>
    <t>cg09757620</t>
  </si>
  <si>
    <t>cg09757644</t>
  </si>
  <si>
    <t>cg09760644</t>
  </si>
  <si>
    <t>cg09761080</t>
  </si>
  <si>
    <t>cg09761550</t>
  </si>
  <si>
    <t>cg09761975</t>
  </si>
  <si>
    <t>cg09764408</t>
  </si>
  <si>
    <t>cg09766383</t>
  </si>
  <si>
    <t>cg09767504</t>
  </si>
  <si>
    <t>cg09772816</t>
  </si>
  <si>
    <t>cg09774917</t>
  </si>
  <si>
    <t>cg09779827</t>
  </si>
  <si>
    <t>cg09782889</t>
  </si>
  <si>
    <t>cg09782912</t>
  </si>
  <si>
    <t>cg09784502</t>
  </si>
  <si>
    <t>cg09787128</t>
  </si>
  <si>
    <t>cg09788123</t>
  </si>
  <si>
    <t>cg09790829</t>
  </si>
  <si>
    <t>cg09802546</t>
  </si>
  <si>
    <t>cg09804616</t>
  </si>
  <si>
    <t>cg09805254</t>
  </si>
  <si>
    <t>cg09805405</t>
  </si>
  <si>
    <t>cg09805943</t>
  </si>
  <si>
    <t>cg09806318</t>
  </si>
  <si>
    <t>cg09808864</t>
  </si>
  <si>
    <t>cg09814633</t>
  </si>
  <si>
    <t>cg09815377</t>
  </si>
  <si>
    <t>cg09816507</t>
  </si>
  <si>
    <t>cg09817150</t>
  </si>
  <si>
    <t>cg09817427</t>
  </si>
  <si>
    <t>cg09817599</t>
  </si>
  <si>
    <t>cg09820084</t>
  </si>
  <si>
    <t>cg09820180</t>
  </si>
  <si>
    <t>cg09823543</t>
  </si>
  <si>
    <t>cg09825713</t>
  </si>
  <si>
    <t>cg09829319</t>
  </si>
  <si>
    <t>cg09832267</t>
  </si>
  <si>
    <t>cg09845996</t>
  </si>
  <si>
    <t>cg09848943</t>
  </si>
  <si>
    <t>cg09851394</t>
  </si>
  <si>
    <t>cg09853238</t>
  </si>
  <si>
    <t>cg09857617</t>
  </si>
  <si>
    <t>cg09859091</t>
  </si>
  <si>
    <t>cg09859103</t>
  </si>
  <si>
    <t>cg09861075</t>
  </si>
  <si>
    <t>cg09861824</t>
  </si>
  <si>
    <t>cg09862148</t>
  </si>
  <si>
    <t>cg09864211</t>
  </si>
  <si>
    <t>cg09865095</t>
  </si>
  <si>
    <t>cg09867157</t>
  </si>
  <si>
    <t>cg09867835</t>
  </si>
  <si>
    <t>cg09871008</t>
  </si>
  <si>
    <t>cg09871043</t>
  </si>
  <si>
    <t>cg09872737</t>
  </si>
  <si>
    <t>cg09872928</t>
  </si>
  <si>
    <t>cg09872934</t>
  </si>
  <si>
    <t>cg09874873</t>
  </si>
  <si>
    <t>cg09875471</t>
  </si>
  <si>
    <t>cg09876202</t>
  </si>
  <si>
    <t>cg09876447</t>
  </si>
  <si>
    <t>cg09876519</t>
  </si>
  <si>
    <t>cg09876568</t>
  </si>
  <si>
    <t>cg09876615</t>
  </si>
  <si>
    <t>cg09878914</t>
  </si>
  <si>
    <t>cg09880012</t>
  </si>
  <si>
    <t>cg09887589</t>
  </si>
  <si>
    <t>cg09892131</t>
  </si>
  <si>
    <t>cg09903090</t>
  </si>
  <si>
    <t>cg09904051</t>
  </si>
  <si>
    <t>cg09906752</t>
  </si>
  <si>
    <t>cg09911316</t>
  </si>
  <si>
    <t>cg09930615</t>
  </si>
  <si>
    <t>cg09931146</t>
  </si>
  <si>
    <t>cg09950916</t>
  </si>
  <si>
    <t>cg09953323</t>
  </si>
  <si>
    <t>cg09954161</t>
  </si>
  <si>
    <t>cg09954364</t>
  </si>
  <si>
    <t>cg09965419</t>
  </si>
  <si>
    <t>cg09965967</t>
  </si>
  <si>
    <t>cg09966309</t>
  </si>
  <si>
    <t>cg09977865</t>
  </si>
  <si>
    <t>cg09979256</t>
  </si>
  <si>
    <t>cg09981198</t>
  </si>
  <si>
    <t>cg09981533</t>
  </si>
  <si>
    <t>cg09984136</t>
  </si>
  <si>
    <t>cg09986316</t>
  </si>
  <si>
    <t>cg09988118</t>
  </si>
  <si>
    <t>cg09990454</t>
  </si>
  <si>
    <t>cg09993780</t>
  </si>
  <si>
    <t>cg09995897</t>
  </si>
  <si>
    <t>cg09996797</t>
  </si>
  <si>
    <t>cg10000096</t>
  </si>
  <si>
    <t>cg10002784</t>
  </si>
  <si>
    <t>cg10002888</t>
  </si>
  <si>
    <t>cg10002977</t>
  </si>
  <si>
    <t>cg10006979</t>
  </si>
  <si>
    <t>cg10007189</t>
  </si>
  <si>
    <t>cg10007927</t>
  </si>
  <si>
    <t>cg10008137</t>
  </si>
  <si>
    <t>cg10011792</t>
  </si>
  <si>
    <t>cg10012711</t>
  </si>
  <si>
    <t>cg10012878</t>
  </si>
  <si>
    <t>cg10013356</t>
  </si>
  <si>
    <t>cg10024501</t>
  </si>
  <si>
    <t>cg10027245</t>
  </si>
  <si>
    <t>cg10028038</t>
  </si>
  <si>
    <t>cg10029427</t>
  </si>
  <si>
    <t>cg10029496</t>
  </si>
  <si>
    <t>cg10030624</t>
  </si>
  <si>
    <t>cg10030658</t>
  </si>
  <si>
    <t>cg10031532</t>
  </si>
  <si>
    <t>cg10033746</t>
  </si>
  <si>
    <t>cg10035583</t>
  </si>
  <si>
    <t>cg10036001</t>
  </si>
  <si>
    <t>cg10037053</t>
  </si>
  <si>
    <t>cg10046093</t>
  </si>
  <si>
    <t>cg10046620</t>
  </si>
  <si>
    <t>cg10054630</t>
  </si>
  <si>
    <t>cg10055566</t>
  </si>
  <si>
    <t>cg10056697</t>
  </si>
  <si>
    <t>cg10060574</t>
  </si>
  <si>
    <t>cg10061722</t>
  </si>
  <si>
    <t>cg10066189</t>
  </si>
  <si>
    <t>cg10066534</t>
  </si>
  <si>
    <t>cg10068034</t>
  </si>
  <si>
    <t>cg10076931</t>
  </si>
  <si>
    <t>cg10080270</t>
  </si>
  <si>
    <t>cg10081998</t>
  </si>
  <si>
    <t>cg10083391</t>
  </si>
  <si>
    <t>cg10083824</t>
  </si>
  <si>
    <t>cg10084289</t>
  </si>
  <si>
    <t>cg10087598</t>
  </si>
  <si>
    <t>cg10093738</t>
  </si>
  <si>
    <t>cg10094358</t>
  </si>
  <si>
    <t>cg10095654</t>
  </si>
  <si>
    <t>cg10098010</t>
  </si>
  <si>
    <t>cg10107241</t>
  </si>
  <si>
    <t>cg10108296</t>
  </si>
  <si>
    <t>cg10110083</t>
  </si>
  <si>
    <t>cg10111214</t>
  </si>
  <si>
    <t>cg10111290</t>
  </si>
  <si>
    <t>cg10111335</t>
  </si>
  <si>
    <t>cg10111786</t>
  </si>
  <si>
    <t>cg10118925</t>
  </si>
  <si>
    <t>cg10120816</t>
  </si>
  <si>
    <t>cg10122326</t>
  </si>
  <si>
    <t>cg10126181</t>
  </si>
  <si>
    <t>cg10128166</t>
  </si>
  <si>
    <t>cg10129408</t>
  </si>
  <si>
    <t>cg10129944</t>
  </si>
  <si>
    <t>cg10131001</t>
  </si>
  <si>
    <t>cg10133610</t>
  </si>
  <si>
    <t>cg10134496</t>
  </si>
  <si>
    <t>cg10134509</t>
  </si>
  <si>
    <t>cg10139151</t>
  </si>
  <si>
    <t>cg10141174</t>
  </si>
  <si>
    <t>cg10141717</t>
  </si>
  <si>
    <t>cg10143146</t>
  </si>
  <si>
    <t>cg10145196</t>
  </si>
  <si>
    <t>cg10151338</t>
  </si>
  <si>
    <t>cg10154826</t>
  </si>
  <si>
    <t>cg10158679</t>
  </si>
  <si>
    <t>cg10158886</t>
  </si>
  <si>
    <t>cg10159596</t>
  </si>
  <si>
    <t>cg10164686</t>
  </si>
  <si>
    <t>cg10172887</t>
  </si>
  <si>
    <t>cg10177591</t>
  </si>
  <si>
    <t>cg10178831</t>
  </si>
  <si>
    <t>cg10182151</t>
  </si>
  <si>
    <t>cg10184431</t>
  </si>
  <si>
    <t>cg10184649</t>
  </si>
  <si>
    <t>cg10185311</t>
  </si>
  <si>
    <t>cg10185489</t>
  </si>
  <si>
    <t>cg10186400</t>
  </si>
  <si>
    <t>cg10190334</t>
  </si>
  <si>
    <t>cg10192145</t>
  </si>
  <si>
    <t>cg10192572</t>
  </si>
  <si>
    <t>cg10194341</t>
  </si>
  <si>
    <t>cg10196103</t>
  </si>
  <si>
    <t>cg10201167</t>
  </si>
  <si>
    <t>cg10201402</t>
  </si>
  <si>
    <t>cg10203631</t>
  </si>
  <si>
    <t>cg10207428</t>
  </si>
  <si>
    <t>cg10207999</t>
  </si>
  <si>
    <t>cg10210120</t>
  </si>
  <si>
    <t>cg10211891</t>
  </si>
  <si>
    <t>cg10214991</t>
  </si>
  <si>
    <t>cg10215110</t>
  </si>
  <si>
    <t>cg10217327</t>
  </si>
  <si>
    <t>cg10218472</t>
  </si>
  <si>
    <t>cg10219771</t>
  </si>
  <si>
    <t>cg10221172</t>
  </si>
  <si>
    <t>cg10223234</t>
  </si>
  <si>
    <t>cg10225755</t>
  </si>
  <si>
    <t>cg10230900</t>
  </si>
  <si>
    <t>cg10231737</t>
  </si>
  <si>
    <t>cg10234069</t>
  </si>
  <si>
    <t>cg10240139</t>
  </si>
  <si>
    <t>cg10242379</t>
  </si>
  <si>
    <t>cg10242496</t>
  </si>
  <si>
    <t>cg10244047</t>
  </si>
  <si>
    <t>cg10245778</t>
  </si>
  <si>
    <t>cg10251594</t>
  </si>
  <si>
    <t>cg10262770</t>
  </si>
  <si>
    <t>cg10264012</t>
  </si>
  <si>
    <t>cg10265786</t>
  </si>
  <si>
    <t>cg10265934</t>
  </si>
  <si>
    <t>cg10265952</t>
  </si>
  <si>
    <t>cg10268548</t>
  </si>
  <si>
    <t>cg10269572</t>
  </si>
  <si>
    <t>cg10270150</t>
  </si>
  <si>
    <t>cg10270430</t>
  </si>
  <si>
    <t>cg10272977</t>
  </si>
  <si>
    <t>cg10276506</t>
  </si>
  <si>
    <t>cg10282695</t>
  </si>
  <si>
    <t>cg10284771</t>
  </si>
  <si>
    <t>cg10285420</t>
  </si>
  <si>
    <t>cg10286983</t>
  </si>
  <si>
    <t>cg10287970</t>
  </si>
  <si>
    <t>cg10288437</t>
  </si>
  <si>
    <t>cg10290180</t>
  </si>
  <si>
    <t>cg10290928</t>
  </si>
  <si>
    <t>cg10291141</t>
  </si>
  <si>
    <t>cg10291555</t>
  </si>
  <si>
    <t>cg10296548</t>
  </si>
  <si>
    <t>cg10297105</t>
  </si>
  <si>
    <t>cg10300962</t>
  </si>
  <si>
    <t>cg10302472</t>
  </si>
  <si>
    <t>cg10303653</t>
  </si>
  <si>
    <t>cg10304865</t>
  </si>
  <si>
    <t>cg10307602</t>
  </si>
  <si>
    <t>cg10308253</t>
  </si>
  <si>
    <t>cg10308381</t>
  </si>
  <si>
    <t>cg10308749</t>
  </si>
  <si>
    <t>cg10308812</t>
  </si>
  <si>
    <t>cg10310595</t>
  </si>
  <si>
    <t>cg10310756</t>
  </si>
  <si>
    <t>cg10312186</t>
  </si>
  <si>
    <t>cg10315800</t>
  </si>
  <si>
    <t>cg10363975</t>
  </si>
  <si>
    <t>cg10368052</t>
  </si>
  <si>
    <t>cg10369319</t>
  </si>
  <si>
    <t>cg10369585</t>
  </si>
  <si>
    <t>cg10372721</t>
  </si>
  <si>
    <t>cg10376053</t>
  </si>
  <si>
    <t>cg10377270</t>
  </si>
  <si>
    <t>cg10378792</t>
  </si>
  <si>
    <t>cg10378795</t>
  </si>
  <si>
    <t>cg10379890</t>
  </si>
  <si>
    <t>cg10380362</t>
  </si>
  <si>
    <t>cg10383829</t>
  </si>
  <si>
    <t>cg10388442</t>
  </si>
  <si>
    <t>cg10390762</t>
  </si>
  <si>
    <t>cg10391909</t>
  </si>
  <si>
    <t>cg10392378</t>
  </si>
  <si>
    <t>cg10393369</t>
  </si>
  <si>
    <t>cg10395920</t>
  </si>
  <si>
    <t>cg10399946</t>
  </si>
  <si>
    <t>cg10401017</t>
  </si>
  <si>
    <t>cg10403906</t>
  </si>
  <si>
    <t>cg10406520</t>
  </si>
  <si>
    <t>cg10407552</t>
  </si>
  <si>
    <t>cg10411221</t>
  </si>
  <si>
    <t>cg10414736</t>
  </si>
  <si>
    <t>cg10418263</t>
  </si>
  <si>
    <t>cg10425827</t>
  </si>
  <si>
    <t>cg10426318</t>
  </si>
  <si>
    <t>cg10430123</t>
  </si>
  <si>
    <t>cg10433043</t>
  </si>
  <si>
    <t>cg10435003</t>
  </si>
  <si>
    <t>cg10437217</t>
  </si>
  <si>
    <t>cg10437429</t>
  </si>
  <si>
    <t>cg10442445</t>
  </si>
  <si>
    <t>cg10443019</t>
  </si>
  <si>
    <t>cg10444037</t>
  </si>
  <si>
    <t>cg10446102</t>
  </si>
  <si>
    <t>cg10450005</t>
  </si>
  <si>
    <t>cg10451089</t>
  </si>
  <si>
    <t>cg10460470</t>
  </si>
  <si>
    <t>cg10463626</t>
  </si>
  <si>
    <t>cg10465866</t>
  </si>
  <si>
    <t>cg10466107</t>
  </si>
  <si>
    <t>cg10466124</t>
  </si>
  <si>
    <t>cg10467432</t>
  </si>
  <si>
    <t>cg10474881</t>
  </si>
  <si>
    <t>cg10480950</t>
  </si>
  <si>
    <t>cg10481571</t>
  </si>
  <si>
    <t>cg10482051</t>
  </si>
  <si>
    <t>cg10484085</t>
  </si>
  <si>
    <t>cg10484756</t>
  </si>
  <si>
    <t>cg10486974</t>
  </si>
  <si>
    <t>cg10487127</t>
  </si>
  <si>
    <t>cg10489928</t>
  </si>
  <si>
    <t>cg10492657</t>
  </si>
  <si>
    <t>cg10492791</t>
  </si>
  <si>
    <t>cg10496915</t>
  </si>
  <si>
    <t>cg10497569</t>
  </si>
  <si>
    <t>cg10500335</t>
  </si>
  <si>
    <t>cg10500474</t>
  </si>
  <si>
    <t>cg10503219</t>
  </si>
  <si>
    <t>cg10503736</t>
  </si>
  <si>
    <t>cg10511954</t>
  </si>
  <si>
    <t>cg10513302</t>
  </si>
  <si>
    <t>cg10519140</t>
  </si>
  <si>
    <t>cg10519840</t>
  </si>
  <si>
    <t>cg10521711</t>
  </si>
  <si>
    <t>cg10523144</t>
  </si>
  <si>
    <t>cg10525372</t>
  </si>
  <si>
    <t>cg10525952</t>
  </si>
  <si>
    <t>cg10526841</t>
  </si>
  <si>
    <t>cg10527159</t>
  </si>
  <si>
    <t>cg10530680</t>
  </si>
  <si>
    <t>cg10531711</t>
  </si>
  <si>
    <t>cg10533397</t>
  </si>
  <si>
    <t>cg10535478</t>
  </si>
  <si>
    <t>cg10536916</t>
  </si>
  <si>
    <t>cg10541994</t>
  </si>
  <si>
    <t>cg10543136</t>
  </si>
  <si>
    <t>cg10543376</t>
  </si>
  <si>
    <t>cg10546149</t>
  </si>
  <si>
    <t>cg10547057</t>
  </si>
  <si>
    <t>cg10558740</t>
  </si>
  <si>
    <t>cg10562781</t>
  </si>
  <si>
    <t>cg10563645</t>
  </si>
  <si>
    <t>cg10566610</t>
  </si>
  <si>
    <t>cg10567378</t>
  </si>
  <si>
    <t>cg10568944</t>
  </si>
  <si>
    <t>cg10571987</t>
  </si>
  <si>
    <t>cg10583180</t>
  </si>
  <si>
    <t>cg10583736</t>
  </si>
  <si>
    <t>cg10585379</t>
  </si>
  <si>
    <t>cg10586546</t>
  </si>
  <si>
    <t>cg10586997</t>
  </si>
  <si>
    <t>cg10590844</t>
  </si>
  <si>
    <t>cg10591385</t>
  </si>
  <si>
    <t>cg10591475</t>
  </si>
  <si>
    <t>cg10591607</t>
  </si>
  <si>
    <t>cg10592454</t>
  </si>
  <si>
    <t>cg10596412</t>
  </si>
  <si>
    <t>cg10600367</t>
  </si>
  <si>
    <t>cg10600594</t>
  </si>
  <si>
    <t>cg10600783</t>
  </si>
  <si>
    <t>cg10600883</t>
  </si>
  <si>
    <t>cg10601548</t>
  </si>
  <si>
    <t>cg10601943</t>
  </si>
  <si>
    <t>cg10604993</t>
  </si>
  <si>
    <t>cg10608731</t>
  </si>
  <si>
    <t>cg10617739</t>
  </si>
  <si>
    <t>cg10619129</t>
  </si>
  <si>
    <t>cg10621552</t>
  </si>
  <si>
    <t>cg10621825</t>
  </si>
  <si>
    <t>cg10623826</t>
  </si>
  <si>
    <t>cg10626559</t>
  </si>
  <si>
    <t>cg10632395</t>
  </si>
  <si>
    <t>cg10632955</t>
  </si>
  <si>
    <t>cg10633658</t>
  </si>
  <si>
    <t>cg10633838</t>
  </si>
  <si>
    <t>cg10634217</t>
  </si>
  <si>
    <t>cg10636959</t>
  </si>
  <si>
    <t>cg10640833</t>
  </si>
  <si>
    <t>cg10643236</t>
  </si>
  <si>
    <t>cg10647991</t>
  </si>
  <si>
    <t>cg10650821</t>
  </si>
  <si>
    <t>cg10652641</t>
  </si>
  <si>
    <t>cg10653339</t>
  </si>
  <si>
    <t>cg10658573</t>
  </si>
  <si>
    <t>cg10666909</t>
  </si>
  <si>
    <t>cg10666916</t>
  </si>
  <si>
    <t>cg10667484</t>
  </si>
  <si>
    <t>cg10669804</t>
  </si>
  <si>
    <t>cg10671572</t>
  </si>
  <si>
    <t>cg10671946</t>
  </si>
  <si>
    <t>cg10673265</t>
  </si>
  <si>
    <t>cg10674684</t>
  </si>
  <si>
    <t>cg10675138</t>
  </si>
  <si>
    <t>cg10676481</t>
  </si>
  <si>
    <t>cg10677246</t>
  </si>
  <si>
    <t>cg10677959</t>
  </si>
  <si>
    <t>cg10679156</t>
  </si>
  <si>
    <t>cg10679878</t>
  </si>
  <si>
    <t>cg10680411</t>
  </si>
  <si>
    <t>cg10683435</t>
  </si>
  <si>
    <t>cg10683658</t>
  </si>
  <si>
    <t>cg10696677</t>
  </si>
  <si>
    <t>cg10699171</t>
  </si>
  <si>
    <t>cg10700459</t>
  </si>
  <si>
    <t>cg10704137</t>
  </si>
  <si>
    <t>cg10712551</t>
  </si>
  <si>
    <t>cg10714284</t>
  </si>
  <si>
    <t>cg10716309</t>
  </si>
  <si>
    <t>cg10717214</t>
  </si>
  <si>
    <t>cg10717480</t>
  </si>
  <si>
    <t>cg10721359</t>
  </si>
  <si>
    <t>cg10721369</t>
  </si>
  <si>
    <t>cg10721556</t>
  </si>
  <si>
    <t>cg10725720</t>
  </si>
  <si>
    <t>cg10725937</t>
  </si>
  <si>
    <t>cg10734448</t>
  </si>
  <si>
    <t>cg10735599</t>
  </si>
  <si>
    <t>cg10736063</t>
  </si>
  <si>
    <t>cg10738016</t>
  </si>
  <si>
    <t>cg10740282</t>
  </si>
  <si>
    <t>cg10740660</t>
  </si>
  <si>
    <t>cg10745499</t>
  </si>
  <si>
    <t>cg10745682</t>
  </si>
  <si>
    <t>cg10747266</t>
  </si>
  <si>
    <t>cg10750959</t>
  </si>
  <si>
    <t>cg10768690</t>
  </si>
  <si>
    <t>cg10769157</t>
  </si>
  <si>
    <t>cg10770652</t>
  </si>
  <si>
    <t>cg10771262</t>
  </si>
  <si>
    <t>cg10776077</t>
  </si>
  <si>
    <t>cg10778240</t>
  </si>
  <si>
    <t>cg10778271</t>
  </si>
  <si>
    <t>cg10778655</t>
  </si>
  <si>
    <t>cg10779336</t>
  </si>
  <si>
    <t>cg10779656</t>
  </si>
  <si>
    <t>cg10780112</t>
  </si>
  <si>
    <t>cg10780318</t>
  </si>
  <si>
    <t>cg10781468</t>
  </si>
  <si>
    <t>cg10783204</t>
  </si>
  <si>
    <t>cg10784258</t>
  </si>
  <si>
    <t>cg10784519</t>
  </si>
  <si>
    <t>cg10786622</t>
  </si>
  <si>
    <t>cg10787197</t>
  </si>
  <si>
    <t>cg10791278</t>
  </si>
  <si>
    <t>cg10791955</t>
  </si>
  <si>
    <t>cg10794973</t>
  </si>
  <si>
    <t>cg10795189</t>
  </si>
  <si>
    <t>cg10798764</t>
  </si>
  <si>
    <t>cg10801474</t>
  </si>
  <si>
    <t>cg10805721</t>
  </si>
  <si>
    <t>cg10809783</t>
  </si>
  <si>
    <t>cg10815152</t>
  </si>
  <si>
    <t>cg10815203</t>
  </si>
  <si>
    <t>cg10815835</t>
  </si>
  <si>
    <t>cg10817441</t>
  </si>
  <si>
    <t>cg10824259</t>
  </si>
  <si>
    <t>cg10832589</t>
  </si>
  <si>
    <t>cg10832949</t>
  </si>
  <si>
    <t>cg10834480</t>
  </si>
  <si>
    <t>cg10844275</t>
  </si>
  <si>
    <t>cg10848828</t>
  </si>
  <si>
    <t>cg10851835</t>
  </si>
  <si>
    <t>cg10852154</t>
  </si>
  <si>
    <t>cg10852662</t>
  </si>
  <si>
    <t>cg10857398</t>
  </si>
  <si>
    <t>cg10861005</t>
  </si>
  <si>
    <t>cg10864356</t>
  </si>
  <si>
    <t>cg10865119</t>
  </si>
  <si>
    <t>cg10867327</t>
  </si>
  <si>
    <t>cg10869069</t>
  </si>
  <si>
    <t>cg10869641</t>
  </si>
  <si>
    <t>cg10870033</t>
  </si>
  <si>
    <t>cg10871120</t>
  </si>
  <si>
    <t>cg10872815</t>
  </si>
  <si>
    <t>cg10875257</t>
  </si>
  <si>
    <t>cg10880973</t>
  </si>
  <si>
    <t>cg10882606</t>
  </si>
  <si>
    <t>cg10885876</t>
  </si>
  <si>
    <t>cg10892454</t>
  </si>
  <si>
    <t>cg10894806</t>
  </si>
  <si>
    <t>cg10902012</t>
  </si>
  <si>
    <t>cg10904849</t>
  </si>
  <si>
    <t>cg10909324</t>
  </si>
  <si>
    <t>cg10910083</t>
  </si>
  <si>
    <t>cg10914115</t>
  </si>
  <si>
    <t>cg10914467</t>
  </si>
  <si>
    <t>cg10916494</t>
  </si>
  <si>
    <t>cg10919329</t>
  </si>
  <si>
    <t>cg10920427</t>
  </si>
  <si>
    <t>cg10921702</t>
  </si>
  <si>
    <t>cg10924050</t>
  </si>
  <si>
    <t>cg10925512</t>
  </si>
  <si>
    <t>cg10925640</t>
  </si>
  <si>
    <t>cg10927614</t>
  </si>
  <si>
    <t>cg10930226</t>
  </si>
  <si>
    <t>cg10938046</t>
  </si>
  <si>
    <t>cg10940099</t>
  </si>
  <si>
    <t>cg10943263</t>
  </si>
  <si>
    <t>cg10944833</t>
  </si>
  <si>
    <t>cg10947457</t>
  </si>
  <si>
    <t>cg10949413</t>
  </si>
  <si>
    <t>cg10950723</t>
  </si>
  <si>
    <t>cg10951325</t>
  </si>
  <si>
    <t>cg10953487</t>
  </si>
  <si>
    <t>cg10958964</t>
  </si>
  <si>
    <t>cg10961240</t>
  </si>
  <si>
    <t>cg10965508</t>
  </si>
  <si>
    <t>cg10967792</t>
  </si>
  <si>
    <t>cg10969229</t>
  </si>
  <si>
    <t>cg10970124</t>
  </si>
  <si>
    <t>cg10971638</t>
  </si>
  <si>
    <t>cg10972127</t>
  </si>
  <si>
    <t>cg10973386</t>
  </si>
  <si>
    <t>cg10977795</t>
  </si>
  <si>
    <t>cg10979063</t>
  </si>
  <si>
    <t>cg10980449</t>
  </si>
  <si>
    <t>cg10980868</t>
  </si>
  <si>
    <t>cg10981439</t>
  </si>
  <si>
    <t>cg10981894</t>
  </si>
  <si>
    <t>cg10981962</t>
  </si>
  <si>
    <t>cg10986561</t>
  </si>
  <si>
    <t>cg10990997</t>
  </si>
  <si>
    <t>cg10993074</t>
  </si>
  <si>
    <t>cg10993085</t>
  </si>
  <si>
    <t>cg10996111</t>
  </si>
  <si>
    <t>cg10996463</t>
  </si>
  <si>
    <t>cg10997190</t>
  </si>
  <si>
    <t>cg10999122</t>
  </si>
  <si>
    <t>cg11000707</t>
  </si>
  <si>
    <t>cg11001108</t>
  </si>
  <si>
    <t>cg11005651</t>
  </si>
  <si>
    <t>cg11007195</t>
  </si>
  <si>
    <t>cg11007380</t>
  </si>
  <si>
    <t>cg11009001</t>
  </si>
  <si>
    <t>cg11016414</t>
  </si>
  <si>
    <t>cg11018909</t>
  </si>
  <si>
    <t>cg11021849</t>
  </si>
  <si>
    <t>cg11027637</t>
  </si>
  <si>
    <t>cg11028563</t>
  </si>
  <si>
    <t>cg11028664</t>
  </si>
  <si>
    <t>cg11029634</t>
  </si>
  <si>
    <t>cg11037719</t>
  </si>
  <si>
    <t>cg11040394</t>
  </si>
  <si>
    <t>cg11042373</t>
  </si>
  <si>
    <t>cg11043450</t>
  </si>
  <si>
    <t>cg11045165</t>
  </si>
  <si>
    <t>cg11045198</t>
  </si>
  <si>
    <t>cg11045255</t>
  </si>
  <si>
    <t>cg11045746</t>
  </si>
  <si>
    <t>cg11049439</t>
  </si>
  <si>
    <t>cg11049658</t>
  </si>
  <si>
    <t>cg11052068</t>
  </si>
  <si>
    <t>cg11052202</t>
  </si>
  <si>
    <t>cg11061603</t>
  </si>
  <si>
    <t>cg11064929</t>
  </si>
  <si>
    <t>cg11064935</t>
  </si>
  <si>
    <t>cg11066066</t>
  </si>
  <si>
    <t>cg11068343</t>
  </si>
  <si>
    <t>cg11070941</t>
  </si>
  <si>
    <t>cg11071155</t>
  </si>
  <si>
    <t>cg11071407</t>
  </si>
  <si>
    <t>cg11071615</t>
  </si>
  <si>
    <t>cg11072887</t>
  </si>
  <si>
    <t>cg11073813</t>
  </si>
  <si>
    <t>cg11075148</t>
  </si>
  <si>
    <t>cg11075561</t>
  </si>
  <si>
    <t>cg11075693</t>
  </si>
  <si>
    <t>cg11079354</t>
  </si>
  <si>
    <t>cg11081826</t>
  </si>
  <si>
    <t>cg11083188</t>
  </si>
  <si>
    <t>cg11083280</t>
  </si>
  <si>
    <t>cg11084470</t>
  </si>
  <si>
    <t>cg11092616</t>
  </si>
  <si>
    <t>cg11093373</t>
  </si>
  <si>
    <t>cg11094492</t>
  </si>
  <si>
    <t>cg11095011</t>
  </si>
  <si>
    <t>cg11099901</t>
  </si>
  <si>
    <t>cg11103845</t>
  </si>
  <si>
    <t>cg11105830</t>
  </si>
  <si>
    <t>cg11106287</t>
  </si>
  <si>
    <t>cg11117108</t>
  </si>
  <si>
    <t>cg11118171</t>
  </si>
  <si>
    <t>cg11127603</t>
  </si>
  <si>
    <t>cg11129609</t>
  </si>
  <si>
    <t>cg11160784</t>
  </si>
  <si>
    <t>cg11165765</t>
  </si>
  <si>
    <t>cg11169463</t>
  </si>
  <si>
    <t>cg11170393</t>
  </si>
  <si>
    <t>cg11171094</t>
  </si>
  <si>
    <t>cg11171825</t>
  </si>
  <si>
    <t>cg11177740</t>
  </si>
  <si>
    <t>cg11182931</t>
  </si>
  <si>
    <t>cg11186282</t>
  </si>
  <si>
    <t>cg11190552</t>
  </si>
  <si>
    <t>cg11191210</t>
  </si>
  <si>
    <t>cg11191955</t>
  </si>
  <si>
    <t>cg11192767</t>
  </si>
  <si>
    <t>cg11195444</t>
  </si>
  <si>
    <t>cg11202720</t>
  </si>
  <si>
    <t>cg11204983</t>
  </si>
  <si>
    <t>cg11207569</t>
  </si>
  <si>
    <t>cg11209008</t>
  </si>
  <si>
    <t>cg11210880</t>
  </si>
  <si>
    <t>cg11212624</t>
  </si>
  <si>
    <t>cg11215644</t>
  </si>
  <si>
    <t>cg11216845</t>
  </si>
  <si>
    <t>cg11218154</t>
  </si>
  <si>
    <t>cg11221922</t>
  </si>
  <si>
    <t>cg11223361</t>
  </si>
  <si>
    <t>cg11226100</t>
  </si>
  <si>
    <t>cg11228624</t>
  </si>
  <si>
    <t>cg11228682</t>
  </si>
  <si>
    <t>cg11229390</t>
  </si>
  <si>
    <t>cg11229650</t>
  </si>
  <si>
    <t>cg11235015</t>
  </si>
  <si>
    <t>cg11235426</t>
  </si>
  <si>
    <t>cg11238048</t>
  </si>
  <si>
    <t>cg11239749</t>
  </si>
  <si>
    <t>cg11245181</t>
  </si>
  <si>
    <t>cg11246007</t>
  </si>
  <si>
    <t>cg11248450</t>
  </si>
  <si>
    <t>cg11249390</t>
  </si>
  <si>
    <t>cg11250247</t>
  </si>
  <si>
    <t>cg11251177</t>
  </si>
  <si>
    <t>cg11257342</t>
  </si>
  <si>
    <t>cg11261908</t>
  </si>
  <si>
    <t>cg11275580</t>
  </si>
  <si>
    <t>cg11276280</t>
  </si>
  <si>
    <t>cg11276388</t>
  </si>
  <si>
    <t>cg11276986</t>
  </si>
  <si>
    <t>cg11277190</t>
  </si>
  <si>
    <t>cg11278602</t>
  </si>
  <si>
    <t>cg11282676</t>
  </si>
  <si>
    <t>cg11282822</t>
  </si>
  <si>
    <t>cg11283729</t>
  </si>
  <si>
    <t>cg11285284</t>
  </si>
  <si>
    <t>cg11286977</t>
  </si>
  <si>
    <t>cg11289677</t>
  </si>
  <si>
    <t>cg11290720</t>
  </si>
  <si>
    <t>cg11299371</t>
  </si>
  <si>
    <t>cg11301416</t>
  </si>
  <si>
    <t>cg11303749</t>
  </si>
  <si>
    <t>cg11304212</t>
  </si>
  <si>
    <t>cg11306969</t>
  </si>
  <si>
    <t>cg11310898</t>
  </si>
  <si>
    <t>cg11312554</t>
  </si>
  <si>
    <t>cg11314787</t>
  </si>
  <si>
    <t>cg11315153</t>
  </si>
  <si>
    <t>cg11324712</t>
  </si>
  <si>
    <t>cg11326758</t>
  </si>
  <si>
    <t>cg11328149</t>
  </si>
  <si>
    <t>cg11330329</t>
  </si>
  <si>
    <t>cg11334730</t>
  </si>
  <si>
    <t>cg11336178</t>
  </si>
  <si>
    <t>cg11337865</t>
  </si>
  <si>
    <t>cg11341932</t>
  </si>
  <si>
    <t>cg11342453</t>
  </si>
  <si>
    <t>cg11348249</t>
  </si>
  <si>
    <t>cg11349123</t>
  </si>
  <si>
    <t>cg11350728</t>
  </si>
  <si>
    <t>cg11351522</t>
  </si>
  <si>
    <t>cg11352339</t>
  </si>
  <si>
    <t>cg11356887</t>
  </si>
  <si>
    <t>cg11360819</t>
  </si>
  <si>
    <t>cg11361049</t>
  </si>
  <si>
    <t>cg11361110</t>
  </si>
  <si>
    <t>cg11368699</t>
  </si>
  <si>
    <t>cg11368791</t>
  </si>
  <si>
    <t>cg11369599</t>
  </si>
  <si>
    <t>cg11369736</t>
  </si>
  <si>
    <t>cg11371118</t>
  </si>
  <si>
    <t>cg11376354</t>
  </si>
  <si>
    <t>cg11376457</t>
  </si>
  <si>
    <t>cg11378619</t>
  </si>
  <si>
    <t>cg11378686</t>
  </si>
  <si>
    <t>cg11378740</t>
  </si>
  <si>
    <t>cg11384188</t>
  </si>
  <si>
    <t>cg11386011</t>
  </si>
  <si>
    <t>cg11386818</t>
  </si>
  <si>
    <t>cg11387340</t>
  </si>
  <si>
    <t>cg11393773</t>
  </si>
  <si>
    <t>cg11393995</t>
  </si>
  <si>
    <t>cg11394663</t>
  </si>
  <si>
    <t>cg11395949</t>
  </si>
  <si>
    <t>cg11396485</t>
  </si>
  <si>
    <t>cg11396585</t>
  </si>
  <si>
    <t>cg11400761</t>
  </si>
  <si>
    <t>cg11400946</t>
  </si>
  <si>
    <t>cg11402847</t>
  </si>
  <si>
    <t>cg11406667</t>
  </si>
  <si>
    <t>cg11408517</t>
  </si>
  <si>
    <t>cg11408754</t>
  </si>
  <si>
    <t>cg11409096</t>
  </si>
  <si>
    <t>cg11411509</t>
  </si>
  <si>
    <t>cg11414345</t>
  </si>
  <si>
    <t>cg11414709</t>
  </si>
  <si>
    <t>cg11414821</t>
  </si>
  <si>
    <t>cg11417701</t>
  </si>
  <si>
    <t>cg11422695</t>
  </si>
  <si>
    <t>cg11423684</t>
  </si>
  <si>
    <t>cg11424153</t>
  </si>
  <si>
    <t>cg11430096</t>
  </si>
  <si>
    <t>cg11431101</t>
  </si>
  <si>
    <t>cg11431261</t>
  </si>
  <si>
    <t>cg11433624</t>
  </si>
  <si>
    <t>cg11433629</t>
  </si>
  <si>
    <t>cg11434976</t>
  </si>
  <si>
    <t>cg11436462</t>
  </si>
  <si>
    <t>cg11439192</t>
  </si>
  <si>
    <t>cg11439393</t>
  </si>
  <si>
    <t>cg11440375</t>
  </si>
  <si>
    <t>cg11444828</t>
  </si>
  <si>
    <t>cg11449344</t>
  </si>
  <si>
    <t>cg11452501</t>
  </si>
  <si>
    <t>cg11453174</t>
  </si>
  <si>
    <t>cg11453837</t>
  </si>
  <si>
    <t>cg11456838</t>
  </si>
  <si>
    <t>cg11457640</t>
  </si>
  <si>
    <t>cg11459603</t>
  </si>
  <si>
    <t>cg11468000</t>
  </si>
  <si>
    <t>cg11469594</t>
  </si>
  <si>
    <t>cg11471469</t>
  </si>
  <si>
    <t>cg11472725</t>
  </si>
  <si>
    <t>cg11484553</t>
  </si>
  <si>
    <t>cg11484872</t>
  </si>
  <si>
    <t>cg11485823</t>
  </si>
  <si>
    <t>cg11489251</t>
  </si>
  <si>
    <t>cg11491998</t>
  </si>
  <si>
    <t>cg11492288</t>
  </si>
  <si>
    <t>cg11495387</t>
  </si>
  <si>
    <t>cg11497864</t>
  </si>
  <si>
    <t>cg11498582</t>
  </si>
  <si>
    <t>cg11504897</t>
  </si>
  <si>
    <t>cg11505404</t>
  </si>
  <si>
    <t>cg11512026</t>
  </si>
  <si>
    <t>cg11517269</t>
  </si>
  <si>
    <t>cg11520985</t>
  </si>
  <si>
    <t>cg11522612</t>
  </si>
  <si>
    <t>cg11522683</t>
  </si>
  <si>
    <t>cg11522767</t>
  </si>
  <si>
    <t>cg11523799</t>
  </si>
  <si>
    <t>cg11527695</t>
  </si>
  <si>
    <t>cg11529128</t>
  </si>
  <si>
    <t>cg11530564</t>
  </si>
  <si>
    <t>cg11532971</t>
  </si>
  <si>
    <t>cg11540692</t>
  </si>
  <si>
    <t>cg11548059</t>
  </si>
  <si>
    <t>cg11552743</t>
  </si>
  <si>
    <t>cg11553755</t>
  </si>
  <si>
    <t>cg11554650</t>
  </si>
  <si>
    <t>cg11554728</t>
  </si>
  <si>
    <t>cg11560431</t>
  </si>
  <si>
    <t>cg11561218</t>
  </si>
  <si>
    <t>cg11562411</t>
  </si>
  <si>
    <t>cg11565299</t>
  </si>
  <si>
    <t>cg11565585</t>
  </si>
  <si>
    <t>cg11566543</t>
  </si>
  <si>
    <t>cg11567288</t>
  </si>
  <si>
    <t>cg11571001</t>
  </si>
  <si>
    <t>cg11571263</t>
  </si>
  <si>
    <t>cg11571304</t>
  </si>
  <si>
    <t>cg11574612</t>
  </si>
  <si>
    <t>cg11575929</t>
  </si>
  <si>
    <t>cg11576405</t>
  </si>
  <si>
    <t>cg11579069</t>
  </si>
  <si>
    <t>cg11580844</t>
  </si>
  <si>
    <t>cg11585301</t>
  </si>
  <si>
    <t>cg11585357</t>
  </si>
  <si>
    <t>cg11586890</t>
  </si>
  <si>
    <t>cg11587584</t>
  </si>
  <si>
    <t>cg11589282</t>
  </si>
  <si>
    <t>cg11594821</t>
  </si>
  <si>
    <t>cg11599612</t>
  </si>
  <si>
    <t>cg11599721</t>
  </si>
  <si>
    <t>cg11606826</t>
  </si>
  <si>
    <t>cg11608893</t>
  </si>
  <si>
    <t>cg11609578</t>
  </si>
  <si>
    <t>cg11611097</t>
  </si>
  <si>
    <t>cg11611282</t>
  </si>
  <si>
    <t>cg11611341</t>
  </si>
  <si>
    <t>cg11611676</t>
  </si>
  <si>
    <t>cg11612345</t>
  </si>
  <si>
    <t>cg11617938</t>
  </si>
  <si>
    <t>cg11617964</t>
  </si>
  <si>
    <t>cg11620328</t>
  </si>
  <si>
    <t>cg11623225</t>
  </si>
  <si>
    <t>cg11623932</t>
  </si>
  <si>
    <t>cg11624225</t>
  </si>
  <si>
    <t>cg11626629</t>
  </si>
  <si>
    <t>cg11629449</t>
  </si>
  <si>
    <t>cg11629900</t>
  </si>
  <si>
    <t>cg11634875</t>
  </si>
  <si>
    <t>cg11637059</t>
  </si>
  <si>
    <t>cg11638880</t>
  </si>
  <si>
    <t>cg11640756</t>
  </si>
  <si>
    <t>cg11642722</t>
  </si>
  <si>
    <t>cg11643442</t>
  </si>
  <si>
    <t>cg11643848</t>
  </si>
  <si>
    <t>cg11645762</t>
  </si>
  <si>
    <t>cg11646505</t>
  </si>
  <si>
    <t>cg11649001</t>
  </si>
  <si>
    <t>cg11652360</t>
  </si>
  <si>
    <t>cg11656326</t>
  </si>
  <si>
    <t>cg11657744</t>
  </si>
  <si>
    <t>cg11662098</t>
  </si>
  <si>
    <t>cg11662340</t>
  </si>
  <si>
    <t>cg11662452</t>
  </si>
  <si>
    <t>cg11668638</t>
  </si>
  <si>
    <t>cg11668794</t>
  </si>
  <si>
    <t>cg11668876</t>
  </si>
  <si>
    <t>cg11671290</t>
  </si>
  <si>
    <t>cg11671335</t>
  </si>
  <si>
    <t>cg11678773</t>
  </si>
  <si>
    <t>cg11679268</t>
  </si>
  <si>
    <t>cg11680758</t>
  </si>
  <si>
    <t>cg11682350</t>
  </si>
  <si>
    <t>cg11682724</t>
  </si>
  <si>
    <t>cg11696576</t>
  </si>
  <si>
    <t>cg11696975</t>
  </si>
  <si>
    <t>cg11697474</t>
  </si>
  <si>
    <t>cg11699666</t>
  </si>
  <si>
    <t>cg11700230</t>
  </si>
  <si>
    <t>cg11706349</t>
  </si>
  <si>
    <t>cg11708616</t>
  </si>
  <si>
    <t>cg11709138</t>
  </si>
  <si>
    <t>cg11711062</t>
  </si>
  <si>
    <t>cg11713064</t>
  </si>
  <si>
    <t>cg11718806</t>
  </si>
  <si>
    <t>cg11723077</t>
  </si>
  <si>
    <t>cg11724134</t>
  </si>
  <si>
    <t>cg11724671</t>
  </si>
  <si>
    <t>cg11726150</t>
  </si>
  <si>
    <t>cg11726902</t>
  </si>
  <si>
    <t>cg11728201</t>
  </si>
  <si>
    <t>cg11731414</t>
  </si>
  <si>
    <t>cg11734790</t>
  </si>
  <si>
    <t>cg11736020</t>
  </si>
  <si>
    <t>cg11736352</t>
  </si>
  <si>
    <t>cg11738164</t>
  </si>
  <si>
    <t>cg11742202</t>
  </si>
  <si>
    <t>cg11743438</t>
  </si>
  <si>
    <t>cg11744817</t>
  </si>
  <si>
    <t>cg11747594</t>
  </si>
  <si>
    <t>cg11748127</t>
  </si>
  <si>
    <t>cg11748260</t>
  </si>
  <si>
    <t>cg11753286</t>
  </si>
  <si>
    <t>cg11753363</t>
  </si>
  <si>
    <t>cg11756518</t>
  </si>
  <si>
    <t>cg11758283</t>
  </si>
  <si>
    <t>cg11759480</t>
  </si>
  <si>
    <t>cg11759749</t>
  </si>
  <si>
    <t>cg11761176</t>
  </si>
  <si>
    <t>cg11768167</t>
  </si>
  <si>
    <t>cg11768612</t>
  </si>
  <si>
    <t>cg11769290</t>
  </si>
  <si>
    <t>cg11772804</t>
  </si>
  <si>
    <t>cg11773537</t>
  </si>
  <si>
    <t>cg11777498</t>
  </si>
  <si>
    <t>cg11780382</t>
  </si>
  <si>
    <t>cg11783815</t>
  </si>
  <si>
    <t>cg11784631</t>
  </si>
  <si>
    <t>cg11785183</t>
  </si>
  <si>
    <t>cg11786839</t>
  </si>
  <si>
    <t>cg11787126</t>
  </si>
  <si>
    <t>cg11787828</t>
  </si>
  <si>
    <t>cg11796507</t>
  </si>
  <si>
    <t>cg11798043</t>
  </si>
  <si>
    <t>cg11798873</t>
  </si>
  <si>
    <t>cg11799329</t>
  </si>
  <si>
    <t>cg11802469</t>
  </si>
  <si>
    <t>cg11805552</t>
  </si>
  <si>
    <t>cg11806749</t>
  </si>
  <si>
    <t>cg11807105</t>
  </si>
  <si>
    <t>cg11809464</t>
  </si>
  <si>
    <t>cg11811828</t>
  </si>
  <si>
    <t>cg11812071</t>
  </si>
  <si>
    <t>cg11813455</t>
  </si>
  <si>
    <t>cg11815438</t>
  </si>
  <si>
    <t>cg11815762</t>
  </si>
  <si>
    <t>cg11819402</t>
  </si>
  <si>
    <t>cg11822208</t>
  </si>
  <si>
    <t>cg11823230</t>
  </si>
  <si>
    <t>cg11824693</t>
  </si>
  <si>
    <t>cg11834473</t>
  </si>
  <si>
    <t>cg11835806</t>
  </si>
  <si>
    <t>cg11839333</t>
  </si>
  <si>
    <t>cg11848487</t>
  </si>
  <si>
    <t>cg11848539</t>
  </si>
  <si>
    <t>cg11850638</t>
  </si>
  <si>
    <t>cg11851792</t>
  </si>
  <si>
    <t>cg11852471</t>
  </si>
  <si>
    <t>cg11854981</t>
  </si>
  <si>
    <t>cg11856561</t>
  </si>
  <si>
    <t>cg11870037</t>
  </si>
  <si>
    <t>cg11871021</t>
  </si>
  <si>
    <t>cg11881003</t>
  </si>
  <si>
    <t>cg11884274</t>
  </si>
  <si>
    <t>cg11885589</t>
  </si>
  <si>
    <t>cg11886286</t>
  </si>
  <si>
    <t>cg11889068</t>
  </si>
  <si>
    <t>cg11889195</t>
  </si>
  <si>
    <t>cg11892307</t>
  </si>
  <si>
    <t>cg11893552</t>
  </si>
  <si>
    <t>cg11894257</t>
  </si>
  <si>
    <t>cg11894474</t>
  </si>
  <si>
    <t>cg11898695</t>
  </si>
  <si>
    <t>cg11900861</t>
  </si>
  <si>
    <t>cg11901272</t>
  </si>
  <si>
    <t>cg11903854</t>
  </si>
  <si>
    <t>cg11905821</t>
  </si>
  <si>
    <t>cg11908557</t>
  </si>
  <si>
    <t>cg11910652</t>
  </si>
  <si>
    <t>cg11911630</t>
  </si>
  <si>
    <t>cg11913951</t>
  </si>
  <si>
    <t>cg11915672</t>
  </si>
  <si>
    <t>cg11916726</t>
  </si>
  <si>
    <t>cg11917542</t>
  </si>
  <si>
    <t>cg11920449</t>
  </si>
  <si>
    <t>cg11920576</t>
  </si>
  <si>
    <t>cg11924238</t>
  </si>
  <si>
    <t>cg11924638</t>
  </si>
  <si>
    <t>cg11926805</t>
  </si>
  <si>
    <t>cg11928161</t>
  </si>
  <si>
    <t>cg11928635</t>
  </si>
  <si>
    <t>cg11930820</t>
  </si>
  <si>
    <t>cg11931223</t>
  </si>
  <si>
    <t>cg11933116</t>
  </si>
  <si>
    <t>cg11934771</t>
  </si>
  <si>
    <t>cg11935053</t>
  </si>
  <si>
    <t>cg11935153</t>
  </si>
  <si>
    <t>cg11935248</t>
  </si>
  <si>
    <t>cg11936341</t>
  </si>
  <si>
    <t>cg11936362</t>
  </si>
  <si>
    <t>cg11938672</t>
  </si>
  <si>
    <t>cg11941485</t>
  </si>
  <si>
    <t>cg11942662</t>
  </si>
  <si>
    <t>cg11942910</t>
  </si>
  <si>
    <t>cg11943056</t>
  </si>
  <si>
    <t>cg11946458</t>
  </si>
  <si>
    <t>cg11949420</t>
  </si>
  <si>
    <t>cg11950785</t>
  </si>
  <si>
    <t>cg11953311</t>
  </si>
  <si>
    <t>cg11954557</t>
  </si>
  <si>
    <t>cg11956813</t>
  </si>
  <si>
    <t>cg11959708</t>
  </si>
  <si>
    <t>cg11963105</t>
  </si>
  <si>
    <t>cg11963400</t>
  </si>
  <si>
    <t>cg11963660</t>
  </si>
  <si>
    <t>cg11967546</t>
  </si>
  <si>
    <t>cg11969002</t>
  </si>
  <si>
    <t>cg11969053</t>
  </si>
  <si>
    <t>cg11969117</t>
  </si>
  <si>
    <t>cg11974820</t>
  </si>
  <si>
    <t>cg11979303</t>
  </si>
  <si>
    <t>cg11980090</t>
  </si>
  <si>
    <t>cg11981639</t>
  </si>
  <si>
    <t>cg11984719</t>
  </si>
  <si>
    <t>cg11985218</t>
  </si>
  <si>
    <t>cg11986980</t>
  </si>
  <si>
    <t>cg11989485</t>
  </si>
  <si>
    <t>cg11990281</t>
  </si>
  <si>
    <t>cg11990309</t>
  </si>
  <si>
    <t>cg11991105</t>
  </si>
  <si>
    <t>cg11991806</t>
  </si>
  <si>
    <t>cg11991824</t>
  </si>
  <si>
    <t>cg11994620</t>
  </si>
  <si>
    <t>cg11995506</t>
  </si>
  <si>
    <t>cg11995741</t>
  </si>
  <si>
    <t>cg11998049</t>
  </si>
  <si>
    <t>cg11999288</t>
  </si>
  <si>
    <t>cg12001709</t>
  </si>
  <si>
    <t>cg12002139</t>
  </si>
  <si>
    <t>cg12003026</t>
  </si>
  <si>
    <t>cg12008034</t>
  </si>
  <si>
    <t>cg12012146</t>
  </si>
  <si>
    <t>cg12013817</t>
  </si>
  <si>
    <t>cg12015492</t>
  </si>
  <si>
    <t>cg12016405</t>
  </si>
  <si>
    <t>cg12017956</t>
  </si>
  <si>
    <t>cg12018888</t>
  </si>
  <si>
    <t>cg12019475</t>
  </si>
  <si>
    <t>cg12021641</t>
  </si>
  <si>
    <t>cg12023625</t>
  </si>
  <si>
    <t>cg12023692</t>
  </si>
  <si>
    <t>cg12028466</t>
  </si>
  <si>
    <t>cg12030031</t>
  </si>
  <si>
    <t>cg12032533</t>
  </si>
  <si>
    <t>cg12033615</t>
  </si>
  <si>
    <t>cg12035402</t>
  </si>
  <si>
    <t>cg12036303</t>
  </si>
  <si>
    <t>cg12039133</t>
  </si>
  <si>
    <t>cg12039505</t>
  </si>
  <si>
    <t>cg12041340</t>
  </si>
  <si>
    <t>cg12044889</t>
  </si>
  <si>
    <t>cg12060786</t>
  </si>
  <si>
    <t>cg12061236</t>
  </si>
  <si>
    <t>cg12061370</t>
  </si>
  <si>
    <t>cg12062597</t>
  </si>
  <si>
    <t>cg12063847</t>
  </si>
  <si>
    <t>cg12064504</t>
  </si>
  <si>
    <t>cg12070285</t>
  </si>
  <si>
    <t>cg12070911</t>
  </si>
  <si>
    <t>cg12074883</t>
  </si>
  <si>
    <t>cg12076358</t>
  </si>
  <si>
    <t>cg12078872</t>
  </si>
  <si>
    <t>cg12080503</t>
  </si>
  <si>
    <t>cg12082568</t>
  </si>
  <si>
    <t>cg12084411</t>
  </si>
  <si>
    <t>cg12084792</t>
  </si>
  <si>
    <t>cg12084925</t>
  </si>
  <si>
    <t>cg12087303</t>
  </si>
  <si>
    <t>cg12090880</t>
  </si>
  <si>
    <t>cg12094174</t>
  </si>
  <si>
    <t>cg12094903</t>
  </si>
  <si>
    <t>cg12100881</t>
  </si>
  <si>
    <t>cg12103152</t>
  </si>
  <si>
    <t>cg12103547</t>
  </si>
  <si>
    <t>cg12105190</t>
  </si>
  <si>
    <t>cg12106389</t>
  </si>
  <si>
    <t>cg12106976</t>
  </si>
  <si>
    <t>cg12107072</t>
  </si>
  <si>
    <t>cg12112110</t>
  </si>
  <si>
    <t>cg12115991</t>
  </si>
  <si>
    <t>cg12117227</t>
  </si>
  <si>
    <t>cg12118504</t>
  </si>
  <si>
    <t>cg12118863</t>
  </si>
  <si>
    <t>cg12120947</t>
  </si>
  <si>
    <t>cg12124018</t>
  </si>
  <si>
    <t>cg12148919</t>
  </si>
  <si>
    <t>cg12149319</t>
  </si>
  <si>
    <t>cg12152443</t>
  </si>
  <si>
    <t>cg12152919</t>
  </si>
  <si>
    <t>cg12154624</t>
  </si>
  <si>
    <t>cg12160011</t>
  </si>
  <si>
    <t>cg12166917</t>
  </si>
  <si>
    <t>cg12170868</t>
  </si>
  <si>
    <t>cg12171781</t>
  </si>
  <si>
    <t>cg12172531</t>
  </si>
  <si>
    <t>cg12173498</t>
  </si>
  <si>
    <t>cg12174276</t>
  </si>
  <si>
    <t>cg12174390</t>
  </si>
  <si>
    <t>cg12175382</t>
  </si>
  <si>
    <t>cg12178225</t>
  </si>
  <si>
    <t>cg12181621</t>
  </si>
  <si>
    <t>cg12183124</t>
  </si>
  <si>
    <t>cg12183549</t>
  </si>
  <si>
    <t>cg12183741</t>
  </si>
  <si>
    <t>cg12184293</t>
  </si>
  <si>
    <t>cg12193099</t>
  </si>
  <si>
    <t>cg12197457</t>
  </si>
  <si>
    <t>cg12201961</t>
  </si>
  <si>
    <t>cg12207953</t>
  </si>
  <si>
    <t>cg12212060</t>
  </si>
  <si>
    <t>cg12213910</t>
  </si>
  <si>
    <t>cg12221475</t>
  </si>
  <si>
    <t>cg12224633</t>
  </si>
  <si>
    <t>cg12227907</t>
  </si>
  <si>
    <t>cg12228717</t>
  </si>
  <si>
    <t>cg12230515</t>
  </si>
  <si>
    <t>cg12230983</t>
  </si>
  <si>
    <t>cg12232274</t>
  </si>
  <si>
    <t>cg12232308</t>
  </si>
  <si>
    <t>cg12241963</t>
  </si>
  <si>
    <t>cg12242502</t>
  </si>
  <si>
    <t>cg12244756</t>
  </si>
  <si>
    <t>cg12245402</t>
  </si>
  <si>
    <t>cg12252297</t>
  </si>
  <si>
    <t>cg12253437</t>
  </si>
  <si>
    <t>cg12254291</t>
  </si>
  <si>
    <t>cg12255062</t>
  </si>
  <si>
    <t>cg12256080</t>
  </si>
  <si>
    <t>cg12256206</t>
  </si>
  <si>
    <t>cg12256228</t>
  </si>
  <si>
    <t>cg12257233</t>
  </si>
  <si>
    <t>cg12259593</t>
  </si>
  <si>
    <t>cg12263794</t>
  </si>
  <si>
    <t>cg12269535</t>
  </si>
  <si>
    <t>cg12274082</t>
  </si>
  <si>
    <t>cg12275289</t>
  </si>
  <si>
    <t>cg12278738</t>
  </si>
  <si>
    <t>cg12279076</t>
  </si>
  <si>
    <t>cg12279419</t>
  </si>
  <si>
    <t>cg12280901</t>
  </si>
  <si>
    <t>cg12286154</t>
  </si>
  <si>
    <t>cg12287358</t>
  </si>
  <si>
    <t>cg12287785</t>
  </si>
  <si>
    <t>cg12291038</t>
  </si>
  <si>
    <t>cg12297501</t>
  </si>
  <si>
    <t>cg12298212</t>
  </si>
  <si>
    <t>cg12305588</t>
  </si>
  <si>
    <t>cg12306213</t>
  </si>
  <si>
    <t>cg12307716</t>
  </si>
  <si>
    <t>cg12308216</t>
  </si>
  <si>
    <t>cg12308407</t>
  </si>
  <si>
    <t>cg12308631</t>
  </si>
  <si>
    <t>cg12308909</t>
  </si>
  <si>
    <t>cg12309817</t>
  </si>
  <si>
    <t>cg12315353</t>
  </si>
  <si>
    <t>cg12320039</t>
  </si>
  <si>
    <t>cg12322235</t>
  </si>
  <si>
    <t>cg12332097</t>
  </si>
  <si>
    <t>cg12332917</t>
  </si>
  <si>
    <t>cg12333338</t>
  </si>
  <si>
    <t>cg12335476</t>
  </si>
  <si>
    <t>cg12338202</t>
  </si>
  <si>
    <t>cg12341365</t>
  </si>
  <si>
    <t>cg12341414</t>
  </si>
  <si>
    <t>cg12345982</t>
  </si>
  <si>
    <t>cg12350822</t>
  </si>
  <si>
    <t>cg12351042</t>
  </si>
  <si>
    <t>cg12352820</t>
  </si>
  <si>
    <t>cg12359158</t>
  </si>
  <si>
    <t>cg12363472</t>
  </si>
  <si>
    <t>cg12367415</t>
  </si>
  <si>
    <t>cg12379307</t>
  </si>
  <si>
    <t>cg12383473</t>
  </si>
  <si>
    <t>cg12385017</t>
  </si>
  <si>
    <t>cg12388541</t>
  </si>
  <si>
    <t>cg12388764</t>
  </si>
  <si>
    <t>cg12392684</t>
  </si>
  <si>
    <t>cg12395726</t>
  </si>
  <si>
    <t>cg12399162</t>
  </si>
  <si>
    <t>cg12399860</t>
  </si>
  <si>
    <t>cg12400430</t>
  </si>
  <si>
    <t>cg12400664</t>
  </si>
  <si>
    <t>cg12401158</t>
  </si>
  <si>
    <t>cg12401918</t>
  </si>
  <si>
    <t>cg12407685</t>
  </si>
  <si>
    <t>cg12414502</t>
  </si>
  <si>
    <t>cg12416929</t>
  </si>
  <si>
    <t>cg12417720</t>
  </si>
  <si>
    <t>cg12419318</t>
  </si>
  <si>
    <t>cg12421819</t>
  </si>
  <si>
    <t>cg12424345</t>
  </si>
  <si>
    <t>cg12427941</t>
  </si>
  <si>
    <t>cg12428738</t>
  </si>
  <si>
    <t>cg12430007</t>
  </si>
  <si>
    <t>cg12433575</t>
  </si>
  <si>
    <t>cg12433886</t>
  </si>
  <si>
    <t>cg12434085</t>
  </si>
  <si>
    <t>cg12439232</t>
  </si>
  <si>
    <t>cg12439388</t>
  </si>
  <si>
    <t>cg12439899</t>
  </si>
  <si>
    <t>cg12440040</t>
  </si>
  <si>
    <t>cg12444385</t>
  </si>
  <si>
    <t>cg12446303</t>
  </si>
  <si>
    <t>cg12446446</t>
  </si>
  <si>
    <t>cg12447928</t>
  </si>
  <si>
    <t>cg12453228</t>
  </si>
  <si>
    <t>cg12453485</t>
  </si>
  <si>
    <t>cg12456552</t>
  </si>
  <si>
    <t>cg12460721</t>
  </si>
  <si>
    <t>cg12462816</t>
  </si>
  <si>
    <t>cg12463600</t>
  </si>
  <si>
    <t>cg12470367</t>
  </si>
  <si>
    <t>cg12472351</t>
  </si>
  <si>
    <t>cg12475182</t>
  </si>
  <si>
    <t>cg12477347</t>
  </si>
  <si>
    <t>cg12478378</t>
  </si>
  <si>
    <t>cg12478978</t>
  </si>
  <si>
    <t>cg12481212</t>
  </si>
  <si>
    <t>cg12484045</t>
  </si>
  <si>
    <t>cg12484153</t>
  </si>
  <si>
    <t>cg12484352</t>
  </si>
  <si>
    <t>cg12484688</t>
  </si>
  <si>
    <t>cg12486558</t>
  </si>
  <si>
    <t>cg12489846</t>
  </si>
  <si>
    <t>cg12491555</t>
  </si>
  <si>
    <t>cg12492942</t>
  </si>
  <si>
    <t>cg12493058</t>
  </si>
  <si>
    <t>cg12498088</t>
  </si>
  <si>
    <t>cg12503292</t>
  </si>
  <si>
    <t>cg12508392</t>
  </si>
  <si>
    <t>cg12531601</t>
  </si>
  <si>
    <t>cg12534216</t>
  </si>
  <si>
    <t>cg12537530</t>
  </si>
  <si>
    <t>cg12553321</t>
  </si>
  <si>
    <t>cg12555879</t>
  </si>
  <si>
    <t>cg12561748</t>
  </si>
  <si>
    <t>cg12562076</t>
  </si>
  <si>
    <t>cg12564349</t>
  </si>
  <si>
    <t>cg12568161</t>
  </si>
  <si>
    <t>cg12568595</t>
  </si>
  <si>
    <t>cg12569497</t>
  </si>
  <si>
    <t>cg12572677</t>
  </si>
  <si>
    <t>cg12577187</t>
  </si>
  <si>
    <t>cg12577411</t>
  </si>
  <si>
    <t>cg12577850</t>
  </si>
  <si>
    <t>cg12582616</t>
  </si>
  <si>
    <t>cg12583553</t>
  </si>
  <si>
    <t>cg12584100</t>
  </si>
  <si>
    <t>cg12585005</t>
  </si>
  <si>
    <t>cg12585943</t>
  </si>
  <si>
    <t>cg12586150</t>
  </si>
  <si>
    <t>cg12588279</t>
  </si>
  <si>
    <t>cg12588299</t>
  </si>
  <si>
    <t>cg12589538</t>
  </si>
  <si>
    <t>cg12590655</t>
  </si>
  <si>
    <t>cg12591622</t>
  </si>
  <si>
    <t>cg12591689</t>
  </si>
  <si>
    <t>cg12594140</t>
  </si>
  <si>
    <t>cg12594290</t>
  </si>
  <si>
    <t>cg12594716</t>
  </si>
  <si>
    <t>cg12601856</t>
  </si>
  <si>
    <t>cg12606694</t>
  </si>
  <si>
    <t>cg12608306</t>
  </si>
  <si>
    <t>cg12612118</t>
  </si>
  <si>
    <t>cg12612406</t>
  </si>
  <si>
    <t>cg12612465</t>
  </si>
  <si>
    <t>cg12616114</t>
  </si>
  <si>
    <t>cg12617225</t>
  </si>
  <si>
    <t>cg12619728</t>
  </si>
  <si>
    <t>cg12623302</t>
  </si>
  <si>
    <t>cg12624523</t>
  </si>
  <si>
    <t>cg12625300</t>
  </si>
  <si>
    <t>cg12628075</t>
  </si>
  <si>
    <t>cg12632549</t>
  </si>
  <si>
    <t>cg12634602</t>
  </si>
  <si>
    <t>cg12635048</t>
  </si>
  <si>
    <t>cg12641184</t>
  </si>
  <si>
    <t>cg12647932</t>
  </si>
  <si>
    <t>cg12649238</t>
  </si>
  <si>
    <t>cg12650685</t>
  </si>
  <si>
    <t>cg12652197</t>
  </si>
  <si>
    <t>cg12657283</t>
  </si>
  <si>
    <t>cg12657853</t>
  </si>
  <si>
    <t>cg12659381</t>
  </si>
  <si>
    <t>cg12659952</t>
  </si>
  <si>
    <t>cg12660777</t>
  </si>
  <si>
    <t>cg12662162</t>
  </si>
  <si>
    <t>cg12663302</t>
  </si>
  <si>
    <t>cg12664633</t>
  </si>
  <si>
    <t>cg12664806</t>
  </si>
  <si>
    <t>cg12665553</t>
  </si>
  <si>
    <t>cg12668216</t>
  </si>
  <si>
    <t>cg12669395</t>
  </si>
  <si>
    <t>cg12670357</t>
  </si>
  <si>
    <t>cg12671121</t>
  </si>
  <si>
    <t>cg12674357</t>
  </si>
  <si>
    <t>cg12678191</t>
  </si>
  <si>
    <t>cg12681001</t>
  </si>
  <si>
    <t>cg12683342</t>
  </si>
  <si>
    <t>cg12684209</t>
  </si>
  <si>
    <t>cg12686477</t>
  </si>
  <si>
    <t>cg12686847</t>
  </si>
  <si>
    <t>cg12688576</t>
  </si>
  <si>
    <t>cg12692314</t>
  </si>
  <si>
    <t>cg12694820</t>
  </si>
  <si>
    <t>cg12695465</t>
  </si>
  <si>
    <t>cg12699756</t>
  </si>
  <si>
    <t>cg12700271</t>
  </si>
  <si>
    <t>cg12701632</t>
  </si>
  <si>
    <t>cg12702304</t>
  </si>
  <si>
    <t>cg12705762</t>
  </si>
  <si>
    <t>cg12708994</t>
  </si>
  <si>
    <t>cg12709009</t>
  </si>
  <si>
    <t>cg12715213</t>
  </si>
  <si>
    <t>cg12716083</t>
  </si>
  <si>
    <t>cg12718404</t>
  </si>
  <si>
    <t>cg12722569</t>
  </si>
  <si>
    <t>cg12723904</t>
  </si>
  <si>
    <t>cg12724826</t>
  </si>
  <si>
    <t>cg12727060</t>
  </si>
  <si>
    <t>cg12732864</t>
  </si>
  <si>
    <t>cg12735838</t>
  </si>
  <si>
    <t>cg12738718</t>
  </si>
  <si>
    <t>cg12739584</t>
  </si>
  <si>
    <t>cg12741420</t>
  </si>
  <si>
    <t>cg12744823</t>
  </si>
  <si>
    <t>cg12746706</t>
  </si>
  <si>
    <t>cg12747860</t>
  </si>
  <si>
    <t>cg12749246</t>
  </si>
  <si>
    <t>cg12753606</t>
  </si>
  <si>
    <t>cg12753631</t>
  </si>
  <si>
    <t>cg12758147</t>
  </si>
  <si>
    <t>cg12758485</t>
  </si>
  <si>
    <t>cg12760573</t>
  </si>
  <si>
    <t>cg12761825</t>
  </si>
  <si>
    <t>cg12765567</t>
  </si>
  <si>
    <t>cg12766058</t>
  </si>
  <si>
    <t>cg12775137</t>
  </si>
  <si>
    <t>cg12776033</t>
  </si>
  <si>
    <t>cg12777782</t>
  </si>
  <si>
    <t>cg12783348</t>
  </si>
  <si>
    <t>cg12783573</t>
  </si>
  <si>
    <t>cg12785251</t>
  </si>
  <si>
    <t>cg12785675</t>
  </si>
  <si>
    <t>cg12787292</t>
  </si>
  <si>
    <t>cg12796410</t>
  </si>
  <si>
    <t>cg12797522</t>
  </si>
  <si>
    <t>cg12798411</t>
  </si>
  <si>
    <t>cg12798992</t>
  </si>
  <si>
    <t>cg12800028</t>
  </si>
  <si>
    <t>cg12800266</t>
  </si>
  <si>
    <t>cg12801619</t>
  </si>
  <si>
    <t>cg12803315</t>
  </si>
  <si>
    <t>cg12803811</t>
  </si>
  <si>
    <t>cg12814525</t>
  </si>
  <si>
    <t>cg12827262</t>
  </si>
  <si>
    <t>cg12831148</t>
  </si>
  <si>
    <t>cg12831863</t>
  </si>
  <si>
    <t>cg12833048</t>
  </si>
  <si>
    <t>cg12834428</t>
  </si>
  <si>
    <t>cg12835326</t>
  </si>
  <si>
    <t>cg12836424</t>
  </si>
  <si>
    <t>cg12837744</t>
  </si>
  <si>
    <t>cg12840248</t>
  </si>
  <si>
    <t>cg12841375</t>
  </si>
  <si>
    <t>cg12841600</t>
  </si>
  <si>
    <t>cg12845990</t>
  </si>
  <si>
    <t>cg12847240</t>
  </si>
  <si>
    <t>cg12847793</t>
  </si>
  <si>
    <t>cg12855522</t>
  </si>
  <si>
    <t>cg12855851</t>
  </si>
  <si>
    <t>cg12856646</t>
  </si>
  <si>
    <t>cg12859112</t>
  </si>
  <si>
    <t>cg12860635</t>
  </si>
  <si>
    <t>cg12863512</t>
  </si>
  <si>
    <t>cg12864853</t>
  </si>
  <si>
    <t>cg12867320</t>
  </si>
  <si>
    <t>cg12868544</t>
  </si>
  <si>
    <t>cg12871376</t>
  </si>
  <si>
    <t>cg12878216</t>
  </si>
  <si>
    <t>cg12879909</t>
  </si>
  <si>
    <t>cg12880602</t>
  </si>
  <si>
    <t>cg12881124</t>
  </si>
  <si>
    <t>cg12886694</t>
  </si>
  <si>
    <t>cg12887840</t>
  </si>
  <si>
    <t>cg12895760</t>
  </si>
  <si>
    <t>cg12896170</t>
  </si>
  <si>
    <t>cg12897370</t>
  </si>
  <si>
    <t>cg12907138</t>
  </si>
  <si>
    <t>cg12909005</t>
  </si>
  <si>
    <t>cg12911907</t>
  </si>
  <si>
    <t>cg12912758</t>
  </si>
  <si>
    <t>cg12913957</t>
  </si>
  <si>
    <t>cg12915834</t>
  </si>
  <si>
    <t>cg12916742</t>
  </si>
  <si>
    <t>cg12921375</t>
  </si>
  <si>
    <t>cg12923268</t>
  </si>
  <si>
    <t>cg12931929</t>
  </si>
  <si>
    <t>cg12934046</t>
  </si>
  <si>
    <t>cg12940104</t>
  </si>
  <si>
    <t>cg12942597</t>
  </si>
  <si>
    <t>cg12942996</t>
  </si>
  <si>
    <t>cg12947757</t>
  </si>
  <si>
    <t>cg12951348</t>
  </si>
  <si>
    <t>cg12971523</t>
  </si>
  <si>
    <t>cg12973753</t>
  </si>
  <si>
    <t>cg12976581</t>
  </si>
  <si>
    <t>cg12980477</t>
  </si>
  <si>
    <t>cg12983741</t>
  </si>
  <si>
    <t>cg12988118</t>
  </si>
  <si>
    <t>cg12989020</t>
  </si>
  <si>
    <t>cg12989041</t>
  </si>
  <si>
    <t>cg12989205</t>
  </si>
  <si>
    <t>cg12990148</t>
  </si>
  <si>
    <t>cg12990575</t>
  </si>
  <si>
    <t>cg12991385</t>
  </si>
  <si>
    <t>cg13000912</t>
  </si>
  <si>
    <t>cg13001017</t>
  </si>
  <si>
    <t>cg13007871</t>
  </si>
  <si>
    <t>cg13011452</t>
  </si>
  <si>
    <t>cg13014333</t>
  </si>
  <si>
    <t>cg13015485</t>
  </si>
  <si>
    <t>cg13016528</t>
  </si>
  <si>
    <t>cg13022121</t>
  </si>
  <si>
    <t>cg13022459</t>
  </si>
  <si>
    <t>cg13026137</t>
  </si>
  <si>
    <t>cg13026729</t>
  </si>
  <si>
    <t>cg13027595</t>
  </si>
  <si>
    <t>cg13031167</t>
  </si>
  <si>
    <t>cg13032057</t>
  </si>
  <si>
    <t>cg13032463</t>
  </si>
  <si>
    <t>cg13032616</t>
  </si>
  <si>
    <t>cg13033722</t>
  </si>
  <si>
    <t>cg13033898</t>
  </si>
  <si>
    <t>cg13040666</t>
  </si>
  <si>
    <t>cg13040816</t>
  </si>
  <si>
    <t>cg13044052</t>
  </si>
  <si>
    <t>cg13044444</t>
  </si>
  <si>
    <t>cg13045310</t>
  </si>
  <si>
    <t>cg13046724</t>
  </si>
  <si>
    <t>cg13051370</t>
  </si>
  <si>
    <t>cg13054640</t>
  </si>
  <si>
    <t>cg13057170</t>
  </si>
  <si>
    <t>cg13059373</t>
  </si>
  <si>
    <t>cg13063124</t>
  </si>
  <si>
    <t>cg13063357</t>
  </si>
  <si>
    <t>cg13069985</t>
  </si>
  <si>
    <t>cg13072943</t>
  </si>
  <si>
    <t>cg13075951</t>
  </si>
  <si>
    <t>cg13077519</t>
  </si>
  <si>
    <t>cg13079232</t>
  </si>
  <si>
    <t>cg13080137</t>
  </si>
  <si>
    <t>cg13082120</t>
  </si>
  <si>
    <t>cg13089044</t>
  </si>
  <si>
    <t>cg13089568</t>
  </si>
  <si>
    <t>cg13094274</t>
  </si>
  <si>
    <t>cg13096541</t>
  </si>
  <si>
    <t>cg13096809</t>
  </si>
  <si>
    <t>cg13101072</t>
  </si>
  <si>
    <t>cg13102294</t>
  </si>
  <si>
    <t>cg13110300</t>
  </si>
  <si>
    <t>cg13112336</t>
  </si>
  <si>
    <t>cg13113963</t>
  </si>
  <si>
    <t>cg13116438</t>
  </si>
  <si>
    <t>cg13117339</t>
  </si>
  <si>
    <t>cg13117822</t>
  </si>
  <si>
    <t>cg13118748</t>
  </si>
  <si>
    <t>cg13123009</t>
  </si>
  <si>
    <t>cg13124788</t>
  </si>
  <si>
    <t>cg13126790</t>
  </si>
  <si>
    <t>cg13134968</t>
  </si>
  <si>
    <t>cg13135180</t>
  </si>
  <si>
    <t>cg13136655</t>
  </si>
  <si>
    <t>cg13142134</t>
  </si>
  <si>
    <t>cg13143120</t>
  </si>
  <si>
    <t>cg13146826</t>
  </si>
  <si>
    <t>cg13154057</t>
  </si>
  <si>
    <t>cg13154622</t>
  </si>
  <si>
    <t>cg13156044</t>
  </si>
  <si>
    <t>cg13160386</t>
  </si>
  <si>
    <t>cg13160528</t>
  </si>
  <si>
    <t>cg13163765</t>
  </si>
  <si>
    <t>cg13165140</t>
  </si>
  <si>
    <t>cg13169221</t>
  </si>
  <si>
    <t>cg13170891</t>
  </si>
  <si>
    <t>cg13176979</t>
  </si>
  <si>
    <t>cg13177453</t>
  </si>
  <si>
    <t>cg13178295</t>
  </si>
  <si>
    <t>cg13182916</t>
  </si>
  <si>
    <t>cg13184442</t>
  </si>
  <si>
    <t>cg13185046</t>
  </si>
  <si>
    <t>cg13189434</t>
  </si>
  <si>
    <t>cg13195955</t>
  </si>
  <si>
    <t>cg13196879</t>
  </si>
  <si>
    <t>cg13197078</t>
  </si>
  <si>
    <t>cg13200288</t>
  </si>
  <si>
    <t>cg13201995</t>
  </si>
  <si>
    <t>cg13202415</t>
  </si>
  <si>
    <t>cg13205613</t>
  </si>
  <si>
    <t>cg13206902</t>
  </si>
  <si>
    <t>cg13207606</t>
  </si>
  <si>
    <t>cg13208590</t>
  </si>
  <si>
    <t>cg13212963</t>
  </si>
  <si>
    <t>cg13214149</t>
  </si>
  <si>
    <t>cg13220457</t>
  </si>
  <si>
    <t>cg13223328</t>
  </si>
  <si>
    <t>cg13223754</t>
  </si>
  <si>
    <t>cg13226839</t>
  </si>
  <si>
    <t>cg13236679</t>
  </si>
  <si>
    <t>cg13241473</t>
  </si>
  <si>
    <t>cg13252915</t>
  </si>
  <si>
    <t>cg13253439</t>
  </si>
  <si>
    <t>cg13254330</t>
  </si>
  <si>
    <t>cg13255096</t>
  </si>
  <si>
    <t>cg13258453</t>
  </si>
  <si>
    <t>cg13260333</t>
  </si>
  <si>
    <t>cg13266119</t>
  </si>
  <si>
    <t>cg13266242</t>
  </si>
  <si>
    <t>cg13267891</t>
  </si>
  <si>
    <t>cg13273236</t>
  </si>
  <si>
    <t>cg13278100</t>
  </si>
  <si>
    <t>cg13279192</t>
  </si>
  <si>
    <t>cg13279955</t>
  </si>
  <si>
    <t>cg13281171</t>
  </si>
  <si>
    <t>cg13284152</t>
  </si>
  <si>
    <t>cg13286590</t>
  </si>
  <si>
    <t>cg13290154</t>
  </si>
  <si>
    <t>cg13295193</t>
  </si>
  <si>
    <t>cg13296093</t>
  </si>
  <si>
    <t>cg13299743</t>
  </si>
  <si>
    <t>cg13301043</t>
  </si>
  <si>
    <t>cg13308063</t>
  </si>
  <si>
    <t>cg13311832</t>
  </si>
  <si>
    <t>cg13312976</t>
  </si>
  <si>
    <t>cg13313598</t>
  </si>
  <si>
    <t>cg13314694</t>
  </si>
  <si>
    <t>cg13318241</t>
  </si>
  <si>
    <t>cg13319014</t>
  </si>
  <si>
    <t>cg13322131</t>
  </si>
  <si>
    <t>cg13322920</t>
  </si>
  <si>
    <t>cg13325666</t>
  </si>
  <si>
    <t>cg13326048</t>
  </si>
  <si>
    <t>cg13326844</t>
  </si>
  <si>
    <t>cg13329912</t>
  </si>
  <si>
    <t>cg13333737</t>
  </si>
  <si>
    <t>cg13334277</t>
  </si>
  <si>
    <t>cg13335388</t>
  </si>
  <si>
    <t>cg13336485</t>
  </si>
  <si>
    <t>cg13337949</t>
  </si>
  <si>
    <t>cg13338798</t>
  </si>
  <si>
    <t>cg13344206</t>
  </si>
  <si>
    <t>cg13347910</t>
  </si>
  <si>
    <t>cg13347970</t>
  </si>
  <si>
    <t>cg13349179</t>
  </si>
  <si>
    <t>cg13351061</t>
  </si>
  <si>
    <t>cg13351860</t>
  </si>
  <si>
    <t>cg13354250</t>
  </si>
  <si>
    <t>cg13355449</t>
  </si>
  <si>
    <t>cg13356429</t>
  </si>
  <si>
    <t>cg13362801</t>
  </si>
  <si>
    <t>cg13365279</t>
  </si>
  <si>
    <t>cg13365524</t>
  </si>
  <si>
    <t>cg13371199</t>
  </si>
  <si>
    <t>cg13372314</t>
  </si>
  <si>
    <t>cg13373589</t>
  </si>
  <si>
    <t>cg13380562</t>
  </si>
  <si>
    <t>cg13380995</t>
  </si>
  <si>
    <t>cg13386109</t>
  </si>
  <si>
    <t>cg13386903</t>
  </si>
  <si>
    <t>cg13387924</t>
  </si>
  <si>
    <t>cg13390480</t>
  </si>
  <si>
    <t>cg13396436</t>
  </si>
  <si>
    <t>cg13396738</t>
  </si>
  <si>
    <t>cg13396830</t>
  </si>
  <si>
    <t>cg13397365</t>
  </si>
  <si>
    <t>cg13398674</t>
  </si>
  <si>
    <t>cg13400176</t>
  </si>
  <si>
    <t>cg13401829</t>
  </si>
  <si>
    <t>cg13403689</t>
  </si>
  <si>
    <t>cg13403999</t>
  </si>
  <si>
    <t>cg13405631</t>
  </si>
  <si>
    <t>cg13408519</t>
  </si>
  <si>
    <t>cg13409111</t>
  </si>
  <si>
    <t>cg13411122</t>
  </si>
  <si>
    <t>cg13420934</t>
  </si>
  <si>
    <t>cg13425174</t>
  </si>
  <si>
    <t>cg13426098</t>
  </si>
  <si>
    <t>cg13426138</t>
  </si>
  <si>
    <t>cg13429144</t>
  </si>
  <si>
    <t>cg13436213</t>
  </si>
  <si>
    <t>cg13436843</t>
  </si>
  <si>
    <t>cg13437870</t>
  </si>
  <si>
    <t>cg13438647</t>
  </si>
  <si>
    <t>cg13442034</t>
  </si>
  <si>
    <t>cg13443893</t>
  </si>
  <si>
    <t>cg13464738</t>
  </si>
  <si>
    <t>cg13464745</t>
  </si>
  <si>
    <t>cg13464995</t>
  </si>
  <si>
    <t>cg13465831</t>
  </si>
  <si>
    <t>cg13466027</t>
  </si>
  <si>
    <t>cg13466809</t>
  </si>
  <si>
    <t>cg13472000</t>
  </si>
  <si>
    <t>cg13475248</t>
  </si>
  <si>
    <t>cg13476058</t>
  </si>
  <si>
    <t>cg13477582</t>
  </si>
  <si>
    <t>cg13477819</t>
  </si>
  <si>
    <t>cg13478289</t>
  </si>
  <si>
    <t>cg13478588</t>
  </si>
  <si>
    <t>cg13486404</t>
  </si>
  <si>
    <t>cg13486531</t>
  </si>
  <si>
    <t>cg13490368</t>
  </si>
  <si>
    <t>cg13494348</t>
  </si>
  <si>
    <t>cg13500909</t>
  </si>
  <si>
    <t>cg13502382</t>
  </si>
  <si>
    <t>cg13510327</t>
  </si>
  <si>
    <t>cg13510363</t>
  </si>
  <si>
    <t>cg13511576</t>
  </si>
  <si>
    <t>cg13514037</t>
  </si>
  <si>
    <t>cg13518670</t>
  </si>
  <si>
    <t>cg13525397</t>
  </si>
  <si>
    <t>cg13528145</t>
  </si>
  <si>
    <t>cg13537510</t>
  </si>
  <si>
    <t>cg13540060</t>
  </si>
  <si>
    <t>cg13540981</t>
  </si>
  <si>
    <t>cg13541527</t>
  </si>
  <si>
    <t>cg13547127</t>
  </si>
  <si>
    <t>cg13549497</t>
  </si>
  <si>
    <t>cg13554030</t>
  </si>
  <si>
    <t>cg13554878</t>
  </si>
  <si>
    <t>cg13560123</t>
  </si>
  <si>
    <t>cg13563634</t>
  </si>
  <si>
    <t>cg13565401</t>
  </si>
  <si>
    <t>cg13566648</t>
  </si>
  <si>
    <t>cg13568218</t>
  </si>
  <si>
    <t>cg13569583</t>
  </si>
  <si>
    <t>cg13572545</t>
  </si>
  <si>
    <t>cg13576739</t>
  </si>
  <si>
    <t>cg13580755</t>
  </si>
  <si>
    <t>cg13585985</t>
  </si>
  <si>
    <t>cg13586599</t>
  </si>
  <si>
    <t>cg13588517</t>
  </si>
  <si>
    <t>cg13590475</t>
  </si>
  <si>
    <t>cg13597629</t>
  </si>
  <si>
    <t>cg13598881</t>
  </si>
  <si>
    <t>cg13600257</t>
  </si>
  <si>
    <t>cg13601597</t>
  </si>
  <si>
    <t>cg13605578</t>
  </si>
  <si>
    <t>cg13606255</t>
  </si>
  <si>
    <t>cg13606420</t>
  </si>
  <si>
    <t>cg13615058</t>
  </si>
  <si>
    <t>cg13615963</t>
  </si>
  <si>
    <t>cg13617204</t>
  </si>
  <si>
    <t>cg13618880</t>
  </si>
  <si>
    <t>cg13620881</t>
  </si>
  <si>
    <t>cg13622821</t>
  </si>
  <si>
    <t>cg13623351</t>
  </si>
  <si>
    <t>cg13623495</t>
  </si>
  <si>
    <t>cg13629388</t>
  </si>
  <si>
    <t>cg13631916</t>
  </si>
  <si>
    <t>cg13635299</t>
  </si>
  <si>
    <t>cg13638737</t>
  </si>
  <si>
    <t>cg13640297</t>
  </si>
  <si>
    <t>cg13644646</t>
  </si>
  <si>
    <t>cg13645811</t>
  </si>
  <si>
    <t>cg13647382</t>
  </si>
  <si>
    <t>cg13652557</t>
  </si>
  <si>
    <t>cg13654085</t>
  </si>
  <si>
    <t>cg13654183</t>
  </si>
  <si>
    <t>cg13656504</t>
  </si>
  <si>
    <t>cg13660719</t>
  </si>
  <si>
    <t>cg13665414</t>
  </si>
  <si>
    <t>cg13665593</t>
  </si>
  <si>
    <t>cg13665850</t>
  </si>
  <si>
    <t>cg13670091</t>
  </si>
  <si>
    <t>cg13675015</t>
  </si>
  <si>
    <t>cg13680320</t>
  </si>
  <si>
    <t>cg13681800</t>
  </si>
  <si>
    <t>cg13683183</t>
  </si>
  <si>
    <t>cg13686863</t>
  </si>
  <si>
    <t>cg13687784</t>
  </si>
  <si>
    <t>cg13691744</t>
  </si>
  <si>
    <t>cg13695465</t>
  </si>
  <si>
    <t>cg13695585</t>
  </si>
  <si>
    <t>cg13704497</t>
  </si>
  <si>
    <t>cg13705888</t>
  </si>
  <si>
    <t>cg13705956</t>
  </si>
  <si>
    <t>cg13709529</t>
  </si>
  <si>
    <t>cg13716619</t>
  </si>
  <si>
    <t>cg13717233</t>
  </si>
  <si>
    <t>cg13719228</t>
  </si>
  <si>
    <t>cg13719443</t>
  </si>
  <si>
    <t>cg13720362</t>
  </si>
  <si>
    <t>cg13722605</t>
  </si>
  <si>
    <t>cg13731926</t>
  </si>
  <si>
    <t>cg13740929</t>
  </si>
  <si>
    <t>cg13746354</t>
  </si>
  <si>
    <t>cg13747899</t>
  </si>
  <si>
    <t>cg13759676</t>
  </si>
  <si>
    <t>cg13762977</t>
  </si>
  <si>
    <t>cg13764350</t>
  </si>
  <si>
    <t>cg13775165</t>
  </si>
  <si>
    <t>cg13775306</t>
  </si>
  <si>
    <t>cg13777287</t>
  </si>
  <si>
    <t>cg13779662</t>
  </si>
  <si>
    <t>cg13781149</t>
  </si>
  <si>
    <t>cg13783725</t>
  </si>
  <si>
    <t>cg13784235</t>
  </si>
  <si>
    <t>cg13784283</t>
  </si>
  <si>
    <t>cg13800240</t>
  </si>
  <si>
    <t>cg13800812</t>
  </si>
  <si>
    <t>cg13804182</t>
  </si>
  <si>
    <t>cg13806292</t>
  </si>
  <si>
    <t>cg13806964</t>
  </si>
  <si>
    <t>cg13813710</t>
  </si>
  <si>
    <t>cg13817905</t>
  </si>
  <si>
    <t>cg13823070</t>
  </si>
  <si>
    <t>cg13823585</t>
  </si>
  <si>
    <t>cg13824877</t>
  </si>
  <si>
    <t>cg13824956</t>
  </si>
  <si>
    <t>cg13825876</t>
  </si>
  <si>
    <t>cg13826290</t>
  </si>
  <si>
    <t>cg13826452</t>
  </si>
  <si>
    <t>cg13828610</t>
  </si>
  <si>
    <t>cg13829804</t>
  </si>
  <si>
    <t>cg13831136</t>
  </si>
  <si>
    <t>cg13832988</t>
  </si>
  <si>
    <t>cg13836098</t>
  </si>
  <si>
    <t>cg13836183</t>
  </si>
  <si>
    <t>cg13839145</t>
  </si>
  <si>
    <t>cg13841603</t>
  </si>
  <si>
    <t>cg13841783</t>
  </si>
  <si>
    <t>cg13841836</t>
  </si>
  <si>
    <t>cg13842262</t>
  </si>
  <si>
    <t>cg13850234</t>
  </si>
  <si>
    <t>cg13850927</t>
  </si>
  <si>
    <t>cg13854860</t>
  </si>
  <si>
    <t>cg13858611</t>
  </si>
  <si>
    <t>cg13860387</t>
  </si>
  <si>
    <t>cg13861219</t>
  </si>
  <si>
    <t>cg13863525</t>
  </si>
  <si>
    <t>cg13866093</t>
  </si>
  <si>
    <t>cg13866618</t>
  </si>
  <si>
    <t>cg13870425</t>
  </si>
  <si>
    <t>cg13871708</t>
  </si>
  <si>
    <t>cg13873869</t>
  </si>
  <si>
    <t>cg13875899</t>
  </si>
  <si>
    <t>cg13878093</t>
  </si>
  <si>
    <t>cg13881452</t>
  </si>
  <si>
    <t>cg13881964</t>
  </si>
  <si>
    <t>cg13882090</t>
  </si>
  <si>
    <t>cg13882665</t>
  </si>
  <si>
    <t>cg13884546</t>
  </si>
  <si>
    <t>cg13892322</t>
  </si>
  <si>
    <t>cg13900100</t>
  </si>
  <si>
    <t>cg13904130</t>
  </si>
  <si>
    <t>cg13906701</t>
  </si>
  <si>
    <t>cg13908846</t>
  </si>
  <si>
    <t>cg13910855</t>
  </si>
  <si>
    <t>cg13913907</t>
  </si>
  <si>
    <t>cg13916953</t>
  </si>
  <si>
    <t>cg13920784</t>
  </si>
  <si>
    <t>cg13922451</t>
  </si>
  <si>
    <t>cg13923094</t>
  </si>
  <si>
    <t>cg13925164</t>
  </si>
  <si>
    <t>cg13925924</t>
  </si>
  <si>
    <t>cg13929566</t>
  </si>
  <si>
    <t>cg13930682</t>
  </si>
  <si>
    <t>cg13932450</t>
  </si>
  <si>
    <t>cg13936968</t>
  </si>
  <si>
    <t>cg13938098</t>
  </si>
  <si>
    <t>cg13938218</t>
  </si>
  <si>
    <t>cg13944037</t>
  </si>
  <si>
    <t>cg13948987</t>
  </si>
  <si>
    <t>cg13961127</t>
  </si>
  <si>
    <t>cg13961400</t>
  </si>
  <si>
    <t>cg13961425</t>
  </si>
  <si>
    <t>cg13964084</t>
  </si>
  <si>
    <t>cg13964192</t>
  </si>
  <si>
    <t>cg13968717</t>
  </si>
  <si>
    <t>cg13969239</t>
  </si>
  <si>
    <t>cg13973639</t>
  </si>
  <si>
    <t>cg13975362</t>
  </si>
  <si>
    <t>cg13978352</t>
  </si>
  <si>
    <t>cg13979602</t>
  </si>
  <si>
    <t>cg13983052</t>
  </si>
  <si>
    <t>cg13983640</t>
  </si>
  <si>
    <t>cg13991568</t>
  </si>
  <si>
    <t>cg13992236</t>
  </si>
  <si>
    <t>cg13995568</t>
  </si>
  <si>
    <t>cg13997124</t>
  </si>
  <si>
    <t>cg14003039</t>
  </si>
  <si>
    <t>cg14003054</t>
  </si>
  <si>
    <t>cg14006373</t>
  </si>
  <si>
    <t>cg14009632</t>
  </si>
  <si>
    <t>cg14010194</t>
  </si>
  <si>
    <t>cg14015015</t>
  </si>
  <si>
    <t>cg14023451</t>
  </si>
  <si>
    <t>cg14023774</t>
  </si>
  <si>
    <t>cg14026109</t>
  </si>
  <si>
    <t>cg14026561</t>
  </si>
  <si>
    <t>cg14029170</t>
  </si>
  <si>
    <t>cg14029759</t>
  </si>
  <si>
    <t>cg14029839</t>
  </si>
  <si>
    <t>cg14036627</t>
  </si>
  <si>
    <t>cg14037397</t>
  </si>
  <si>
    <t>cg14037463</t>
  </si>
  <si>
    <t>cg14044426</t>
  </si>
  <si>
    <t>cg14045072</t>
  </si>
  <si>
    <t>cg14046470</t>
  </si>
  <si>
    <t>cg14047667</t>
  </si>
  <si>
    <t>cg14051639</t>
  </si>
  <si>
    <t>cg14051842</t>
  </si>
  <si>
    <t>cg14054649</t>
  </si>
  <si>
    <t>cg14058383</t>
  </si>
  <si>
    <t>cg14058851</t>
  </si>
  <si>
    <t>cg14058861</t>
  </si>
  <si>
    <t>cg14062002</t>
  </si>
  <si>
    <t>cg14062899</t>
  </si>
  <si>
    <t>cg14067066</t>
  </si>
  <si>
    <t>cg14068328</t>
  </si>
  <si>
    <t>cg14068796</t>
  </si>
  <si>
    <t>cg14069347</t>
  </si>
  <si>
    <t>cg14069465</t>
  </si>
  <si>
    <t>cg14071023</t>
  </si>
  <si>
    <t>cg14071869</t>
  </si>
  <si>
    <t>cg14076411</t>
  </si>
  <si>
    <t>cg14076451</t>
  </si>
  <si>
    <t>cg14078070</t>
  </si>
  <si>
    <t>cg14079463</t>
  </si>
  <si>
    <t>cg14080063</t>
  </si>
  <si>
    <t>cg14081861</t>
  </si>
  <si>
    <t>cg14082127</t>
  </si>
  <si>
    <t>cg14084424</t>
  </si>
  <si>
    <t>cg14095303</t>
  </si>
  <si>
    <t>cg14096569</t>
  </si>
  <si>
    <t>cg14099293</t>
  </si>
  <si>
    <t>cg14101302</t>
  </si>
  <si>
    <t>cg14102550</t>
  </si>
  <si>
    <t>cg14105536</t>
  </si>
  <si>
    <t>cg14105736</t>
  </si>
  <si>
    <t>cg14107561</t>
  </si>
  <si>
    <t>cg14107807</t>
  </si>
  <si>
    <t>cg14109551</t>
  </si>
  <si>
    <t>cg14111380</t>
  </si>
  <si>
    <t>cg14112555</t>
  </si>
  <si>
    <t>cg14114043</t>
  </si>
  <si>
    <t>cg14114133</t>
  </si>
  <si>
    <t>cg14119796</t>
  </si>
  <si>
    <t>cg14128369</t>
  </si>
  <si>
    <t>cg14129735</t>
  </si>
  <si>
    <t>cg14130039</t>
  </si>
  <si>
    <t>cg14132167</t>
  </si>
  <si>
    <t>cg14132236</t>
  </si>
  <si>
    <t>cg14132628</t>
  </si>
  <si>
    <t>cg14135272</t>
  </si>
  <si>
    <t>cg14135551</t>
  </si>
  <si>
    <t>cg14136042</t>
  </si>
  <si>
    <t>cg14137279</t>
  </si>
  <si>
    <t>cg14137649</t>
  </si>
  <si>
    <t>cg14141448</t>
  </si>
  <si>
    <t>cg14141517</t>
  </si>
  <si>
    <t>cg14143954</t>
  </si>
  <si>
    <t>cg14144933</t>
  </si>
  <si>
    <t>cg14146378</t>
  </si>
  <si>
    <t>cg14147842</t>
  </si>
  <si>
    <t>cg14151096</t>
  </si>
  <si>
    <t>cg14158073</t>
  </si>
  <si>
    <t>cg14159895</t>
  </si>
  <si>
    <t>cg14166520</t>
  </si>
  <si>
    <t>cg14167688</t>
  </si>
  <si>
    <t>cg14169799</t>
  </si>
  <si>
    <t>cg14170337</t>
  </si>
  <si>
    <t>cg14173258</t>
  </si>
  <si>
    <t>cg14173662</t>
  </si>
  <si>
    <t>cg14182431</t>
  </si>
  <si>
    <t>cg14184614</t>
  </si>
  <si>
    <t>cg14186846</t>
  </si>
  <si>
    <t>cg14192130</t>
  </si>
  <si>
    <t>cg14196170</t>
  </si>
  <si>
    <t>cg14196756</t>
  </si>
  <si>
    <t>cg14199570</t>
  </si>
  <si>
    <t>cg14200543</t>
  </si>
  <si>
    <t>cg14202679</t>
  </si>
  <si>
    <t>cg14203201</t>
  </si>
  <si>
    <t>cg14204100</t>
  </si>
  <si>
    <t>cg14205321</t>
  </si>
  <si>
    <t>cg14209487</t>
  </si>
  <si>
    <t>cg14218053</t>
  </si>
  <si>
    <t>cg14219019</t>
  </si>
  <si>
    <t>cg14219620</t>
  </si>
  <si>
    <t>cg14221939</t>
  </si>
  <si>
    <t>cg14224762</t>
  </si>
  <si>
    <t>cg14228840</t>
  </si>
  <si>
    <t>cg14229611</t>
  </si>
  <si>
    <t>cg14234112</t>
  </si>
  <si>
    <t>cg14234442</t>
  </si>
  <si>
    <t>cg14234898</t>
  </si>
  <si>
    <t>cg14235350</t>
  </si>
  <si>
    <t>cg14238325</t>
  </si>
  <si>
    <t>cg14244360</t>
  </si>
  <si>
    <t>cg14246190</t>
  </si>
  <si>
    <t>cg14248680</t>
  </si>
  <si>
    <t>cg14251005</t>
  </si>
  <si>
    <t>cg14252141</t>
  </si>
  <si>
    <t>cg14252164</t>
  </si>
  <si>
    <t>cg14253388</t>
  </si>
  <si>
    <t>cg14255617</t>
  </si>
  <si>
    <t>cg14258501</t>
  </si>
  <si>
    <t>cg14261401</t>
  </si>
  <si>
    <t>cg14262937</t>
  </si>
  <si>
    <t>cg14263924</t>
  </si>
  <si>
    <t>cg14264489</t>
  </si>
  <si>
    <t>cg14267151</t>
  </si>
  <si>
    <t>cg14272068</t>
  </si>
  <si>
    <t>cg14273822</t>
  </si>
  <si>
    <t>cg14274249</t>
  </si>
  <si>
    <t>cg14274896</t>
  </si>
  <si>
    <t>cg14275273</t>
  </si>
  <si>
    <t>cg14275511</t>
  </si>
  <si>
    <t>cg14279151</t>
  </si>
  <si>
    <t>cg14284211</t>
  </si>
  <si>
    <t>cg14284643</t>
  </si>
  <si>
    <t>cg14288848</t>
  </si>
  <si>
    <t>cg14289461</t>
  </si>
  <si>
    <t>cg14290451</t>
  </si>
  <si>
    <t>cg14295437</t>
  </si>
  <si>
    <t>cg14301635</t>
  </si>
  <si>
    <t>cg14305889</t>
  </si>
  <si>
    <t>cg14306261</t>
  </si>
  <si>
    <t>cg14306534</t>
  </si>
  <si>
    <t>cg14307134</t>
  </si>
  <si>
    <t>cg14308107</t>
  </si>
  <si>
    <t>cg14308867</t>
  </si>
  <si>
    <t>cg14310890</t>
  </si>
  <si>
    <t>cg14316629</t>
  </si>
  <si>
    <t>cg14322298</t>
  </si>
  <si>
    <t>cg14324524</t>
  </si>
  <si>
    <t>cg14324675</t>
  </si>
  <si>
    <t>cg14326909</t>
  </si>
  <si>
    <t>cg14330460</t>
  </si>
  <si>
    <t>cg14330924</t>
  </si>
  <si>
    <t>cg14333483</t>
  </si>
  <si>
    <t>cg14333800</t>
  </si>
  <si>
    <t>cg14337324</t>
  </si>
  <si>
    <t>cg14338514</t>
  </si>
  <si>
    <t>cg14338916</t>
  </si>
  <si>
    <t>cg14339765</t>
  </si>
  <si>
    <t>cg14341418</t>
  </si>
  <si>
    <t>cg14342235</t>
  </si>
  <si>
    <t>cg14343457</t>
  </si>
  <si>
    <t>cg14343538</t>
  </si>
  <si>
    <t>cg14347219</t>
  </si>
  <si>
    <t>cg14347670</t>
  </si>
  <si>
    <t>cg14352682</t>
  </si>
  <si>
    <t>cg14359052</t>
  </si>
  <si>
    <t>cg14362925</t>
  </si>
  <si>
    <t>cg14363992</t>
  </si>
  <si>
    <t>cg14364447</t>
  </si>
  <si>
    <t>cg14372587</t>
  </si>
  <si>
    <t>cg14374923</t>
  </si>
  <si>
    <t>cg14375387</t>
  </si>
  <si>
    <t>cg14375912</t>
  </si>
  <si>
    <t>cg14376436</t>
  </si>
  <si>
    <t>cg14377523</t>
  </si>
  <si>
    <t>cg14378848</t>
  </si>
  <si>
    <t>cg14378924</t>
  </si>
  <si>
    <t>cg14379905</t>
  </si>
  <si>
    <t>cg14385438</t>
  </si>
  <si>
    <t>cg14389081</t>
  </si>
  <si>
    <t>cg14391258</t>
  </si>
  <si>
    <t>cg14391730</t>
  </si>
  <si>
    <t>cg14404158</t>
  </si>
  <si>
    <t>cg14413700</t>
  </si>
  <si>
    <t>cg14414819</t>
  </si>
  <si>
    <t>cg14414911</t>
  </si>
  <si>
    <t>cg14417549</t>
  </si>
  <si>
    <t>cg14419102</t>
  </si>
  <si>
    <t>cg14419141</t>
  </si>
  <si>
    <t>cg14420357</t>
  </si>
  <si>
    <t>cg14420589</t>
  </si>
  <si>
    <t>cg14420670</t>
  </si>
  <si>
    <t>cg14420953</t>
  </si>
  <si>
    <t>cg14422240</t>
  </si>
  <si>
    <t>cg14422660</t>
  </si>
  <si>
    <t>cg14425347</t>
  </si>
  <si>
    <t>cg14426347</t>
  </si>
  <si>
    <t>cg14426913</t>
  </si>
  <si>
    <t>cg14428706</t>
  </si>
  <si>
    <t>cg14428767</t>
  </si>
  <si>
    <t>cg14431165</t>
  </si>
  <si>
    <t>cg14432716</t>
  </si>
  <si>
    <t>cg14433074</t>
  </si>
  <si>
    <t>cg14435492</t>
  </si>
  <si>
    <t>cg14437986</t>
  </si>
  <si>
    <t>cg14438453</t>
  </si>
  <si>
    <t>cg14439353</t>
  </si>
  <si>
    <t>cg14441262</t>
  </si>
  <si>
    <t>cg14441276</t>
  </si>
  <si>
    <t>cg14442890</t>
  </si>
  <si>
    <t>cg14447703</t>
  </si>
  <si>
    <t>cg14450766</t>
  </si>
  <si>
    <t>cg14452720</t>
  </si>
  <si>
    <t>cg14454942</t>
  </si>
  <si>
    <t>cg14457994</t>
  </si>
  <si>
    <t>cg14458292</t>
  </si>
  <si>
    <t>cg14459960</t>
  </si>
  <si>
    <t>cg14461571</t>
  </si>
  <si>
    <t>cg14462067</t>
  </si>
  <si>
    <t>cg14462343</t>
  </si>
  <si>
    <t>cg14462369</t>
  </si>
  <si>
    <t>cg14462645</t>
  </si>
  <si>
    <t>cg14463383</t>
  </si>
  <si>
    <t>cg14465148</t>
  </si>
  <si>
    <t>cg14465910</t>
  </si>
  <si>
    <t>cg14466923</t>
  </si>
  <si>
    <t>cg14466942</t>
  </si>
  <si>
    <t>cg14473485</t>
  </si>
  <si>
    <t>cg14474158</t>
  </si>
  <si>
    <t>cg14475758</t>
  </si>
  <si>
    <t>cg14476737</t>
  </si>
  <si>
    <t>cg14480095</t>
  </si>
  <si>
    <t>cg14487039</t>
  </si>
  <si>
    <t>cg14487914</t>
  </si>
  <si>
    <t>cg14490025</t>
  </si>
  <si>
    <t>cg14490686</t>
  </si>
  <si>
    <t>cg14491051</t>
  </si>
  <si>
    <t>cg14493899</t>
  </si>
  <si>
    <t>cg14499797</t>
  </si>
  <si>
    <t>cg14500945</t>
  </si>
  <si>
    <t>cg14507137</t>
  </si>
  <si>
    <t>cg14510314</t>
  </si>
  <si>
    <t>cg14515483</t>
  </si>
  <si>
    <t>cg14516350</t>
  </si>
  <si>
    <t>cg14519887</t>
  </si>
  <si>
    <t>cg14520944</t>
  </si>
  <si>
    <t>cg14522373</t>
  </si>
  <si>
    <t>cg14523639</t>
  </si>
  <si>
    <t>cg14526297</t>
  </si>
  <si>
    <t>cg14527211</t>
  </si>
  <si>
    <t>cg14527344</t>
  </si>
  <si>
    <t>cg14527802</t>
  </si>
  <si>
    <t>cg14529173</t>
  </si>
  <si>
    <t>cg14533523</t>
  </si>
  <si>
    <t>cg14533737</t>
  </si>
  <si>
    <t>cg14534148</t>
  </si>
  <si>
    <t>cg14537748</t>
  </si>
  <si>
    <t>cg14538051</t>
  </si>
  <si>
    <t>cg14538532</t>
  </si>
  <si>
    <t>cg14539978</t>
  </si>
  <si>
    <t>cg14550828</t>
  </si>
  <si>
    <t>cg14551503</t>
  </si>
  <si>
    <t>cg14554846</t>
  </si>
  <si>
    <t>cg14556815</t>
  </si>
  <si>
    <t>cg14558358</t>
  </si>
  <si>
    <t>cg14558568</t>
  </si>
  <si>
    <t>cg14560030</t>
  </si>
  <si>
    <t>cg14564956</t>
  </si>
  <si>
    <t>cg14564965</t>
  </si>
  <si>
    <t>cg14568286</t>
  </si>
  <si>
    <t>cg14571710</t>
  </si>
  <si>
    <t>cg14576894</t>
  </si>
  <si>
    <t>cg14578807</t>
  </si>
  <si>
    <t>cg14578879</t>
  </si>
  <si>
    <t>cg14579051</t>
  </si>
  <si>
    <t>cg14579997</t>
  </si>
  <si>
    <t>cg14581491</t>
  </si>
  <si>
    <t>cg14582080</t>
  </si>
  <si>
    <t>cg14582248</t>
  </si>
  <si>
    <t>cg14586630</t>
  </si>
  <si>
    <t>cg14590011</t>
  </si>
  <si>
    <t>cg14601709</t>
  </si>
  <si>
    <t>cg14605874</t>
  </si>
  <si>
    <t>cg14606478</t>
  </si>
  <si>
    <t>cg14606827</t>
  </si>
  <si>
    <t>cg14607161</t>
  </si>
  <si>
    <t>cg14611398</t>
  </si>
  <si>
    <t>cg14615268</t>
  </si>
  <si>
    <t>cg14616667</t>
  </si>
  <si>
    <t>cg14617594</t>
  </si>
  <si>
    <t>cg14620138</t>
  </si>
  <si>
    <t>cg14620908</t>
  </si>
  <si>
    <t>cg14622330</t>
  </si>
  <si>
    <t>cg14622996</t>
  </si>
  <si>
    <t>cg14623917</t>
  </si>
  <si>
    <t>cg14628354</t>
  </si>
  <si>
    <t>cg14628914</t>
  </si>
  <si>
    <t>cg14630748</t>
  </si>
  <si>
    <t>cg14634336</t>
  </si>
  <si>
    <t>cg14635586</t>
  </si>
  <si>
    <t>cg14645861</t>
  </si>
  <si>
    <t>cg14645972</t>
  </si>
  <si>
    <t>cg14646094</t>
  </si>
  <si>
    <t>cg14646977</t>
  </si>
  <si>
    <t>cg14652095</t>
  </si>
  <si>
    <t>cg14652284</t>
  </si>
  <si>
    <t>cg14658630</t>
  </si>
  <si>
    <t>cg14661811</t>
  </si>
  <si>
    <t>cg14663533</t>
  </si>
  <si>
    <t>cg14663792</t>
  </si>
  <si>
    <t>cg14663965</t>
  </si>
  <si>
    <t>cg14666892</t>
  </si>
  <si>
    <t>cg14670303</t>
  </si>
  <si>
    <t>cg14673415</t>
  </si>
  <si>
    <t>cg14673936</t>
  </si>
  <si>
    <t>cg14675513</t>
  </si>
  <si>
    <t>cg14677048</t>
  </si>
  <si>
    <t>cg14683017</t>
  </si>
  <si>
    <t>cg14683730</t>
  </si>
  <si>
    <t>cg14686676</t>
  </si>
  <si>
    <t>cg14687041</t>
  </si>
  <si>
    <t>cg14689715</t>
  </si>
  <si>
    <t>cg14694191</t>
  </si>
  <si>
    <t>cg14694232</t>
  </si>
  <si>
    <t>cg14696535</t>
  </si>
  <si>
    <t>cg14698808</t>
  </si>
  <si>
    <t>cg14700707</t>
  </si>
  <si>
    <t>cg14700841</t>
  </si>
  <si>
    <t>cg14702132</t>
  </si>
  <si>
    <t>cg14703058</t>
  </si>
  <si>
    <t>cg14705099</t>
  </si>
  <si>
    <t>cg14705163</t>
  </si>
  <si>
    <t>cg14706475</t>
  </si>
  <si>
    <t>cg14707053</t>
  </si>
  <si>
    <t>cg14716780</t>
  </si>
  <si>
    <t>cg14717557</t>
  </si>
  <si>
    <t>cg14718836</t>
  </si>
  <si>
    <t>cg14721531</t>
  </si>
  <si>
    <t>cg14722070</t>
  </si>
  <si>
    <t>cg14723664</t>
  </si>
  <si>
    <t>cg14723921</t>
  </si>
  <si>
    <t>cg14724318</t>
  </si>
  <si>
    <t>cg14725429</t>
  </si>
  <si>
    <t>cg14726583</t>
  </si>
  <si>
    <t>cg14730119</t>
  </si>
  <si>
    <t>cg14731892</t>
  </si>
  <si>
    <t>cg14732248</t>
  </si>
  <si>
    <t>cg14732337</t>
  </si>
  <si>
    <t>cg14734506</t>
  </si>
  <si>
    <t>cg14737484</t>
  </si>
  <si>
    <t>cg14738290</t>
  </si>
  <si>
    <t>cg14739500</t>
  </si>
  <si>
    <t>cg14741870</t>
  </si>
  <si>
    <t>cg14742186</t>
  </si>
  <si>
    <t>cg14743708</t>
  </si>
  <si>
    <t>cg14746032</t>
  </si>
  <si>
    <t>cg14747339</t>
  </si>
  <si>
    <t>cg14751398</t>
  </si>
  <si>
    <t>cg14753356</t>
  </si>
  <si>
    <t>cg14754637</t>
  </si>
  <si>
    <t>cg14756071</t>
  </si>
  <si>
    <t>cg14756795</t>
  </si>
  <si>
    <t>cg14757107</t>
  </si>
  <si>
    <t>cg14760438</t>
  </si>
  <si>
    <t>cg14762316</t>
  </si>
  <si>
    <t>cg14762454</t>
  </si>
  <si>
    <t>cg14762784</t>
  </si>
  <si>
    <t>cg14764792</t>
  </si>
  <si>
    <t>cg14765599</t>
  </si>
  <si>
    <t>cg14767165</t>
  </si>
  <si>
    <t>cg14767647</t>
  </si>
  <si>
    <t>cg14771240</t>
  </si>
  <si>
    <t>cg14776962</t>
  </si>
  <si>
    <t>cg14777908</t>
  </si>
  <si>
    <t>cg14779557</t>
  </si>
  <si>
    <t>cg14781667</t>
  </si>
  <si>
    <t>cg14784242</t>
  </si>
  <si>
    <t>cg14787123</t>
  </si>
  <si>
    <t>cg14790600</t>
  </si>
  <si>
    <t>cg14792904</t>
  </si>
  <si>
    <t>cg14799927</t>
  </si>
  <si>
    <t>cg14801038</t>
  </si>
  <si>
    <t>cg14808890</t>
  </si>
  <si>
    <t>cg14812123</t>
  </si>
  <si>
    <t>cg14814195</t>
  </si>
  <si>
    <t>cg14817370</t>
  </si>
  <si>
    <t>cg14821008</t>
  </si>
  <si>
    <t>cg14823076</t>
  </si>
  <si>
    <t>cg14823162</t>
  </si>
  <si>
    <t>cg14823740</t>
  </si>
  <si>
    <t>cg14829606</t>
  </si>
  <si>
    <t>cg14830791</t>
  </si>
  <si>
    <t>cg14831798</t>
  </si>
  <si>
    <t>cg14833385</t>
  </si>
  <si>
    <t>cg14833935</t>
  </si>
  <si>
    <t>cg14837848</t>
  </si>
  <si>
    <t>cg14841796</t>
  </si>
  <si>
    <t>cg14843341</t>
  </si>
  <si>
    <t>cg14847162</t>
  </si>
  <si>
    <t>cg14848259</t>
  </si>
  <si>
    <t>cg14849065</t>
  </si>
  <si>
    <t>cg14849782</t>
  </si>
  <si>
    <t>cg14850580</t>
  </si>
  <si>
    <t>cg14851963</t>
  </si>
  <si>
    <t>cg14852603</t>
  </si>
  <si>
    <t>cg14861518</t>
  </si>
  <si>
    <t>cg14862454</t>
  </si>
  <si>
    <t>cg14863019</t>
  </si>
  <si>
    <t>cg14863355</t>
  </si>
  <si>
    <t>cg14865129</t>
  </si>
  <si>
    <t>cg14866740</t>
  </si>
  <si>
    <t>cg14867383</t>
  </si>
  <si>
    <t>cg14871414</t>
  </si>
  <si>
    <t>cg14871444</t>
  </si>
  <si>
    <t>cg14871472</t>
  </si>
  <si>
    <t>cg14884741</t>
  </si>
  <si>
    <t>cg14889768</t>
  </si>
  <si>
    <t>cg14905466</t>
  </si>
  <si>
    <t>cg14906687</t>
  </si>
  <si>
    <t>cg14909168</t>
  </si>
  <si>
    <t>cg14910524</t>
  </si>
  <si>
    <t>cg14911766</t>
  </si>
  <si>
    <t>cg14913909</t>
  </si>
  <si>
    <t>cg14917589</t>
  </si>
  <si>
    <t>cg14918008</t>
  </si>
  <si>
    <t>cg14919455</t>
  </si>
  <si>
    <t>cg14924781</t>
  </si>
  <si>
    <t>cg14925722</t>
  </si>
  <si>
    <t>cg14928451</t>
  </si>
  <si>
    <t>cg14928932</t>
  </si>
  <si>
    <t>cg14930320</t>
  </si>
  <si>
    <t>cg14934253</t>
  </si>
  <si>
    <t>cg14935343</t>
  </si>
  <si>
    <t>cg14941654</t>
  </si>
  <si>
    <t>cg14943908</t>
  </si>
  <si>
    <t>cg14947494</t>
  </si>
  <si>
    <t>cg14948030</t>
  </si>
  <si>
    <t>cg14948436</t>
  </si>
  <si>
    <t>cg14949271</t>
  </si>
  <si>
    <t>cg14951955</t>
  </si>
  <si>
    <t>cg14955103</t>
  </si>
  <si>
    <t>cg14959729</t>
  </si>
  <si>
    <t>cg14960043</t>
  </si>
  <si>
    <t>cg14971597</t>
  </si>
  <si>
    <t>cg14986464</t>
  </si>
  <si>
    <t>cg14986845</t>
  </si>
  <si>
    <t>cg14989642</t>
  </si>
  <si>
    <t>cg14990082</t>
  </si>
  <si>
    <t>cg14998567</t>
  </si>
  <si>
    <t>cg15003615</t>
  </si>
  <si>
    <t>cg15007699</t>
  </si>
  <si>
    <t>cg15008085</t>
  </si>
  <si>
    <t>cg15010109</t>
  </si>
  <si>
    <t>cg15011596</t>
  </si>
  <si>
    <t>cg15012161</t>
  </si>
  <si>
    <t>cg15014577</t>
  </si>
  <si>
    <t>cg15018359</t>
  </si>
  <si>
    <t>cg15019848</t>
  </si>
  <si>
    <t>cg15020894</t>
  </si>
  <si>
    <t>cg15022984</t>
  </si>
  <si>
    <t>cg15023038</t>
  </si>
  <si>
    <t>cg15024975</t>
  </si>
  <si>
    <t>cg15025089</t>
  </si>
  <si>
    <t>cg15027295</t>
  </si>
  <si>
    <t>cg15030568</t>
  </si>
  <si>
    <t>cg15031983</t>
  </si>
  <si>
    <t>cg15032444</t>
  </si>
  <si>
    <t>cg15034754</t>
  </si>
  <si>
    <t>cg15039036</t>
  </si>
  <si>
    <t>cg15044181</t>
  </si>
  <si>
    <t>cg15045441</t>
  </si>
  <si>
    <t>cg15045846</t>
  </si>
  <si>
    <t>cg15048806</t>
  </si>
  <si>
    <t>cg15050398</t>
  </si>
  <si>
    <t>cg15056247</t>
  </si>
  <si>
    <t>cg15056556</t>
  </si>
  <si>
    <t>cg15057046</t>
  </si>
  <si>
    <t>cg15060694</t>
  </si>
  <si>
    <t>cg15063443</t>
  </si>
  <si>
    <t>cg15063771</t>
  </si>
  <si>
    <t>cg15065837</t>
  </si>
  <si>
    <t>cg15066504</t>
  </si>
  <si>
    <t>cg15068318</t>
  </si>
  <si>
    <t>cg15068522</t>
  </si>
  <si>
    <t>cg15072625</t>
  </si>
  <si>
    <t>cg15080119</t>
  </si>
  <si>
    <t>cg15088539</t>
  </si>
  <si>
    <t>cg15090211</t>
  </si>
  <si>
    <t>cg15091068</t>
  </si>
  <si>
    <t>cg15093247</t>
  </si>
  <si>
    <t>cg15094236</t>
  </si>
  <si>
    <t>cg15100639</t>
  </si>
  <si>
    <t>cg15105576</t>
  </si>
  <si>
    <t>cg15105785</t>
  </si>
  <si>
    <t>cg15106925</t>
  </si>
  <si>
    <t>cg15107871</t>
  </si>
  <si>
    <t>cg15109221</t>
  </si>
  <si>
    <t>cg15111386</t>
  </si>
  <si>
    <t>cg15113915</t>
  </si>
  <si>
    <t>cg15116120</t>
  </si>
  <si>
    <t>cg15123159</t>
  </si>
  <si>
    <t>cg15124201</t>
  </si>
  <si>
    <t>cg15133225</t>
  </si>
  <si>
    <t>cg15141195</t>
  </si>
  <si>
    <t>cg15146467</t>
  </si>
  <si>
    <t>cg15146834</t>
  </si>
  <si>
    <t>cg15153228</t>
  </si>
  <si>
    <t>cg15153770</t>
  </si>
  <si>
    <t>cg15154411</t>
  </si>
  <si>
    <t>cg15155051</t>
  </si>
  <si>
    <t>cg15156584</t>
  </si>
  <si>
    <t>cg15167044</t>
  </si>
  <si>
    <t>cg15167736</t>
  </si>
  <si>
    <t>cg15168816</t>
  </si>
  <si>
    <t>cg15169077</t>
  </si>
  <si>
    <t>cg15172007</t>
  </si>
  <si>
    <t>cg15172514</t>
  </si>
  <si>
    <t>cg15172529</t>
  </si>
  <si>
    <t>cg15173443</t>
  </si>
  <si>
    <t>cg15174310</t>
  </si>
  <si>
    <t>cg15174823</t>
  </si>
  <si>
    <t>cg15174906</t>
  </si>
  <si>
    <t>cg15177410</t>
  </si>
  <si>
    <t>cg15181351</t>
  </si>
  <si>
    <t>cg15183440</t>
  </si>
  <si>
    <t>cg15185804</t>
  </si>
  <si>
    <t>cg15189031</t>
  </si>
  <si>
    <t>cg15190445</t>
  </si>
  <si>
    <t>cg15194163</t>
  </si>
  <si>
    <t>cg15196165</t>
  </si>
  <si>
    <t>cg15199326</t>
  </si>
  <si>
    <t>cg15199987</t>
  </si>
  <si>
    <t>cg15201677</t>
  </si>
  <si>
    <t>cg15203150</t>
  </si>
  <si>
    <t>cg15203522</t>
  </si>
  <si>
    <t>cg15206473</t>
  </si>
  <si>
    <t>cg15207340</t>
  </si>
  <si>
    <t>cg15210999</t>
  </si>
  <si>
    <t>cg15213565</t>
  </si>
  <si>
    <t>cg15215978</t>
  </si>
  <si>
    <t>cg15220055</t>
  </si>
  <si>
    <t>cg15222091</t>
  </si>
  <si>
    <t>cg15225418</t>
  </si>
  <si>
    <t>cg15225534</t>
  </si>
  <si>
    <t>cg15226029</t>
  </si>
  <si>
    <t>cg15226766</t>
  </si>
  <si>
    <t>cg15228247</t>
  </si>
  <si>
    <t>cg15231749</t>
  </si>
  <si>
    <t>cg15239679</t>
  </si>
  <si>
    <t>cg15240419</t>
  </si>
  <si>
    <t>cg15240476</t>
  </si>
  <si>
    <t>cg15241786</t>
  </si>
  <si>
    <t>cg15242223</t>
  </si>
  <si>
    <t>cg15242360</t>
  </si>
  <si>
    <t>cg15242449</t>
  </si>
  <si>
    <t>cg15244049</t>
  </si>
  <si>
    <t>cg15245038</t>
  </si>
  <si>
    <t>cg15246825</t>
  </si>
  <si>
    <t>cg15251311</t>
  </si>
  <si>
    <t>cg15259233</t>
  </si>
  <si>
    <t>cg15267307</t>
  </si>
  <si>
    <t>cg15269027</t>
  </si>
  <si>
    <t>cg15269863</t>
  </si>
  <si>
    <t>cg15270687</t>
  </si>
  <si>
    <t>cg15273575</t>
  </si>
  <si>
    <t>cg15278102</t>
  </si>
  <si>
    <t>cg15279541</t>
  </si>
  <si>
    <t>cg15279832</t>
  </si>
  <si>
    <t>cg15281225</t>
  </si>
  <si>
    <t>cg15281724</t>
  </si>
  <si>
    <t>cg15283629</t>
  </si>
  <si>
    <t>cg15286372</t>
  </si>
  <si>
    <t>cg15289190</t>
  </si>
  <si>
    <t>cg15289427</t>
  </si>
  <si>
    <t>cg15293061</t>
  </si>
  <si>
    <t>cg15298323</t>
  </si>
  <si>
    <t>cg15299536</t>
  </si>
  <si>
    <t>cg15302311</t>
  </si>
  <si>
    <t>cg15304012</t>
  </si>
  <si>
    <t>cg15304404</t>
  </si>
  <si>
    <t>cg15305172</t>
  </si>
  <si>
    <t>cg15305521</t>
  </si>
  <si>
    <t>cg15311651</t>
  </si>
  <si>
    <t>cg15315493</t>
  </si>
  <si>
    <t>cg15318957</t>
  </si>
  <si>
    <t>cg15319027</t>
  </si>
  <si>
    <t>cg15319206</t>
  </si>
  <si>
    <t>cg15320345</t>
  </si>
  <si>
    <t>cg15322346</t>
  </si>
  <si>
    <t>cg15323253</t>
  </si>
  <si>
    <t>cg15323823</t>
  </si>
  <si>
    <t>cg15323840</t>
  </si>
  <si>
    <t>cg15324651</t>
  </si>
  <si>
    <t>cg15324969</t>
  </si>
  <si>
    <t>cg15326795</t>
  </si>
  <si>
    <t>cg15329124</t>
  </si>
  <si>
    <t>cg15329277</t>
  </si>
  <si>
    <t>cg15331097</t>
  </si>
  <si>
    <t>cg15331332</t>
  </si>
  <si>
    <t>cg15332159</t>
  </si>
  <si>
    <t>cg15332386</t>
  </si>
  <si>
    <t>cg15332750</t>
  </si>
  <si>
    <t>cg15332871</t>
  </si>
  <si>
    <t>cg15336269</t>
  </si>
  <si>
    <t>cg15339052</t>
  </si>
  <si>
    <t>cg15340334</t>
  </si>
  <si>
    <t>cg15342087</t>
  </si>
  <si>
    <t>cg15343200</t>
  </si>
  <si>
    <t>cg15348319</t>
  </si>
  <si>
    <t>cg15361028</t>
  </si>
  <si>
    <t>cg15365232</t>
  </si>
  <si>
    <t>cg15365536</t>
  </si>
  <si>
    <t>cg15366353</t>
  </si>
  <si>
    <t>cg15368845</t>
  </si>
  <si>
    <t>cg15369633</t>
  </si>
  <si>
    <t>cg15369784</t>
  </si>
  <si>
    <t>cg15369821</t>
  </si>
  <si>
    <t>cg15373880</t>
  </si>
  <si>
    <t>cg15374898</t>
  </si>
  <si>
    <t>cg15377174</t>
  </si>
  <si>
    <t>cg15381304</t>
  </si>
  <si>
    <t>cg15381769</t>
  </si>
  <si>
    <t>cg15382302</t>
  </si>
  <si>
    <t>cg15382659</t>
  </si>
  <si>
    <t>cg15382696</t>
  </si>
  <si>
    <t>cg15383635</t>
  </si>
  <si>
    <t>cg15384453</t>
  </si>
  <si>
    <t>cg15385139</t>
  </si>
  <si>
    <t>cg15386877</t>
  </si>
  <si>
    <t>cg15393304</t>
  </si>
  <si>
    <t>cg15393700</t>
  </si>
  <si>
    <t>cg15398152</t>
  </si>
  <si>
    <t>cg15399533</t>
  </si>
  <si>
    <t>cg15400220</t>
  </si>
  <si>
    <t>cg15400532</t>
  </si>
  <si>
    <t>cg15401579</t>
  </si>
  <si>
    <t>cg15406285</t>
  </si>
  <si>
    <t>cg15408737</t>
  </si>
  <si>
    <t>cg15410276</t>
  </si>
  <si>
    <t>cg15412401</t>
  </si>
  <si>
    <t>cg15412759</t>
  </si>
  <si>
    <t>cg15415259</t>
  </si>
  <si>
    <t>cg15415953</t>
  </si>
  <si>
    <t>cg15416877</t>
  </si>
  <si>
    <t>cg15418419</t>
  </si>
  <si>
    <t>cg15420468</t>
  </si>
  <si>
    <t>cg15420678</t>
  </si>
  <si>
    <t>cg15435730</t>
  </si>
  <si>
    <t>cg15442370</t>
  </si>
  <si>
    <t>cg15442434</t>
  </si>
  <si>
    <t>cg15442792</t>
  </si>
  <si>
    <t>cg15443174</t>
  </si>
  <si>
    <t>cg15444048</t>
  </si>
  <si>
    <t>cg15445958</t>
  </si>
  <si>
    <t>cg15447059</t>
  </si>
  <si>
    <t>cg15449023</t>
  </si>
  <si>
    <t>cg15451100</t>
  </si>
  <si>
    <t>cg15452389</t>
  </si>
  <si>
    <t>cg15453396</t>
  </si>
  <si>
    <t>cg15457287</t>
  </si>
  <si>
    <t>cg15466222</t>
  </si>
  <si>
    <t>cg15474579</t>
  </si>
  <si>
    <t>cg15476894</t>
  </si>
  <si>
    <t>cg15476994</t>
  </si>
  <si>
    <t>cg15480012</t>
  </si>
  <si>
    <t>cg15482861</t>
  </si>
  <si>
    <t>cg15485323</t>
  </si>
  <si>
    <t>cg15486740</t>
  </si>
  <si>
    <t>cg15492982</t>
  </si>
  <si>
    <t>cg15499782</t>
  </si>
  <si>
    <t>cg15501231</t>
  </si>
  <si>
    <t>cg15511114</t>
  </si>
  <si>
    <t>cg15512851</t>
  </si>
  <si>
    <t>cg15532236</t>
  </si>
  <si>
    <t>cg15541287</t>
  </si>
  <si>
    <t>cg15543443</t>
  </si>
  <si>
    <t>cg15551272</t>
  </si>
  <si>
    <t>cg15552607</t>
  </si>
  <si>
    <t>cg15553155</t>
  </si>
  <si>
    <t>cg15553408</t>
  </si>
  <si>
    <t>cg15559674</t>
  </si>
  <si>
    <t>cg15566405</t>
  </si>
  <si>
    <t>cg15568439</t>
  </si>
  <si>
    <t>cg15570656</t>
  </si>
  <si>
    <t>cg15576292</t>
  </si>
  <si>
    <t>cg15579095</t>
  </si>
  <si>
    <t>cg15579822</t>
  </si>
  <si>
    <t>cg15580968</t>
  </si>
  <si>
    <t>cg15583349</t>
  </si>
  <si>
    <t>cg15586269</t>
  </si>
  <si>
    <t>cg15591837</t>
  </si>
  <si>
    <t>cg15592062</t>
  </si>
  <si>
    <t>cg15596824</t>
  </si>
  <si>
    <t>cg15597140</t>
  </si>
  <si>
    <t>cg15600966</t>
  </si>
  <si>
    <t>cg15601361</t>
  </si>
  <si>
    <t>cg15607642</t>
  </si>
  <si>
    <t>cg15608714</t>
  </si>
  <si>
    <t>cg15611037</t>
  </si>
  <si>
    <t>cg15611112</t>
  </si>
  <si>
    <t>cg15613012</t>
  </si>
  <si>
    <t>cg15619737</t>
  </si>
  <si>
    <t>cg15622783</t>
  </si>
  <si>
    <t>cg15623062</t>
  </si>
  <si>
    <t>cg15627108</t>
  </si>
  <si>
    <t>cg15628409</t>
  </si>
  <si>
    <t>cg15629018</t>
  </si>
  <si>
    <t>cg15629064</t>
  </si>
  <si>
    <t>cg15630089</t>
  </si>
  <si>
    <t>cg15630950</t>
  </si>
  <si>
    <t>cg15633981</t>
  </si>
  <si>
    <t>cg15635876</t>
  </si>
  <si>
    <t>cg15641340</t>
  </si>
  <si>
    <t>cg15641872</t>
  </si>
  <si>
    <t>cg15642536</t>
  </si>
  <si>
    <t>cg15649221</t>
  </si>
  <si>
    <t>cg15652933</t>
  </si>
  <si>
    <t>cg15655138</t>
  </si>
  <si>
    <t>cg15656686</t>
  </si>
  <si>
    <t>cg15657588</t>
  </si>
  <si>
    <t>cg15658306</t>
  </si>
  <si>
    <t>cg15663618</t>
  </si>
  <si>
    <t>cg15664323</t>
  </si>
  <si>
    <t>cg15665090</t>
  </si>
  <si>
    <t>cg15666066</t>
  </si>
  <si>
    <t>cg15670990</t>
  </si>
  <si>
    <t>cg15671996</t>
  </si>
  <si>
    <t>cg15672065</t>
  </si>
  <si>
    <t>cg15673491</t>
  </si>
  <si>
    <t>cg15676488</t>
  </si>
  <si>
    <t>cg15677497</t>
  </si>
  <si>
    <t>cg15682101</t>
  </si>
  <si>
    <t>cg15684962</t>
  </si>
  <si>
    <t>cg15686393</t>
  </si>
  <si>
    <t>cg15690316</t>
  </si>
  <si>
    <t>cg15691649</t>
  </si>
  <si>
    <t>cg15696968</t>
  </si>
  <si>
    <t>cg15703636</t>
  </si>
  <si>
    <t>cg15704055</t>
  </si>
  <si>
    <t>cg15705563</t>
  </si>
  <si>
    <t>cg15705575</t>
  </si>
  <si>
    <t>cg15706657</t>
  </si>
  <si>
    <t>cg15708526</t>
  </si>
  <si>
    <t>cg15713058</t>
  </si>
  <si>
    <t>cg15717225</t>
  </si>
  <si>
    <t>cg15717808</t>
  </si>
  <si>
    <t>cg15717840</t>
  </si>
  <si>
    <t>cg15717844</t>
  </si>
  <si>
    <t>cg15718940</t>
  </si>
  <si>
    <t>cg15723723</t>
  </si>
  <si>
    <t>cg15726169</t>
  </si>
  <si>
    <t>cg15727424</t>
  </si>
  <si>
    <t>cg15729095</t>
  </si>
  <si>
    <t>cg15729859</t>
  </si>
  <si>
    <t>cg15734516</t>
  </si>
  <si>
    <t>cg15734911</t>
  </si>
  <si>
    <t>cg15736783</t>
  </si>
  <si>
    <t>cg15737554</t>
  </si>
  <si>
    <t>cg15741433</t>
  </si>
  <si>
    <t>cg15741764</t>
  </si>
  <si>
    <t>cg15745273</t>
  </si>
  <si>
    <t>cg15745824</t>
  </si>
  <si>
    <t>cg15755230</t>
  </si>
  <si>
    <t>cg15765212</t>
  </si>
  <si>
    <t>cg15771735</t>
  </si>
  <si>
    <t>cg15773251</t>
  </si>
  <si>
    <t>cg15776653</t>
  </si>
  <si>
    <t>cg15777606</t>
  </si>
  <si>
    <t>cg15778610</t>
  </si>
  <si>
    <t>cg15781819</t>
  </si>
  <si>
    <t>cg15786205</t>
  </si>
  <si>
    <t>cg15786664</t>
  </si>
  <si>
    <t>cg15787744</t>
  </si>
  <si>
    <t>cg15788147</t>
  </si>
  <si>
    <t>cg15788993</t>
  </si>
  <si>
    <t>cg15789055</t>
  </si>
  <si>
    <t>cg15789723</t>
  </si>
  <si>
    <t>cg15793329</t>
  </si>
  <si>
    <t>cg15793577</t>
  </si>
  <si>
    <t>cg15797527</t>
  </si>
  <si>
    <t>cg15798855</t>
  </si>
  <si>
    <t>cg15804973</t>
  </si>
  <si>
    <t>cg15805921</t>
  </si>
  <si>
    <t>cg15806039</t>
  </si>
  <si>
    <t>cg15806103</t>
  </si>
  <si>
    <t>cg15810199</t>
  </si>
  <si>
    <t>cg15810815</t>
  </si>
  <si>
    <t>cg15812139</t>
  </si>
  <si>
    <t>cg15816267</t>
  </si>
  <si>
    <t>cg15818109</t>
  </si>
  <si>
    <t>cg15819739</t>
  </si>
  <si>
    <t>cg15822346</t>
  </si>
  <si>
    <t>cg15824056</t>
  </si>
  <si>
    <t>cg15829057</t>
  </si>
  <si>
    <t>cg15829665</t>
  </si>
  <si>
    <t>cg15831998</t>
  </si>
  <si>
    <t>cg15835542</t>
  </si>
  <si>
    <t>cg15836710</t>
  </si>
  <si>
    <t>cg15845792</t>
  </si>
  <si>
    <t>cg15846718</t>
  </si>
  <si>
    <t>cg15847272</t>
  </si>
  <si>
    <t>cg15849648</t>
  </si>
  <si>
    <t>cg15851294</t>
  </si>
  <si>
    <t>cg15852490</t>
  </si>
  <si>
    <t>cg15854333</t>
  </si>
  <si>
    <t>cg15855970</t>
  </si>
  <si>
    <t>cg15856829</t>
  </si>
  <si>
    <t>cg15863148</t>
  </si>
  <si>
    <t>cg15864153</t>
  </si>
  <si>
    <t>cg15874113</t>
  </si>
  <si>
    <t>cg15875502</t>
  </si>
  <si>
    <t>cg15878619</t>
  </si>
  <si>
    <t>cg15879949</t>
  </si>
  <si>
    <t>cg15880846</t>
  </si>
  <si>
    <t>cg15884992</t>
  </si>
  <si>
    <t>cg15888097</t>
  </si>
  <si>
    <t>cg15888291</t>
  </si>
  <si>
    <t>cg15889793</t>
  </si>
  <si>
    <t>cg15890292</t>
  </si>
  <si>
    <t>cg15893295</t>
  </si>
  <si>
    <t>cg15896056</t>
  </si>
  <si>
    <t>cg15896157</t>
  </si>
  <si>
    <t>cg15897310</t>
  </si>
  <si>
    <t>cg15918355</t>
  </si>
  <si>
    <t>cg15924693</t>
  </si>
  <si>
    <t>cg15931839</t>
  </si>
  <si>
    <t>cg15931921</t>
  </si>
  <si>
    <t>cg15932787</t>
  </si>
  <si>
    <t>cg15938671</t>
  </si>
  <si>
    <t>cg15943139</t>
  </si>
  <si>
    <t>cg15944966</t>
  </si>
  <si>
    <t>cg15945754</t>
  </si>
  <si>
    <t>cg15948124</t>
  </si>
  <si>
    <t>cg15948871</t>
  </si>
  <si>
    <t>cg15948916</t>
  </si>
  <si>
    <t>cg15951362</t>
  </si>
  <si>
    <t>cg15951469</t>
  </si>
  <si>
    <t>cg15954887</t>
  </si>
  <si>
    <t>cg15955499</t>
  </si>
  <si>
    <t>cg15958035</t>
  </si>
  <si>
    <t>cg15959529</t>
  </si>
  <si>
    <t>cg15964468</t>
  </si>
  <si>
    <t>cg15967169</t>
  </si>
  <si>
    <t>cg15969681</t>
  </si>
  <si>
    <t>cg15969901</t>
  </si>
  <si>
    <t>cg15977634</t>
  </si>
  <si>
    <t>cg15978899</t>
  </si>
  <si>
    <t>cg15980954</t>
  </si>
  <si>
    <t>cg15981265</t>
  </si>
  <si>
    <t>cg15982299</t>
  </si>
  <si>
    <t>cg15982308</t>
  </si>
  <si>
    <t>cg15983385</t>
  </si>
  <si>
    <t>cg15983952</t>
  </si>
  <si>
    <t>cg15984741</t>
  </si>
  <si>
    <t>cg15985157</t>
  </si>
  <si>
    <t>cg15988204</t>
  </si>
  <si>
    <t>cg15988950</t>
  </si>
  <si>
    <t>cg15989608</t>
  </si>
  <si>
    <t>cg15992932</t>
  </si>
  <si>
    <t>cg15999796</t>
  </si>
  <si>
    <t>cg16001689</t>
  </si>
  <si>
    <t>cg16001722</t>
  </si>
  <si>
    <t>cg16001811</t>
  </si>
  <si>
    <t>cg16002544</t>
  </si>
  <si>
    <t>cg16005942</t>
  </si>
  <si>
    <t>cg16006701</t>
  </si>
  <si>
    <t>cg16006963</t>
  </si>
  <si>
    <t>cg16007619</t>
  </si>
  <si>
    <t>cg16009289</t>
  </si>
  <si>
    <t>cg16009558</t>
  </si>
  <si>
    <t>cg16012111</t>
  </si>
  <si>
    <t>cg16015000</t>
  </si>
  <si>
    <t>cg16015474</t>
  </si>
  <si>
    <t>cg16016640</t>
  </si>
  <si>
    <t>cg16018754</t>
  </si>
  <si>
    <t>cg16019142</t>
  </si>
  <si>
    <t>cg16038337</t>
  </si>
  <si>
    <t>cg16039071</t>
  </si>
  <si>
    <t>cg16040614</t>
  </si>
  <si>
    <t>cg16044674</t>
  </si>
  <si>
    <t>cg16044777</t>
  </si>
  <si>
    <t>cg16048851</t>
  </si>
  <si>
    <t>cg16051195</t>
  </si>
  <si>
    <t>cg16055052</t>
  </si>
  <si>
    <t>cg16055410</t>
  </si>
  <si>
    <t>cg16055914</t>
  </si>
  <si>
    <t>cg16059979</t>
  </si>
  <si>
    <t>cg16061928</t>
  </si>
  <si>
    <t>cg16064612</t>
  </si>
  <si>
    <t>cg16064811</t>
  </si>
  <si>
    <t>cg16070740</t>
  </si>
  <si>
    <t>cg16071691</t>
  </si>
  <si>
    <t>cg16072126</t>
  </si>
  <si>
    <t>cg16072814</t>
  </si>
  <si>
    <t>cg16073143</t>
  </si>
  <si>
    <t>cg16074228</t>
  </si>
  <si>
    <t>cg16074643</t>
  </si>
  <si>
    <t>cg16077125</t>
  </si>
  <si>
    <t>cg16078060</t>
  </si>
  <si>
    <t>cg16079541</t>
  </si>
  <si>
    <t>cg16083439</t>
  </si>
  <si>
    <t>cg16090881</t>
  </si>
  <si>
    <t>cg16094815</t>
  </si>
  <si>
    <t>cg16095155</t>
  </si>
  <si>
    <t>cg16097955</t>
  </si>
  <si>
    <t>cg16100392</t>
  </si>
  <si>
    <t>cg16101080</t>
  </si>
  <si>
    <t>cg16105676</t>
  </si>
  <si>
    <t>cg16105996</t>
  </si>
  <si>
    <t>cg16108388</t>
  </si>
  <si>
    <t>cg16109369</t>
  </si>
  <si>
    <t>cg16111190</t>
  </si>
  <si>
    <t>cg16111231</t>
  </si>
  <si>
    <t>cg16118803</t>
  </si>
  <si>
    <t>cg16122628</t>
  </si>
  <si>
    <t>cg16124337</t>
  </si>
  <si>
    <t>cg16138458</t>
  </si>
  <si>
    <t>cg16140321</t>
  </si>
  <si>
    <t>cg16140510</t>
  </si>
  <si>
    <t>cg16148833</t>
  </si>
  <si>
    <t>cg16150435</t>
  </si>
  <si>
    <t>cg16151362</t>
  </si>
  <si>
    <t>cg16153042</t>
  </si>
  <si>
    <t>cg16155923</t>
  </si>
  <si>
    <t>cg16157288</t>
  </si>
  <si>
    <t>cg16158077</t>
  </si>
  <si>
    <t>cg16161214</t>
  </si>
  <si>
    <t>cg16161418</t>
  </si>
  <si>
    <t>cg16162927</t>
  </si>
  <si>
    <t>cg16163174</t>
  </si>
  <si>
    <t>cg16166160</t>
  </si>
  <si>
    <t>cg16167775</t>
  </si>
  <si>
    <t>cg16167809</t>
  </si>
  <si>
    <t>cg16169375</t>
  </si>
  <si>
    <t>cg16170330</t>
  </si>
  <si>
    <t>cg16170767</t>
  </si>
  <si>
    <t>cg16175906</t>
  </si>
  <si>
    <t>cg16190127</t>
  </si>
  <si>
    <t>cg16190718</t>
  </si>
  <si>
    <t>cg16192197</t>
  </si>
  <si>
    <t>cg16192371</t>
  </si>
  <si>
    <t>cg16194233</t>
  </si>
  <si>
    <t>cg16197684</t>
  </si>
  <si>
    <t>cg16203203</t>
  </si>
  <si>
    <t>cg16203210</t>
  </si>
  <si>
    <t>cg16205375</t>
  </si>
  <si>
    <t>cg16206678</t>
  </si>
  <si>
    <t>cg16208491</t>
  </si>
  <si>
    <t>cg16210324</t>
  </si>
  <si>
    <t>cg16210497</t>
  </si>
  <si>
    <t>cg16214440</t>
  </si>
  <si>
    <t>cg16215084</t>
  </si>
  <si>
    <t>cg16218337</t>
  </si>
  <si>
    <t>cg16221634</t>
  </si>
  <si>
    <t>cg16226300</t>
  </si>
  <si>
    <t>cg16226644</t>
  </si>
  <si>
    <t>cg16230878</t>
  </si>
  <si>
    <t>cg16231066</t>
  </si>
  <si>
    <t>cg16231809</t>
  </si>
  <si>
    <t>cg16236263</t>
  </si>
  <si>
    <t>cg16239406</t>
  </si>
  <si>
    <t>cg16248435</t>
  </si>
  <si>
    <t>cg16248604</t>
  </si>
  <si>
    <t>cg16249340</t>
  </si>
  <si>
    <t>cg16250722</t>
  </si>
  <si>
    <t>cg16251777</t>
  </si>
  <si>
    <t>cg16253168</t>
  </si>
  <si>
    <t>cg16253551</t>
  </si>
  <si>
    <t>cg16254746</t>
  </si>
  <si>
    <t>cg16257334</t>
  </si>
  <si>
    <t>cg16268563</t>
  </si>
  <si>
    <t>cg16271954</t>
  </si>
  <si>
    <t>cg16274954</t>
  </si>
  <si>
    <t>cg16278329</t>
  </si>
  <si>
    <t>cg16278747</t>
  </si>
  <si>
    <t>cg16279541</t>
  </si>
  <si>
    <t>cg16282679</t>
  </si>
  <si>
    <t>cg16282993</t>
  </si>
  <si>
    <t>cg16288865</t>
  </si>
  <si>
    <t>cg16294486</t>
  </si>
  <si>
    <t>cg16297435</t>
  </si>
  <si>
    <t>cg16298927</t>
  </si>
  <si>
    <t>cg16300030</t>
  </si>
  <si>
    <t>cg16302650</t>
  </si>
  <si>
    <t>cg16305516</t>
  </si>
  <si>
    <t>cg16306083</t>
  </si>
  <si>
    <t>cg16306115</t>
  </si>
  <si>
    <t>cg16306259</t>
  </si>
  <si>
    <t>cg16312872</t>
  </si>
  <si>
    <t>cg16314432</t>
  </si>
  <si>
    <t>cg16318036</t>
  </si>
  <si>
    <t>cg16319129</t>
  </si>
  <si>
    <t>cg16320173</t>
  </si>
  <si>
    <t>cg16323034</t>
  </si>
  <si>
    <t>cg16323359</t>
  </si>
  <si>
    <t>cg16331679</t>
  </si>
  <si>
    <t>cg16333846</t>
  </si>
  <si>
    <t>cg16337339</t>
  </si>
  <si>
    <t>cg16343134</t>
  </si>
  <si>
    <t>cg16343924</t>
  </si>
  <si>
    <t>cg16344896</t>
  </si>
  <si>
    <t>cg16345031</t>
  </si>
  <si>
    <t>cg16345906</t>
  </si>
  <si>
    <t>cg16346065</t>
  </si>
  <si>
    <t>cg16349616</t>
  </si>
  <si>
    <t>cg16351364</t>
  </si>
  <si>
    <t>cg16359915</t>
  </si>
  <si>
    <t>cg16362378</t>
  </si>
  <si>
    <t>cg16362915</t>
  </si>
  <si>
    <t>cg16365842</t>
  </si>
  <si>
    <t>cg16370642</t>
  </si>
  <si>
    <t>cg16370701</t>
  </si>
  <si>
    <t>cg16370720</t>
  </si>
  <si>
    <t>cg16383005</t>
  </si>
  <si>
    <t>cg16383871</t>
  </si>
  <si>
    <t>cg16387141</t>
  </si>
  <si>
    <t>cg16389817</t>
  </si>
  <si>
    <t>cg16392860</t>
  </si>
  <si>
    <t>cg16392865</t>
  </si>
  <si>
    <t>cg16395133</t>
  </si>
  <si>
    <t>cg16398511</t>
  </si>
  <si>
    <t>cg16400825</t>
  </si>
  <si>
    <t>cg16413842</t>
  </si>
  <si>
    <t>cg16414425</t>
  </si>
  <si>
    <t>cg16417308</t>
  </si>
  <si>
    <t>cg16420063</t>
  </si>
  <si>
    <t>cg16421157</t>
  </si>
  <si>
    <t>cg16424078</t>
  </si>
  <si>
    <t>cg16425713</t>
  </si>
  <si>
    <t>cg16428857</t>
  </si>
  <si>
    <t>cg16433357</t>
  </si>
  <si>
    <t>cg16444909</t>
  </si>
  <si>
    <t>cg16446015</t>
  </si>
  <si>
    <t>cg16446577</t>
  </si>
  <si>
    <t>cg16447311</t>
  </si>
  <si>
    <t>cg16453794</t>
  </si>
  <si>
    <t>cg16453926</t>
  </si>
  <si>
    <t>cg16454940</t>
  </si>
  <si>
    <t>cg16456252</t>
  </si>
  <si>
    <t>cg16457842</t>
  </si>
  <si>
    <t>cg16458752</t>
  </si>
  <si>
    <t>cg16459276</t>
  </si>
  <si>
    <t>cg16462433</t>
  </si>
  <si>
    <t>cg16465643</t>
  </si>
  <si>
    <t>cg16465769</t>
  </si>
  <si>
    <t>cg16467507</t>
  </si>
  <si>
    <t>cg16468631</t>
  </si>
  <si>
    <t>cg16479050</t>
  </si>
  <si>
    <t>cg16479476</t>
  </si>
  <si>
    <t>cg16485952</t>
  </si>
  <si>
    <t>cg16487213</t>
  </si>
  <si>
    <t>cg16490823</t>
  </si>
  <si>
    <t>cg16494397</t>
  </si>
  <si>
    <t>cg16494590</t>
  </si>
  <si>
    <t>cg16496219</t>
  </si>
  <si>
    <t>cg16499284</t>
  </si>
  <si>
    <t>cg16507663</t>
  </si>
  <si>
    <t>cg16513215</t>
  </si>
  <si>
    <t>cg16515974</t>
  </si>
  <si>
    <t>cg16519772</t>
  </si>
  <si>
    <t>cg16520539</t>
  </si>
  <si>
    <t>cg16523158</t>
  </si>
  <si>
    <t>cg16526287</t>
  </si>
  <si>
    <t>cg16532643</t>
  </si>
  <si>
    <t>cg16535080</t>
  </si>
  <si>
    <t>cg16536740</t>
  </si>
  <si>
    <t>cg16537245</t>
  </si>
  <si>
    <t>cg16540391</t>
  </si>
  <si>
    <t>cg16547691</t>
  </si>
  <si>
    <t>cg16549027</t>
  </si>
  <si>
    <t>cg16551849</t>
  </si>
  <si>
    <t>cg16554099</t>
  </si>
  <si>
    <t>cg16555181</t>
  </si>
  <si>
    <t>cg16556078</t>
  </si>
  <si>
    <t>cg16556921</t>
  </si>
  <si>
    <t>cg16565902</t>
  </si>
  <si>
    <t>cg16568727</t>
  </si>
  <si>
    <t>cg16569014</t>
  </si>
  <si>
    <t>cg16573887</t>
  </si>
  <si>
    <t>cg16577947</t>
  </si>
  <si>
    <t>cg16581347</t>
  </si>
  <si>
    <t>cg16582986</t>
  </si>
  <si>
    <t>cg16584406</t>
  </si>
  <si>
    <t>cg16586538</t>
  </si>
  <si>
    <t>cg16587174</t>
  </si>
  <si>
    <t>cg16588799</t>
  </si>
  <si>
    <t>cg16589463</t>
  </si>
  <si>
    <t>cg16598405</t>
  </si>
  <si>
    <t>cg16600706</t>
  </si>
  <si>
    <t>cg16602097</t>
  </si>
  <si>
    <t>cg16602460</t>
  </si>
  <si>
    <t>cg16604233</t>
  </si>
  <si>
    <t>cg16605573</t>
  </si>
  <si>
    <t>cg16606731</t>
  </si>
  <si>
    <t>cg16609995</t>
  </si>
  <si>
    <t>cg16617518</t>
  </si>
  <si>
    <t>cg16618507</t>
  </si>
  <si>
    <t>cg16622651</t>
  </si>
  <si>
    <t>cg16622920</t>
  </si>
  <si>
    <t>cg16623111</t>
  </si>
  <si>
    <t>cg16626760</t>
  </si>
  <si>
    <t>cg16627086</t>
  </si>
  <si>
    <t>cg16632096</t>
  </si>
  <si>
    <t>cg16634404</t>
  </si>
  <si>
    <t>cg16635550</t>
  </si>
  <si>
    <t>cg16635777</t>
  </si>
  <si>
    <t>cg16636692</t>
  </si>
  <si>
    <t>cg16639145</t>
  </si>
  <si>
    <t>cg16640633</t>
  </si>
  <si>
    <t>cg16640929</t>
  </si>
  <si>
    <t>cg16649755</t>
  </si>
  <si>
    <t>cg16655765</t>
  </si>
  <si>
    <t>cg16655791</t>
  </si>
  <si>
    <t>cg16655805</t>
  </si>
  <si>
    <t>cg16657928</t>
  </si>
  <si>
    <t>cg16659773</t>
  </si>
  <si>
    <t>cg16660580</t>
  </si>
  <si>
    <t>cg16661123</t>
  </si>
  <si>
    <t>cg16662139</t>
  </si>
  <si>
    <t>cg16662408</t>
  </si>
  <si>
    <t>cg16666115</t>
  </si>
  <si>
    <t>cg16667192</t>
  </si>
  <si>
    <t>cg16669650</t>
  </si>
  <si>
    <t>cg16671069</t>
  </si>
  <si>
    <t>cg16671877</t>
  </si>
  <si>
    <t>cg16672203</t>
  </si>
  <si>
    <t>cg16673412</t>
  </si>
  <si>
    <t>cg16675381</t>
  </si>
  <si>
    <t>cg16676655</t>
  </si>
  <si>
    <t>cg16678426</t>
  </si>
  <si>
    <t>cg16681199</t>
  </si>
  <si>
    <t>cg16681436</t>
  </si>
  <si>
    <t>cg16682276</t>
  </si>
  <si>
    <t>cg16687649</t>
  </si>
  <si>
    <t>cg16689507</t>
  </si>
  <si>
    <t>cg16689962</t>
  </si>
  <si>
    <t>cg16694182</t>
  </si>
  <si>
    <t>cg16698521</t>
  </si>
  <si>
    <t>cg16700296</t>
  </si>
  <si>
    <t>cg16702149</t>
  </si>
  <si>
    <t>cg16703914</t>
  </si>
  <si>
    <t>cg16704530</t>
  </si>
  <si>
    <t>cg16704889</t>
  </si>
  <si>
    <t>cg16705185</t>
  </si>
  <si>
    <t>cg16706631</t>
  </si>
  <si>
    <t>cg16707262</t>
  </si>
  <si>
    <t>cg16707400</t>
  </si>
  <si>
    <t>cg16711084</t>
  </si>
  <si>
    <t>cg16715131</t>
  </si>
  <si>
    <t>cg16716750</t>
  </si>
  <si>
    <t>cg16716752</t>
  </si>
  <si>
    <t>cg16722947</t>
  </si>
  <si>
    <t>cg16727231</t>
  </si>
  <si>
    <t>cg16746362</t>
  </si>
  <si>
    <t>cg16747427</t>
  </si>
  <si>
    <t>cg16747928</t>
  </si>
  <si>
    <t>cg16754857</t>
  </si>
  <si>
    <t>cg16758813</t>
  </si>
  <si>
    <t>cg16762581</t>
  </si>
  <si>
    <t>cg16762849</t>
  </si>
  <si>
    <t>cg16764408</t>
  </si>
  <si>
    <t>cg16764807</t>
  </si>
  <si>
    <t>cg16764889</t>
  </si>
  <si>
    <t>cg16768868</t>
  </si>
  <si>
    <t>cg16771771</t>
  </si>
  <si>
    <t>cg16773067</t>
  </si>
  <si>
    <t>cg16783571</t>
  </si>
  <si>
    <t>cg16788962</t>
  </si>
  <si>
    <t>cg16793622</t>
  </si>
  <si>
    <t>cg16793730</t>
  </si>
  <si>
    <t>cg16797473</t>
  </si>
  <si>
    <t>cg16797777</t>
  </si>
  <si>
    <t>cg16799831</t>
  </si>
  <si>
    <t>cg16800851</t>
  </si>
  <si>
    <t>cg16803737</t>
  </si>
  <si>
    <t>cg16806077</t>
  </si>
  <si>
    <t>cg16806245</t>
  </si>
  <si>
    <t>cg16808387</t>
  </si>
  <si>
    <t>cg16808910</t>
  </si>
  <si>
    <t>cg16809040</t>
  </si>
  <si>
    <t>cg16811621</t>
  </si>
  <si>
    <t>cg16811650</t>
  </si>
  <si>
    <t>cg16823105</t>
  </si>
  <si>
    <t>cg16857104</t>
  </si>
  <si>
    <t>cg16862821</t>
  </si>
  <si>
    <t>cg16868145</t>
  </si>
  <si>
    <t>cg16879574</t>
  </si>
  <si>
    <t>cg16881698</t>
  </si>
  <si>
    <t>cg16881843</t>
  </si>
  <si>
    <t>cg16885113</t>
  </si>
  <si>
    <t>cg16885725</t>
  </si>
  <si>
    <t>cg16887070</t>
  </si>
  <si>
    <t>cg16888590</t>
  </si>
  <si>
    <t>cg16889489</t>
  </si>
  <si>
    <t>cg16890093</t>
  </si>
  <si>
    <t>cg16898066</t>
  </si>
  <si>
    <t>cg16901670</t>
  </si>
  <si>
    <t>cg16902425</t>
  </si>
  <si>
    <t>cg16908031</t>
  </si>
  <si>
    <t>cg16912910</t>
  </si>
  <si>
    <t>cg16916688</t>
  </si>
  <si>
    <t>cg16917279</t>
  </si>
  <si>
    <t>cg16918667</t>
  </si>
  <si>
    <t>cg16919028</t>
  </si>
  <si>
    <t>cg16922400</t>
  </si>
  <si>
    <t>cg16927253</t>
  </si>
  <si>
    <t>cg16929012</t>
  </si>
  <si>
    <t>cg16929077</t>
  </si>
  <si>
    <t>cg16931465</t>
  </si>
  <si>
    <t>cg16932560</t>
  </si>
  <si>
    <t>cg16933706</t>
  </si>
  <si>
    <t>cg16933813</t>
  </si>
  <si>
    <t>cg16936944</t>
  </si>
  <si>
    <t>cg16941305</t>
  </si>
  <si>
    <t>cg16948465</t>
  </si>
  <si>
    <t>cg16950012</t>
  </si>
  <si>
    <t>cg16951533</t>
  </si>
  <si>
    <t>cg16951654</t>
  </si>
  <si>
    <t>cg16952974</t>
  </si>
  <si>
    <t>cg16954204</t>
  </si>
  <si>
    <t>cg16956876</t>
  </si>
  <si>
    <t>cg16961648</t>
  </si>
  <si>
    <t>cg16962558</t>
  </si>
  <si>
    <t>cg16968514</t>
  </si>
  <si>
    <t>cg16969458</t>
  </si>
  <si>
    <t>cg16975695</t>
  </si>
  <si>
    <t>cg16976310</t>
  </si>
  <si>
    <t>cg16977668</t>
  </si>
  <si>
    <t>cg16979070</t>
  </si>
  <si>
    <t>cg16981259</t>
  </si>
  <si>
    <t>cg16983152</t>
  </si>
  <si>
    <t>cg16984553</t>
  </si>
  <si>
    <t>cg16985255</t>
  </si>
  <si>
    <t>cg16988129</t>
  </si>
  <si>
    <t>cg16988810</t>
  </si>
  <si>
    <t>cg16988958</t>
  </si>
  <si>
    <t>cg16990009</t>
  </si>
  <si>
    <t>cg16990996</t>
  </si>
  <si>
    <t>cg16991515</t>
  </si>
  <si>
    <t>cg16992627</t>
  </si>
  <si>
    <t>cg16993957</t>
  </si>
  <si>
    <t>cg16996457</t>
  </si>
  <si>
    <t>cg16996746</t>
  </si>
  <si>
    <t>cg16996788</t>
  </si>
  <si>
    <t>cg16999584</t>
  </si>
  <si>
    <t>cg17001430</t>
  </si>
  <si>
    <t>cg17001753</t>
  </si>
  <si>
    <t>cg17011684</t>
  </si>
  <si>
    <t>cg17012525</t>
  </si>
  <si>
    <t>cg17014035</t>
  </si>
  <si>
    <t>cg17019204</t>
  </si>
  <si>
    <t>cg17019518</t>
  </si>
  <si>
    <t>cg17021265</t>
  </si>
  <si>
    <t>cg17023971</t>
  </si>
  <si>
    <t>cg17024719</t>
  </si>
  <si>
    <t>cg17024944</t>
  </si>
  <si>
    <t>cg17026052</t>
  </si>
  <si>
    <t>cg17026542</t>
  </si>
  <si>
    <t>cg17030679</t>
  </si>
  <si>
    <t>cg17034941</t>
  </si>
  <si>
    <t>cg17035708</t>
  </si>
  <si>
    <t>cg17038049</t>
  </si>
  <si>
    <t>cg17043247</t>
  </si>
  <si>
    <t>cg17043922</t>
  </si>
  <si>
    <t>cg17044843</t>
  </si>
  <si>
    <t>cg17047882</t>
  </si>
  <si>
    <t>cg17050810</t>
  </si>
  <si>
    <t>cg17055274</t>
  </si>
  <si>
    <t>cg17055704</t>
  </si>
  <si>
    <t>cg17055833</t>
  </si>
  <si>
    <t>cg17063632</t>
  </si>
  <si>
    <t>cg17064250</t>
  </si>
  <si>
    <t>cg17066403</t>
  </si>
  <si>
    <t>cg17066452</t>
  </si>
  <si>
    <t>cg17066531</t>
  </si>
  <si>
    <t>cg17067528</t>
  </si>
  <si>
    <t>cg17068760</t>
  </si>
  <si>
    <t>cg17069739</t>
  </si>
  <si>
    <t>cg17071432</t>
  </si>
  <si>
    <t>cg17076789</t>
  </si>
  <si>
    <t>cg17079328</t>
  </si>
  <si>
    <t>cg17079757</t>
  </si>
  <si>
    <t>cg17080697</t>
  </si>
  <si>
    <t>cg17081157</t>
  </si>
  <si>
    <t>cg17083323</t>
  </si>
  <si>
    <t>cg17087669</t>
  </si>
  <si>
    <t>cg17087907</t>
  </si>
  <si>
    <t>cg17088562</t>
  </si>
  <si>
    <t>cg17091577</t>
  </si>
  <si>
    <t>cg17094160</t>
  </si>
  <si>
    <t>cg17095396</t>
  </si>
  <si>
    <t>cg17100322</t>
  </si>
  <si>
    <t>cg17102807</t>
  </si>
  <si>
    <t>cg17103217</t>
  </si>
  <si>
    <t>cg17107112</t>
  </si>
  <si>
    <t>cg17108423</t>
  </si>
  <si>
    <t>cg17110524</t>
  </si>
  <si>
    <t>cg17112076</t>
  </si>
  <si>
    <t>cg17113856</t>
  </si>
  <si>
    <t>cg17114475</t>
  </si>
  <si>
    <t>cg17116895</t>
  </si>
  <si>
    <t>cg17120654</t>
  </si>
  <si>
    <t>cg17123534</t>
  </si>
  <si>
    <t>cg17123624</t>
  </si>
  <si>
    <t>cg17124581</t>
  </si>
  <si>
    <t>cg17126142</t>
  </si>
  <si>
    <t>cg17131579</t>
  </si>
  <si>
    <t>cg17143179</t>
  </si>
  <si>
    <t>cg17150809</t>
  </si>
  <si>
    <t>cg17152135</t>
  </si>
  <si>
    <t>cg17152981</t>
  </si>
  <si>
    <t>cg17154159</t>
  </si>
  <si>
    <t>cg17156743</t>
  </si>
  <si>
    <t>cg17159550</t>
  </si>
  <si>
    <t>cg17160502</t>
  </si>
  <si>
    <t>cg17160886</t>
  </si>
  <si>
    <t>cg17161421</t>
  </si>
  <si>
    <t>cg17166950</t>
  </si>
  <si>
    <t>cg17173369</t>
  </si>
  <si>
    <t>cg17173726</t>
  </si>
  <si>
    <t>cg17176005</t>
  </si>
  <si>
    <t>cg17176016</t>
  </si>
  <si>
    <t>cg17176470</t>
  </si>
  <si>
    <t>cg17177931</t>
  </si>
  <si>
    <t>cg17181653</t>
  </si>
  <si>
    <t>cg17183362</t>
  </si>
  <si>
    <t>cg17184855</t>
  </si>
  <si>
    <t>cg17186760</t>
  </si>
  <si>
    <t>cg17188046</t>
  </si>
  <si>
    <t>cg17191462</t>
  </si>
  <si>
    <t>cg17193040</t>
  </si>
  <si>
    <t>cg17193436</t>
  </si>
  <si>
    <t>cg17195852</t>
  </si>
  <si>
    <t>cg17199007</t>
  </si>
  <si>
    <t>cg17201307</t>
  </si>
  <si>
    <t>cg17207512</t>
  </si>
  <si>
    <t>cg17208278</t>
  </si>
  <si>
    <t>cg17217665</t>
  </si>
  <si>
    <t>cg17219086</t>
  </si>
  <si>
    <t>cg17219689</t>
  </si>
  <si>
    <t>cg17232861</t>
  </si>
  <si>
    <t>cg17238150</t>
  </si>
  <si>
    <t>cg17240454</t>
  </si>
  <si>
    <t>cg17243044</t>
  </si>
  <si>
    <t>cg17244340</t>
  </si>
  <si>
    <t>cg17245829</t>
  </si>
  <si>
    <t>cg17247131</t>
  </si>
  <si>
    <t>cg17247190</t>
  </si>
  <si>
    <t>cg17252960</t>
  </si>
  <si>
    <t>cg17255947</t>
  </si>
  <si>
    <t>cg17257516</t>
  </si>
  <si>
    <t>cg17259358</t>
  </si>
  <si>
    <t>cg17264271</t>
  </si>
  <si>
    <t>cg17267835</t>
  </si>
  <si>
    <t>cg17273983</t>
  </si>
  <si>
    <t>cg17275551</t>
  </si>
  <si>
    <t>cg17280673</t>
  </si>
  <si>
    <t>cg17283752</t>
  </si>
  <si>
    <t>cg17283781</t>
  </si>
  <si>
    <t>cg17284119</t>
  </si>
  <si>
    <t>cg17284149</t>
  </si>
  <si>
    <t>cg17284536</t>
  </si>
  <si>
    <t>cg17285393</t>
  </si>
  <si>
    <t>cg17285910</t>
  </si>
  <si>
    <t>cg17286012</t>
  </si>
  <si>
    <t>cg17286695</t>
  </si>
  <si>
    <t>cg17289378</t>
  </si>
  <si>
    <t>cg17290076</t>
  </si>
  <si>
    <t>cg17291767</t>
  </si>
  <si>
    <t>cg17295739</t>
  </si>
  <si>
    <t>cg17297775</t>
  </si>
  <si>
    <t>cg17298510</t>
  </si>
  <si>
    <t>cg17302862</t>
  </si>
  <si>
    <t>cg17307107</t>
  </si>
  <si>
    <t>cg17309014</t>
  </si>
  <si>
    <t>cg17309530</t>
  </si>
  <si>
    <t>cg17314419</t>
  </si>
  <si>
    <t>cg17315175</t>
  </si>
  <si>
    <t>cg17317007</t>
  </si>
  <si>
    <t>cg17321298</t>
  </si>
  <si>
    <t>cg17323040</t>
  </si>
  <si>
    <t>cg17323739</t>
  </si>
  <si>
    <t>cg17327665</t>
  </si>
  <si>
    <t>cg17334970</t>
  </si>
  <si>
    <t>cg17335741</t>
  </si>
  <si>
    <t>cg17336615</t>
  </si>
  <si>
    <t>cg17338615</t>
  </si>
  <si>
    <t>cg17339327</t>
  </si>
  <si>
    <t>cg17341703</t>
  </si>
  <si>
    <t>cg17345277</t>
  </si>
  <si>
    <t>cg17345450</t>
  </si>
  <si>
    <t>cg17353079</t>
  </si>
  <si>
    <t>cg17353698</t>
  </si>
  <si>
    <t>cg17357285</t>
  </si>
  <si>
    <t>cg17361593</t>
  </si>
  <si>
    <t>cg17365962</t>
  </si>
  <si>
    <t>cg17370364</t>
  </si>
  <si>
    <t>cg17374854</t>
  </si>
  <si>
    <t>cg17375177</t>
  </si>
  <si>
    <t>cg17380160</t>
  </si>
  <si>
    <t>cg17380281</t>
  </si>
  <si>
    <t>cg17383811</t>
  </si>
  <si>
    <t>cg17383884</t>
  </si>
  <si>
    <t>cg17384214</t>
  </si>
  <si>
    <t>cg17386578</t>
  </si>
  <si>
    <t>cg17388039</t>
  </si>
  <si>
    <t>cg17388996</t>
  </si>
  <si>
    <t>cg17389738</t>
  </si>
  <si>
    <t>cg17395945</t>
  </si>
  <si>
    <t>cg17396404</t>
  </si>
  <si>
    <t>cg17399647</t>
  </si>
  <si>
    <t>cg17404532</t>
  </si>
  <si>
    <t>cg17406963</t>
  </si>
  <si>
    <t>cg17407908</t>
  </si>
  <si>
    <t>cg17413252</t>
  </si>
  <si>
    <t>cg17413703</t>
  </si>
  <si>
    <t>cg17415033</t>
  </si>
  <si>
    <t>cg17416730</t>
  </si>
  <si>
    <t>cg17417347</t>
  </si>
  <si>
    <t>cg17417645</t>
  </si>
  <si>
    <t>cg17418212</t>
  </si>
  <si>
    <t>cg17418440</t>
  </si>
  <si>
    <t>cg17423624</t>
  </si>
  <si>
    <t>cg17424859</t>
  </si>
  <si>
    <t>cg17426138</t>
  </si>
  <si>
    <t>cg17426568</t>
  </si>
  <si>
    <t>cg17427198</t>
  </si>
  <si>
    <t>cg17428922</t>
  </si>
  <si>
    <t>cg17430214</t>
  </si>
  <si>
    <t>cg17432453</t>
  </si>
  <si>
    <t>cg17438737</t>
  </si>
  <si>
    <t>cg17442907</t>
  </si>
  <si>
    <t>cg17446896</t>
  </si>
  <si>
    <t>cg17450505</t>
  </si>
  <si>
    <t>cg17450585</t>
  </si>
  <si>
    <t>cg17451586</t>
  </si>
  <si>
    <t>cg17453433</t>
  </si>
  <si>
    <t>cg17468253</t>
  </si>
  <si>
    <t>cg17468268</t>
  </si>
  <si>
    <t>cg17470942</t>
  </si>
  <si>
    <t>cg17473022</t>
  </si>
  <si>
    <t>cg17474338</t>
  </si>
  <si>
    <t>cg17475190</t>
  </si>
  <si>
    <t>cg17475271</t>
  </si>
  <si>
    <t>cg17476701</t>
  </si>
  <si>
    <t>cg17480803</t>
  </si>
  <si>
    <t>cg17483959</t>
  </si>
  <si>
    <t>cg17484510</t>
  </si>
  <si>
    <t>cg17489695</t>
  </si>
  <si>
    <t>cg17489752</t>
  </si>
  <si>
    <t>cg17493727</t>
  </si>
  <si>
    <t>cg17498313</t>
  </si>
  <si>
    <t>cg17499041</t>
  </si>
  <si>
    <t>cg17501210</t>
  </si>
  <si>
    <t>cg17501395</t>
  </si>
  <si>
    <t>cg17504399</t>
  </si>
  <si>
    <t>cg17506621</t>
  </si>
  <si>
    <t>cg17510121</t>
  </si>
  <si>
    <t>cg17511151</t>
  </si>
  <si>
    <t>cg17511873</t>
  </si>
  <si>
    <t>cg17512353</t>
  </si>
  <si>
    <t>cg17512365</t>
  </si>
  <si>
    <t>cg17513693</t>
  </si>
  <si>
    <t>cg17513832</t>
  </si>
  <si>
    <t>cg17514608</t>
  </si>
  <si>
    <t>cg17514883</t>
  </si>
  <si>
    <t>cg17515844</t>
  </si>
  <si>
    <t>cg17518776</t>
  </si>
  <si>
    <t>cg17518978</t>
  </si>
  <si>
    <t>cg17520539</t>
  </si>
  <si>
    <t>cg17521020</t>
  </si>
  <si>
    <t>cg17521665</t>
  </si>
  <si>
    <t>cg17526952</t>
  </si>
  <si>
    <t>cg17531889</t>
  </si>
  <si>
    <t>cg17532626</t>
  </si>
  <si>
    <t>cg17534945</t>
  </si>
  <si>
    <t>cg17537380</t>
  </si>
  <si>
    <t>cg17543885</t>
  </si>
  <si>
    <t>cg17548735</t>
  </si>
  <si>
    <t>cg17550997</t>
  </si>
  <si>
    <t>cg17551008</t>
  </si>
  <si>
    <t>cg17553286</t>
  </si>
  <si>
    <t>cg17553885</t>
  </si>
  <si>
    <t>cg17557540</t>
  </si>
  <si>
    <t>cg17557766</t>
  </si>
  <si>
    <t>cg17560929</t>
  </si>
  <si>
    <t>cg17564183</t>
  </si>
  <si>
    <t>cg17566592</t>
  </si>
  <si>
    <t>cg17567838</t>
  </si>
  <si>
    <t>cg17568707</t>
  </si>
  <si>
    <t>cg17568962</t>
  </si>
  <si>
    <t>cg17569754</t>
  </si>
  <si>
    <t>cg17572221</t>
  </si>
  <si>
    <t>cg17575960</t>
  </si>
  <si>
    <t>cg17576874</t>
  </si>
  <si>
    <t>cg17578548</t>
  </si>
  <si>
    <t>cg17580416</t>
  </si>
  <si>
    <t>cg17587456</t>
  </si>
  <si>
    <t>cg17587998</t>
  </si>
  <si>
    <t>cg17590486</t>
  </si>
  <si>
    <t>cg17590657</t>
  </si>
  <si>
    <t>cg17591348</t>
  </si>
  <si>
    <t>cg17591573</t>
  </si>
  <si>
    <t>cg17598690</t>
  </si>
  <si>
    <t>cg17602167</t>
  </si>
  <si>
    <t>cg17605021</t>
  </si>
  <si>
    <t>cg17605058</t>
  </si>
  <si>
    <t>cg17608350</t>
  </si>
  <si>
    <t>cg17608722</t>
  </si>
  <si>
    <t>cg17609158</t>
  </si>
  <si>
    <t>cg17610333</t>
  </si>
  <si>
    <t>cg17619020</t>
  </si>
  <si>
    <t>cg17619965</t>
  </si>
  <si>
    <t>cg17620505</t>
  </si>
  <si>
    <t>cg17622855</t>
  </si>
  <si>
    <t>cg17622968</t>
  </si>
  <si>
    <t>cg17624536</t>
  </si>
  <si>
    <t>cg17626385</t>
  </si>
  <si>
    <t>cg17626960</t>
  </si>
  <si>
    <t>cg17632124</t>
  </si>
  <si>
    <t>cg17633074</t>
  </si>
  <si>
    <t>cg17636541</t>
  </si>
  <si>
    <t>cg17636752</t>
  </si>
  <si>
    <t>cg17636883</t>
  </si>
  <si>
    <t>cg17640744</t>
  </si>
  <si>
    <t>cg17646250</t>
  </si>
  <si>
    <t>cg17651821</t>
  </si>
  <si>
    <t>cg17657394</t>
  </si>
  <si>
    <t>cg17657594</t>
  </si>
  <si>
    <t>cg17658634</t>
  </si>
  <si>
    <t>cg17666418</t>
  </si>
  <si>
    <t>cg17674287</t>
  </si>
  <si>
    <t>cg17674495</t>
  </si>
  <si>
    <t>cg17675199</t>
  </si>
  <si>
    <t>cg17677678</t>
  </si>
  <si>
    <t>cg17678009</t>
  </si>
  <si>
    <t>cg17680902</t>
  </si>
  <si>
    <t>cg17683211</t>
  </si>
  <si>
    <t>cg17684657</t>
  </si>
  <si>
    <t>cg17687493</t>
  </si>
  <si>
    <t>cg17690086</t>
  </si>
  <si>
    <t>cg17692702</t>
  </si>
  <si>
    <t>cg17694848</t>
  </si>
  <si>
    <t>cg17697016</t>
  </si>
  <si>
    <t>cg17697739</t>
  </si>
  <si>
    <t>cg17700835</t>
  </si>
  <si>
    <t>cg17706411</t>
  </si>
  <si>
    <t>cg17706606</t>
  </si>
  <si>
    <t>cg17707984</t>
  </si>
  <si>
    <t>cg17709464</t>
  </si>
  <si>
    <t>cg17711521</t>
  </si>
  <si>
    <t>cg17711541</t>
  </si>
  <si>
    <t>cg17712241</t>
  </si>
  <si>
    <t>cg17714437</t>
  </si>
  <si>
    <t>cg17715419</t>
  </si>
  <si>
    <t>cg17718036</t>
  </si>
  <si>
    <t>cg17718302</t>
  </si>
  <si>
    <t>cg17720554</t>
  </si>
  <si>
    <t>cg17722656</t>
  </si>
  <si>
    <t>cg17722675</t>
  </si>
  <si>
    <t>cg17723508</t>
  </si>
  <si>
    <t>cg17724412</t>
  </si>
  <si>
    <t>cg17725124</t>
  </si>
  <si>
    <t>cg17728820</t>
  </si>
  <si>
    <t>cg17736997</t>
  </si>
  <si>
    <t>cg17741572</t>
  </si>
  <si>
    <t>cg17742099</t>
  </si>
  <si>
    <t>cg17742434</t>
  </si>
  <si>
    <t>cg17744722</t>
  </si>
  <si>
    <t>cg17748645</t>
  </si>
  <si>
    <t>cg17750075</t>
  </si>
  <si>
    <t>cg17754980</t>
  </si>
  <si>
    <t>cg17755604</t>
  </si>
  <si>
    <t>cg17756143</t>
  </si>
  <si>
    <t>cg17761815</t>
  </si>
  <si>
    <t>cg17761898</t>
  </si>
  <si>
    <t>cg17762168</t>
  </si>
  <si>
    <t>cg17767596</t>
  </si>
  <si>
    <t>cg17768600</t>
  </si>
  <si>
    <t>cg17770813</t>
  </si>
  <si>
    <t>cg17777731</t>
  </si>
  <si>
    <t>cg17778382</t>
  </si>
  <si>
    <t>cg17779289</t>
  </si>
  <si>
    <t>cg17780092</t>
  </si>
  <si>
    <t>cg17784596</t>
  </si>
  <si>
    <t>cg17786216</t>
  </si>
  <si>
    <t>cg17786959</t>
  </si>
  <si>
    <t>cg17796333</t>
  </si>
  <si>
    <t>cg17800396</t>
  </si>
  <si>
    <t>cg17802216</t>
  </si>
  <si>
    <t>cg17803089</t>
  </si>
  <si>
    <t>cg17806418</t>
  </si>
  <si>
    <t>cg17806717</t>
  </si>
  <si>
    <t>cg17822767</t>
  </si>
  <si>
    <t>cg17825294</t>
  </si>
  <si>
    <t>cg17825311</t>
  </si>
  <si>
    <t>cg17826424</t>
  </si>
  <si>
    <t>cg17827614</t>
  </si>
  <si>
    <t>cg17829936</t>
  </si>
  <si>
    <t>cg17832639</t>
  </si>
  <si>
    <t>cg17833071</t>
  </si>
  <si>
    <t>cg17835678</t>
  </si>
  <si>
    <t>cg17837521</t>
  </si>
  <si>
    <t>cg17838734</t>
  </si>
  <si>
    <t>cg17840334</t>
  </si>
  <si>
    <t>cg17842822</t>
  </si>
  <si>
    <t>cg17844718</t>
  </si>
  <si>
    <t>cg17849128</t>
  </si>
  <si>
    <t>cg17851795</t>
  </si>
  <si>
    <t>cg17852032</t>
  </si>
  <si>
    <t>cg17853635</t>
  </si>
  <si>
    <t>cg17857094</t>
  </si>
  <si>
    <t>cg17859772</t>
  </si>
  <si>
    <t>cg17861551</t>
  </si>
  <si>
    <t>cg17864046</t>
  </si>
  <si>
    <t>cg17865602</t>
  </si>
  <si>
    <t>cg17866734</t>
  </si>
  <si>
    <t>cg17866984</t>
  </si>
  <si>
    <t>cg17868538</t>
  </si>
  <si>
    <t>cg17869152</t>
  </si>
  <si>
    <t>cg17873708</t>
  </si>
  <si>
    <t>cg17874413</t>
  </si>
  <si>
    <t>cg17875102</t>
  </si>
  <si>
    <t>cg17879189</t>
  </si>
  <si>
    <t>cg17881363</t>
  </si>
  <si>
    <t>cg17881600</t>
  </si>
  <si>
    <t>cg17882033</t>
  </si>
  <si>
    <t>cg17885791</t>
  </si>
  <si>
    <t>cg17895149</t>
  </si>
  <si>
    <t>cg17917683</t>
  </si>
  <si>
    <t>cg17926000</t>
  </si>
  <si>
    <t>cg17930583</t>
  </si>
  <si>
    <t>cg17931807</t>
  </si>
  <si>
    <t>cg17931986</t>
  </si>
  <si>
    <t>cg17935616</t>
  </si>
  <si>
    <t>cg17938220</t>
  </si>
  <si>
    <t>cg17941247</t>
  </si>
  <si>
    <t>cg17952446</t>
  </si>
  <si>
    <t>cg17952647</t>
  </si>
  <si>
    <t>cg17954852</t>
  </si>
  <si>
    <t>cg17955729</t>
  </si>
  <si>
    <t>cg17961892</t>
  </si>
  <si>
    <t>cg17964046</t>
  </si>
  <si>
    <t>cg17964532</t>
  </si>
  <si>
    <t>cg17965019</t>
  </si>
  <si>
    <t>cg17965230</t>
  </si>
  <si>
    <t>cg17965698</t>
  </si>
  <si>
    <t>cg17966619</t>
  </si>
  <si>
    <t>cg17967260</t>
  </si>
  <si>
    <t>cg17968511</t>
  </si>
  <si>
    <t>cg17968668</t>
  </si>
  <si>
    <t>cg17971129</t>
  </si>
  <si>
    <t>cg17974424</t>
  </si>
  <si>
    <t>cg17975379</t>
  </si>
  <si>
    <t>cg17977435</t>
  </si>
  <si>
    <t>cg17977649</t>
  </si>
  <si>
    <t>cg17977723</t>
  </si>
  <si>
    <t>cg17978037</t>
  </si>
  <si>
    <t>cg17978995</t>
  </si>
  <si>
    <t>cg17979173</t>
  </si>
  <si>
    <t>cg17979952</t>
  </si>
  <si>
    <t>cg17980999</t>
  </si>
  <si>
    <t>cg17984469</t>
  </si>
  <si>
    <t>cg17988780</t>
  </si>
  <si>
    <t>cg17991695</t>
  </si>
  <si>
    <t>cg17993148</t>
  </si>
  <si>
    <t>cg17999280</t>
  </si>
  <si>
    <t>cg18000029</t>
  </si>
  <si>
    <t>cg18000306</t>
  </si>
  <si>
    <t>cg18004110</t>
  </si>
  <si>
    <t>cg18006990</t>
  </si>
  <si>
    <t>cg18011088</t>
  </si>
  <si>
    <t>cg18015809</t>
  </si>
  <si>
    <t>cg18016759</t>
  </si>
  <si>
    <t>cg18017627</t>
  </si>
  <si>
    <t>cg18019509</t>
  </si>
  <si>
    <t>cg18020072</t>
  </si>
  <si>
    <t>cg18021100</t>
  </si>
  <si>
    <t>cg18026359</t>
  </si>
  <si>
    <t>cg18030545</t>
  </si>
  <si>
    <t>cg18031239</t>
  </si>
  <si>
    <t>cg18040305</t>
  </si>
  <si>
    <t>cg18040813</t>
  </si>
  <si>
    <t>cg18041814</t>
  </si>
  <si>
    <t>cg18043773</t>
  </si>
  <si>
    <t>cg18048542</t>
  </si>
  <si>
    <t>cg18055557</t>
  </si>
  <si>
    <t>cg18055610</t>
  </si>
  <si>
    <t>cg18057469</t>
  </si>
  <si>
    <t>cg18058048</t>
  </si>
  <si>
    <t>cg18062706</t>
  </si>
  <si>
    <t>cg18062810</t>
  </si>
  <si>
    <t>cg18065409</t>
  </si>
  <si>
    <t>cg18066181</t>
  </si>
  <si>
    <t>cg18067520</t>
  </si>
  <si>
    <t>cg18068140</t>
  </si>
  <si>
    <t>cg18068635</t>
  </si>
  <si>
    <t>cg18073883</t>
  </si>
  <si>
    <t>cg18075454</t>
  </si>
  <si>
    <t>cg18080046</t>
  </si>
  <si>
    <t>cg18080303</t>
  </si>
  <si>
    <t>cg18080509</t>
  </si>
  <si>
    <t>cg18080528</t>
  </si>
  <si>
    <t>cg18087491</t>
  </si>
  <si>
    <t>cg18093866</t>
  </si>
  <si>
    <t>cg18095129</t>
  </si>
  <si>
    <t>cg18096933</t>
  </si>
  <si>
    <t>cg18098714</t>
  </si>
  <si>
    <t>cg18099523</t>
  </si>
  <si>
    <t>cg18101333</t>
  </si>
  <si>
    <t>cg18102337</t>
  </si>
  <si>
    <t>cg18103836</t>
  </si>
  <si>
    <t>cg18104606</t>
  </si>
  <si>
    <t>cg18105725</t>
  </si>
  <si>
    <t>cg18109777</t>
  </si>
  <si>
    <t>cg18111223</t>
  </si>
  <si>
    <t>cg18113453</t>
  </si>
  <si>
    <t>cg18113826</t>
  </si>
  <si>
    <t>cg18114946</t>
  </si>
  <si>
    <t>cg18120259</t>
  </si>
  <si>
    <t>cg18121410</t>
  </si>
  <si>
    <t>cg18122606</t>
  </si>
  <si>
    <t>cg18126978</t>
  </si>
  <si>
    <t>cg18132076</t>
  </si>
  <si>
    <t>cg18132363</t>
  </si>
  <si>
    <t>cg18132964</t>
  </si>
  <si>
    <t>cg18134102</t>
  </si>
  <si>
    <t>cg18134411</t>
  </si>
  <si>
    <t>cg18135704</t>
  </si>
  <si>
    <t>cg18137427</t>
  </si>
  <si>
    <t>cg18138826</t>
  </si>
  <si>
    <t>cg18139800</t>
  </si>
  <si>
    <t>cg18141851</t>
  </si>
  <si>
    <t>cg18144373</t>
  </si>
  <si>
    <t>cg18144560</t>
  </si>
  <si>
    <t>cg18145961</t>
  </si>
  <si>
    <t>cg18146583</t>
  </si>
  <si>
    <t>cg18152712</t>
  </si>
  <si>
    <t>cg18162583</t>
  </si>
  <si>
    <t>cg18172186</t>
  </si>
  <si>
    <t>cg18179997</t>
  </si>
  <si>
    <t>cg18184153</t>
  </si>
  <si>
    <t>cg18184941</t>
  </si>
  <si>
    <t>cg18187198</t>
  </si>
  <si>
    <t>cg18189591</t>
  </si>
  <si>
    <t>cg18191873</t>
  </si>
  <si>
    <t>cg18192491</t>
  </si>
  <si>
    <t>cg18192906</t>
  </si>
  <si>
    <t>cg18193094</t>
  </si>
  <si>
    <t>cg18195329</t>
  </si>
  <si>
    <t>cg18198143</t>
  </si>
  <si>
    <t>cg18201198</t>
  </si>
  <si>
    <t>cg18204145</t>
  </si>
  <si>
    <t>cg18206424</t>
  </si>
  <si>
    <t>cg18221028</t>
  </si>
  <si>
    <t>cg18221076</t>
  </si>
  <si>
    <t>cg18221304</t>
  </si>
  <si>
    <t>cg18221850</t>
  </si>
  <si>
    <t>cg18224503</t>
  </si>
  <si>
    <t>cg18226566</t>
  </si>
  <si>
    <t>cg18228203</t>
  </si>
  <si>
    <t>cg18231229</t>
  </si>
  <si>
    <t>cg18232096</t>
  </si>
  <si>
    <t>cg18234193</t>
  </si>
  <si>
    <t>cg18234865</t>
  </si>
  <si>
    <t>cg18237405</t>
  </si>
  <si>
    <t>cg18239753</t>
  </si>
  <si>
    <t>cg18242368</t>
  </si>
  <si>
    <t>cg18244100</t>
  </si>
  <si>
    <t>cg18244508</t>
  </si>
  <si>
    <t>cg18249868</t>
  </si>
  <si>
    <t>cg18251767</t>
  </si>
  <si>
    <t>cg18252855</t>
  </si>
  <si>
    <t>cg18253802</t>
  </si>
  <si>
    <t>cg18255335</t>
  </si>
  <si>
    <t>cg18261909</t>
  </si>
  <si>
    <t>cg18263014</t>
  </si>
  <si>
    <t>cg18264944</t>
  </si>
  <si>
    <t>cg18265845</t>
  </si>
  <si>
    <t>cg18269816</t>
  </si>
  <si>
    <t>cg18275965</t>
  </si>
  <si>
    <t>cg18278486</t>
  </si>
  <si>
    <t>cg18278744</t>
  </si>
  <si>
    <t>cg18279577</t>
  </si>
  <si>
    <t>cg18280933</t>
  </si>
  <si>
    <t>cg18285280</t>
  </si>
  <si>
    <t>cg18292202</t>
  </si>
  <si>
    <t>cg18297196</t>
  </si>
  <si>
    <t>cg18297338</t>
  </si>
  <si>
    <t>cg18298785</t>
  </si>
  <si>
    <t>cg18299670</t>
  </si>
  <si>
    <t>cg18299938</t>
  </si>
  <si>
    <t>cg18301048</t>
  </si>
  <si>
    <t>cg18301797</t>
  </si>
  <si>
    <t>cg18305433</t>
  </si>
  <si>
    <t>cg18307545</t>
  </si>
  <si>
    <t>cg18313478</t>
  </si>
  <si>
    <t>cg18315060</t>
  </si>
  <si>
    <t>cg18316256</t>
  </si>
  <si>
    <t>cg18319635</t>
  </si>
  <si>
    <t>cg18321529</t>
  </si>
  <si>
    <t>cg18322025</t>
  </si>
  <si>
    <t>cg18330047</t>
  </si>
  <si>
    <t>cg18330175</t>
  </si>
  <si>
    <t>cg18336453</t>
  </si>
  <si>
    <t>cg18337139</t>
  </si>
  <si>
    <t>cg18337525</t>
  </si>
  <si>
    <t>cg18340416</t>
  </si>
  <si>
    <t>cg18341116</t>
  </si>
  <si>
    <t>cg18344740</t>
  </si>
  <si>
    <t>cg18345826</t>
  </si>
  <si>
    <t>cg18347442</t>
  </si>
  <si>
    <t>cg18352916</t>
  </si>
  <si>
    <t>cg18353226</t>
  </si>
  <si>
    <t>cg18353741</t>
  </si>
  <si>
    <t>cg18361185</t>
  </si>
  <si>
    <t>cg18363192</t>
  </si>
  <si>
    <t>cg18365536</t>
  </si>
  <si>
    <t>cg18366209</t>
  </si>
  <si>
    <t>cg18366714</t>
  </si>
  <si>
    <t>cg18371976</t>
  </si>
  <si>
    <t>cg18375610</t>
  </si>
  <si>
    <t>cg18380975</t>
  </si>
  <si>
    <t>cg18384235</t>
  </si>
  <si>
    <t>cg18384277</t>
  </si>
  <si>
    <t>cg18384402</t>
  </si>
  <si>
    <t>cg18384990</t>
  </si>
  <si>
    <t>cg18391972</t>
  </si>
  <si>
    <t>cg18394533</t>
  </si>
  <si>
    <t>cg18395531</t>
  </si>
  <si>
    <t>cg18396660</t>
  </si>
  <si>
    <t>cg18397730</t>
  </si>
  <si>
    <t>cg18398056</t>
  </si>
  <si>
    <t>cg18398570</t>
  </si>
  <si>
    <t>cg18401376</t>
  </si>
  <si>
    <t>cg18403193</t>
  </si>
  <si>
    <t>cg18403396</t>
  </si>
  <si>
    <t>cg18403960</t>
  </si>
  <si>
    <t>cg18404335</t>
  </si>
  <si>
    <t>cg18410358</t>
  </si>
  <si>
    <t>cg18416871</t>
  </si>
  <si>
    <t>cg18417237</t>
  </si>
  <si>
    <t>cg18417373</t>
  </si>
  <si>
    <t>cg18424091</t>
  </si>
  <si>
    <t>cg18426860</t>
  </si>
  <si>
    <t>cg18428104</t>
  </si>
  <si>
    <t>cg18431489</t>
  </si>
  <si>
    <t>cg18431557</t>
  </si>
  <si>
    <t>cg18432806</t>
  </si>
  <si>
    <t>cg18436324</t>
  </si>
  <si>
    <t>cg18438345</t>
  </si>
  <si>
    <t>cg18442187</t>
  </si>
  <si>
    <t>cg18451983</t>
  </si>
  <si>
    <t>cg18454510</t>
  </si>
  <si>
    <t>cg18457076</t>
  </si>
  <si>
    <t>cg18457685</t>
  </si>
  <si>
    <t>cg18465515</t>
  </si>
  <si>
    <t>cg18479322</t>
  </si>
  <si>
    <t>cg18482175</t>
  </si>
  <si>
    <t>cg18486258</t>
  </si>
  <si>
    <t>cg18486707</t>
  </si>
  <si>
    <t>cg18487516</t>
  </si>
  <si>
    <t>cg18489607</t>
  </si>
  <si>
    <t>cg18493214</t>
  </si>
  <si>
    <t>cg18496965</t>
  </si>
  <si>
    <t>cg18497508</t>
  </si>
  <si>
    <t>cg18501202</t>
  </si>
  <si>
    <t>cg18501647</t>
  </si>
  <si>
    <t>cg18502397</t>
  </si>
  <si>
    <t>cg18502917</t>
  </si>
  <si>
    <t>cg18505959</t>
  </si>
  <si>
    <t>cg18509185</t>
  </si>
  <si>
    <t>cg18516035</t>
  </si>
  <si>
    <t>cg18516854</t>
  </si>
  <si>
    <t>cg18528367</t>
  </si>
  <si>
    <t>cg18532076</t>
  </si>
  <si>
    <t>cg18533466</t>
  </si>
  <si>
    <t>cg18535445</t>
  </si>
  <si>
    <t>cg18540871</t>
  </si>
  <si>
    <t>cg18555555</t>
  </si>
  <si>
    <t>cg18556540</t>
  </si>
  <si>
    <t>cg18558423</t>
  </si>
  <si>
    <t>cg18561902</t>
  </si>
  <si>
    <t>cg18564099</t>
  </si>
  <si>
    <t>cg18568460</t>
  </si>
  <si>
    <t>cg18568843</t>
  </si>
  <si>
    <t>cg18569734</t>
  </si>
  <si>
    <t>cg18569864</t>
  </si>
  <si>
    <t>cg18571935</t>
  </si>
  <si>
    <t>cg18573082</t>
  </si>
  <si>
    <t>cg18579195</t>
  </si>
  <si>
    <t>cg18579787</t>
  </si>
  <si>
    <t>cg18580339</t>
  </si>
  <si>
    <t>cg18590119</t>
  </si>
  <si>
    <t>cg18593303</t>
  </si>
  <si>
    <t>cg18594464</t>
  </si>
  <si>
    <t>cg18596689</t>
  </si>
  <si>
    <t>cg18597448</t>
  </si>
  <si>
    <t>cg18601596</t>
  </si>
  <si>
    <t>cg18605349</t>
  </si>
  <si>
    <t>cg18607901</t>
  </si>
  <si>
    <t>cg18609891</t>
  </si>
  <si>
    <t>cg18610423</t>
  </si>
  <si>
    <t>cg18616418</t>
  </si>
  <si>
    <t>cg18623476</t>
  </si>
  <si>
    <t>cg18624108</t>
  </si>
  <si>
    <t>cg18626954</t>
  </si>
  <si>
    <t>cg18627677</t>
  </si>
  <si>
    <t>cg18629334</t>
  </si>
  <si>
    <t>cg18643249</t>
  </si>
  <si>
    <t>cg18645398</t>
  </si>
  <si>
    <t>cg18651026</t>
  </si>
  <si>
    <t>cg18651470</t>
  </si>
  <si>
    <t>cg18651821</t>
  </si>
  <si>
    <t>cg18653372</t>
  </si>
  <si>
    <t>cg18656170</t>
  </si>
  <si>
    <t>cg18657788</t>
  </si>
  <si>
    <t>cg18663382</t>
  </si>
  <si>
    <t>cg18663498</t>
  </si>
  <si>
    <t>cg18663859</t>
  </si>
  <si>
    <t>cg18670721</t>
  </si>
  <si>
    <t>cg18674618</t>
  </si>
  <si>
    <t>cg18674783</t>
  </si>
  <si>
    <t>cg18674914</t>
  </si>
  <si>
    <t>cg18676237</t>
  </si>
  <si>
    <t>cg18676867</t>
  </si>
  <si>
    <t>cg18679635</t>
  </si>
  <si>
    <t>cg18679753</t>
  </si>
  <si>
    <t>cg18683309</t>
  </si>
  <si>
    <t>cg18685594</t>
  </si>
  <si>
    <t>cg18689130</t>
  </si>
  <si>
    <t>cg18689504</t>
  </si>
  <si>
    <t>cg18689925</t>
  </si>
  <si>
    <t>cg18695800</t>
  </si>
  <si>
    <t>cg18696325</t>
  </si>
  <si>
    <t>cg18697049</t>
  </si>
  <si>
    <t>cg18698681</t>
  </si>
  <si>
    <t>cg18699466</t>
  </si>
  <si>
    <t>cg18699916</t>
  </si>
  <si>
    <t>cg18701983</t>
  </si>
  <si>
    <t>cg18703227</t>
  </si>
  <si>
    <t>cg18704865</t>
  </si>
  <si>
    <t>cg18705155</t>
  </si>
  <si>
    <t>cg18708013</t>
  </si>
  <si>
    <t>cg18708460</t>
  </si>
  <si>
    <t>cg18709166</t>
  </si>
  <si>
    <t>cg18710383</t>
  </si>
  <si>
    <t>cg18710738</t>
  </si>
  <si>
    <t>cg18713852</t>
  </si>
  <si>
    <t>cg18715868</t>
  </si>
  <si>
    <t>cg18718647</t>
  </si>
  <si>
    <t>cg18718984</t>
  </si>
  <si>
    <t>cg18720113</t>
  </si>
  <si>
    <t>cg18721888</t>
  </si>
  <si>
    <t>cg18723553</t>
  </si>
  <si>
    <t>cg18724342</t>
  </si>
  <si>
    <t>cg18725425</t>
  </si>
  <si>
    <t>cg18726664</t>
  </si>
  <si>
    <t>cg18729350</t>
  </si>
  <si>
    <t>cg18729787</t>
  </si>
  <si>
    <t>cg18730422</t>
  </si>
  <si>
    <t>cg18734829</t>
  </si>
  <si>
    <t>cg18735214</t>
  </si>
  <si>
    <t>cg18735641</t>
  </si>
  <si>
    <t>cg18736800</t>
  </si>
  <si>
    <t>cg18737941</t>
  </si>
  <si>
    <t>cg18739537</t>
  </si>
  <si>
    <t>cg18744234</t>
  </si>
  <si>
    <t>cg18744458</t>
  </si>
  <si>
    <t>cg18744482</t>
  </si>
  <si>
    <t>cg18753296</t>
  </si>
  <si>
    <t>cg18754335</t>
  </si>
  <si>
    <t>cg18754388</t>
  </si>
  <si>
    <t>cg18758976</t>
  </si>
  <si>
    <t>cg18760119</t>
  </si>
  <si>
    <t>cg18762252</t>
  </si>
  <si>
    <t>cg18762500</t>
  </si>
  <si>
    <t>cg18764771</t>
  </si>
  <si>
    <t>cg18765464</t>
  </si>
  <si>
    <t>cg18770442</t>
  </si>
  <si>
    <t>cg18771184</t>
  </si>
  <si>
    <t>cg18778658</t>
  </si>
  <si>
    <t>cg18779695</t>
  </si>
  <si>
    <t>cg18789337</t>
  </si>
  <si>
    <t>cg18790646</t>
  </si>
  <si>
    <t>cg18794364</t>
  </si>
  <si>
    <t>cg18795955</t>
  </si>
  <si>
    <t>cg18796027</t>
  </si>
  <si>
    <t>cg18796531</t>
  </si>
  <si>
    <t>cg18797229</t>
  </si>
  <si>
    <t>cg18798248</t>
  </si>
  <si>
    <t>cg18798934</t>
  </si>
  <si>
    <t>cg18800641</t>
  </si>
  <si>
    <t>cg18803527</t>
  </si>
  <si>
    <t>cg18808777</t>
  </si>
  <si>
    <t>cg18809600</t>
  </si>
  <si>
    <t>cg18809947</t>
  </si>
  <si>
    <t>cg18814228</t>
  </si>
  <si>
    <t>cg18815879</t>
  </si>
  <si>
    <t>cg18818075</t>
  </si>
  <si>
    <t>cg18818834</t>
  </si>
  <si>
    <t>cg18821320</t>
  </si>
  <si>
    <t>cg18823633</t>
  </si>
  <si>
    <t>cg18824596</t>
  </si>
  <si>
    <t>cg18825119</t>
  </si>
  <si>
    <t>cg18836576</t>
  </si>
  <si>
    <t>cg18838346</t>
  </si>
  <si>
    <t>cg18838675</t>
  </si>
  <si>
    <t>cg18839017</t>
  </si>
  <si>
    <t>cg18841159</t>
  </si>
  <si>
    <t>cg18841691</t>
  </si>
  <si>
    <t>cg18842300</t>
  </si>
  <si>
    <t>cg18842363</t>
  </si>
  <si>
    <t>cg18843326</t>
  </si>
  <si>
    <t>cg18848301</t>
  </si>
  <si>
    <t>cg18854144</t>
  </si>
  <si>
    <t>cg18856043</t>
  </si>
  <si>
    <t>cg18856758</t>
  </si>
  <si>
    <t>cg18857726</t>
  </si>
  <si>
    <t>cg18860932</t>
  </si>
  <si>
    <t>cg18861189</t>
  </si>
  <si>
    <t>cg18863314</t>
  </si>
  <si>
    <t>cg18865399</t>
  </si>
  <si>
    <t>cg18866358</t>
  </si>
  <si>
    <t>cg18867390</t>
  </si>
  <si>
    <t>cg18868483</t>
  </si>
  <si>
    <t>cg18872973</t>
  </si>
  <si>
    <t>cg18876015</t>
  </si>
  <si>
    <t>cg18876602</t>
  </si>
  <si>
    <t>cg18877699</t>
  </si>
  <si>
    <t>cg18878034</t>
  </si>
  <si>
    <t>cg18879950</t>
  </si>
  <si>
    <t>cg18879991</t>
  </si>
  <si>
    <t>cg18880660</t>
  </si>
  <si>
    <t>cg18881094</t>
  </si>
  <si>
    <t>cg18885162</t>
  </si>
  <si>
    <t>cg18890830</t>
  </si>
  <si>
    <t>cg18891604</t>
  </si>
  <si>
    <t>cg18892239</t>
  </si>
  <si>
    <t>cg18892560</t>
  </si>
  <si>
    <t>cg18901633</t>
  </si>
  <si>
    <t>cg18902641</t>
  </si>
  <si>
    <t>cg18902795</t>
  </si>
  <si>
    <t>cg18903583</t>
  </si>
  <si>
    <t>cg18905161</t>
  </si>
  <si>
    <t>cg18906079</t>
  </si>
  <si>
    <t>cg18909389</t>
  </si>
  <si>
    <t>cg18911592</t>
  </si>
  <si>
    <t>cg18911602</t>
  </si>
  <si>
    <t>cg18914962</t>
  </si>
  <si>
    <t>cg18918396</t>
  </si>
  <si>
    <t>cg18918417</t>
  </si>
  <si>
    <t>cg18920088</t>
  </si>
  <si>
    <t>cg18926786</t>
  </si>
  <si>
    <t>cg18928900</t>
  </si>
  <si>
    <t>cg18929428</t>
  </si>
  <si>
    <t>cg18934106</t>
  </si>
  <si>
    <t>cg18934496</t>
  </si>
  <si>
    <t>cg18940843</t>
  </si>
  <si>
    <t>cg18941348</t>
  </si>
  <si>
    <t>cg18943383</t>
  </si>
  <si>
    <t>cg18943623</t>
  </si>
  <si>
    <t>cg18944099</t>
  </si>
  <si>
    <t>cg18949415</t>
  </si>
  <si>
    <t>cg18950108</t>
  </si>
  <si>
    <t>cg18953509</t>
  </si>
  <si>
    <t>cg18954047</t>
  </si>
  <si>
    <t>cg18956908</t>
  </si>
  <si>
    <t>cg18963307</t>
  </si>
  <si>
    <t>cg18964261</t>
  </si>
  <si>
    <t>cg18964319</t>
  </si>
  <si>
    <t>cg18964706</t>
  </si>
  <si>
    <t>cg18969411</t>
  </si>
  <si>
    <t>cg18971434</t>
  </si>
  <si>
    <t>cg18976822</t>
  </si>
  <si>
    <t>cg18978680</t>
  </si>
  <si>
    <t>cg18979423</t>
  </si>
  <si>
    <t>cg18996760</t>
  </si>
  <si>
    <t>cg18997124</t>
  </si>
  <si>
    <t>cg19001871</t>
  </si>
  <si>
    <t>cg19002180</t>
  </si>
  <si>
    <t>cg19002680</t>
  </si>
  <si>
    <t>cg19003629</t>
  </si>
  <si>
    <t>cg19003884</t>
  </si>
  <si>
    <t>cg19004565</t>
  </si>
  <si>
    <t>cg19005210</t>
  </si>
  <si>
    <t>cg19007101</t>
  </si>
  <si>
    <t>cg19009714</t>
  </si>
  <si>
    <t>cg19013222</t>
  </si>
  <si>
    <t>cg19013262</t>
  </si>
  <si>
    <t>cg19014295</t>
  </si>
  <si>
    <t>cg19014730</t>
  </si>
  <si>
    <t>cg19033438</t>
  </si>
  <si>
    <t>cg19033466</t>
  </si>
  <si>
    <t>cg19039367</t>
  </si>
  <si>
    <t>cg19039673</t>
  </si>
  <si>
    <t>cg19040813</t>
  </si>
  <si>
    <t>cg19042435</t>
  </si>
  <si>
    <t>cg19047283</t>
  </si>
  <si>
    <t>cg19048176</t>
  </si>
  <si>
    <t>cg19048360</t>
  </si>
  <si>
    <t>cg19052036</t>
  </si>
  <si>
    <t>cg19053046</t>
  </si>
  <si>
    <t>cg19054184</t>
  </si>
  <si>
    <t>cg19054685</t>
  </si>
  <si>
    <t>cg19055458</t>
  </si>
  <si>
    <t>cg19064302</t>
  </si>
  <si>
    <t>cg19070159</t>
  </si>
  <si>
    <t>cg19071002</t>
  </si>
  <si>
    <t>cg19071035</t>
  </si>
  <si>
    <t>cg19085712</t>
  </si>
  <si>
    <t>cg19088555</t>
  </si>
  <si>
    <t>cg19089383</t>
  </si>
  <si>
    <t>cg19094785</t>
  </si>
  <si>
    <t>cg19102035</t>
  </si>
  <si>
    <t>cg19102740</t>
  </si>
  <si>
    <t>cg19107692</t>
  </si>
  <si>
    <t>cg19107793</t>
  </si>
  <si>
    <t>cg19110758</t>
  </si>
  <si>
    <t>cg19115490</t>
  </si>
  <si>
    <t>cg19117051</t>
  </si>
  <si>
    <t>cg19117698</t>
  </si>
  <si>
    <t>cg19119071</t>
  </si>
  <si>
    <t>cg19123639</t>
  </si>
  <si>
    <t>cg19124225</t>
  </si>
  <si>
    <t>cg19127747</t>
  </si>
  <si>
    <t>cg19132213</t>
  </si>
  <si>
    <t>cg19136673</t>
  </si>
  <si>
    <t>cg19146112</t>
  </si>
  <si>
    <t>cg19151292</t>
  </si>
  <si>
    <t>cg19154695</t>
  </si>
  <si>
    <t>cg19160672</t>
  </si>
  <si>
    <t>cg19166759</t>
  </si>
  <si>
    <t>cg19167854</t>
  </si>
  <si>
    <t>cg19168192</t>
  </si>
  <si>
    <t>cg19170660</t>
  </si>
  <si>
    <t>cg19173493</t>
  </si>
  <si>
    <t>cg19173507</t>
  </si>
  <si>
    <t>cg19175193</t>
  </si>
  <si>
    <t>cg19176828</t>
  </si>
  <si>
    <t>cg19180235</t>
  </si>
  <si>
    <t>cg19183686</t>
  </si>
  <si>
    <t>cg19183932</t>
  </si>
  <si>
    <t>cg19184348</t>
  </si>
  <si>
    <t>cg19187185</t>
  </si>
  <si>
    <t>cg19187653</t>
  </si>
  <si>
    <t>cg19189355</t>
  </si>
  <si>
    <t>cg19190593</t>
  </si>
  <si>
    <t>cg19190714</t>
  </si>
  <si>
    <t>cg19191600</t>
  </si>
  <si>
    <t>cg19196862</t>
  </si>
  <si>
    <t>cg19200440</t>
  </si>
  <si>
    <t>cg19200515</t>
  </si>
  <si>
    <t>cg19202786</t>
  </si>
  <si>
    <t>cg19203457</t>
  </si>
  <si>
    <t>cg19203836</t>
  </si>
  <si>
    <t>cg19204131</t>
  </si>
  <si>
    <t>cg19205500</t>
  </si>
  <si>
    <t>cg19208539</t>
  </si>
  <si>
    <t>cg19209385</t>
  </si>
  <si>
    <t>cg19209624</t>
  </si>
  <si>
    <t>cg19220566</t>
  </si>
  <si>
    <t>cg19222156</t>
  </si>
  <si>
    <t>cg19225280</t>
  </si>
  <si>
    <t>cg19226017</t>
  </si>
  <si>
    <t>cg19226100</t>
  </si>
  <si>
    <t>cg19228647</t>
  </si>
  <si>
    <t>cg19229716</t>
  </si>
  <si>
    <t>cg19232815</t>
  </si>
  <si>
    <t>cg19234301</t>
  </si>
  <si>
    <t>cg19236431</t>
  </si>
  <si>
    <t>cg19236700</t>
  </si>
  <si>
    <t>cg19240233</t>
  </si>
  <si>
    <t>cg19244428</t>
  </si>
  <si>
    <t>cg19247350</t>
  </si>
  <si>
    <t>cg19251326</t>
  </si>
  <si>
    <t>cg19251564</t>
  </si>
  <si>
    <t>cg19251600</t>
  </si>
  <si>
    <t>cg19252565</t>
  </si>
  <si>
    <t>cg19256906</t>
  </si>
  <si>
    <t>cg19258565</t>
  </si>
  <si>
    <t>cg19259574</t>
  </si>
  <si>
    <t>cg19268388</t>
  </si>
  <si>
    <t>cg19268434</t>
  </si>
  <si>
    <t>cg19268452</t>
  </si>
  <si>
    <t>cg19271190</t>
  </si>
  <si>
    <t>cg19271658</t>
  </si>
  <si>
    <t>cg19272986</t>
  </si>
  <si>
    <t>cg19274676</t>
  </si>
  <si>
    <t>cg19276059</t>
  </si>
  <si>
    <t>cg19277288</t>
  </si>
  <si>
    <t>cg19279042</t>
  </si>
  <si>
    <t>cg19281871</t>
  </si>
  <si>
    <t>cg19282411</t>
  </si>
  <si>
    <t>cg19282563</t>
  </si>
  <si>
    <t>cg19284131</t>
  </si>
  <si>
    <t>cg19288027</t>
  </si>
  <si>
    <t>cg19291075</t>
  </si>
  <si>
    <t>cg19294931</t>
  </si>
  <si>
    <t>cg19295314</t>
  </si>
  <si>
    <t>cg19296132</t>
  </si>
  <si>
    <t>cg19296662</t>
  </si>
  <si>
    <t>cg19297231</t>
  </si>
  <si>
    <t>cg19301979</t>
  </si>
  <si>
    <t>cg19303125</t>
  </si>
  <si>
    <t>cg19317871</t>
  </si>
  <si>
    <t>cg19318326</t>
  </si>
  <si>
    <t>cg19324940</t>
  </si>
  <si>
    <t>cg19327414</t>
  </si>
  <si>
    <t>cg19331397</t>
  </si>
  <si>
    <t>cg19334030</t>
  </si>
  <si>
    <t>cg19334619</t>
  </si>
  <si>
    <t>cg19335943</t>
  </si>
  <si>
    <t>cg19338277</t>
  </si>
  <si>
    <t>cg19340235</t>
  </si>
  <si>
    <t>cg19341652</t>
  </si>
  <si>
    <t>cg19343530</t>
  </si>
  <si>
    <t>cg19344103</t>
  </si>
  <si>
    <t>cg19344881</t>
  </si>
  <si>
    <t>cg19350747</t>
  </si>
  <si>
    <t>cg19352507</t>
  </si>
  <si>
    <t>cg19353431</t>
  </si>
  <si>
    <t>cg19358590</t>
  </si>
  <si>
    <t>cg19359218</t>
  </si>
  <si>
    <t>cg19365615</t>
  </si>
  <si>
    <t>cg19366958</t>
  </si>
  <si>
    <t>cg19370960</t>
  </si>
  <si>
    <t>cg19375627</t>
  </si>
  <si>
    <t>cg19382642</t>
  </si>
  <si>
    <t>cg19382714</t>
  </si>
  <si>
    <t>cg19384106</t>
  </si>
  <si>
    <t>cg19386801</t>
  </si>
  <si>
    <t>cg19388032</t>
  </si>
  <si>
    <t>cg19397765</t>
  </si>
  <si>
    <t>cg19398269</t>
  </si>
  <si>
    <t>cg19400926</t>
  </si>
  <si>
    <t>cg19401643</t>
  </si>
  <si>
    <t>cg19404832</t>
  </si>
  <si>
    <t>cg19408467</t>
  </si>
  <si>
    <t>cg19410770</t>
  </si>
  <si>
    <t>cg19411459</t>
  </si>
  <si>
    <t>cg19412007</t>
  </si>
  <si>
    <t>cg19414513</t>
  </si>
  <si>
    <t>cg19426773</t>
  </si>
  <si>
    <t>cg19430897</t>
  </si>
  <si>
    <t>cg19435409</t>
  </si>
  <si>
    <t>cg19436567</t>
  </si>
  <si>
    <t>cg19444690</t>
  </si>
  <si>
    <t>cg19448144</t>
  </si>
  <si>
    <t>cg19448318</t>
  </si>
  <si>
    <t>cg19448829</t>
  </si>
  <si>
    <t>cg19450119</t>
  </si>
  <si>
    <t>cg19459093</t>
  </si>
  <si>
    <t>cg19464016</t>
  </si>
  <si>
    <t>cg19464106</t>
  </si>
  <si>
    <t>cg19466906</t>
  </si>
  <si>
    <t>cg19467203</t>
  </si>
  <si>
    <t>cg19471040</t>
  </si>
  <si>
    <t>cg19472216</t>
  </si>
  <si>
    <t>cg19476037</t>
  </si>
  <si>
    <t>cg19477433</t>
  </si>
  <si>
    <t>cg19483962</t>
  </si>
  <si>
    <t>cg19485103</t>
  </si>
  <si>
    <t>cg19488149</t>
  </si>
  <si>
    <t>cg19488906</t>
  </si>
  <si>
    <t>cg19491379</t>
  </si>
  <si>
    <t>cg19493601</t>
  </si>
  <si>
    <t>cg19494100</t>
  </si>
  <si>
    <t>cg19504658</t>
  </si>
  <si>
    <t>cg19506903</t>
  </si>
  <si>
    <t>cg19509311</t>
  </si>
  <si>
    <t>cg19512268</t>
  </si>
  <si>
    <t>cg19513004</t>
  </si>
  <si>
    <t>cg19513374</t>
  </si>
  <si>
    <t>cg19514694</t>
  </si>
  <si>
    <t>cg19514765</t>
  </si>
  <si>
    <t>cg19515446</t>
  </si>
  <si>
    <t>cg19515484</t>
  </si>
  <si>
    <t>cg19521311</t>
  </si>
  <si>
    <t>cg19524023</t>
  </si>
  <si>
    <t>cg19525085</t>
  </si>
  <si>
    <t>cg19527801</t>
  </si>
  <si>
    <t>cg19555708</t>
  </si>
  <si>
    <t>cg19555986</t>
  </si>
  <si>
    <t>cg19556284</t>
  </si>
  <si>
    <t>cg19557537</t>
  </si>
  <si>
    <t>cg19561561</t>
  </si>
  <si>
    <t>cg19561774</t>
  </si>
  <si>
    <t>cg19565396</t>
  </si>
  <si>
    <t>cg19565795</t>
  </si>
  <si>
    <t>cg19566272</t>
  </si>
  <si>
    <t>cg19566648</t>
  </si>
  <si>
    <t>cg19566879</t>
  </si>
  <si>
    <t>cg19569130</t>
  </si>
  <si>
    <t>cg19580695</t>
  </si>
  <si>
    <t>cg19588570</t>
  </si>
  <si>
    <t>cg19590439</t>
  </si>
  <si>
    <t>cg19593490</t>
  </si>
  <si>
    <t>cg19595277</t>
  </si>
  <si>
    <t>cg19609334</t>
  </si>
  <si>
    <t>cg19612068</t>
  </si>
  <si>
    <t>cg19615677</t>
  </si>
  <si>
    <t>cg19620724</t>
  </si>
  <si>
    <t>cg19627213</t>
  </si>
  <si>
    <t>cg19627521</t>
  </si>
  <si>
    <t>cg19628299</t>
  </si>
  <si>
    <t>cg19635869</t>
  </si>
  <si>
    <t>cg19638876</t>
  </si>
  <si>
    <t>cg19639367</t>
  </si>
  <si>
    <t>cg19643109</t>
  </si>
  <si>
    <t>cg19646975</t>
  </si>
  <si>
    <t>cg19647155</t>
  </si>
  <si>
    <t>cg19647474</t>
  </si>
  <si>
    <t>cg19653946</t>
  </si>
  <si>
    <t>cg19666293</t>
  </si>
  <si>
    <t>cg19668990</t>
  </si>
  <si>
    <t>cg19669701</t>
  </si>
  <si>
    <t>cg19671533</t>
  </si>
  <si>
    <t>cg19673418</t>
  </si>
  <si>
    <t>cg19673462</t>
  </si>
  <si>
    <t>cg19673664</t>
  </si>
  <si>
    <t>cg19681956</t>
  </si>
  <si>
    <t>cg19685632</t>
  </si>
  <si>
    <t>cg19688584</t>
  </si>
  <si>
    <t>cg19690766</t>
  </si>
  <si>
    <t>cg19695334</t>
  </si>
  <si>
    <t>cg19699090</t>
  </si>
  <si>
    <t>cg19705450</t>
  </si>
  <si>
    <t>cg19707503</t>
  </si>
  <si>
    <t>cg19712324</t>
  </si>
  <si>
    <t>cg19712586</t>
  </si>
  <si>
    <t>cg19713209</t>
  </si>
  <si>
    <t>cg19714347</t>
  </si>
  <si>
    <t>cg19716238</t>
  </si>
  <si>
    <t>cg19720179</t>
  </si>
  <si>
    <t>cg19721802</t>
  </si>
  <si>
    <t>cg19722656</t>
  </si>
  <si>
    <t>cg19725862</t>
  </si>
  <si>
    <t>cg19726964</t>
  </si>
  <si>
    <t>cg19727166</t>
  </si>
  <si>
    <t>cg19729479</t>
  </si>
  <si>
    <t>cg19730924</t>
  </si>
  <si>
    <t>cg19738370</t>
  </si>
  <si>
    <t>cg19740353</t>
  </si>
  <si>
    <t>cg19740491</t>
  </si>
  <si>
    <t>cg19743215</t>
  </si>
  <si>
    <t>cg19747945</t>
  </si>
  <si>
    <t>cg19748878</t>
  </si>
  <si>
    <t>cg19750282</t>
  </si>
  <si>
    <t>cg19751937</t>
  </si>
  <si>
    <t>cg19752083</t>
  </si>
  <si>
    <t>cg19755767</t>
  </si>
  <si>
    <t>cg19760441</t>
  </si>
  <si>
    <t>cg19767622</t>
  </si>
  <si>
    <t>cg19768356</t>
  </si>
  <si>
    <t>cg19769635</t>
  </si>
  <si>
    <t>cg19772011</t>
  </si>
  <si>
    <t>cg19772161</t>
  </si>
  <si>
    <t>cg19776032</t>
  </si>
  <si>
    <t>cg19777318</t>
  </si>
  <si>
    <t>cg19799744</t>
  </si>
  <si>
    <t>cg19801120</t>
  </si>
  <si>
    <t>cg19801385</t>
  </si>
  <si>
    <t>cg19802093</t>
  </si>
  <si>
    <t>cg19802243</t>
  </si>
  <si>
    <t>cg19809659</t>
  </si>
  <si>
    <t>cg19811425</t>
  </si>
  <si>
    <t>cg19815325</t>
  </si>
  <si>
    <t>cg19815376</t>
  </si>
  <si>
    <t>cg19816983</t>
  </si>
  <si>
    <t>cg19818278</t>
  </si>
  <si>
    <t>cg19818722</t>
  </si>
  <si>
    <t>cg19822176</t>
  </si>
  <si>
    <t>cg19822428</t>
  </si>
  <si>
    <t>cg19839588</t>
  </si>
  <si>
    <t>cg19850535</t>
  </si>
  <si>
    <t>cg19851715</t>
  </si>
  <si>
    <t>cg19860840</t>
  </si>
  <si>
    <t>cg19862242</t>
  </si>
  <si>
    <t>cg19863037</t>
  </si>
  <si>
    <t>cg19868593</t>
  </si>
  <si>
    <t>cg19868934</t>
  </si>
  <si>
    <t>cg19869746</t>
  </si>
  <si>
    <t>cg19870365</t>
  </si>
  <si>
    <t>cg19872019</t>
  </si>
  <si>
    <t>cg19873382</t>
  </si>
  <si>
    <t>cg19873719</t>
  </si>
  <si>
    <t>cg19880646</t>
  </si>
  <si>
    <t>cg19882268</t>
  </si>
  <si>
    <t>cg19885306</t>
  </si>
  <si>
    <t>cg19885979</t>
  </si>
  <si>
    <t>cg19886655</t>
  </si>
  <si>
    <t>cg19887293</t>
  </si>
  <si>
    <t>cg19888017</t>
  </si>
  <si>
    <t>cg19899882</t>
  </si>
  <si>
    <t>cg19904233</t>
  </si>
  <si>
    <t>cg19911329</t>
  </si>
  <si>
    <t>cg19912283</t>
  </si>
  <si>
    <t>cg19912309</t>
  </si>
  <si>
    <t>cg19913563</t>
  </si>
  <si>
    <t>cg19913711</t>
  </si>
  <si>
    <t>cg19913934</t>
  </si>
  <si>
    <t>cg19917254</t>
  </si>
  <si>
    <t>cg19922758</t>
  </si>
  <si>
    <t>cg19927661</t>
  </si>
  <si>
    <t>cg19929617</t>
  </si>
  <si>
    <t>cg19930296</t>
  </si>
  <si>
    <t>cg19935845</t>
  </si>
  <si>
    <t>cg19935922</t>
  </si>
  <si>
    <t>cg19936032</t>
  </si>
  <si>
    <t>cg19937878</t>
  </si>
  <si>
    <t>cg19939307</t>
  </si>
  <si>
    <t>cg19939773</t>
  </si>
  <si>
    <t>cg19951298</t>
  </si>
  <si>
    <t>cg19953290</t>
  </si>
  <si>
    <t>cg19954286</t>
  </si>
  <si>
    <t>cg19955284</t>
  </si>
  <si>
    <t>cg19956292</t>
  </si>
  <si>
    <t>cg19964176</t>
  </si>
  <si>
    <t>cg19980575</t>
  </si>
  <si>
    <t>cg19982664</t>
  </si>
  <si>
    <t>cg19993219</t>
  </si>
  <si>
    <t>cg19994157</t>
  </si>
  <si>
    <t>cg19995197</t>
  </si>
  <si>
    <t>cg19997946</t>
  </si>
  <si>
    <t>cg20000812</t>
  </si>
  <si>
    <t>cg20000994</t>
  </si>
  <si>
    <t>cg20001675</t>
  </si>
  <si>
    <t>cg20003368</t>
  </si>
  <si>
    <t>cg20004451</t>
  </si>
  <si>
    <t>cg20010396</t>
  </si>
  <si>
    <t>cg20011833</t>
  </si>
  <si>
    <t>cg20012316</t>
  </si>
  <si>
    <t>cg20013942</t>
  </si>
  <si>
    <t>cg20021506</t>
  </si>
  <si>
    <t>cg20023762</t>
  </si>
  <si>
    <t>cg20026178</t>
  </si>
  <si>
    <t>cg20026524</t>
  </si>
  <si>
    <t>cg20028974</t>
  </si>
  <si>
    <t>cg20029652</t>
  </si>
  <si>
    <t>cg20030817</t>
  </si>
  <si>
    <t>cg20031349</t>
  </si>
  <si>
    <t>cg20036915</t>
  </si>
  <si>
    <t>cg20037999</t>
  </si>
  <si>
    <t>cg20043883</t>
  </si>
  <si>
    <t>cg20044211</t>
  </si>
  <si>
    <t>cg20044550</t>
  </si>
  <si>
    <t>cg20045841</t>
  </si>
  <si>
    <t>cg20046343</t>
  </si>
  <si>
    <t>cg20048521</t>
  </si>
  <si>
    <t>cg20049702</t>
  </si>
  <si>
    <t>cg20061364</t>
  </si>
  <si>
    <t>cg20069688</t>
  </si>
  <si>
    <t>cg20073831</t>
  </si>
  <si>
    <t>cg20093020</t>
  </si>
  <si>
    <t>cg20095587</t>
  </si>
  <si>
    <t>cg20098887</t>
  </si>
  <si>
    <t>cg20098993</t>
  </si>
  <si>
    <t>cg20100147</t>
  </si>
  <si>
    <t>cg20100408</t>
  </si>
  <si>
    <t>cg20101398</t>
  </si>
  <si>
    <t>cg20102694</t>
  </si>
  <si>
    <t>cg20103568</t>
  </si>
  <si>
    <t>cg20104774</t>
  </si>
  <si>
    <t>cg20106949</t>
  </si>
  <si>
    <t>cg20109054</t>
  </si>
  <si>
    <t>cg20110257</t>
  </si>
  <si>
    <t>cg20112500</t>
  </si>
  <si>
    <t>cg20113726</t>
  </si>
  <si>
    <t>cg20114103</t>
  </si>
  <si>
    <t>cg20116128</t>
  </si>
  <si>
    <t>cg20116929</t>
  </si>
  <si>
    <t>cg20117153</t>
  </si>
  <si>
    <t>cg20118306</t>
  </si>
  <si>
    <t>cg20118717</t>
  </si>
  <si>
    <t>cg20121513</t>
  </si>
  <si>
    <t>cg20125846</t>
  </si>
  <si>
    <t>cg20129073</t>
  </si>
  <si>
    <t>cg20129654</t>
  </si>
  <si>
    <t>cg20132791</t>
  </si>
  <si>
    <t>cg20134151</t>
  </si>
  <si>
    <t>cg20134215</t>
  </si>
  <si>
    <t>cg20135196</t>
  </si>
  <si>
    <t>cg20140229</t>
  </si>
  <si>
    <t>cg20143970</t>
  </si>
  <si>
    <t>cg20151098</t>
  </si>
  <si>
    <t>cg20152126</t>
  </si>
  <si>
    <t>cg20152300</t>
  </si>
  <si>
    <t>cg20159193</t>
  </si>
  <si>
    <t>cg20160695</t>
  </si>
  <si>
    <t>cg20164558</t>
  </si>
  <si>
    <t>cg20168283</t>
  </si>
  <si>
    <t>cg20170809</t>
  </si>
  <si>
    <t>cg20172737</t>
  </si>
  <si>
    <t>cg20172795</t>
  </si>
  <si>
    <t>cg20172858</t>
  </si>
  <si>
    <t>cg20173170</t>
  </si>
  <si>
    <t>cg20176875</t>
  </si>
  <si>
    <t>cg20180247</t>
  </si>
  <si>
    <t>cg20185083</t>
  </si>
  <si>
    <t>cg20185718</t>
  </si>
  <si>
    <t>cg20185868</t>
  </si>
  <si>
    <t>cg20186817</t>
  </si>
  <si>
    <t>cg20194050</t>
  </si>
  <si>
    <t>cg20196966</t>
  </si>
  <si>
    <t>cg20198611</t>
  </si>
  <si>
    <t>cg20201639</t>
  </si>
  <si>
    <t>cg20206984</t>
  </si>
  <si>
    <t>cg20210586</t>
  </si>
  <si>
    <t>cg20217307</t>
  </si>
  <si>
    <t>cg20218040</t>
  </si>
  <si>
    <t>cg20218041</t>
  </si>
  <si>
    <t>cg20219379</t>
  </si>
  <si>
    <t>cg20220639</t>
  </si>
  <si>
    <t>cg20221665</t>
  </si>
  <si>
    <t>cg20222521</t>
  </si>
  <si>
    <t>cg20224813</t>
  </si>
  <si>
    <t>cg20224850</t>
  </si>
  <si>
    <t>cg20226764</t>
  </si>
  <si>
    <t>cg20229784</t>
  </si>
  <si>
    <t>cg20232119</t>
  </si>
  <si>
    <t>cg20233244</t>
  </si>
  <si>
    <t>cg20234373</t>
  </si>
  <si>
    <t>cg20235510</t>
  </si>
  <si>
    <t>cg20240014</t>
  </si>
  <si>
    <t>cg20241876</t>
  </si>
  <si>
    <t>cg20243424</t>
  </si>
  <si>
    <t>cg20246548</t>
  </si>
  <si>
    <t>cg20250722</t>
  </si>
  <si>
    <t>cg20253551</t>
  </si>
  <si>
    <t>cg20268628</t>
  </si>
  <si>
    <t>cg20269729</t>
  </si>
  <si>
    <t>cg20270378</t>
  </si>
  <si>
    <t>cg20277157</t>
  </si>
  <si>
    <t>cg20278382</t>
  </si>
  <si>
    <t>cg20281729</t>
  </si>
  <si>
    <t>cg20284673</t>
  </si>
  <si>
    <t>cg20284834</t>
  </si>
  <si>
    <t>cg20285263</t>
  </si>
  <si>
    <t>cg20288105</t>
  </si>
  <si>
    <t>cg20290491</t>
  </si>
  <si>
    <t>cg20291636</t>
  </si>
  <si>
    <t>cg20291674</t>
  </si>
  <si>
    <t>cg20294320</t>
  </si>
  <si>
    <t>cg20295992</t>
  </si>
  <si>
    <t>cg20296701</t>
  </si>
  <si>
    <t>cg20314438</t>
  </si>
  <si>
    <t>cg20321726</t>
  </si>
  <si>
    <t>cg20328456</t>
  </si>
  <si>
    <t>cg20329486</t>
  </si>
  <si>
    <t>cg20330447</t>
  </si>
  <si>
    <t>cg20330472</t>
  </si>
  <si>
    <t>cg20331980</t>
  </si>
  <si>
    <t>cg20335906</t>
  </si>
  <si>
    <t>cg20336981</t>
  </si>
  <si>
    <t>cg20342628</t>
  </si>
  <si>
    <t>cg20344925</t>
  </si>
  <si>
    <t>cg20347648</t>
  </si>
  <si>
    <t>cg20352108</t>
  </si>
  <si>
    <t>cg20353001</t>
  </si>
  <si>
    <t>cg20355598</t>
  </si>
  <si>
    <t>cg20355694</t>
  </si>
  <si>
    <t>cg20364574</t>
  </si>
  <si>
    <t>cg20365336</t>
  </si>
  <si>
    <t>cg20367521</t>
  </si>
  <si>
    <t>cg20369513</t>
  </si>
  <si>
    <t>cg20370991</t>
  </si>
  <si>
    <t>cg20373032</t>
  </si>
  <si>
    <t>cg20373747</t>
  </si>
  <si>
    <t>cg20377447</t>
  </si>
  <si>
    <t>cg20381182</t>
  </si>
  <si>
    <t>cg20383155</t>
  </si>
  <si>
    <t>cg20384898</t>
  </si>
  <si>
    <t>cg20386705</t>
  </si>
  <si>
    <t>cg20387775</t>
  </si>
  <si>
    <t>cg20391436</t>
  </si>
  <si>
    <t>cg20394376</t>
  </si>
  <si>
    <t>cg20397543</t>
  </si>
  <si>
    <t>cg20405697</t>
  </si>
  <si>
    <t>cg20406979</t>
  </si>
  <si>
    <t>cg20407605</t>
  </si>
  <si>
    <t>cg20407861</t>
  </si>
  <si>
    <t>cg20408505</t>
  </si>
  <si>
    <t>cg20409298</t>
  </si>
  <si>
    <t>cg20410109</t>
  </si>
  <si>
    <t>cg20411843</t>
  </si>
  <si>
    <t>cg20412283</t>
  </si>
  <si>
    <t>cg20416179</t>
  </si>
  <si>
    <t>cg20417529</t>
  </si>
  <si>
    <t>cg20421191</t>
  </si>
  <si>
    <t>cg20421446</t>
  </si>
  <si>
    <t>cg20422968</t>
  </si>
  <si>
    <t>cg20423409</t>
  </si>
  <si>
    <t>cg20423581</t>
  </si>
  <si>
    <t>cg20424065</t>
  </si>
  <si>
    <t>cg20427378</t>
  </si>
  <si>
    <t>cg20431250</t>
  </si>
  <si>
    <t>cg20432960</t>
  </si>
  <si>
    <t>cg20435535</t>
  </si>
  <si>
    <t>cg20437049</t>
  </si>
  <si>
    <t>cg20440187</t>
  </si>
  <si>
    <t>cg20440552</t>
  </si>
  <si>
    <t>cg20441046</t>
  </si>
  <si>
    <t>cg20443451</t>
  </si>
  <si>
    <t>cg20443501</t>
  </si>
  <si>
    <t>cg20445245</t>
  </si>
  <si>
    <t>cg20449483</t>
  </si>
  <si>
    <t>cg20450198</t>
  </si>
  <si>
    <t>cg20452558</t>
  </si>
  <si>
    <t>cg20452609</t>
  </si>
  <si>
    <t>cg20452657</t>
  </si>
  <si>
    <t>cg20453222</t>
  </si>
  <si>
    <t>cg20457051</t>
  </si>
  <si>
    <t>cg20457275</t>
  </si>
  <si>
    <t>cg20466196</t>
  </si>
  <si>
    <t>cg20470975</t>
  </si>
  <si>
    <t>cg20477259</t>
  </si>
  <si>
    <t>cg20478120</t>
  </si>
  <si>
    <t>cg20480259</t>
  </si>
  <si>
    <t>cg20481343</t>
  </si>
  <si>
    <t>cg20488280</t>
  </si>
  <si>
    <t>cg20488756</t>
  </si>
  <si>
    <t>cg20494108</t>
  </si>
  <si>
    <t>cg20494299</t>
  </si>
  <si>
    <t>cg20496034</t>
  </si>
  <si>
    <t>cg20496270</t>
  </si>
  <si>
    <t>cg20498033</t>
  </si>
  <si>
    <t>cg20498637</t>
  </si>
  <si>
    <t>cg20503907</t>
  </si>
  <si>
    <t>cg20504856</t>
  </si>
  <si>
    <t>cg20505183</t>
  </si>
  <si>
    <t>cg20506659</t>
  </si>
  <si>
    <t>cg20510285</t>
  </si>
  <si>
    <t>cg20510378</t>
  </si>
  <si>
    <t>cg20515377</t>
  </si>
  <si>
    <t>cg20520725</t>
  </si>
  <si>
    <t>cg20531981</t>
  </si>
  <si>
    <t>cg20532376</t>
  </si>
  <si>
    <t>cg20534075</t>
  </si>
  <si>
    <t>cg20543183</t>
  </si>
  <si>
    <t>cg20544562</t>
  </si>
  <si>
    <t>cg20552903</t>
  </si>
  <si>
    <t>cg20555772</t>
  </si>
  <si>
    <t>cg20556402</t>
  </si>
  <si>
    <t>cg20557567</t>
  </si>
  <si>
    <t>cg20560640</t>
  </si>
  <si>
    <t>cg20564351</t>
  </si>
  <si>
    <t>cg20564865</t>
  </si>
  <si>
    <t>cg20566286</t>
  </si>
  <si>
    <t>cg20568045</t>
  </si>
  <si>
    <t>cg20568219</t>
  </si>
  <si>
    <t>cg20584679</t>
  </si>
  <si>
    <t>cg20584712</t>
  </si>
  <si>
    <t>cg20586764</t>
  </si>
  <si>
    <t>cg20589633</t>
  </si>
  <si>
    <t>cg20592734</t>
  </si>
  <si>
    <t>cg20595453</t>
  </si>
  <si>
    <t>cg20595784</t>
  </si>
  <si>
    <t>cg20600379</t>
  </si>
  <si>
    <t>cg20612615</t>
  </si>
  <si>
    <t>cg20614081</t>
  </si>
  <si>
    <t>cg20615910</t>
  </si>
  <si>
    <t>cg20620700</t>
  </si>
  <si>
    <t>cg20621471</t>
  </si>
  <si>
    <t>cg20628216</t>
  </si>
  <si>
    <t>cg20629387</t>
  </si>
  <si>
    <t>cg20629923</t>
  </si>
  <si>
    <t>cg20630971</t>
  </si>
  <si>
    <t>cg20635067</t>
  </si>
  <si>
    <t>cg20638127</t>
  </si>
  <si>
    <t>cg20638582</t>
  </si>
  <si>
    <t>cg20638683</t>
  </si>
  <si>
    <t>cg20640261</t>
  </si>
  <si>
    <t>cg20640433</t>
  </si>
  <si>
    <t>cg20640499</t>
  </si>
  <si>
    <t>cg20640749</t>
  </si>
  <si>
    <t>cg20642417</t>
  </si>
  <si>
    <t>cg20644330</t>
  </si>
  <si>
    <t>cg20645912</t>
  </si>
  <si>
    <t>cg20647485</t>
  </si>
  <si>
    <t>cg20652371</t>
  </si>
  <si>
    <t>cg20652607</t>
  </si>
  <si>
    <t>cg20653689</t>
  </si>
  <si>
    <t>cg20662988</t>
  </si>
  <si>
    <t>cg20663448</t>
  </si>
  <si>
    <t>cg20665464</t>
  </si>
  <si>
    <t>cg20668177</t>
  </si>
  <si>
    <t>cg20669159</t>
  </si>
  <si>
    <t>cg20671150</t>
  </si>
  <si>
    <t>cg20672430</t>
  </si>
  <si>
    <t>cg20675616</t>
  </si>
  <si>
    <t>cg20677261</t>
  </si>
  <si>
    <t>cg20677365</t>
  </si>
  <si>
    <t>cg20677939</t>
  </si>
  <si>
    <t>cg20679513</t>
  </si>
  <si>
    <t>cg20679517</t>
  </si>
  <si>
    <t>cg20681975</t>
  </si>
  <si>
    <t>cg20686658</t>
  </si>
  <si>
    <t>cg20690420</t>
  </si>
  <si>
    <t>cg20690667</t>
  </si>
  <si>
    <t>cg20690798</t>
  </si>
  <si>
    <t>cg20697984</t>
  </si>
  <si>
    <t>cg20702879</t>
  </si>
  <si>
    <t>cg20703261</t>
  </si>
  <si>
    <t>cg20704602</t>
  </si>
  <si>
    <t>cg20704972</t>
  </si>
  <si>
    <t>cg20707008</t>
  </si>
  <si>
    <t>cg20710143</t>
  </si>
  <si>
    <t>cg20713893</t>
  </si>
  <si>
    <t>cg20716812</t>
  </si>
  <si>
    <t>cg20717622</t>
  </si>
  <si>
    <t>cg20718240</t>
  </si>
  <si>
    <t>cg20719122</t>
  </si>
  <si>
    <t>cg20720208</t>
  </si>
  <si>
    <t>cg20724405</t>
  </si>
  <si>
    <t>cg20726282</t>
  </si>
  <si>
    <t>cg20731340</t>
  </si>
  <si>
    <t>cg20731469</t>
  </si>
  <si>
    <t>cg20731804</t>
  </si>
  <si>
    <t>cg20732076</t>
  </si>
  <si>
    <t>cg20732755</t>
  </si>
  <si>
    <t>cg20733018</t>
  </si>
  <si>
    <t>cg20735069</t>
  </si>
  <si>
    <t>cg20735682</t>
  </si>
  <si>
    <t>cg20737185</t>
  </si>
  <si>
    <t>cg20741078</t>
  </si>
  <si>
    <t>cg20746081</t>
  </si>
  <si>
    <t>cg20751345</t>
  </si>
  <si>
    <t>cg20754034</t>
  </si>
  <si>
    <t>cg20757073</t>
  </si>
  <si>
    <t>cg20759600</t>
  </si>
  <si>
    <t>cg20760427</t>
  </si>
  <si>
    <t>cg20762310</t>
  </si>
  <si>
    <t>cg20765441</t>
  </si>
  <si>
    <t>cg20765522</t>
  </si>
  <si>
    <t>cg20772037</t>
  </si>
  <si>
    <t>cg20772332</t>
  </si>
  <si>
    <t>cg20775109</t>
  </si>
  <si>
    <t>cg20778071</t>
  </si>
  <si>
    <t>cg20779334</t>
  </si>
  <si>
    <t>cg20780796</t>
  </si>
  <si>
    <t>cg20782805</t>
  </si>
  <si>
    <t>cg20789933</t>
  </si>
  <si>
    <t>cg20794512</t>
  </si>
  <si>
    <t>cg20795635</t>
  </si>
  <si>
    <t>cg20798604</t>
  </si>
  <si>
    <t>cg20802826</t>
  </si>
  <si>
    <t>cg20807417</t>
  </si>
  <si>
    <t>cg20808234</t>
  </si>
  <si>
    <t>cg20809649</t>
  </si>
  <si>
    <t>cg20811804</t>
  </si>
  <si>
    <t>cg20813374</t>
  </si>
  <si>
    <t>cg20813827</t>
  </si>
  <si>
    <t>cg20813996</t>
  </si>
  <si>
    <t>cg20818095</t>
  </si>
  <si>
    <t>cg20819617</t>
  </si>
  <si>
    <t>cg20820543</t>
  </si>
  <si>
    <t>cg20822606</t>
  </si>
  <si>
    <t>cg20826024</t>
  </si>
  <si>
    <t>cg20827128</t>
  </si>
  <si>
    <t>cg20832137</t>
  </si>
  <si>
    <t>cg20839991</t>
  </si>
  <si>
    <t>cg20840540</t>
  </si>
  <si>
    <t>cg20840783</t>
  </si>
  <si>
    <t>cg20841436</t>
  </si>
  <si>
    <t>cg20845599</t>
  </si>
  <si>
    <t>cg20848216</t>
  </si>
  <si>
    <t>cg20850275</t>
  </si>
  <si>
    <t>cg20850981</t>
  </si>
  <si>
    <t>cg20856330</t>
  </si>
  <si>
    <t>cg20856510</t>
  </si>
  <si>
    <t>cg20856834</t>
  </si>
  <si>
    <t>cg20857372</t>
  </si>
  <si>
    <t>cg20859525</t>
  </si>
  <si>
    <t>cg20861489</t>
  </si>
  <si>
    <t>cg20863162</t>
  </si>
  <si>
    <t>cg20865151</t>
  </si>
  <si>
    <t>cg20867674</t>
  </si>
  <si>
    <t>cg20868028</t>
  </si>
  <si>
    <t>cg20871277</t>
  </si>
  <si>
    <t>cg20871346</t>
  </si>
  <si>
    <t>cg20872809</t>
  </si>
  <si>
    <t>cg20873416</t>
  </si>
  <si>
    <t>cg20875826</t>
  </si>
  <si>
    <t>cg20876525</t>
  </si>
  <si>
    <t>cg20876760</t>
  </si>
  <si>
    <t>cg20876987</t>
  </si>
  <si>
    <t>cg20879959</t>
  </si>
  <si>
    <t>cg20880499</t>
  </si>
  <si>
    <t>cg20883227</t>
  </si>
  <si>
    <t>cg20884697</t>
  </si>
  <si>
    <t>cg20887073</t>
  </si>
  <si>
    <t>cg20891443</t>
  </si>
  <si>
    <t>cg20892245</t>
  </si>
  <si>
    <t>cg20893203</t>
  </si>
  <si>
    <t>cg20893838</t>
  </si>
  <si>
    <t>cg20893956</t>
  </si>
  <si>
    <t>cg20894522</t>
  </si>
  <si>
    <t>cg20894686</t>
  </si>
  <si>
    <t>cg20897936</t>
  </si>
  <si>
    <t>cg20900927</t>
  </si>
  <si>
    <t>cg20901684</t>
  </si>
  <si>
    <t>cg20903160</t>
  </si>
  <si>
    <t>cg20904286</t>
  </si>
  <si>
    <t>cg20906495</t>
  </si>
  <si>
    <t>cg20912517</t>
  </si>
  <si>
    <t>cg20916175</t>
  </si>
  <si>
    <t>cg20916535</t>
  </si>
  <si>
    <t>cg20917551</t>
  </si>
  <si>
    <t>cg20919556</t>
  </si>
  <si>
    <t>cg20923156</t>
  </si>
  <si>
    <t>cg20927649</t>
  </si>
  <si>
    <t>cg20928974</t>
  </si>
  <si>
    <t>cg20932644</t>
  </si>
  <si>
    <t>cg20933634</t>
  </si>
  <si>
    <t>cg20934191</t>
  </si>
  <si>
    <t>cg20938346</t>
  </si>
  <si>
    <t>cg20938572</t>
  </si>
  <si>
    <t>cg20938781</t>
  </si>
  <si>
    <t>cg20940127</t>
  </si>
  <si>
    <t>cg20951350</t>
  </si>
  <si>
    <t>cg20953388</t>
  </si>
  <si>
    <t>cg20954129</t>
  </si>
  <si>
    <t>cg20954708</t>
  </si>
  <si>
    <t>cg20955507</t>
  </si>
  <si>
    <t>cg20955831</t>
  </si>
  <si>
    <t>cg20961940</t>
  </si>
  <si>
    <t>cg20965815</t>
  </si>
  <si>
    <t>cg20971927</t>
  </si>
  <si>
    <t>cg20973129</t>
  </si>
  <si>
    <t>cg20973878</t>
  </si>
  <si>
    <t>cg20974826</t>
  </si>
  <si>
    <t>cg20976787</t>
  </si>
  <si>
    <t>cg20979799</t>
  </si>
  <si>
    <t>cg20980592</t>
  </si>
  <si>
    <t>cg20982690</t>
  </si>
  <si>
    <t>cg20984924</t>
  </si>
  <si>
    <t>cg20985014</t>
  </si>
  <si>
    <t>cg20986996</t>
  </si>
  <si>
    <t>cg20991985</t>
  </si>
  <si>
    <t>cg20992785</t>
  </si>
  <si>
    <t>cg20995172</t>
  </si>
  <si>
    <t>cg20997792</t>
  </si>
  <si>
    <t>cg20998791</t>
  </si>
  <si>
    <t>cg21003870</t>
  </si>
  <si>
    <t>cg21006760</t>
  </si>
  <si>
    <t>cg21007939</t>
  </si>
  <si>
    <t>cg21010973</t>
  </si>
  <si>
    <t>cg21017610</t>
  </si>
  <si>
    <t>cg21022447</t>
  </si>
  <si>
    <t>cg21022792</t>
  </si>
  <si>
    <t>cg21024112</t>
  </si>
  <si>
    <t>cg21029167</t>
  </si>
  <si>
    <t>cg21029201</t>
  </si>
  <si>
    <t>cg21031917</t>
  </si>
  <si>
    <t>cg21036162</t>
  </si>
  <si>
    <t>cg21036336</t>
  </si>
  <si>
    <t>cg21036840</t>
  </si>
  <si>
    <t>cg21041911</t>
  </si>
  <si>
    <t>cg21042276</t>
  </si>
  <si>
    <t>cg21045072</t>
  </si>
  <si>
    <t>cg21048260</t>
  </si>
  <si>
    <t>cg21049361</t>
  </si>
  <si>
    <t>cg21052136</t>
  </si>
  <si>
    <t>cg21052660</t>
  </si>
  <si>
    <t>cg21055528</t>
  </si>
  <si>
    <t>cg21064080</t>
  </si>
  <si>
    <t>cg21064641</t>
  </si>
  <si>
    <t>cg21072248</t>
  </si>
  <si>
    <t>cg21077030</t>
  </si>
  <si>
    <t>cg21079591</t>
  </si>
  <si>
    <t>cg21080336</t>
  </si>
  <si>
    <t>cg21083793</t>
  </si>
  <si>
    <t>cg21084061</t>
  </si>
  <si>
    <t>cg21084244</t>
  </si>
  <si>
    <t>cg21084982</t>
  </si>
  <si>
    <t>cg21087321</t>
  </si>
  <si>
    <t>cg21088783</t>
  </si>
  <si>
    <t>cg21091547</t>
  </si>
  <si>
    <t>cg21092021</t>
  </si>
  <si>
    <t>cg21095280</t>
  </si>
  <si>
    <t>cg21097036</t>
  </si>
  <si>
    <t>cg21098898</t>
  </si>
  <si>
    <t>cg21103074</t>
  </si>
  <si>
    <t>cg21103269</t>
  </si>
  <si>
    <t>cg21104686</t>
  </si>
  <si>
    <t>cg21108220</t>
  </si>
  <si>
    <t>cg21109013</t>
  </si>
  <si>
    <t>cg21110739</t>
  </si>
  <si>
    <t>cg21112099</t>
  </si>
  <si>
    <t>cg21112452</t>
  </si>
  <si>
    <t>cg21116267</t>
  </si>
  <si>
    <t>cg21116447</t>
  </si>
  <si>
    <t>cg21118486</t>
  </si>
  <si>
    <t>cg21119074</t>
  </si>
  <si>
    <t>cg21120698</t>
  </si>
  <si>
    <t>cg21125112</t>
  </si>
  <si>
    <t>cg21126020</t>
  </si>
  <si>
    <t>cg21126692</t>
  </si>
  <si>
    <t>cg21134678</t>
  </si>
  <si>
    <t>cg21136544</t>
  </si>
  <si>
    <t>cg21138542</t>
  </si>
  <si>
    <t>cg21138752</t>
  </si>
  <si>
    <t>cg21141192</t>
  </si>
  <si>
    <t>cg21141234</t>
  </si>
  <si>
    <t>cg21141346</t>
  </si>
  <si>
    <t>cg21142000</t>
  </si>
  <si>
    <t>cg21146268</t>
  </si>
  <si>
    <t>cg21146272</t>
  </si>
  <si>
    <t>cg21148128</t>
  </si>
  <si>
    <t>cg21152351</t>
  </si>
  <si>
    <t>cg21155521</t>
  </si>
  <si>
    <t>cg21155564</t>
  </si>
  <si>
    <t>cg21156776</t>
  </si>
  <si>
    <t>cg21160099</t>
  </si>
  <si>
    <t>cg21161852</t>
  </si>
  <si>
    <t>cg21162003</t>
  </si>
  <si>
    <t>cg21165793</t>
  </si>
  <si>
    <t>cg21168884</t>
  </si>
  <si>
    <t>cg21172159</t>
  </si>
  <si>
    <t>cg21174426</t>
  </si>
  <si>
    <t>cg21174644</t>
  </si>
  <si>
    <t>cg21175940</t>
  </si>
  <si>
    <t>cg21179831</t>
  </si>
  <si>
    <t>cg21182407</t>
  </si>
  <si>
    <t>cg21190306</t>
  </si>
  <si>
    <t>cg21191810</t>
  </si>
  <si>
    <t>cg21191822</t>
  </si>
  <si>
    <t>cg21196038</t>
  </si>
  <si>
    <t>cg21196930</t>
  </si>
  <si>
    <t>cg21197232</t>
  </si>
  <si>
    <t>cg21205282</t>
  </si>
  <si>
    <t>cg21205776</t>
  </si>
  <si>
    <t>cg21209113</t>
  </si>
  <si>
    <t>cg21222743</t>
  </si>
  <si>
    <t>cg21223521</t>
  </si>
  <si>
    <t>cg21223803</t>
  </si>
  <si>
    <t>cg21227785</t>
  </si>
  <si>
    <t>cg21229337</t>
  </si>
  <si>
    <t>cg21232620</t>
  </si>
  <si>
    <t>cg21235075</t>
  </si>
  <si>
    <t>cg21237268</t>
  </si>
  <si>
    <t>cg21240420</t>
  </si>
  <si>
    <t>cg21240472</t>
  </si>
  <si>
    <t>cg21241317</t>
  </si>
  <si>
    <t>cg21241411</t>
  </si>
  <si>
    <t>cg21248130</t>
  </si>
  <si>
    <t>cg21248305</t>
  </si>
  <si>
    <t>cg21248405</t>
  </si>
  <si>
    <t>cg21249595</t>
  </si>
  <si>
    <t>cg21251646</t>
  </si>
  <si>
    <t>cg21252596</t>
  </si>
  <si>
    <t>cg21253193</t>
  </si>
  <si>
    <t>cg21255356</t>
  </si>
  <si>
    <t>cg21257892</t>
  </si>
  <si>
    <t>cg21264055</t>
  </si>
  <si>
    <t>cg21264329</t>
  </si>
  <si>
    <t>cg21265210</t>
  </si>
  <si>
    <t>cg21269330</t>
  </si>
  <si>
    <t>cg21269897</t>
  </si>
  <si>
    <t>cg21273029</t>
  </si>
  <si>
    <t>cg21275135</t>
  </si>
  <si>
    <t>cg21277466</t>
  </si>
  <si>
    <t>cg21279207</t>
  </si>
  <si>
    <t>cg21280171</t>
  </si>
  <si>
    <t>cg21280452</t>
  </si>
  <si>
    <t>cg21281951</t>
  </si>
  <si>
    <t>cg21282907</t>
  </si>
  <si>
    <t>cg21286526</t>
  </si>
  <si>
    <t>cg21286967</t>
  </si>
  <si>
    <t>cg21288889</t>
  </si>
  <si>
    <t>cg21289669</t>
  </si>
  <si>
    <t>cg21291449</t>
  </si>
  <si>
    <t>cg21292008</t>
  </si>
  <si>
    <t>cg21296676</t>
  </si>
  <si>
    <t>cg21297192</t>
  </si>
  <si>
    <t>cg21297562</t>
  </si>
  <si>
    <t>cg21304498</t>
  </si>
  <si>
    <t>cg21306006</t>
  </si>
  <si>
    <t>cg21306949</t>
  </si>
  <si>
    <t>cg21307043</t>
  </si>
  <si>
    <t>cg21310336</t>
  </si>
  <si>
    <t>cg21311736</t>
  </si>
  <si>
    <t>cg21313810</t>
  </si>
  <si>
    <t>cg21318978</t>
  </si>
  <si>
    <t>cg21319932</t>
  </si>
  <si>
    <t>cg21321162</t>
  </si>
  <si>
    <t>cg21322855</t>
  </si>
  <si>
    <t>cg21325631</t>
  </si>
  <si>
    <t>cg21325723</t>
  </si>
  <si>
    <t>cg21328082</t>
  </si>
  <si>
    <t>cg21330577</t>
  </si>
  <si>
    <t>cg21330831</t>
  </si>
  <si>
    <t>cg21331947</t>
  </si>
  <si>
    <t>cg21335714</t>
  </si>
  <si>
    <t>cg21337909</t>
  </si>
  <si>
    <t>cg21342636</t>
  </si>
  <si>
    <t>cg21345145</t>
  </si>
  <si>
    <t>cg21350498</t>
  </si>
  <si>
    <t>cg21351768</t>
  </si>
  <si>
    <t>cg21356040</t>
  </si>
  <si>
    <t>cg21356104</t>
  </si>
  <si>
    <t>cg21356536</t>
  </si>
  <si>
    <t>cg21356630</t>
  </si>
  <si>
    <t>cg21356750</t>
  </si>
  <si>
    <t>cg21358678</t>
  </si>
  <si>
    <t>cg21361470</t>
  </si>
  <si>
    <t>cg21364077</t>
  </si>
  <si>
    <t>cg21364607</t>
  </si>
  <si>
    <t>cg21365924</t>
  </si>
  <si>
    <t>cg21366535</t>
  </si>
  <si>
    <t>cg21366673</t>
  </si>
  <si>
    <t>cg21368481</t>
  </si>
  <si>
    <t>cg21370522</t>
  </si>
  <si>
    <t>cg21377512</t>
  </si>
  <si>
    <t>cg21380560</t>
  </si>
  <si>
    <t>cg21385413</t>
  </si>
  <si>
    <t>cg21386904</t>
  </si>
  <si>
    <t>cg21388745</t>
  </si>
  <si>
    <t>cg21390624</t>
  </si>
  <si>
    <t>cg21397480</t>
  </si>
  <si>
    <t>cg21399428</t>
  </si>
  <si>
    <t>cg21400921</t>
  </si>
  <si>
    <t>cg21411084</t>
  </si>
  <si>
    <t>cg21411702</t>
  </si>
  <si>
    <t>cg21411705</t>
  </si>
  <si>
    <t>cg21413742</t>
  </si>
  <si>
    <t>cg21415424</t>
  </si>
  <si>
    <t>cg21425842</t>
  </si>
  <si>
    <t>cg21429615</t>
  </si>
  <si>
    <t>cg21432745</t>
  </si>
  <si>
    <t>cg21434327</t>
  </si>
  <si>
    <t>cg21434440</t>
  </si>
  <si>
    <t>cg21436520</t>
  </si>
  <si>
    <t>cg21440587</t>
  </si>
  <si>
    <t>cg21448927</t>
  </si>
  <si>
    <t>cg21454965</t>
  </si>
  <si>
    <t>cg21457110</t>
  </si>
  <si>
    <t>cg21457401</t>
  </si>
  <si>
    <t>cg21462732</t>
  </si>
  <si>
    <t>cg21464591</t>
  </si>
  <si>
    <t>cg21464704</t>
  </si>
  <si>
    <t>cg21465489</t>
  </si>
  <si>
    <t>cg21466150</t>
  </si>
  <si>
    <t>cg21468681</t>
  </si>
  <si>
    <t>cg21468889</t>
  </si>
  <si>
    <t>cg21472165</t>
  </si>
  <si>
    <t>cg21473511</t>
  </si>
  <si>
    <t>cg21477075</t>
  </si>
  <si>
    <t>cg21478218</t>
  </si>
  <si>
    <t>cg21478562</t>
  </si>
  <si>
    <t>cg21478597</t>
  </si>
  <si>
    <t>cg21486659</t>
  </si>
  <si>
    <t>cg21490342</t>
  </si>
  <si>
    <t>cg21494882</t>
  </si>
  <si>
    <t>cg21495156</t>
  </si>
  <si>
    <t>cg21496060</t>
  </si>
  <si>
    <t>cg21496187</t>
  </si>
  <si>
    <t>cg21497082</t>
  </si>
  <si>
    <t>cg21500247</t>
  </si>
  <si>
    <t>cg21503202</t>
  </si>
  <si>
    <t>cg21508457</t>
  </si>
  <si>
    <t>cg21509966</t>
  </si>
  <si>
    <t>cg21511194</t>
  </si>
  <si>
    <t>cg21521230</t>
  </si>
  <si>
    <t>cg21527370</t>
  </si>
  <si>
    <t>cg21529533</t>
  </si>
  <si>
    <t>cg21530915</t>
  </si>
  <si>
    <t>cg21531017</t>
  </si>
  <si>
    <t>cg21538684</t>
  </si>
  <si>
    <t>cg21543067</t>
  </si>
  <si>
    <t>cg21543536</t>
  </si>
  <si>
    <t>cg21545988</t>
  </si>
  <si>
    <t>cg21548749</t>
  </si>
  <si>
    <t>cg21549075</t>
  </si>
  <si>
    <t>cg21551549</t>
  </si>
  <si>
    <t>cg21552063</t>
  </si>
  <si>
    <t>cg21552290</t>
  </si>
  <si>
    <t>cg21553389</t>
  </si>
  <si>
    <t>cg21555177</t>
  </si>
  <si>
    <t>cg21556223</t>
  </si>
  <si>
    <t>cg21558341</t>
  </si>
  <si>
    <t>cg21561142</t>
  </si>
  <si>
    <t>cg21561281</t>
  </si>
  <si>
    <t>cg21565309</t>
  </si>
  <si>
    <t>cg21568368</t>
  </si>
  <si>
    <t>cg21570182</t>
  </si>
  <si>
    <t>cg21571162</t>
  </si>
  <si>
    <t>cg21572722</t>
  </si>
  <si>
    <t>cg21573880</t>
  </si>
  <si>
    <t>cg21575923</t>
  </si>
  <si>
    <t>cg21578596</t>
  </si>
  <si>
    <t>cg21580173</t>
  </si>
  <si>
    <t>cg21583690</t>
  </si>
  <si>
    <t>cg21583723</t>
  </si>
  <si>
    <t>cg21593554</t>
  </si>
  <si>
    <t>cg21596313</t>
  </si>
  <si>
    <t>cg21597596</t>
  </si>
  <si>
    <t>cg21599324</t>
  </si>
  <si>
    <t>cg21599798</t>
  </si>
  <si>
    <t>cg21600850</t>
  </si>
  <si>
    <t>cg21600878</t>
  </si>
  <si>
    <t>cg21604042</t>
  </si>
  <si>
    <t>cg21606287</t>
  </si>
  <si>
    <t>cg21607066</t>
  </si>
  <si>
    <t>cg21607236</t>
  </si>
  <si>
    <t>cg21608605</t>
  </si>
  <si>
    <t>cg21611524</t>
  </si>
  <si>
    <t>cg21614759</t>
  </si>
  <si>
    <t>cg21616088</t>
  </si>
  <si>
    <t>cg21618521</t>
  </si>
  <si>
    <t>cg21618695</t>
  </si>
  <si>
    <t>cg21619224</t>
  </si>
  <si>
    <t>cg21619886</t>
  </si>
  <si>
    <t>cg21621645</t>
  </si>
  <si>
    <t>cg21624533</t>
  </si>
  <si>
    <t>cg21627017</t>
  </si>
  <si>
    <t>cg21627181</t>
  </si>
  <si>
    <t>cg21632181</t>
  </si>
  <si>
    <t>cg21635307</t>
  </si>
  <si>
    <t>cg21636432</t>
  </si>
  <si>
    <t>cg21643841</t>
  </si>
  <si>
    <t>cg21650962</t>
  </si>
  <si>
    <t>cg21653474</t>
  </si>
  <si>
    <t>cg21660604</t>
  </si>
  <si>
    <t>cg21667139</t>
  </si>
  <si>
    <t>cg21669966</t>
  </si>
  <si>
    <t>cg21676440</t>
  </si>
  <si>
    <t>cg21677075</t>
  </si>
  <si>
    <t>cg21677258</t>
  </si>
  <si>
    <t>cg21680307</t>
  </si>
  <si>
    <t>cg21686812</t>
  </si>
  <si>
    <t>cg21690892</t>
  </si>
  <si>
    <t>cg21691893</t>
  </si>
  <si>
    <t>cg21696987</t>
  </si>
  <si>
    <t>cg21699509</t>
  </si>
  <si>
    <t>cg21699833</t>
  </si>
  <si>
    <t>cg21708145</t>
  </si>
  <si>
    <t>cg21712377</t>
  </si>
  <si>
    <t>cg21712685</t>
  </si>
  <si>
    <t>cg21714266</t>
  </si>
  <si>
    <t>cg21719817</t>
  </si>
  <si>
    <t>cg21721022</t>
  </si>
  <si>
    <t>cg21722170</t>
  </si>
  <si>
    <t>cg21725624</t>
  </si>
  <si>
    <t>cg21725954</t>
  </si>
  <si>
    <t>cg21727129</t>
  </si>
  <si>
    <t>cg21727141</t>
  </si>
  <si>
    <t>cg21727532</t>
  </si>
  <si>
    <t>cg21732383</t>
  </si>
  <si>
    <t>cg21738963</t>
  </si>
  <si>
    <t>cg21740359</t>
  </si>
  <si>
    <t>cg21749424</t>
  </si>
  <si>
    <t>cg21750589</t>
  </si>
  <si>
    <t>cg21752295</t>
  </si>
  <si>
    <t>cg21753200</t>
  </si>
  <si>
    <t>cg21754201</t>
  </si>
  <si>
    <t>cg21758773</t>
  </si>
  <si>
    <t>cg21761853</t>
  </si>
  <si>
    <t>cg21762601</t>
  </si>
  <si>
    <t>cg21763405</t>
  </si>
  <si>
    <t>cg21763814</t>
  </si>
  <si>
    <t>cg21764262</t>
  </si>
  <si>
    <t>cg21765441</t>
  </si>
  <si>
    <t>cg21769117</t>
  </si>
  <si>
    <t>cg21769969</t>
  </si>
  <si>
    <t>cg21771125</t>
  </si>
  <si>
    <t>cg21771171</t>
  </si>
  <si>
    <t>cg21771714</t>
  </si>
  <si>
    <t>cg21773633</t>
  </si>
  <si>
    <t>cg21774377</t>
  </si>
  <si>
    <t>cg21774964</t>
  </si>
  <si>
    <t>cg21776572</t>
  </si>
  <si>
    <t>cg21778987</t>
  </si>
  <si>
    <t>cg21780428</t>
  </si>
  <si>
    <t>cg21781422</t>
  </si>
  <si>
    <t>cg21782315</t>
  </si>
  <si>
    <t>cg21783599</t>
  </si>
  <si>
    <t>cg21784030</t>
  </si>
  <si>
    <t>cg21786114</t>
  </si>
  <si>
    <t>cg21787291</t>
  </si>
  <si>
    <t>cg21789674</t>
  </si>
  <si>
    <t>cg21790305</t>
  </si>
  <si>
    <t>cg21791252</t>
  </si>
  <si>
    <t>cg21791967</t>
  </si>
  <si>
    <t>cg21792156</t>
  </si>
  <si>
    <t>cg21795221</t>
  </si>
  <si>
    <t>cg21797718</t>
  </si>
  <si>
    <t>cg21799473</t>
  </si>
  <si>
    <t>cg21799605</t>
  </si>
  <si>
    <t>cg21819211</t>
  </si>
  <si>
    <t>cg21825071</t>
  </si>
  <si>
    <t>cg21825443</t>
  </si>
  <si>
    <t>cg21830122</t>
  </si>
  <si>
    <t>cg21830223</t>
  </si>
  <si>
    <t>cg21831287</t>
  </si>
  <si>
    <t>cg21834063</t>
  </si>
  <si>
    <t>cg21834222</t>
  </si>
  <si>
    <t>cg21834739</t>
  </si>
  <si>
    <t>cg21836827</t>
  </si>
  <si>
    <t>cg21838115</t>
  </si>
  <si>
    <t>cg21851142</t>
  </si>
  <si>
    <t>cg21855392</t>
  </si>
  <si>
    <t>cg21856784</t>
  </si>
  <si>
    <t>cg21861192</t>
  </si>
  <si>
    <t>cg21863888</t>
  </si>
  <si>
    <t>cg21872129</t>
  </si>
  <si>
    <t>cg21872288</t>
  </si>
  <si>
    <t>cg21873885</t>
  </si>
  <si>
    <t>cg21875655</t>
  </si>
  <si>
    <t>cg21888059</t>
  </si>
  <si>
    <t>cg21893764</t>
  </si>
  <si>
    <t>cg21898708</t>
  </si>
  <si>
    <t>cg21899640</t>
  </si>
  <si>
    <t>cg21904807</t>
  </si>
  <si>
    <t>cg21906947</t>
  </si>
  <si>
    <t>cg21908116</t>
  </si>
  <si>
    <t>cg21910650</t>
  </si>
  <si>
    <t>cg21917728</t>
  </si>
  <si>
    <t>cg21920102</t>
  </si>
  <si>
    <t>cg21926612</t>
  </si>
  <si>
    <t>cg21950534</t>
  </si>
  <si>
    <t>cg21951330</t>
  </si>
  <si>
    <t>cg21951797</t>
  </si>
  <si>
    <t>cg21952528</t>
  </si>
  <si>
    <t>cg21955796</t>
  </si>
  <si>
    <t>cg21960303</t>
  </si>
  <si>
    <t>cg21961970</t>
  </si>
  <si>
    <t>cg21972430</t>
  </si>
  <si>
    <t>cg21972990</t>
  </si>
  <si>
    <t>cg21974679</t>
  </si>
  <si>
    <t>cg21977210</t>
  </si>
  <si>
    <t>cg21981379</t>
  </si>
  <si>
    <t>cg21982924</t>
  </si>
  <si>
    <t>cg21985590</t>
  </si>
  <si>
    <t>cg21985862</t>
  </si>
  <si>
    <t>cg21986677</t>
  </si>
  <si>
    <t>cg21989307</t>
  </si>
  <si>
    <t>cg21989399</t>
  </si>
  <si>
    <t>cg21991616</t>
  </si>
  <si>
    <t>cg21993547</t>
  </si>
  <si>
    <t>cg21995203</t>
  </si>
  <si>
    <t>cg21995484</t>
  </si>
  <si>
    <t>cg21998325</t>
  </si>
  <si>
    <t>cg22001110</t>
  </si>
  <si>
    <t>cg22001483</t>
  </si>
  <si>
    <t>cg22001807</t>
  </si>
  <si>
    <t>cg22004151</t>
  </si>
  <si>
    <t>cg22012577</t>
  </si>
  <si>
    <t>cg22017132</t>
  </si>
  <si>
    <t>cg22019980</t>
  </si>
  <si>
    <t>cg22020299</t>
  </si>
  <si>
    <t>cg22022067</t>
  </si>
  <si>
    <t>cg22022799</t>
  </si>
  <si>
    <t>cg22025132</t>
  </si>
  <si>
    <t>cg22026853</t>
  </si>
  <si>
    <t>cg22027204</t>
  </si>
  <si>
    <t>cg22029709</t>
  </si>
  <si>
    <t>cg22030890</t>
  </si>
  <si>
    <t>cg22034155</t>
  </si>
  <si>
    <t>cg22035980</t>
  </si>
  <si>
    <t>cg22041073</t>
  </si>
  <si>
    <t>cg22044398</t>
  </si>
  <si>
    <t>cg22048274</t>
  </si>
  <si>
    <t>cg22049732</t>
  </si>
  <si>
    <t>cg22053159</t>
  </si>
  <si>
    <t>cg22053500</t>
  </si>
  <si>
    <t>cg22053720</t>
  </si>
  <si>
    <t>cg22053904</t>
  </si>
  <si>
    <t>cg22056544</t>
  </si>
  <si>
    <t>cg22058458</t>
  </si>
  <si>
    <t>cg22060227</t>
  </si>
  <si>
    <t>cg22064182</t>
  </si>
  <si>
    <t>cg22066146</t>
  </si>
  <si>
    <t>cg22067676</t>
  </si>
  <si>
    <t>cg22069017</t>
  </si>
  <si>
    <t>cg22092014</t>
  </si>
  <si>
    <t>cg22098742</t>
  </si>
  <si>
    <t>cg22099241</t>
  </si>
  <si>
    <t>cg22112841</t>
  </si>
  <si>
    <t>cg22114068</t>
  </si>
  <si>
    <t>cg22121388</t>
  </si>
  <si>
    <t>cg22124368</t>
  </si>
  <si>
    <t>cg22124493</t>
  </si>
  <si>
    <t>cg22133973</t>
  </si>
  <si>
    <t>cg22135102</t>
  </si>
  <si>
    <t>cg22135324</t>
  </si>
  <si>
    <t>cg22138627</t>
  </si>
  <si>
    <t>cg22142858</t>
  </si>
  <si>
    <t>cg22143856</t>
  </si>
  <si>
    <t>cg22146593</t>
  </si>
  <si>
    <t>cg22148934</t>
  </si>
  <si>
    <t>cg22150763</t>
  </si>
  <si>
    <t>cg22152492</t>
  </si>
  <si>
    <t>cg22155039</t>
  </si>
  <si>
    <t>cg22156867</t>
  </si>
  <si>
    <t>cg22158175</t>
  </si>
  <si>
    <t>cg22159171</t>
  </si>
  <si>
    <t>cg22160377</t>
  </si>
  <si>
    <t>cg22164539</t>
  </si>
  <si>
    <t>cg22168321</t>
  </si>
  <si>
    <t>cg22168941</t>
  </si>
  <si>
    <t>cg22174191</t>
  </si>
  <si>
    <t>cg22174742</t>
  </si>
  <si>
    <t>cg22177721</t>
  </si>
  <si>
    <t>cg22180201</t>
  </si>
  <si>
    <t>cg22182975</t>
  </si>
  <si>
    <t>cg22184996</t>
  </si>
  <si>
    <t>cg22186515</t>
  </si>
  <si>
    <t>cg22188192</t>
  </si>
  <si>
    <t>cg22188917</t>
  </si>
  <si>
    <t>cg22191873</t>
  </si>
  <si>
    <t>cg22195558</t>
  </si>
  <si>
    <t>cg22201997</t>
  </si>
  <si>
    <t>cg22211300</t>
  </si>
  <si>
    <t>cg22212542</t>
  </si>
  <si>
    <t>cg22218588</t>
  </si>
  <si>
    <t>cg22230559</t>
  </si>
  <si>
    <t>cg22230640</t>
  </si>
  <si>
    <t>cg22231012</t>
  </si>
  <si>
    <t>cg22232206</t>
  </si>
  <si>
    <t>cg22234627</t>
  </si>
  <si>
    <t>cg22235018</t>
  </si>
  <si>
    <t>cg22240802</t>
  </si>
  <si>
    <t>cg22240884</t>
  </si>
  <si>
    <t>cg22242614</t>
  </si>
  <si>
    <t>cg22243996</t>
  </si>
  <si>
    <t>cg22244118</t>
  </si>
  <si>
    <t>cg22244192</t>
  </si>
  <si>
    <t>cg22247136</t>
  </si>
  <si>
    <t>cg22248011</t>
  </si>
  <si>
    <t>cg22248441</t>
  </si>
  <si>
    <t>cg22249390</t>
  </si>
  <si>
    <t>cg22249986</t>
  </si>
  <si>
    <t>cg22252041</t>
  </si>
  <si>
    <t>cg22252462</t>
  </si>
  <si>
    <t>cg22254606</t>
  </si>
  <si>
    <t>cg22257747</t>
  </si>
  <si>
    <t>cg22260478</t>
  </si>
  <si>
    <t>cg22264946</t>
  </si>
  <si>
    <t>cg22267176</t>
  </si>
  <si>
    <t>cg22267770</t>
  </si>
  <si>
    <t>cg22269416</t>
  </si>
  <si>
    <t>cg22273555</t>
  </si>
  <si>
    <t>cg22280359</t>
  </si>
  <si>
    <t>cg22281866</t>
  </si>
  <si>
    <t>cg22288195</t>
  </si>
  <si>
    <t>cg22289662</t>
  </si>
  <si>
    <t>cg22290047</t>
  </si>
  <si>
    <t>cg22298860</t>
  </si>
  <si>
    <t>cg22302929</t>
  </si>
  <si>
    <t>cg22303045</t>
  </si>
  <si>
    <t>cg22310240</t>
  </si>
  <si>
    <t>cg22310628</t>
  </si>
  <si>
    <t>cg22311403</t>
  </si>
  <si>
    <t>cg22313025</t>
  </si>
  <si>
    <t>cg22313322</t>
  </si>
  <si>
    <t>cg22320183</t>
  </si>
  <si>
    <t>cg22322663</t>
  </si>
  <si>
    <t>cg22322679</t>
  </si>
  <si>
    <t>cg22333897</t>
  </si>
  <si>
    <t>cg22334665</t>
  </si>
  <si>
    <t>cg22337291</t>
  </si>
  <si>
    <t>cg22346765</t>
  </si>
  <si>
    <t>cg22351869</t>
  </si>
  <si>
    <t>cg22353143</t>
  </si>
  <si>
    <t>cg22358276</t>
  </si>
  <si>
    <t>cg22363783</t>
  </si>
  <si>
    <t>cg22365132</t>
  </si>
  <si>
    <t>cg22366279</t>
  </si>
  <si>
    <t>cg22366909</t>
  </si>
  <si>
    <t>cg22370006</t>
  </si>
  <si>
    <t>cg22370057</t>
  </si>
  <si>
    <t>cg22370716</t>
  </si>
  <si>
    <t>cg22372131</t>
  </si>
  <si>
    <t>cg22374146</t>
  </si>
  <si>
    <t>cg22375610</t>
  </si>
  <si>
    <t>cg22377040</t>
  </si>
  <si>
    <t>cg22377643</t>
  </si>
  <si>
    <t>cg22377810</t>
  </si>
  <si>
    <t>cg22378095</t>
  </si>
  <si>
    <t>cg22378583</t>
  </si>
  <si>
    <t>cg22387575</t>
  </si>
  <si>
    <t>cg22388471</t>
  </si>
  <si>
    <t>cg22397673</t>
  </si>
  <si>
    <t>cg22399984</t>
  </si>
  <si>
    <t>cg22402769</t>
  </si>
  <si>
    <t>cg22403971</t>
  </si>
  <si>
    <t>cg22405226</t>
  </si>
  <si>
    <t>cg22406102</t>
  </si>
  <si>
    <t>cg22406543</t>
  </si>
  <si>
    <t>cg22409504</t>
  </si>
  <si>
    <t>cg22410026</t>
  </si>
  <si>
    <t>cg22410869</t>
  </si>
  <si>
    <t>cg22413056</t>
  </si>
  <si>
    <t>cg22413090</t>
  </si>
  <si>
    <t>cg22415670</t>
  </si>
  <si>
    <t>cg22417733</t>
  </si>
  <si>
    <t>cg22423207</t>
  </si>
  <si>
    <t>cg22424782</t>
  </si>
  <si>
    <t>cg22424903</t>
  </si>
  <si>
    <t>cg22425197</t>
  </si>
  <si>
    <t>cg22425467</t>
  </si>
  <si>
    <t>cg22432367</t>
  </si>
  <si>
    <t>cg22444720</t>
  </si>
  <si>
    <t>cg22450460</t>
  </si>
  <si>
    <t>cg22450733</t>
  </si>
  <si>
    <t>cg22456162</t>
  </si>
  <si>
    <t>cg22458065</t>
  </si>
  <si>
    <t>cg22458831</t>
  </si>
  <si>
    <t>cg22459990</t>
  </si>
  <si>
    <t>cg22462835</t>
  </si>
  <si>
    <t>cg22462983</t>
  </si>
  <si>
    <t>cg22463097</t>
  </si>
  <si>
    <t>cg22468666</t>
  </si>
  <si>
    <t>cg22469435</t>
  </si>
  <si>
    <t>cg22473504</t>
  </si>
  <si>
    <t>cg22474886</t>
  </si>
  <si>
    <t>cg22478258</t>
  </si>
  <si>
    <t>cg22481253</t>
  </si>
  <si>
    <t>cg22483743</t>
  </si>
  <si>
    <t>cg22484599</t>
  </si>
  <si>
    <t>cg22484822</t>
  </si>
  <si>
    <t>cg22485298</t>
  </si>
  <si>
    <t>cg22486699</t>
  </si>
  <si>
    <t>cg22487322</t>
  </si>
  <si>
    <t>cg22491171</t>
  </si>
  <si>
    <t>cg22501342</t>
  </si>
  <si>
    <t>cg22501449</t>
  </si>
  <si>
    <t>cg22501635</t>
  </si>
  <si>
    <t>cg22503047</t>
  </si>
  <si>
    <t>cg22503499</t>
  </si>
  <si>
    <t>cg22508626</t>
  </si>
  <si>
    <t>cg22508821</t>
  </si>
  <si>
    <t>cg22509539</t>
  </si>
  <si>
    <t>cg22510079</t>
  </si>
  <si>
    <t>cg22512367</t>
  </si>
  <si>
    <t>cg22532997</t>
  </si>
  <si>
    <t>cg22538475</t>
  </si>
  <si>
    <t>cg22538483</t>
  </si>
  <si>
    <t>cg22538505</t>
  </si>
  <si>
    <t>cg22540552</t>
  </si>
  <si>
    <t>cg22541254</t>
  </si>
  <si>
    <t>cg22542036</t>
  </si>
  <si>
    <t>cg22547540</t>
  </si>
  <si>
    <t>cg22548485</t>
  </si>
  <si>
    <t>cg22550299</t>
  </si>
  <si>
    <t>cg22563907</t>
  </si>
  <si>
    <t>cg22566787</t>
  </si>
  <si>
    <t>cg22572071</t>
  </si>
  <si>
    <t>cg22572779</t>
  </si>
  <si>
    <t>cg22575681</t>
  </si>
  <si>
    <t>cg22581361</t>
  </si>
  <si>
    <t>cg22584172</t>
  </si>
  <si>
    <t>cg22596454</t>
  </si>
  <si>
    <t>cg22616343</t>
  </si>
  <si>
    <t>cg22618219</t>
  </si>
  <si>
    <t>cg22618878</t>
  </si>
  <si>
    <t>cg22621731</t>
  </si>
  <si>
    <t>cg22626169</t>
  </si>
  <si>
    <t>cg22630160</t>
  </si>
  <si>
    <t>cg22647322</t>
  </si>
  <si>
    <t>cg22653602</t>
  </si>
  <si>
    <t>cg22653878</t>
  </si>
  <si>
    <t>cg22660120</t>
  </si>
  <si>
    <t>cg22662362</t>
  </si>
  <si>
    <t>cg22666115</t>
  </si>
  <si>
    <t>cg22668218</t>
  </si>
  <si>
    <t>cg22670819</t>
  </si>
  <si>
    <t>cg22671938</t>
  </si>
  <si>
    <t>cg22672830</t>
  </si>
  <si>
    <t>cg22673001</t>
  </si>
  <si>
    <t>cg22673999</t>
  </si>
  <si>
    <t>cg22678739</t>
  </si>
  <si>
    <t>cg22679406</t>
  </si>
  <si>
    <t>cg22680459</t>
  </si>
  <si>
    <t>cg22681721</t>
  </si>
  <si>
    <t>cg22682161</t>
  </si>
  <si>
    <t>cg22682162</t>
  </si>
  <si>
    <t>cg22692281</t>
  </si>
  <si>
    <t>cg22693055</t>
  </si>
  <si>
    <t>cg22695779</t>
  </si>
  <si>
    <t>cg22702121</t>
  </si>
  <si>
    <t>cg22702351</t>
  </si>
  <si>
    <t>cg22706070</t>
  </si>
  <si>
    <t>cg22707746</t>
  </si>
  <si>
    <t>cg22709071</t>
  </si>
  <si>
    <t>cg22715094</t>
  </si>
  <si>
    <t>cg22716127</t>
  </si>
  <si>
    <t>cg22716488</t>
  </si>
  <si>
    <t>cg22717080</t>
  </si>
  <si>
    <t>cg22719623</t>
  </si>
  <si>
    <t>cg22720139</t>
  </si>
  <si>
    <t>cg22724063</t>
  </si>
  <si>
    <t>cg22724228</t>
  </si>
  <si>
    <t>cg22733580</t>
  </si>
  <si>
    <t>cg22734014</t>
  </si>
  <si>
    <t>cg22735302</t>
  </si>
  <si>
    <t>cg22735834</t>
  </si>
  <si>
    <t>cg22736354</t>
  </si>
  <si>
    <t>cg22739554</t>
  </si>
  <si>
    <t>cg22743002</t>
  </si>
  <si>
    <t>cg22743261</t>
  </si>
  <si>
    <t>cg22745369</t>
  </si>
  <si>
    <t>cg22745440</t>
  </si>
  <si>
    <t>cg22745624</t>
  </si>
  <si>
    <t>cg22748722</t>
  </si>
  <si>
    <t>cg22751435</t>
  </si>
  <si>
    <t>cg22751954</t>
  </si>
  <si>
    <t>cg22753340</t>
  </si>
  <si>
    <t>cg22757418</t>
  </si>
  <si>
    <t>cg22759096</t>
  </si>
  <si>
    <t>cg22760420</t>
  </si>
  <si>
    <t>cg22765426</t>
  </si>
  <si>
    <t>cg22767677</t>
  </si>
  <si>
    <t>cg22772896</t>
  </si>
  <si>
    <t>cg22773314</t>
  </si>
  <si>
    <t>cg22775123</t>
  </si>
  <si>
    <t>cg22776125</t>
  </si>
  <si>
    <t>cg22782017</t>
  </si>
  <si>
    <t>cg22782446</t>
  </si>
  <si>
    <t>cg22783664</t>
  </si>
  <si>
    <t>cg22784386</t>
  </si>
  <si>
    <t>cg22788223</t>
  </si>
  <si>
    <t>cg22788657</t>
  </si>
  <si>
    <t>cg22791678</t>
  </si>
  <si>
    <t>cg22792272</t>
  </si>
  <si>
    <t>cg22795331</t>
  </si>
  <si>
    <t>cg22797606</t>
  </si>
  <si>
    <t>cg22798247</t>
  </si>
  <si>
    <t>cg22801217</t>
  </si>
  <si>
    <t>cg22807305</t>
  </si>
  <si>
    <t>cg22809491</t>
  </si>
  <si>
    <t>cg22810059</t>
  </si>
  <si>
    <t>cg22812275</t>
  </si>
  <si>
    <t>cg22812955</t>
  </si>
  <si>
    <t>cg22814564</t>
  </si>
  <si>
    <t>cg22814929</t>
  </si>
  <si>
    <t>cg22816218</t>
  </si>
  <si>
    <t>cg22821013</t>
  </si>
  <si>
    <t>cg22825871</t>
  </si>
  <si>
    <t>cg22827864</t>
  </si>
  <si>
    <t>cg22841772</t>
  </si>
  <si>
    <t>cg22843613</t>
  </si>
  <si>
    <t>cg22846966</t>
  </si>
  <si>
    <t>cg22848031</t>
  </si>
  <si>
    <t>cg22851944</t>
  </si>
  <si>
    <t>cg22856972</t>
  </si>
  <si>
    <t>cg22858733</t>
  </si>
  <si>
    <t>cg22863042</t>
  </si>
  <si>
    <t>cg22863628</t>
  </si>
  <si>
    <t>cg22866681</t>
  </si>
  <si>
    <t>cg22867156</t>
  </si>
  <si>
    <t>cg22870775</t>
  </si>
  <si>
    <t>cg22872508</t>
  </si>
  <si>
    <t>cg22877480</t>
  </si>
  <si>
    <t>cg22880620</t>
  </si>
  <si>
    <t>cg22880714</t>
  </si>
  <si>
    <t>cg22882090</t>
  </si>
  <si>
    <t>cg22883453</t>
  </si>
  <si>
    <t>cg22884082</t>
  </si>
  <si>
    <t>cg22887845</t>
  </si>
  <si>
    <t>cg22889246</t>
  </si>
  <si>
    <t>cg22896429</t>
  </si>
  <si>
    <t>cg22896917</t>
  </si>
  <si>
    <t>cg22908342</t>
  </si>
  <si>
    <t>cg22911934</t>
  </si>
  <si>
    <t>cg22919370</t>
  </si>
  <si>
    <t>cg22940798</t>
  </si>
  <si>
    <t>cg22946066</t>
  </si>
  <si>
    <t>cg22949951</t>
  </si>
  <si>
    <t>cg22950793</t>
  </si>
  <si>
    <t>cg22952703</t>
  </si>
  <si>
    <t>cg22966673</t>
  </si>
  <si>
    <t>cg22967106</t>
  </si>
  <si>
    <t>cg22970435</t>
  </si>
  <si>
    <t>cg22970629</t>
  </si>
  <si>
    <t>cg22971038</t>
  </si>
  <si>
    <t>cg22971402</t>
  </si>
  <si>
    <t>cg22972972</t>
  </si>
  <si>
    <t>cg22977317</t>
  </si>
  <si>
    <t>cg22984099</t>
  </si>
  <si>
    <t>cg22986222</t>
  </si>
  <si>
    <t>cg22986872</t>
  </si>
  <si>
    <t>cg22988444</t>
  </si>
  <si>
    <t>cg22989894</t>
  </si>
  <si>
    <t>cg22990960</t>
  </si>
  <si>
    <t>cg22998959</t>
  </si>
  <si>
    <t>cg23003117</t>
  </si>
  <si>
    <t>cg23003290</t>
  </si>
  <si>
    <t>cg23004174</t>
  </si>
  <si>
    <t>cg23006805</t>
  </si>
  <si>
    <t>cg23007076</t>
  </si>
  <si>
    <t>cg23008426</t>
  </si>
  <si>
    <t>cg23009221</t>
  </si>
  <si>
    <t>cg23010444</t>
  </si>
  <si>
    <t>cg23010765</t>
  </si>
  <si>
    <t>cg23013394</t>
  </si>
  <si>
    <t>cg23015341</t>
  </si>
  <si>
    <t>cg23019717</t>
  </si>
  <si>
    <t>cg23020402</t>
  </si>
  <si>
    <t>cg23021340</t>
  </si>
  <si>
    <t>cg23024326</t>
  </si>
  <si>
    <t>cg23027296</t>
  </si>
  <si>
    <t>cg23027854</t>
  </si>
  <si>
    <t>cg23032674</t>
  </si>
  <si>
    <t>cg23036136</t>
  </si>
  <si>
    <t>cg23043245</t>
  </si>
  <si>
    <t>cg23046566</t>
  </si>
  <si>
    <t>cg23046682</t>
  </si>
  <si>
    <t>cg23049448</t>
  </si>
  <si>
    <t>cg23056979</t>
  </si>
  <si>
    <t>cg23059310</t>
  </si>
  <si>
    <t>cg23061027</t>
  </si>
  <si>
    <t>cg23064481</t>
  </si>
  <si>
    <t>cg23064836</t>
  </si>
  <si>
    <t>cg23065289</t>
  </si>
  <si>
    <t>cg23065732</t>
  </si>
  <si>
    <t>cg23070585</t>
  </si>
  <si>
    <t>cg23071690</t>
  </si>
  <si>
    <t>cg23077029</t>
  </si>
  <si>
    <t>cg23077166</t>
  </si>
  <si>
    <t>cg23078194</t>
  </si>
  <si>
    <t>cg23084951</t>
  </si>
  <si>
    <t>cg23087150</t>
  </si>
  <si>
    <t>cg23089723</t>
  </si>
  <si>
    <t>cg23090283</t>
  </si>
  <si>
    <t>cg23090446</t>
  </si>
  <si>
    <t>cg23095615</t>
  </si>
  <si>
    <t>cg23099349</t>
  </si>
  <si>
    <t>cg23104816</t>
  </si>
  <si>
    <t>cg23104951</t>
  </si>
  <si>
    <t>cg23105568</t>
  </si>
  <si>
    <t>cg23105605</t>
  </si>
  <si>
    <t>cg23120936</t>
  </si>
  <si>
    <t>cg23122427</t>
  </si>
  <si>
    <t>cg23127986</t>
  </si>
  <si>
    <t>cg23130766</t>
  </si>
  <si>
    <t>cg23132351</t>
  </si>
  <si>
    <t>cg23141614</t>
  </si>
  <si>
    <t>cg23143553</t>
  </si>
  <si>
    <t>cg23145493</t>
  </si>
  <si>
    <t>cg23146346</t>
  </si>
  <si>
    <t>cg23149249</t>
  </si>
  <si>
    <t>cg23153227</t>
  </si>
  <si>
    <t>cg23155089</t>
  </si>
  <si>
    <t>cg23160829</t>
  </si>
  <si>
    <t>cg23161794</t>
  </si>
  <si>
    <t>cg23162518</t>
  </si>
  <si>
    <t>cg23163917</t>
  </si>
  <si>
    <t>cg23167351</t>
  </si>
  <si>
    <t>cg23167585</t>
  </si>
  <si>
    <t>cg23167719</t>
  </si>
  <si>
    <t>cg23169762</t>
  </si>
  <si>
    <t>cg23170186</t>
  </si>
  <si>
    <t>cg23170237</t>
  </si>
  <si>
    <t>cg23172480</t>
  </si>
  <si>
    <t>cg23172545</t>
  </si>
  <si>
    <t>cg23172664</t>
  </si>
  <si>
    <t>cg23172864</t>
  </si>
  <si>
    <t>cg23173817</t>
  </si>
  <si>
    <t>cg23174607</t>
  </si>
  <si>
    <t>cg23174932</t>
  </si>
  <si>
    <t>cg23181159</t>
  </si>
  <si>
    <t>cg23181870</t>
  </si>
  <si>
    <t>cg23183069</t>
  </si>
  <si>
    <t>cg23185829</t>
  </si>
  <si>
    <t>cg23187205</t>
  </si>
  <si>
    <t>cg23188430</t>
  </si>
  <si>
    <t>cg23189494</t>
  </si>
  <si>
    <t>cg23191292</t>
  </si>
  <si>
    <t>cg23191370</t>
  </si>
  <si>
    <t>cg23192346</t>
  </si>
  <si>
    <t>cg23192864</t>
  </si>
  <si>
    <t>cg23193153</t>
  </si>
  <si>
    <t>cg23197007</t>
  </si>
  <si>
    <t>cg23198998</t>
  </si>
  <si>
    <t>cg23203227</t>
  </si>
  <si>
    <t>cg23204396</t>
  </si>
  <si>
    <t>cg23205529</t>
  </si>
  <si>
    <t>cg23205936</t>
  </si>
  <si>
    <t>cg23206115</t>
  </si>
  <si>
    <t>cg23207527</t>
  </si>
  <si>
    <t>cg23210852</t>
  </si>
  <si>
    <t>cg23211158</t>
  </si>
  <si>
    <t>cg23220637</t>
  </si>
  <si>
    <t>cg23221737</t>
  </si>
  <si>
    <t>cg23222243</t>
  </si>
  <si>
    <t>cg23222446</t>
  </si>
  <si>
    <t>cg23227932</t>
  </si>
  <si>
    <t>cg23228113</t>
  </si>
  <si>
    <t>cg23228858</t>
  </si>
  <si>
    <t>cg23231670</t>
  </si>
  <si>
    <t>cg23233200</t>
  </si>
  <si>
    <t>cg23233404</t>
  </si>
  <si>
    <t>cg23233589</t>
  </si>
  <si>
    <t>cg23235603</t>
  </si>
  <si>
    <t>cg23239444</t>
  </si>
  <si>
    <t>cg23241045</t>
  </si>
  <si>
    <t>cg23248920</t>
  </si>
  <si>
    <t>cg23252902</t>
  </si>
  <si>
    <t>cg23254569</t>
  </si>
  <si>
    <t>cg23260754</t>
  </si>
  <si>
    <t>cg23269225</t>
  </si>
  <si>
    <t>cg23270434</t>
  </si>
  <si>
    <t>cg23273935</t>
  </si>
  <si>
    <t>cg23274923</t>
  </si>
  <si>
    <t>cg23276695</t>
  </si>
  <si>
    <t>cg23276829</t>
  </si>
  <si>
    <t>cg23281280</t>
  </si>
  <si>
    <t>cg23282585</t>
  </si>
  <si>
    <t>cg23283621</t>
  </si>
  <si>
    <t>cg23285599</t>
  </si>
  <si>
    <t>cg23305046</t>
  </si>
  <si>
    <t>cg23306453</t>
  </si>
  <si>
    <t>cg23308086</t>
  </si>
  <si>
    <t>cg23309670</t>
  </si>
  <si>
    <t>cg23313031</t>
  </si>
  <si>
    <t>cg23313266</t>
  </si>
  <si>
    <t>cg23318156</t>
  </si>
  <si>
    <t>cg23318893</t>
  </si>
  <si>
    <t>cg23321702</t>
  </si>
  <si>
    <t>cg23326824</t>
  </si>
  <si>
    <t>cg23328335</t>
  </si>
  <si>
    <t>cg23328390</t>
  </si>
  <si>
    <t>cg23329241</t>
  </si>
  <si>
    <t>cg23332813</t>
  </si>
  <si>
    <t>cg23339482</t>
  </si>
  <si>
    <t>cg23343973</t>
  </si>
  <si>
    <t>cg23344523</t>
  </si>
  <si>
    <t>cg23346787</t>
  </si>
  <si>
    <t>cg23349798</t>
  </si>
  <si>
    <t>cg23350446</t>
  </si>
  <si>
    <t>cg23356850</t>
  </si>
  <si>
    <t>cg23358589</t>
  </si>
  <si>
    <t>cg23360922</t>
  </si>
  <si>
    <t>cg23362089</t>
  </si>
  <si>
    <t>cg23363602</t>
  </si>
  <si>
    <t>cg23364428</t>
  </si>
  <si>
    <t>cg23366376</t>
  </si>
  <si>
    <t>cg23366832</t>
  </si>
  <si>
    <t>cg23367608</t>
  </si>
  <si>
    <t>cg23371542</t>
  </si>
  <si>
    <t>cg23372001</t>
  </si>
  <si>
    <t>cg23375552</t>
  </si>
  <si>
    <t>cg23375972</t>
  </si>
  <si>
    <t>cg23377236</t>
  </si>
  <si>
    <t>cg23380956</t>
  </si>
  <si>
    <t>cg23381664</t>
  </si>
  <si>
    <t>cg23384708</t>
  </si>
  <si>
    <t>cg23389785</t>
  </si>
  <si>
    <t>cg23407970</t>
  </si>
  <si>
    <t>cg23411274</t>
  </si>
  <si>
    <t>cg23413349</t>
  </si>
  <si>
    <t>cg23416081</t>
  </si>
  <si>
    <t>cg23421177</t>
  </si>
  <si>
    <t>cg23423329</t>
  </si>
  <si>
    <t>cg23423766</t>
  </si>
  <si>
    <t>cg23425079</t>
  </si>
  <si>
    <t>cg23426912</t>
  </si>
  <si>
    <t>cg23427182</t>
  </si>
  <si>
    <t>cg23427653</t>
  </si>
  <si>
    <t>cg23431444</t>
  </si>
  <si>
    <t>cg23456739</t>
  </si>
  <si>
    <t>cg23457166</t>
  </si>
  <si>
    <t>cg23457901</t>
  </si>
  <si>
    <t>cg23459212</t>
  </si>
  <si>
    <t>cg23460430</t>
  </si>
  <si>
    <t>cg23462632</t>
  </si>
  <si>
    <t>cg23464041</t>
  </si>
  <si>
    <t>cg23464183</t>
  </si>
  <si>
    <t>cg23464264</t>
  </si>
  <si>
    <t>cg23464284</t>
  </si>
  <si>
    <t>cg23465426</t>
  </si>
  <si>
    <t>cg23470939</t>
  </si>
  <si>
    <t>cg23472502</t>
  </si>
  <si>
    <t>cg23473632</t>
  </si>
  <si>
    <t>cg23474312</t>
  </si>
  <si>
    <t>cg23481169</t>
  </si>
  <si>
    <t>cg23481243</t>
  </si>
  <si>
    <t>cg23482986</t>
  </si>
  <si>
    <t>cg23485400</t>
  </si>
  <si>
    <t>cg23485639</t>
  </si>
  <si>
    <t>cg23485738</t>
  </si>
  <si>
    <t>cg23489023</t>
  </si>
  <si>
    <t>cg23489403</t>
  </si>
  <si>
    <t>cg23490077</t>
  </si>
  <si>
    <t>cg23490638</t>
  </si>
  <si>
    <t>cg23490887</t>
  </si>
  <si>
    <t>cg23492779</t>
  </si>
  <si>
    <t>cg23496534</t>
  </si>
  <si>
    <t>cg23502089</t>
  </si>
  <si>
    <t>cg23502378</t>
  </si>
  <si>
    <t>cg23503775</t>
  </si>
  <si>
    <t>cg23505644</t>
  </si>
  <si>
    <t>cg23509869</t>
  </si>
  <si>
    <t>cg23514417</t>
  </si>
  <si>
    <t>cg23517605</t>
  </si>
  <si>
    <t>cg23521444</t>
  </si>
  <si>
    <t>cg23521835</t>
  </si>
  <si>
    <t>cg23524294</t>
  </si>
  <si>
    <t>cg23526135</t>
  </si>
  <si>
    <t>cg23526676</t>
  </si>
  <si>
    <t>cg23528708</t>
  </si>
  <si>
    <t>cg23528791</t>
  </si>
  <si>
    <t>cg23532300</t>
  </si>
  <si>
    <t>cg23532713</t>
  </si>
  <si>
    <t>cg23534802</t>
  </si>
  <si>
    <t>cg23535596</t>
  </si>
  <si>
    <t>cg23536337</t>
  </si>
  <si>
    <t>cg23538064</t>
  </si>
  <si>
    <t>cg23540745</t>
  </si>
  <si>
    <t>cg23556447</t>
  </si>
  <si>
    <t>cg23560790</t>
  </si>
  <si>
    <t>cg23567726</t>
  </si>
  <si>
    <t>cg23572315</t>
  </si>
  <si>
    <t>cg23572376</t>
  </si>
  <si>
    <t>cg23573510</t>
  </si>
  <si>
    <t>cg23577550</t>
  </si>
  <si>
    <t>cg23581088</t>
  </si>
  <si>
    <t>cg23583141</t>
  </si>
  <si>
    <t>cg23585168</t>
  </si>
  <si>
    <t>cg23587717</t>
  </si>
  <si>
    <t>cg23588121</t>
  </si>
  <si>
    <t>cg23591298</t>
  </si>
  <si>
    <t>cg23591342</t>
  </si>
  <si>
    <t>cg23592467</t>
  </si>
  <si>
    <t>cg23594693</t>
  </si>
  <si>
    <t>cg23594928</t>
  </si>
  <si>
    <t>cg23597650</t>
  </si>
  <si>
    <t>cg23598378</t>
  </si>
  <si>
    <t>cg23602832</t>
  </si>
  <si>
    <t>cg23603995</t>
  </si>
  <si>
    <t>cg23609027</t>
  </si>
  <si>
    <t>cg23614652</t>
  </si>
  <si>
    <t>cg23616223</t>
  </si>
  <si>
    <t>cg23616309</t>
  </si>
  <si>
    <t>cg23623251</t>
  </si>
  <si>
    <t>cg23623681</t>
  </si>
  <si>
    <t>cg23626546</t>
  </si>
  <si>
    <t>cg23626986</t>
  </si>
  <si>
    <t>cg23633860</t>
  </si>
  <si>
    <t>cg23639368</t>
  </si>
  <si>
    <t>cg23640002</t>
  </si>
  <si>
    <t>cg23642061</t>
  </si>
  <si>
    <t>cg23642250</t>
  </si>
  <si>
    <t>cg23642446</t>
  </si>
  <si>
    <t>cg23642766</t>
  </si>
  <si>
    <t>cg23643568</t>
  </si>
  <si>
    <t>cg23647616</t>
  </si>
  <si>
    <t>cg23649211</t>
  </si>
  <si>
    <t>cg23651356</t>
  </si>
  <si>
    <t>cg23652026</t>
  </si>
  <si>
    <t>cg23652681</t>
  </si>
  <si>
    <t>cg23653391</t>
  </si>
  <si>
    <t>cg23654545</t>
  </si>
  <si>
    <t>cg23657185</t>
  </si>
  <si>
    <t>cg23658709</t>
  </si>
  <si>
    <t>cg23660197</t>
  </si>
  <si>
    <t>cg23663129</t>
  </si>
  <si>
    <t>cg23667061</t>
  </si>
  <si>
    <t>cg23670203</t>
  </si>
  <si>
    <t>cg23672346</t>
  </si>
  <si>
    <t>cg23672407</t>
  </si>
  <si>
    <t>cg23672659</t>
  </si>
  <si>
    <t>cg23676151</t>
  </si>
  <si>
    <t>cg23678165</t>
  </si>
  <si>
    <t>cg23679384</t>
  </si>
  <si>
    <t>cg23679615</t>
  </si>
  <si>
    <t>cg23683501</t>
  </si>
  <si>
    <t>cg23688510</t>
  </si>
  <si>
    <t>cg23696834</t>
  </si>
  <si>
    <t>cg23701033</t>
  </si>
  <si>
    <t>cg23702028</t>
  </si>
  <si>
    <t>cg23705973</t>
  </si>
  <si>
    <t>cg23715728</t>
  </si>
  <si>
    <t>cg23718606</t>
  </si>
  <si>
    <t>cg23720064</t>
  </si>
  <si>
    <t>cg23736055</t>
  </si>
  <si>
    <t>cg23738424</t>
  </si>
  <si>
    <t>cg23741330</t>
  </si>
  <si>
    <t>cg23741583</t>
  </si>
  <si>
    <t>cg23742601</t>
  </si>
  <si>
    <t>cg23743708</t>
  </si>
  <si>
    <t>cg23744182</t>
  </si>
  <si>
    <t>cg23746600</t>
  </si>
  <si>
    <t>cg23747646</t>
  </si>
  <si>
    <t>cg23750151</t>
  </si>
  <si>
    <t>cg23752348</t>
  </si>
  <si>
    <t>cg23759484</t>
  </si>
  <si>
    <t>cg23760574</t>
  </si>
  <si>
    <t>cg23761820</t>
  </si>
  <si>
    <t>cg23762487</t>
  </si>
  <si>
    <t>cg23763053</t>
  </si>
  <si>
    <t>cg23764533</t>
  </si>
  <si>
    <t>cg23770142</t>
  </si>
  <si>
    <t>cg23770887</t>
  </si>
  <si>
    <t>cg23773983</t>
  </si>
  <si>
    <t>cg23774448</t>
  </si>
  <si>
    <t>cg23775011</t>
  </si>
  <si>
    <t>cg23775991</t>
  </si>
  <si>
    <t>cg23778943</t>
  </si>
  <si>
    <t>cg23779495</t>
  </si>
  <si>
    <t>cg23780488</t>
  </si>
  <si>
    <t>cg23780580</t>
  </si>
  <si>
    <t>cg23780597</t>
  </si>
  <si>
    <t>cg23781467</t>
  </si>
  <si>
    <t>cg23782145</t>
  </si>
  <si>
    <t>cg23783695</t>
  </si>
  <si>
    <t>cg23785612</t>
  </si>
  <si>
    <t>cg23789054</t>
  </si>
  <si>
    <t>cg23790220</t>
  </si>
  <si>
    <t>cg23792258</t>
  </si>
  <si>
    <t>cg23794671</t>
  </si>
  <si>
    <t>cg23796329</t>
  </si>
  <si>
    <t>cg23796713</t>
  </si>
  <si>
    <t>cg23797471</t>
  </si>
  <si>
    <t>cg23801885</t>
  </si>
  <si>
    <t>cg23805470</t>
  </si>
  <si>
    <t>cg23805780</t>
  </si>
  <si>
    <t>cg23805884</t>
  </si>
  <si>
    <t>cg23807646</t>
  </si>
  <si>
    <t>cg23808916</t>
  </si>
  <si>
    <t>cg23812680</t>
  </si>
  <si>
    <t>cg23815915</t>
  </si>
  <si>
    <t>cg23817343</t>
  </si>
  <si>
    <t>cg23819331</t>
  </si>
  <si>
    <t>cg23827488</t>
  </si>
  <si>
    <t>cg23828242</t>
  </si>
  <si>
    <t>cg23828265</t>
  </si>
  <si>
    <t>cg23829577</t>
  </si>
  <si>
    <t>cg23831898</t>
  </si>
  <si>
    <t>cg23832061</t>
  </si>
  <si>
    <t>cg23835083</t>
  </si>
  <si>
    <t>cg23839074</t>
  </si>
  <si>
    <t>cg23847282</t>
  </si>
  <si>
    <t>cg23850913</t>
  </si>
  <si>
    <t>cg23856413</t>
  </si>
  <si>
    <t>cg23858074</t>
  </si>
  <si>
    <t>cg23858195</t>
  </si>
  <si>
    <t>cg23858197</t>
  </si>
  <si>
    <t>cg23858605</t>
  </si>
  <si>
    <t>cg23859630</t>
  </si>
  <si>
    <t>cg23860266</t>
  </si>
  <si>
    <t>cg23866166</t>
  </si>
  <si>
    <t>cg23867085</t>
  </si>
  <si>
    <t>cg23867624</t>
  </si>
  <si>
    <t>cg23870769</t>
  </si>
  <si>
    <t>cg23871367</t>
  </si>
  <si>
    <t>cg23876056</t>
  </si>
  <si>
    <t>cg23877734</t>
  </si>
  <si>
    <t>cg23890282</t>
  </si>
  <si>
    <t>cg23892836</t>
  </si>
  <si>
    <t>cg23893346</t>
  </si>
  <si>
    <t>cg23895613</t>
  </si>
  <si>
    <t>cg23897286</t>
  </si>
  <si>
    <t>cg23897613</t>
  </si>
  <si>
    <t>cg23899147</t>
  </si>
  <si>
    <t>cg23900141</t>
  </si>
  <si>
    <t>cg23903774</t>
  </si>
  <si>
    <t>cg23906067</t>
  </si>
  <si>
    <t>cg23906612</t>
  </si>
  <si>
    <t>cg23906876</t>
  </si>
  <si>
    <t>cg23910392</t>
  </si>
  <si>
    <t>cg23911970</t>
  </si>
  <si>
    <t>cg23912266</t>
  </si>
  <si>
    <t>cg23916646</t>
  </si>
  <si>
    <t>cg23916878</t>
  </si>
  <si>
    <t>cg23922433</t>
  </si>
  <si>
    <t>cg23923934</t>
  </si>
  <si>
    <t>cg23924137</t>
  </si>
  <si>
    <t>cg23925779</t>
  </si>
  <si>
    <t>cg23927571</t>
  </si>
  <si>
    <t>cg23927769</t>
  </si>
  <si>
    <t>cg23928032</t>
  </si>
  <si>
    <t>cg23934075</t>
  </si>
  <si>
    <t>cg23938476</t>
  </si>
  <si>
    <t>cg23938543</t>
  </si>
  <si>
    <t>cg23942884</t>
  </si>
  <si>
    <t>cg23942980</t>
  </si>
  <si>
    <t>cg23944005</t>
  </si>
  <si>
    <t>cg23945481</t>
  </si>
  <si>
    <t>cg23946844</t>
  </si>
  <si>
    <t>cg23954724</t>
  </si>
  <si>
    <t>cg23955161</t>
  </si>
  <si>
    <t>cg23963071</t>
  </si>
  <si>
    <t>cg23965019</t>
  </si>
  <si>
    <t>cg23965077</t>
  </si>
  <si>
    <t>cg23968650</t>
  </si>
  <si>
    <t>cg23969922</t>
  </si>
  <si>
    <t>cg23981354</t>
  </si>
  <si>
    <t>cg23989119</t>
  </si>
  <si>
    <t>cg23989712</t>
  </si>
  <si>
    <t>cg23991039</t>
  </si>
  <si>
    <t>cg23994443</t>
  </si>
  <si>
    <t>cg23995093</t>
  </si>
  <si>
    <t>cg23997911</t>
  </si>
  <si>
    <t>cg23998211</t>
  </si>
  <si>
    <t>cg23998635</t>
  </si>
  <si>
    <t>cg24003832</t>
  </si>
  <si>
    <t>cg24005169</t>
  </si>
  <si>
    <t>cg24006505</t>
  </si>
  <si>
    <t>cg24008668</t>
  </si>
  <si>
    <t>cg24009362</t>
  </si>
  <si>
    <t>cg24014661</t>
  </si>
  <si>
    <t>cg24015594</t>
  </si>
  <si>
    <t>cg24017555</t>
  </si>
  <si>
    <t>cg24017912</t>
  </si>
  <si>
    <t>cg24023618</t>
  </si>
  <si>
    <t>cg24023970</t>
  </si>
  <si>
    <t>cg24027542</t>
  </si>
  <si>
    <t>cg24027596</t>
  </si>
  <si>
    <t>cg24027669</t>
  </si>
  <si>
    <t>cg24028122</t>
  </si>
  <si>
    <t>cg24029040</t>
  </si>
  <si>
    <t>cg24031377</t>
  </si>
  <si>
    <t>cg24036830</t>
  </si>
  <si>
    <t>cg24038745</t>
  </si>
  <si>
    <t>cg24039329</t>
  </si>
  <si>
    <t>cg24058446</t>
  </si>
  <si>
    <t>cg24060538</t>
  </si>
  <si>
    <t>cg24064884</t>
  </si>
  <si>
    <t>cg24065328</t>
  </si>
  <si>
    <t>cg24066072</t>
  </si>
  <si>
    <t>cg24066601</t>
  </si>
  <si>
    <t>cg24067788</t>
  </si>
  <si>
    <t>cg24067911</t>
  </si>
  <si>
    <t>cg24070084</t>
  </si>
  <si>
    <t>cg24070963</t>
  </si>
  <si>
    <t>cg24072093</t>
  </si>
  <si>
    <t>cg24082276</t>
  </si>
  <si>
    <t>cg24085655</t>
  </si>
  <si>
    <t>cg24094775</t>
  </si>
  <si>
    <t>cg24098203</t>
  </si>
  <si>
    <t>cg24099067</t>
  </si>
  <si>
    <t>cg24100307</t>
  </si>
  <si>
    <t>cg24102242</t>
  </si>
  <si>
    <t>cg24104938</t>
  </si>
  <si>
    <t>cg24108149</t>
  </si>
  <si>
    <t>cg24109612</t>
  </si>
  <si>
    <t>cg24111025</t>
  </si>
  <si>
    <t>cg24114708</t>
  </si>
  <si>
    <t>cg24116534</t>
  </si>
  <si>
    <t>cg24118850</t>
  </si>
  <si>
    <t>cg24119500</t>
  </si>
  <si>
    <t>cg24121557</t>
  </si>
  <si>
    <t>cg24126144</t>
  </si>
  <si>
    <t>cg24131497</t>
  </si>
  <si>
    <t>cg24132989</t>
  </si>
  <si>
    <t>cg24133115</t>
  </si>
  <si>
    <t>cg24134020</t>
  </si>
  <si>
    <t>cg24134789</t>
  </si>
  <si>
    <t>cg24134918</t>
  </si>
  <si>
    <t>cg24135939</t>
  </si>
  <si>
    <t>cg24136255</t>
  </si>
  <si>
    <t>cg24140573</t>
  </si>
  <si>
    <t>cg24143221</t>
  </si>
  <si>
    <t>cg24146125</t>
  </si>
  <si>
    <t>cg24148304</t>
  </si>
  <si>
    <t>cg24148841</t>
  </si>
  <si>
    <t>cg24148931</t>
  </si>
  <si>
    <t>cg24151207</t>
  </si>
  <si>
    <t>cg24152417</t>
  </si>
  <si>
    <t>cg24153763</t>
  </si>
  <si>
    <t>cg24154161</t>
  </si>
  <si>
    <t>cg24156393</t>
  </si>
  <si>
    <t>cg24159636</t>
  </si>
  <si>
    <t>cg24161652</t>
  </si>
  <si>
    <t>cg24161925</t>
  </si>
  <si>
    <t>cg24170535</t>
  </si>
  <si>
    <t>cg24176040</t>
  </si>
  <si>
    <t>cg24176563</t>
  </si>
  <si>
    <t>cg24177217</t>
  </si>
  <si>
    <t>cg24187051</t>
  </si>
  <si>
    <t>cg24190603</t>
  </si>
  <si>
    <t>cg24192845</t>
  </si>
  <si>
    <t>cg24192846</t>
  </si>
  <si>
    <t>cg24194539</t>
  </si>
  <si>
    <t>cg24196784</t>
  </si>
  <si>
    <t>cg24198941</t>
  </si>
  <si>
    <t>cg24198996</t>
  </si>
  <si>
    <t>cg24204740</t>
  </si>
  <si>
    <t>cg24209509</t>
  </si>
  <si>
    <t>cg24211388</t>
  </si>
  <si>
    <t>cg24213189</t>
  </si>
  <si>
    <t>cg24216990</t>
  </si>
  <si>
    <t>cg24218279</t>
  </si>
  <si>
    <t>cg24219974</t>
  </si>
  <si>
    <t>cg24220122</t>
  </si>
  <si>
    <t>cg24222512</t>
  </si>
  <si>
    <t>cg24223887</t>
  </si>
  <si>
    <t>cg24224803</t>
  </si>
  <si>
    <t>cg24225668</t>
  </si>
  <si>
    <t>cg24234850</t>
  </si>
  <si>
    <t>cg24236938</t>
  </si>
  <si>
    <t>cg24237742</t>
  </si>
  <si>
    <t>cg24242280</t>
  </si>
  <si>
    <t>cg24244437</t>
  </si>
  <si>
    <t>cg24245227</t>
  </si>
  <si>
    <t>cg24245773</t>
  </si>
  <si>
    <t>cg24247823</t>
  </si>
  <si>
    <t>cg24248978</t>
  </si>
  <si>
    <t>cg24249695</t>
  </si>
  <si>
    <t>cg24250363</t>
  </si>
  <si>
    <t>cg24251339</t>
  </si>
  <si>
    <t>cg24252708</t>
  </si>
  <si>
    <t>cg24265280</t>
  </si>
  <si>
    <t>cg24266105</t>
  </si>
  <si>
    <t>cg24273512</t>
  </si>
  <si>
    <t>cg24274428</t>
  </si>
  <si>
    <t>cg24275356</t>
  </si>
  <si>
    <t>cg24276445</t>
  </si>
  <si>
    <t>cg24277128</t>
  </si>
  <si>
    <t>cg24278033</t>
  </si>
  <si>
    <t>cg24279419</t>
  </si>
  <si>
    <t>cg24282479</t>
  </si>
  <si>
    <t>cg24282486</t>
  </si>
  <si>
    <t>cg24283684</t>
  </si>
  <si>
    <t>cg24283914</t>
  </si>
  <si>
    <t>cg24285903</t>
  </si>
  <si>
    <t>cg24286575</t>
  </si>
  <si>
    <t>cg24293044</t>
  </si>
  <si>
    <t>cg24294399</t>
  </si>
  <si>
    <t>cg24295104</t>
  </si>
  <si>
    <t>cg24297727</t>
  </si>
  <si>
    <t>cg24310786</t>
  </si>
  <si>
    <t>cg24311693</t>
  </si>
  <si>
    <t>cg24317255</t>
  </si>
  <si>
    <t>cg24319143</t>
  </si>
  <si>
    <t>cg24319178</t>
  </si>
  <si>
    <t>cg24319547</t>
  </si>
  <si>
    <t>cg24320816</t>
  </si>
  <si>
    <t>cg24323031</t>
  </si>
  <si>
    <t>cg24324628</t>
  </si>
  <si>
    <t>cg24325581</t>
  </si>
  <si>
    <t>cg24326130</t>
  </si>
  <si>
    <t>cg24328676</t>
  </si>
  <si>
    <t>cg24328774</t>
  </si>
  <si>
    <t>cg24329557</t>
  </si>
  <si>
    <t>cg24329658</t>
  </si>
  <si>
    <t>cg24331963</t>
  </si>
  <si>
    <t>cg24333192</t>
  </si>
  <si>
    <t>cg24336089</t>
  </si>
  <si>
    <t>cg24337273</t>
  </si>
  <si>
    <t>cg24338348</t>
  </si>
  <si>
    <t>cg24342628</t>
  </si>
  <si>
    <t>cg24345551</t>
  </si>
  <si>
    <t>cg24347070</t>
  </si>
  <si>
    <t>cg24348705</t>
  </si>
  <si>
    <t>cg24349555</t>
  </si>
  <si>
    <t>cg24349745</t>
  </si>
  <si>
    <t>cg24350202</t>
  </si>
  <si>
    <t>cg24351901</t>
  </si>
  <si>
    <t>cg24353833</t>
  </si>
  <si>
    <t>cg24354924</t>
  </si>
  <si>
    <t>cg24358785</t>
  </si>
  <si>
    <t>cg24361357</t>
  </si>
  <si>
    <t>cg24362790</t>
  </si>
  <si>
    <t>cg24363824</t>
  </si>
  <si>
    <t>cg24364491</t>
  </si>
  <si>
    <t>cg24369466</t>
  </si>
  <si>
    <t>cg24370974</t>
  </si>
  <si>
    <t>cg24371536</t>
  </si>
  <si>
    <t>cg24372586</t>
  </si>
  <si>
    <t>cg24378136</t>
  </si>
  <si>
    <t>cg24378227</t>
  </si>
  <si>
    <t>cg24382801</t>
  </si>
  <si>
    <t>cg24386906</t>
  </si>
  <si>
    <t>cg24394856</t>
  </si>
  <si>
    <t>cg24395504</t>
  </si>
  <si>
    <t>cg24396074</t>
  </si>
  <si>
    <t>cg24396154</t>
  </si>
  <si>
    <t>cg24400656</t>
  </si>
  <si>
    <t>cg24401489</t>
  </si>
  <si>
    <t>cg24404083</t>
  </si>
  <si>
    <t>cg24405291</t>
  </si>
  <si>
    <t>cg24408763</t>
  </si>
  <si>
    <t>cg24409440</t>
  </si>
  <si>
    <t>cg24421410</t>
  </si>
  <si>
    <t>cg24425483</t>
  </si>
  <si>
    <t>cg24425727</t>
  </si>
  <si>
    <t>cg24427993</t>
  </si>
  <si>
    <t>cg24436365</t>
  </si>
  <si>
    <t>cg24438135</t>
  </si>
  <si>
    <t>cg24443198</t>
  </si>
  <si>
    <t>cg24443629</t>
  </si>
  <si>
    <t>cg24446242</t>
  </si>
  <si>
    <t>cg24450397</t>
  </si>
  <si>
    <t>cg24452282</t>
  </si>
  <si>
    <t>cg24453353</t>
  </si>
  <si>
    <t>cg24455405</t>
  </si>
  <si>
    <t>cg24458873</t>
  </si>
  <si>
    <t>cg24462241</t>
  </si>
  <si>
    <t>cg24462934</t>
  </si>
  <si>
    <t>cg24469001</t>
  </si>
  <si>
    <t>cg24470206</t>
  </si>
  <si>
    <t>cg24472495</t>
  </si>
  <si>
    <t>cg24475275</t>
  </si>
  <si>
    <t>cg24479522</t>
  </si>
  <si>
    <t>cg24481606</t>
  </si>
  <si>
    <t>cg24483785</t>
  </si>
  <si>
    <t>cg24490567</t>
  </si>
  <si>
    <t>cg24491776</t>
  </si>
  <si>
    <t>cg24492556</t>
  </si>
  <si>
    <t>cg24492749</t>
  </si>
  <si>
    <t>cg24493649</t>
  </si>
  <si>
    <t>cg24497955</t>
  </si>
  <si>
    <t>cg24498636</t>
  </si>
  <si>
    <t>cg24500422</t>
  </si>
  <si>
    <t>cg24500683</t>
  </si>
  <si>
    <t>cg24500898</t>
  </si>
  <si>
    <t>cg24504289</t>
  </si>
  <si>
    <t>cg24506088</t>
  </si>
  <si>
    <t>cg24506767</t>
  </si>
  <si>
    <t>cg24507551</t>
  </si>
  <si>
    <t>cg24509300</t>
  </si>
  <si>
    <t>cg24510700</t>
  </si>
  <si>
    <t>cg24516147</t>
  </si>
  <si>
    <t>cg24517175</t>
  </si>
  <si>
    <t>cg24518247</t>
  </si>
  <si>
    <t>cg24518943</t>
  </si>
  <si>
    <t>cg24518988</t>
  </si>
  <si>
    <t>cg24520800</t>
  </si>
  <si>
    <t>cg24520968</t>
  </si>
  <si>
    <t>cg24520975</t>
  </si>
  <si>
    <t>cg24521988</t>
  </si>
  <si>
    <t>cg24524396</t>
  </si>
  <si>
    <t>cg24524546</t>
  </si>
  <si>
    <t>cg24526843</t>
  </si>
  <si>
    <t>cg24528164</t>
  </si>
  <si>
    <t>cg24529500</t>
  </si>
  <si>
    <t>cg24529970</t>
  </si>
  <si>
    <t>cg24530786</t>
  </si>
  <si>
    <t>cg24531536</t>
  </si>
  <si>
    <t>cg24535352</t>
  </si>
  <si>
    <t>cg24536938</t>
  </si>
  <si>
    <t>cg24540603</t>
  </si>
  <si>
    <t>cg24544298</t>
  </si>
  <si>
    <t>cg24545315</t>
  </si>
  <si>
    <t>cg24547575</t>
  </si>
  <si>
    <t>cg24554059</t>
  </si>
  <si>
    <t>cg24556630</t>
  </si>
  <si>
    <t>cg24566261</t>
  </si>
  <si>
    <t>cg24567537</t>
  </si>
  <si>
    <t>cg24571227</t>
  </si>
  <si>
    <t>cg24578337</t>
  </si>
  <si>
    <t>cg24579212</t>
  </si>
  <si>
    <t>cg24580008</t>
  </si>
  <si>
    <t>cg24583131</t>
  </si>
  <si>
    <t>cg24583287</t>
  </si>
  <si>
    <t>cg24583410</t>
  </si>
  <si>
    <t>cg24587080</t>
  </si>
  <si>
    <t>cg24594177</t>
  </si>
  <si>
    <t>cg24594224</t>
  </si>
  <si>
    <t>cg24594504</t>
  </si>
  <si>
    <t>cg24594692</t>
  </si>
  <si>
    <t>cg24595261</t>
  </si>
  <si>
    <t>cg24603041</t>
  </si>
  <si>
    <t>cg24604172</t>
  </si>
  <si>
    <t>cg24605046</t>
  </si>
  <si>
    <t>cg24608684</t>
  </si>
  <si>
    <t>cg24617992</t>
  </si>
  <si>
    <t>cg24625115</t>
  </si>
  <si>
    <t>cg24628013</t>
  </si>
  <si>
    <t>cg24629395</t>
  </si>
  <si>
    <t>cg24629424</t>
  </si>
  <si>
    <t>cg24631162</t>
  </si>
  <si>
    <t>cg24631428</t>
  </si>
  <si>
    <t>cg24634333</t>
  </si>
  <si>
    <t>cg24635581</t>
  </si>
  <si>
    <t>cg24638849</t>
  </si>
  <si>
    <t>cg24640415</t>
  </si>
  <si>
    <t>cg24640641</t>
  </si>
  <si>
    <t>cg24640800</t>
  </si>
  <si>
    <t>cg24641186</t>
  </si>
  <si>
    <t>cg24644551</t>
  </si>
  <si>
    <t>cg24649269</t>
  </si>
  <si>
    <t>cg24650522</t>
  </si>
  <si>
    <t>cg24651969</t>
  </si>
  <si>
    <t>cg24652281</t>
  </si>
  <si>
    <t>cg24652809</t>
  </si>
  <si>
    <t>cg24654874</t>
  </si>
  <si>
    <t>cg24654907</t>
  </si>
  <si>
    <t>cg24657518</t>
  </si>
  <si>
    <t>cg24662789</t>
  </si>
  <si>
    <t>cg24664526</t>
  </si>
  <si>
    <t>cg24665839</t>
  </si>
  <si>
    <t>cg24668093</t>
  </si>
  <si>
    <t>cg24671153</t>
  </si>
  <si>
    <t>cg24671572</t>
  </si>
  <si>
    <t>cg24676346</t>
  </si>
  <si>
    <t>cg24677278</t>
  </si>
  <si>
    <t>cg24677671</t>
  </si>
  <si>
    <t>cg24679174</t>
  </si>
  <si>
    <t>cg24680078</t>
  </si>
  <si>
    <t>cg24684168</t>
  </si>
  <si>
    <t>cg24684807</t>
  </si>
  <si>
    <t>cg24685167</t>
  </si>
  <si>
    <t>cg24686957</t>
  </si>
  <si>
    <t>cg24688826</t>
  </si>
  <si>
    <t>cg24691656</t>
  </si>
  <si>
    <t>cg24691657</t>
  </si>
  <si>
    <t>cg24694606</t>
  </si>
  <si>
    <t>cg24695832</t>
  </si>
  <si>
    <t>cg24696151</t>
  </si>
  <si>
    <t>cg24697648</t>
  </si>
  <si>
    <t>cg24700316</t>
  </si>
  <si>
    <t>cg24701097</t>
  </si>
  <si>
    <t>cg24701662</t>
  </si>
  <si>
    <t>cg24702451</t>
  </si>
  <si>
    <t>cg24703717</t>
  </si>
  <si>
    <t>cg24704603</t>
  </si>
  <si>
    <t>cg24707023</t>
  </si>
  <si>
    <t>cg24707219</t>
  </si>
  <si>
    <t>cg24708006</t>
  </si>
  <si>
    <t>cg24710073</t>
  </si>
  <si>
    <t>cg24710951</t>
  </si>
  <si>
    <t>cg24714100</t>
  </si>
  <si>
    <t>cg24714313</t>
  </si>
  <si>
    <t>cg24715100</t>
  </si>
  <si>
    <t>cg24717325</t>
  </si>
  <si>
    <t>cg24718275</t>
  </si>
  <si>
    <t>cg24725337</t>
  </si>
  <si>
    <t>cg24727290</t>
  </si>
  <si>
    <t>cg24727437</t>
  </si>
  <si>
    <t>cg24727561</t>
  </si>
  <si>
    <t>cg24728542</t>
  </si>
  <si>
    <t>cg24732991</t>
  </si>
  <si>
    <t>cg24735489</t>
  </si>
  <si>
    <t>cg24747537</t>
  </si>
  <si>
    <t>cg24747763</t>
  </si>
  <si>
    <t>cg24749265</t>
  </si>
  <si>
    <t>cg24750920</t>
  </si>
  <si>
    <t>cg24751129</t>
  </si>
  <si>
    <t>cg24754066</t>
  </si>
  <si>
    <t>cg24756966</t>
  </si>
  <si>
    <t>cg24758027</t>
  </si>
  <si>
    <t>cg24760023</t>
  </si>
  <si>
    <t>cg24760165</t>
  </si>
  <si>
    <t>cg24761195</t>
  </si>
  <si>
    <t>cg24761567</t>
  </si>
  <si>
    <t>cg24764168</t>
  </si>
  <si>
    <t>cg24766816</t>
  </si>
  <si>
    <t>cg24768187</t>
  </si>
  <si>
    <t>cg24773542</t>
  </si>
  <si>
    <t>cg24774581</t>
  </si>
  <si>
    <t>cg24776142</t>
  </si>
  <si>
    <t>cg24787138</t>
  </si>
  <si>
    <t>cg24789940</t>
  </si>
  <si>
    <t>cg24790356</t>
  </si>
  <si>
    <t>cg24791428</t>
  </si>
  <si>
    <t>cg24793022</t>
  </si>
  <si>
    <t>cg24794107</t>
  </si>
  <si>
    <t>cg24794408</t>
  </si>
  <si>
    <t>cg24799187</t>
  </si>
  <si>
    <t>cg24804436</t>
  </si>
  <si>
    <t>cg24804782</t>
  </si>
  <si>
    <t>cg24805875</t>
  </si>
  <si>
    <t>cg24813995</t>
  </si>
  <si>
    <t>cg24814784</t>
  </si>
  <si>
    <t>cg24815973</t>
  </si>
  <si>
    <t>cg24817154</t>
  </si>
  <si>
    <t>cg24817345</t>
  </si>
  <si>
    <t>cg24818562</t>
  </si>
  <si>
    <t>cg24826610</t>
  </si>
  <si>
    <t>cg24827036</t>
  </si>
  <si>
    <t>cg24827992</t>
  </si>
  <si>
    <t>cg24828988</t>
  </si>
  <si>
    <t>cg24830233</t>
  </si>
  <si>
    <t>cg24831427</t>
  </si>
  <si>
    <t>cg24836175</t>
  </si>
  <si>
    <t>cg24838581</t>
  </si>
  <si>
    <t>cg24842142</t>
  </si>
  <si>
    <t>cg24842733</t>
  </si>
  <si>
    <t>cg24842998</t>
  </si>
  <si>
    <t>cg24846030</t>
  </si>
  <si>
    <t>cg24847601</t>
  </si>
  <si>
    <t>cg24847621</t>
  </si>
  <si>
    <t>cg24848467</t>
  </si>
  <si>
    <t>cg24851166</t>
  </si>
  <si>
    <t>cg24851586</t>
  </si>
  <si>
    <t>cg24851684</t>
  </si>
  <si>
    <t>cg24851906</t>
  </si>
  <si>
    <t>cg24852883</t>
  </si>
  <si>
    <t>cg24855075</t>
  </si>
  <si>
    <t>cg24856537</t>
  </si>
  <si>
    <t>cg24859352</t>
  </si>
  <si>
    <t>cg24859433</t>
  </si>
  <si>
    <t>cg24863152</t>
  </si>
  <si>
    <t>cg24864413</t>
  </si>
  <si>
    <t>cg24865270</t>
  </si>
  <si>
    <t>cg24870273</t>
  </si>
  <si>
    <t>cg24870340</t>
  </si>
  <si>
    <t>cg24871798</t>
  </si>
  <si>
    <t>cg24872570</t>
  </si>
  <si>
    <t>cg24873280</t>
  </si>
  <si>
    <t>cg24873872</t>
  </si>
  <si>
    <t>cg24874254</t>
  </si>
  <si>
    <t>cg24875484</t>
  </si>
  <si>
    <t>cg24876187</t>
  </si>
  <si>
    <t>cg24876837</t>
  </si>
  <si>
    <t>cg24876969</t>
  </si>
  <si>
    <t>cg24878005</t>
  </si>
  <si>
    <t>cg24878755</t>
  </si>
  <si>
    <t>cg24881834</t>
  </si>
  <si>
    <t>cg24882307</t>
  </si>
  <si>
    <t>cg24884217</t>
  </si>
  <si>
    <t>cg24886867</t>
  </si>
  <si>
    <t>cg24891034</t>
  </si>
  <si>
    <t>cg24897255</t>
  </si>
  <si>
    <t>cg24898914</t>
  </si>
  <si>
    <t>cg24899451</t>
  </si>
  <si>
    <t>cg24900983</t>
  </si>
  <si>
    <t>cg24901317</t>
  </si>
  <si>
    <t>cg24902920</t>
  </si>
  <si>
    <t>cg24903176</t>
  </si>
  <si>
    <t>cg24908499</t>
  </si>
  <si>
    <t>cg24909369</t>
  </si>
  <si>
    <t>cg24909975</t>
  </si>
  <si>
    <t>cg24912456</t>
  </si>
  <si>
    <t>cg24915236</t>
  </si>
  <si>
    <t>cg24920145</t>
  </si>
  <si>
    <t>cg24924958</t>
  </si>
  <si>
    <t>cg24926370</t>
  </si>
  <si>
    <t>cg24931520</t>
  </si>
  <si>
    <t>cg24933473</t>
  </si>
  <si>
    <t>cg24936204</t>
  </si>
  <si>
    <t>cg24936273</t>
  </si>
  <si>
    <t>cg24936467</t>
  </si>
  <si>
    <t>cg24937582</t>
  </si>
  <si>
    <t>cg24939196</t>
  </si>
  <si>
    <t>cg24944500</t>
  </si>
  <si>
    <t>cg24946044</t>
  </si>
  <si>
    <t>cg24947718</t>
  </si>
  <si>
    <t>cg24949575</t>
  </si>
  <si>
    <t>cg24950709</t>
  </si>
  <si>
    <t>cg24953636</t>
  </si>
  <si>
    <t>cg24955682</t>
  </si>
  <si>
    <t>cg24957476</t>
  </si>
  <si>
    <t>cg24960118</t>
  </si>
  <si>
    <t>cg24963756</t>
  </si>
  <si>
    <t>cg24964103</t>
  </si>
  <si>
    <t>cg24964350</t>
  </si>
  <si>
    <t>cg24965638</t>
  </si>
  <si>
    <t>cg24966682</t>
  </si>
  <si>
    <t>cg24967096</t>
  </si>
  <si>
    <t>cg24968291</t>
  </si>
  <si>
    <t>cg24969778</t>
  </si>
  <si>
    <t>cg24970181</t>
  </si>
  <si>
    <t>cg24970314</t>
  </si>
  <si>
    <t>cg24986572</t>
  </si>
  <si>
    <t>cg24990564</t>
  </si>
  <si>
    <t>cg24991452</t>
  </si>
  <si>
    <t>cg24993194</t>
  </si>
  <si>
    <t>cg24994319</t>
  </si>
  <si>
    <t>cg24996709</t>
  </si>
  <si>
    <t>cg24998879</t>
  </si>
  <si>
    <t>cg25000210</t>
  </si>
  <si>
    <t>cg25002649</t>
  </si>
  <si>
    <t>cg25003777</t>
  </si>
  <si>
    <t>cg25004178</t>
  </si>
  <si>
    <t>cg25008156</t>
  </si>
  <si>
    <t>cg25012029</t>
  </si>
  <si>
    <t>cg25013052</t>
  </si>
  <si>
    <t>cg25013586</t>
  </si>
  <si>
    <t>cg25014180</t>
  </si>
  <si>
    <t>cg25014318</t>
  </si>
  <si>
    <t>cg25015371</t>
  </si>
  <si>
    <t>cg25018403</t>
  </si>
  <si>
    <t>cg25019526</t>
  </si>
  <si>
    <t>cg25019722</t>
  </si>
  <si>
    <t>cg25020820</t>
  </si>
  <si>
    <t>cg25020944</t>
  </si>
  <si>
    <t>cg25022355</t>
  </si>
  <si>
    <t>cg25024035</t>
  </si>
  <si>
    <t>cg25025545</t>
  </si>
  <si>
    <t>cg25026237</t>
  </si>
  <si>
    <t>cg25026500</t>
  </si>
  <si>
    <t>cg25028766</t>
  </si>
  <si>
    <t>cg25033767</t>
  </si>
  <si>
    <t>cg25034944</t>
  </si>
  <si>
    <t>cg25045942</t>
  </si>
  <si>
    <t>cg25048100</t>
  </si>
  <si>
    <t>cg25049374</t>
  </si>
  <si>
    <t>cg25049387</t>
  </si>
  <si>
    <t>cg25049698</t>
  </si>
  <si>
    <t>cg25054816</t>
  </si>
  <si>
    <t>cg25055477</t>
  </si>
  <si>
    <t>cg25059165</t>
  </si>
  <si>
    <t>cg25060765</t>
  </si>
  <si>
    <t>cg25061610</t>
  </si>
  <si>
    <t>cg25065981</t>
  </si>
  <si>
    <t>cg25075776</t>
  </si>
  <si>
    <t>cg25076980</t>
  </si>
  <si>
    <t>cg25089231</t>
  </si>
  <si>
    <t>cg25089685</t>
  </si>
  <si>
    <t>cg25094081</t>
  </si>
  <si>
    <t>cg25094921</t>
  </si>
  <si>
    <t>cg25107268</t>
  </si>
  <si>
    <t>cg25107791</t>
  </si>
  <si>
    <t>cg25110523</t>
  </si>
  <si>
    <t>cg25114611</t>
  </si>
  <si>
    <t>cg25115145</t>
  </si>
  <si>
    <t>cg25119261</t>
  </si>
  <si>
    <t>cg25120992</t>
  </si>
  <si>
    <t>cg25122820</t>
  </si>
  <si>
    <t>cg25123046</t>
  </si>
  <si>
    <t>cg25123266</t>
  </si>
  <si>
    <t>cg25124223</t>
  </si>
  <si>
    <t>cg25127250</t>
  </si>
  <si>
    <t>cg25127315</t>
  </si>
  <si>
    <t>cg25129765</t>
  </si>
  <si>
    <t>cg25133212</t>
  </si>
  <si>
    <t>cg25136631</t>
  </si>
  <si>
    <t>cg25136687</t>
  </si>
  <si>
    <t>cg25140370</t>
  </si>
  <si>
    <t>cg25140607</t>
  </si>
  <si>
    <t>cg25140612</t>
  </si>
  <si>
    <t>cg25142847</t>
  </si>
  <si>
    <t>cg25144111</t>
  </si>
  <si>
    <t>cg25148347</t>
  </si>
  <si>
    <t>cg25149023</t>
  </si>
  <si>
    <t>cg25151806</t>
  </si>
  <si>
    <t>cg25155298</t>
  </si>
  <si>
    <t>cg25157325</t>
  </si>
  <si>
    <t>cg25157615</t>
  </si>
  <si>
    <t>cg25157874</t>
  </si>
  <si>
    <t>cg25158622</t>
  </si>
  <si>
    <t>cg25164051</t>
  </si>
  <si>
    <t>cg25164894</t>
  </si>
  <si>
    <t>cg25165975</t>
  </si>
  <si>
    <t>cg25181693</t>
  </si>
  <si>
    <t>cg25189764</t>
  </si>
  <si>
    <t>cg25198784</t>
  </si>
  <si>
    <t>cg25205758</t>
  </si>
  <si>
    <t>cg25206562</t>
  </si>
  <si>
    <t>cg25207447</t>
  </si>
  <si>
    <t>cg25208582</t>
  </si>
  <si>
    <t>cg25209609</t>
  </si>
  <si>
    <t>cg25214898</t>
  </si>
  <si>
    <t>cg25214924</t>
  </si>
  <si>
    <t>cg25216039</t>
  </si>
  <si>
    <t>cg25218453</t>
  </si>
  <si>
    <t>cg25220428</t>
  </si>
  <si>
    <t>cg25247351</t>
  </si>
  <si>
    <t>cg25247859</t>
  </si>
  <si>
    <t>cg25248155</t>
  </si>
  <si>
    <t>cg25251478</t>
  </si>
  <si>
    <t>cg25254074</t>
  </si>
  <si>
    <t>cg25256538</t>
  </si>
  <si>
    <t>cg25258033</t>
  </si>
  <si>
    <t>cg25259653</t>
  </si>
  <si>
    <t>cg25261377</t>
  </si>
  <si>
    <t>cg25262528</t>
  </si>
  <si>
    <t>cg25262548</t>
  </si>
  <si>
    <t>cg25263135</t>
  </si>
  <si>
    <t>cg25263140</t>
  </si>
  <si>
    <t>cg25264948</t>
  </si>
  <si>
    <t>cg25266521</t>
  </si>
  <si>
    <t>cg25277041</t>
  </si>
  <si>
    <t>cg25278663</t>
  </si>
  <si>
    <t>cg25280092</t>
  </si>
  <si>
    <t>cg25284213</t>
  </si>
  <si>
    <t>cg25285053</t>
  </si>
  <si>
    <t>cg25289457</t>
  </si>
  <si>
    <t>cg25289569</t>
  </si>
  <si>
    <t>cg25291603</t>
  </si>
  <si>
    <t>cg25303336</t>
  </si>
  <si>
    <t>cg25309811</t>
  </si>
  <si>
    <t>cg25309929</t>
  </si>
  <si>
    <t>cg25312474</t>
  </si>
  <si>
    <t>cg25313204</t>
  </si>
  <si>
    <t>cg25314531</t>
  </si>
  <si>
    <t>cg25315493</t>
  </si>
  <si>
    <t>cg25323497</t>
  </si>
  <si>
    <t>cg25323841</t>
  </si>
  <si>
    <t>cg25324046</t>
  </si>
  <si>
    <t>cg25325512</t>
  </si>
  <si>
    <t>cg25326378</t>
  </si>
  <si>
    <t>cg25326491</t>
  </si>
  <si>
    <t>cg25328795</t>
  </si>
  <si>
    <t>cg25329267</t>
  </si>
  <si>
    <t>cg25336853</t>
  </si>
  <si>
    <t>cg25337124</t>
  </si>
  <si>
    <t>cg25343331</t>
  </si>
  <si>
    <t>cg25343661</t>
  </si>
  <si>
    <t>cg25347728</t>
  </si>
  <si>
    <t>cg25348940</t>
  </si>
  <si>
    <t>cg25355006</t>
  </si>
  <si>
    <t>cg25356697</t>
  </si>
  <si>
    <t>cg25360535</t>
  </si>
  <si>
    <t>cg25367318</t>
  </si>
  <si>
    <t>cg25368728</t>
  </si>
  <si>
    <t>cg25370414</t>
  </si>
  <si>
    <t>cg25370658</t>
  </si>
  <si>
    <t>cg25372103</t>
  </si>
  <si>
    <t>cg25373438</t>
  </si>
  <si>
    <t>cg25373579</t>
  </si>
  <si>
    <t>cg25375757</t>
  </si>
  <si>
    <t>cg25375764</t>
  </si>
  <si>
    <t>cg25378003</t>
  </si>
  <si>
    <t>cg25380151</t>
  </si>
  <si>
    <t>cg25380464</t>
  </si>
  <si>
    <t>cg25381091</t>
  </si>
  <si>
    <t>cg25383605</t>
  </si>
  <si>
    <t>cg25384897</t>
  </si>
  <si>
    <t>cg25386579</t>
  </si>
  <si>
    <t>cg25391194</t>
  </si>
  <si>
    <t>cg25392500</t>
  </si>
  <si>
    <t>cg25393388</t>
  </si>
  <si>
    <t>cg25393576</t>
  </si>
  <si>
    <t>cg25395087</t>
  </si>
  <si>
    <t>cg25395108</t>
  </si>
  <si>
    <t>cg25399367</t>
  </si>
  <si>
    <t>cg25400948</t>
  </si>
  <si>
    <t>cg25403205</t>
  </si>
  <si>
    <t>cg25413414</t>
  </si>
  <si>
    <t>cg25414128</t>
  </si>
  <si>
    <t>cg25416270</t>
  </si>
  <si>
    <t>cg25420482</t>
  </si>
  <si>
    <t>cg25423002</t>
  </si>
  <si>
    <t>cg25423576</t>
  </si>
  <si>
    <t>cg25426302</t>
  </si>
  <si>
    <t>cg25426560</t>
  </si>
  <si>
    <t>cg25428429</t>
  </si>
  <si>
    <t>cg25433222</t>
  </si>
  <si>
    <t>cg25435270</t>
  </si>
  <si>
    <t>cg25438963</t>
  </si>
  <si>
    <t>cg25455724</t>
  </si>
  <si>
    <t>cg25457331</t>
  </si>
  <si>
    <t>cg25458520</t>
  </si>
  <si>
    <t>cg25459450</t>
  </si>
  <si>
    <t>cg25459623</t>
  </si>
  <si>
    <t>cg25461130</t>
  </si>
  <si>
    <t>cg25463331</t>
  </si>
  <si>
    <t>cg25470479</t>
  </si>
  <si>
    <t>cg25474864</t>
  </si>
  <si>
    <t>cg25475668</t>
  </si>
  <si>
    <t>cg25482983</t>
  </si>
  <si>
    <t>cg25484127</t>
  </si>
  <si>
    <t>cg25485294</t>
  </si>
  <si>
    <t>cg25486506</t>
  </si>
  <si>
    <t>cg25489467</t>
  </si>
  <si>
    <t>cg25499746</t>
  </si>
  <si>
    <t>cg25506256</t>
  </si>
  <si>
    <t>cg25511278</t>
  </si>
  <si>
    <t>cg25511429</t>
  </si>
  <si>
    <t>cg25513133</t>
  </si>
  <si>
    <t>cg25514947</t>
  </si>
  <si>
    <t>cg25515481</t>
  </si>
  <si>
    <t>cg25515801</t>
  </si>
  <si>
    <t>cg25518400</t>
  </si>
  <si>
    <t>cg25519804</t>
  </si>
  <si>
    <t>cg25527882</t>
  </si>
  <si>
    <t>cg25529875</t>
  </si>
  <si>
    <t>cg25533211</t>
  </si>
  <si>
    <t>cg25535027</t>
  </si>
  <si>
    <t>cg25535435</t>
  </si>
  <si>
    <t>cg25535873</t>
  </si>
  <si>
    <t>cg25537962</t>
  </si>
  <si>
    <t>cg25544935</t>
  </si>
  <si>
    <t>cg25545088</t>
  </si>
  <si>
    <t>cg25549720</t>
  </si>
  <si>
    <t>cg25559625</t>
  </si>
  <si>
    <t>cg25560247</t>
  </si>
  <si>
    <t>cg25566552</t>
  </si>
  <si>
    <t>cg25567805</t>
  </si>
  <si>
    <t>cg25569396</t>
  </si>
  <si>
    <t>cg25585873</t>
  </si>
  <si>
    <t>cg25586244</t>
  </si>
  <si>
    <t>cg25588725</t>
  </si>
  <si>
    <t>cg25590181</t>
  </si>
  <si>
    <t>cg25592021</t>
  </si>
  <si>
    <t>cg25595005</t>
  </si>
  <si>
    <t>cg25596754</t>
  </si>
  <si>
    <t>cg25598409</t>
  </si>
  <si>
    <t>cg25600103</t>
  </si>
  <si>
    <t>cg25602966</t>
  </si>
  <si>
    <t>cg25607383</t>
  </si>
  <si>
    <t>cg25608547</t>
  </si>
  <si>
    <t>cg25633383</t>
  </si>
  <si>
    <t>cg25634742</t>
  </si>
  <si>
    <t>cg25636068</t>
  </si>
  <si>
    <t>cg25637708</t>
  </si>
  <si>
    <t>cg25637836</t>
  </si>
  <si>
    <t>cg25640892</t>
  </si>
  <si>
    <t>cg25641533</t>
  </si>
  <si>
    <t>cg25644015</t>
  </si>
  <si>
    <t>cg25652293</t>
  </si>
  <si>
    <t>cg25654517</t>
  </si>
  <si>
    <t>cg25659902</t>
  </si>
  <si>
    <t>cg25661892</t>
  </si>
  <si>
    <t>cg25664704</t>
  </si>
  <si>
    <t>cg25664715</t>
  </si>
  <si>
    <t>cg25665636</t>
  </si>
  <si>
    <t>cg25666433</t>
  </si>
  <si>
    <t>cg25669504</t>
  </si>
  <si>
    <t>cg25676166</t>
  </si>
  <si>
    <t>cg25681688</t>
  </si>
  <si>
    <t>cg25681872</t>
  </si>
  <si>
    <t>cg25685456</t>
  </si>
  <si>
    <t>cg25687360</t>
  </si>
  <si>
    <t>cg25687423</t>
  </si>
  <si>
    <t>cg25687777</t>
  </si>
  <si>
    <t>cg25691763</t>
  </si>
  <si>
    <t>cg25692002</t>
  </si>
  <si>
    <t>cg25693349</t>
  </si>
  <si>
    <t>cg25696972</t>
  </si>
  <si>
    <t>cg25700513</t>
  </si>
  <si>
    <t>cg25700848</t>
  </si>
  <si>
    <t>cg25701100</t>
  </si>
  <si>
    <t>cg25701364</t>
  </si>
  <si>
    <t>cg25703784</t>
  </si>
  <si>
    <t>cg25719236</t>
  </si>
  <si>
    <t>cg25722142</t>
  </si>
  <si>
    <t>cg25728477</t>
  </si>
  <si>
    <t>cg25729545</t>
  </si>
  <si>
    <t>cg25730428</t>
  </si>
  <si>
    <t>cg25733934</t>
  </si>
  <si>
    <t>cg25738070</t>
  </si>
  <si>
    <t>cg25738786</t>
  </si>
  <si>
    <t>cg25742745</t>
  </si>
  <si>
    <t>cg25743286</t>
  </si>
  <si>
    <t>cg25746489</t>
  </si>
  <si>
    <t>cg25747655</t>
  </si>
  <si>
    <t>cg25748868</t>
  </si>
  <si>
    <t>cg25749318</t>
  </si>
  <si>
    <t>cg25754852</t>
  </si>
  <si>
    <t>cg25757714</t>
  </si>
  <si>
    <t>cg25760338</t>
  </si>
  <si>
    <t>cg25761215</t>
  </si>
  <si>
    <t>cg25761645</t>
  </si>
  <si>
    <t>cg25767433</t>
  </si>
  <si>
    <t>cg25767832</t>
  </si>
  <si>
    <t>cg25769566</t>
  </si>
  <si>
    <t>cg25770340</t>
  </si>
  <si>
    <t>cg25771580</t>
  </si>
  <si>
    <t>cg25772658</t>
  </si>
  <si>
    <t>cg25781711</t>
  </si>
  <si>
    <t>cg25783550</t>
  </si>
  <si>
    <t>cg25784319</t>
  </si>
  <si>
    <t>cg25784359</t>
  </si>
  <si>
    <t>cg25786265</t>
  </si>
  <si>
    <t>cg25786862</t>
  </si>
  <si>
    <t>cg25787940</t>
  </si>
  <si>
    <t>cg25790586</t>
  </si>
  <si>
    <t>cg25792714</t>
  </si>
  <si>
    <t>cg25796145</t>
  </si>
  <si>
    <t>cg25797454</t>
  </si>
  <si>
    <t>cg25798600</t>
  </si>
  <si>
    <t>cg25798647</t>
  </si>
  <si>
    <t>cg25804470</t>
  </si>
  <si>
    <t>cg25807071</t>
  </si>
  <si>
    <t>cg25813235</t>
  </si>
  <si>
    <t>cg25817788</t>
  </si>
  <si>
    <t>cg25821794</t>
  </si>
  <si>
    <t>cg25823710</t>
  </si>
  <si>
    <t>cg25824330</t>
  </si>
  <si>
    <t>cg25826973</t>
  </si>
  <si>
    <t>cg25829425</t>
  </si>
  <si>
    <t>cg25834568</t>
  </si>
  <si>
    <t>cg25840433</t>
  </si>
  <si>
    <t>cg25841114</t>
  </si>
  <si>
    <t>cg25843346</t>
  </si>
  <si>
    <t>cg25843866</t>
  </si>
  <si>
    <t>cg25845158</t>
  </si>
  <si>
    <t>cg25845597</t>
  </si>
  <si>
    <t>cg25845985</t>
  </si>
  <si>
    <t>cg25853673</t>
  </si>
  <si>
    <t>cg25858249</t>
  </si>
  <si>
    <t>cg25859998</t>
  </si>
  <si>
    <t>cg25861453</t>
  </si>
  <si>
    <t>cg25862117</t>
  </si>
  <si>
    <t>cg25862975</t>
  </si>
  <si>
    <t>cg25863382</t>
  </si>
  <si>
    <t>cg25881193</t>
  </si>
  <si>
    <t>cg25887294</t>
  </si>
  <si>
    <t>cg25911245</t>
  </si>
  <si>
    <t>cg25917723</t>
  </si>
  <si>
    <t>cg25919362</t>
  </si>
  <si>
    <t>cg25923856</t>
  </si>
  <si>
    <t>cg25934495</t>
  </si>
  <si>
    <t>cg25934824</t>
  </si>
  <si>
    <t>cg25938010</t>
  </si>
  <si>
    <t>cg25938025</t>
  </si>
  <si>
    <t>cg25938227</t>
  </si>
  <si>
    <t>cg25940847</t>
  </si>
  <si>
    <t>cg25943433</t>
  </si>
  <si>
    <t>cg25946909</t>
  </si>
  <si>
    <t>cg25953133</t>
  </si>
  <si>
    <t>cg25953417</t>
  </si>
  <si>
    <t>cg25953692</t>
  </si>
  <si>
    <t>cg25953930</t>
  </si>
  <si>
    <t>cg25954512</t>
  </si>
  <si>
    <t>cg25955180</t>
  </si>
  <si>
    <t>cg25955837</t>
  </si>
  <si>
    <t>cg25957599</t>
  </si>
  <si>
    <t>cg25962829</t>
  </si>
  <si>
    <t>cg25964534</t>
  </si>
  <si>
    <t>cg25965471</t>
  </si>
  <si>
    <t>cg25965888</t>
  </si>
  <si>
    <t>cg25967419</t>
  </si>
  <si>
    <t>cg25968437</t>
  </si>
  <si>
    <t>cg25971086</t>
  </si>
  <si>
    <t>cg25978487</t>
  </si>
  <si>
    <t>cg25980484</t>
  </si>
  <si>
    <t>cg25981875</t>
  </si>
  <si>
    <t>cg25982969</t>
  </si>
  <si>
    <t>cg25985959</t>
  </si>
  <si>
    <t>cg25987020</t>
  </si>
  <si>
    <t>cg25988717</t>
  </si>
  <si>
    <t>cg25991756</t>
  </si>
  <si>
    <t>cg25991879</t>
  </si>
  <si>
    <t>cg25994725</t>
  </si>
  <si>
    <t>cg25996663</t>
  </si>
  <si>
    <t>cg25997722</t>
  </si>
  <si>
    <t>cg25998512</t>
  </si>
  <si>
    <t>cg26004235</t>
  </si>
  <si>
    <t>cg26006245</t>
  </si>
  <si>
    <t>cg26008464</t>
  </si>
  <si>
    <t>cg26011168</t>
  </si>
  <si>
    <t>cg26014796</t>
  </si>
  <si>
    <t>cg26015971</t>
  </si>
  <si>
    <t>cg26020069</t>
  </si>
  <si>
    <t>cg26021766</t>
  </si>
  <si>
    <t>cg26027780</t>
  </si>
  <si>
    <t>cg26028810</t>
  </si>
  <si>
    <t>cg26029547</t>
  </si>
  <si>
    <t>cg26031541</t>
  </si>
  <si>
    <t>cg26032450</t>
  </si>
  <si>
    <t>cg26035615</t>
  </si>
  <si>
    <t>cg26053872</t>
  </si>
  <si>
    <t>cg26055446</t>
  </si>
  <si>
    <t>cg26059973</t>
  </si>
  <si>
    <t>cg26060489</t>
  </si>
  <si>
    <t>cg26069890</t>
  </si>
  <si>
    <t>cg26070383</t>
  </si>
  <si>
    <t>cg26074411</t>
  </si>
  <si>
    <t>cg26074430</t>
  </si>
  <si>
    <t>cg26074618</t>
  </si>
  <si>
    <t>cg26079250</t>
  </si>
  <si>
    <t>cg26079695</t>
  </si>
  <si>
    <t>cg26081162</t>
  </si>
  <si>
    <t>cg26083458</t>
  </si>
  <si>
    <t>cg26083825</t>
  </si>
  <si>
    <t>cg26090062</t>
  </si>
  <si>
    <t>cg26090991</t>
  </si>
  <si>
    <t>cg26091007</t>
  </si>
  <si>
    <t>cg26097182</t>
  </si>
  <si>
    <t>cg26097381</t>
  </si>
  <si>
    <t>cg26098624</t>
  </si>
  <si>
    <t>cg26098637</t>
  </si>
  <si>
    <t>cg26099570</t>
  </si>
  <si>
    <t>cg26099633</t>
  </si>
  <si>
    <t>cg26105725</t>
  </si>
  <si>
    <t>cg26106149</t>
  </si>
  <si>
    <t>cg26111283</t>
  </si>
  <si>
    <t>cg26112706</t>
  </si>
  <si>
    <t>cg26114961</t>
  </si>
  <si>
    <t>cg26121436</t>
  </si>
  <si>
    <t>cg26126913</t>
  </si>
  <si>
    <t>cg26130726</t>
  </si>
  <si>
    <t>cg26134320</t>
  </si>
  <si>
    <t>cg26135345</t>
  </si>
  <si>
    <t>cg26137417</t>
  </si>
  <si>
    <t>cg26138846</t>
  </si>
  <si>
    <t>cg26140911</t>
  </si>
  <si>
    <t>cg26142965</t>
  </si>
  <si>
    <t>cg26145461</t>
  </si>
  <si>
    <t>cg26145959</t>
  </si>
  <si>
    <t>cg26146731</t>
  </si>
  <si>
    <t>cg26152913</t>
  </si>
  <si>
    <t>cg26158950</t>
  </si>
  <si>
    <t>cg26166717</t>
  </si>
  <si>
    <t>cg26168117</t>
  </si>
  <si>
    <t>cg26168907</t>
  </si>
  <si>
    <t>cg26170683</t>
  </si>
  <si>
    <t>cg26174583</t>
  </si>
  <si>
    <t>cg26174752</t>
  </si>
  <si>
    <t>cg26175846</t>
  </si>
  <si>
    <t>cg26177760</t>
  </si>
  <si>
    <t>cg26180843</t>
  </si>
  <si>
    <t>cg26181343</t>
  </si>
  <si>
    <t>cg26184028</t>
  </si>
  <si>
    <t>cg26185009</t>
  </si>
  <si>
    <t>cg26186132</t>
  </si>
  <si>
    <t>cg26186918</t>
  </si>
  <si>
    <t>cg26187287</t>
  </si>
  <si>
    <t>cg26187724</t>
  </si>
  <si>
    <t>cg26188825</t>
  </si>
  <si>
    <t>cg26192612</t>
  </si>
  <si>
    <t>cg26194090</t>
  </si>
  <si>
    <t>cg26194212</t>
  </si>
  <si>
    <t>cg26194775</t>
  </si>
  <si>
    <t>cg26196162</t>
  </si>
  <si>
    <t>cg26197117</t>
  </si>
  <si>
    <t>cg26200580</t>
  </si>
  <si>
    <t>cg26201579</t>
  </si>
  <si>
    <t>cg26213663</t>
  </si>
  <si>
    <t>cg26214765</t>
  </si>
  <si>
    <t>cg26214922</t>
  </si>
  <si>
    <t>cg26215143</t>
  </si>
  <si>
    <t>cg26217832</t>
  </si>
  <si>
    <t>cg26218277</t>
  </si>
  <si>
    <t>cg26219152</t>
  </si>
  <si>
    <t>cg26219797</t>
  </si>
  <si>
    <t>cg26220972</t>
  </si>
  <si>
    <t>cg26221992</t>
  </si>
  <si>
    <t>cg26222229</t>
  </si>
  <si>
    <t>cg26223987</t>
  </si>
  <si>
    <t>cg26234900</t>
  </si>
  <si>
    <t>cg26235489</t>
  </si>
  <si>
    <t>cg26246230</t>
  </si>
  <si>
    <t>cg26248075</t>
  </si>
  <si>
    <t>cg26249450</t>
  </si>
  <si>
    <t>cg26252958</t>
  </si>
  <si>
    <t>cg26253826</t>
  </si>
  <si>
    <t>cg26257411</t>
  </si>
  <si>
    <t>cg26259575</t>
  </si>
  <si>
    <t>cg26260794</t>
  </si>
  <si>
    <t>cg26262232</t>
  </si>
  <si>
    <t>cg26263239</t>
  </si>
  <si>
    <t>cg26264318</t>
  </si>
  <si>
    <t>cg26264769</t>
  </si>
  <si>
    <t>cg26265390</t>
  </si>
  <si>
    <t>cg26265820</t>
  </si>
  <si>
    <t>cg26269749</t>
  </si>
  <si>
    <t>cg26270738</t>
  </si>
  <si>
    <t>cg26272069</t>
  </si>
  <si>
    <t>cg26278214</t>
  </si>
  <si>
    <t>cg26278647</t>
  </si>
  <si>
    <t>cg26280097</t>
  </si>
  <si>
    <t>cg26285037</t>
  </si>
  <si>
    <t>cg26287741</t>
  </si>
  <si>
    <t>cg26287783</t>
  </si>
  <si>
    <t>cg26288370</t>
  </si>
  <si>
    <t>cg26288748</t>
  </si>
  <si>
    <t>cg26289450</t>
  </si>
  <si>
    <t>cg26290219</t>
  </si>
  <si>
    <t>cg26292575</t>
  </si>
  <si>
    <t>cg26298273</t>
  </si>
  <si>
    <t>cg26298967</t>
  </si>
  <si>
    <t>cg26299756</t>
  </si>
  <si>
    <t>cg26301953</t>
  </si>
  <si>
    <t>cg26306056</t>
  </si>
  <si>
    <t>cg26310483</t>
  </si>
  <si>
    <t>cg26311932</t>
  </si>
  <si>
    <t>cg26311995</t>
  </si>
  <si>
    <t>cg26313319</t>
  </si>
  <si>
    <t>cg26316946</t>
  </si>
  <si>
    <t>cg26319579</t>
  </si>
  <si>
    <t>cg26321999</t>
  </si>
  <si>
    <t>cg26322749</t>
  </si>
  <si>
    <t>cg26325286</t>
  </si>
  <si>
    <t>cg26328811</t>
  </si>
  <si>
    <t>cg26330809</t>
  </si>
  <si>
    <t>cg26336265</t>
  </si>
  <si>
    <t>cg26337420</t>
  </si>
  <si>
    <t>cg26340376</t>
  </si>
  <si>
    <t>cg26346796</t>
  </si>
  <si>
    <t>cg26346875</t>
  </si>
  <si>
    <t>cg26350754</t>
  </si>
  <si>
    <t>cg26356754</t>
  </si>
  <si>
    <t>cg26357282</t>
  </si>
  <si>
    <t>cg26359432</t>
  </si>
  <si>
    <t>cg26365013</t>
  </si>
  <si>
    <t>cg26366109</t>
  </si>
  <si>
    <t>cg26369098</t>
  </si>
  <si>
    <t>cg26371172</t>
  </si>
  <si>
    <t>cg26371771</t>
  </si>
  <si>
    <t>cg26373134</t>
  </si>
  <si>
    <t>cg26383057</t>
  </si>
  <si>
    <t>cg26383454</t>
  </si>
  <si>
    <t>cg26384034</t>
  </si>
  <si>
    <t>cg26385062</t>
  </si>
  <si>
    <t>cg26390512</t>
  </si>
  <si>
    <t>cg26390965</t>
  </si>
  <si>
    <t>cg26393393</t>
  </si>
  <si>
    <t>cg26395285</t>
  </si>
  <si>
    <t>cg26395374</t>
  </si>
  <si>
    <t>cg26405097</t>
  </si>
  <si>
    <t>cg26413708</t>
  </si>
  <si>
    <t>cg26416811</t>
  </si>
  <si>
    <t>cg26417361</t>
  </si>
  <si>
    <t>cg26418331</t>
  </si>
  <si>
    <t>cg26418433</t>
  </si>
  <si>
    <t>cg26422935</t>
  </si>
  <si>
    <t>cg26424956</t>
  </si>
  <si>
    <t>cg26428073</t>
  </si>
  <si>
    <t>cg26429508</t>
  </si>
  <si>
    <t>cg26430116</t>
  </si>
  <si>
    <t>cg26430450</t>
  </si>
  <si>
    <t>cg26433102</t>
  </si>
  <si>
    <t>cg26434400</t>
  </si>
  <si>
    <t>cg26446009</t>
  </si>
  <si>
    <t>cg26449787</t>
  </si>
  <si>
    <t>cg26450574</t>
  </si>
  <si>
    <t>cg26451835</t>
  </si>
  <si>
    <t>cg26452244</t>
  </si>
  <si>
    <t>cg26454601</t>
  </si>
  <si>
    <t>cg26460247</t>
  </si>
  <si>
    <t>cg26467571</t>
  </si>
  <si>
    <t>cg26472225</t>
  </si>
  <si>
    <t>cg26472684</t>
  </si>
  <si>
    <t>cg26476217</t>
  </si>
  <si>
    <t>cg26476939</t>
  </si>
  <si>
    <t>cg26478107</t>
  </si>
  <si>
    <t>cg26484464</t>
  </si>
  <si>
    <t>cg26484631</t>
  </si>
  <si>
    <t>cg26484715</t>
  </si>
  <si>
    <t>cg26486174</t>
  </si>
  <si>
    <t>cg26491833</t>
  </si>
  <si>
    <t>cg26495092</t>
  </si>
  <si>
    <t>cg26498620</t>
  </si>
  <si>
    <t>cg26500033</t>
  </si>
  <si>
    <t>cg26500223</t>
  </si>
  <si>
    <t>cg26501049</t>
  </si>
  <si>
    <t>cg26504835</t>
  </si>
  <si>
    <t>cg26504906</t>
  </si>
  <si>
    <t>cg26507427</t>
  </si>
  <si>
    <t>cg26509254</t>
  </si>
  <si>
    <t>cg26514623</t>
  </si>
  <si>
    <t>cg26516974</t>
  </si>
  <si>
    <t>cg26517262</t>
  </si>
  <si>
    <t>cg26520677</t>
  </si>
  <si>
    <t>cg26525121</t>
  </si>
  <si>
    <t>cg26526596</t>
  </si>
  <si>
    <t>cg26526897</t>
  </si>
  <si>
    <t>cg26528298</t>
  </si>
  <si>
    <t>cg26532358</t>
  </si>
  <si>
    <t>cg26535992</t>
  </si>
  <si>
    <t>cg26537323</t>
  </si>
  <si>
    <t>cg26539631</t>
  </si>
  <si>
    <t>cg26542166</t>
  </si>
  <si>
    <t>cg26543164</t>
  </si>
  <si>
    <t>cg26544201</t>
  </si>
  <si>
    <t>cg26544742</t>
  </si>
  <si>
    <t>cg26549425</t>
  </si>
  <si>
    <t>cg26551146</t>
  </si>
  <si>
    <t>cg26556436</t>
  </si>
  <si>
    <t>cg26557270</t>
  </si>
  <si>
    <t>cg26559689</t>
  </si>
  <si>
    <t>cg26560110</t>
  </si>
  <si>
    <t>cg26560341</t>
  </si>
  <si>
    <t>cg26560419</t>
  </si>
  <si>
    <t>cg26564730</t>
  </si>
  <si>
    <t>cg26568669</t>
  </si>
  <si>
    <t>cg26571759</t>
  </si>
  <si>
    <t>cg26574334</t>
  </si>
  <si>
    <t>cg26575057</t>
  </si>
  <si>
    <t>cg26575105</t>
  </si>
  <si>
    <t>cg26577169</t>
  </si>
  <si>
    <t>cg26578149</t>
  </si>
  <si>
    <t>cg26581228</t>
  </si>
  <si>
    <t>cg26582706</t>
  </si>
  <si>
    <t>cg26584743</t>
  </si>
  <si>
    <t>cg26586118</t>
  </si>
  <si>
    <t>cg26588612</t>
  </si>
  <si>
    <t>cg26589028</t>
  </si>
  <si>
    <t>cg26592411</t>
  </si>
  <si>
    <t>cg26620959</t>
  </si>
  <si>
    <t>cg26641920</t>
  </si>
  <si>
    <t>cg26641935</t>
  </si>
  <si>
    <t>cg26646118</t>
  </si>
  <si>
    <t>cg26668632</t>
  </si>
  <si>
    <t>cg26669421</t>
  </si>
  <si>
    <t>cg26672688</t>
  </si>
  <si>
    <t>cg26673629</t>
  </si>
  <si>
    <t>cg26679231</t>
  </si>
  <si>
    <t>cg26685339</t>
  </si>
  <si>
    <t>cg26687406</t>
  </si>
  <si>
    <t>cg26687830</t>
  </si>
  <si>
    <t>cg26690103</t>
  </si>
  <si>
    <t>cg26690915</t>
  </si>
  <si>
    <t>cg26691430</t>
  </si>
  <si>
    <t>cg26693760</t>
  </si>
  <si>
    <t>cg26694990</t>
  </si>
  <si>
    <t>cg26695881</t>
  </si>
  <si>
    <t>cg26696685</t>
  </si>
  <si>
    <t>cg26704043</t>
  </si>
  <si>
    <t>cg26708476</t>
  </si>
  <si>
    <t>cg26708759</t>
  </si>
  <si>
    <t>cg26710347</t>
  </si>
  <si>
    <t>cg26710858</t>
  </si>
  <si>
    <t>cg26714305</t>
  </si>
  <si>
    <t>cg26715883</t>
  </si>
  <si>
    <t>cg26718511</t>
  </si>
  <si>
    <t>cg26718763</t>
  </si>
  <si>
    <t>cg26719062</t>
  </si>
  <si>
    <t>cg26720545</t>
  </si>
  <si>
    <t>cg26721450</t>
  </si>
  <si>
    <t>cg26721803</t>
  </si>
  <si>
    <t>cg26723259</t>
  </si>
  <si>
    <t>cg26723331</t>
  </si>
  <si>
    <t>cg26723355</t>
  </si>
  <si>
    <t>cg26726370</t>
  </si>
  <si>
    <t>cg26729204</t>
  </si>
  <si>
    <t>cg26729380</t>
  </si>
  <si>
    <t>cg26731644</t>
  </si>
  <si>
    <t>cg26732340</t>
  </si>
  <si>
    <t>cg26736341</t>
  </si>
  <si>
    <t>cg26738980</t>
  </si>
  <si>
    <t>cg26740525</t>
  </si>
  <si>
    <t>cg26741595</t>
  </si>
  <si>
    <t>cg26744084</t>
  </si>
  <si>
    <t>cg26749853</t>
  </si>
  <si>
    <t>cg26749976</t>
  </si>
  <si>
    <t>cg26750489</t>
  </si>
  <si>
    <t>cg26751300</t>
  </si>
  <si>
    <t>cg26753137</t>
  </si>
  <si>
    <t>cg26754510</t>
  </si>
  <si>
    <t>cg26755141</t>
  </si>
  <si>
    <t>cg26756125</t>
  </si>
  <si>
    <t>cg26758810</t>
  </si>
  <si>
    <t>cg26764200</t>
  </si>
  <si>
    <t>cg26775176</t>
  </si>
  <si>
    <t>cg26779945</t>
  </si>
  <si>
    <t>cg26780404</t>
  </si>
  <si>
    <t>cg26780581</t>
  </si>
  <si>
    <t>cg26784891</t>
  </si>
  <si>
    <t>cg26785234</t>
  </si>
  <si>
    <t>cg26786974</t>
  </si>
  <si>
    <t>cg26791659</t>
  </si>
  <si>
    <t>cg26793289</t>
  </si>
  <si>
    <t>cg26794346</t>
  </si>
  <si>
    <t>cg26796341</t>
  </si>
  <si>
    <t>cg26796851</t>
  </si>
  <si>
    <t>cg26797722</t>
  </si>
  <si>
    <t>cg26799216</t>
  </si>
  <si>
    <t>cg26808436</t>
  </si>
  <si>
    <t>cg26810281</t>
  </si>
  <si>
    <t>cg26812852</t>
  </si>
  <si>
    <t>cg26814539</t>
  </si>
  <si>
    <t>cg26815396</t>
  </si>
  <si>
    <t>cg26816707</t>
  </si>
  <si>
    <t>cg26818629</t>
  </si>
  <si>
    <t>cg26822870</t>
  </si>
  <si>
    <t>cg26823584</t>
  </si>
  <si>
    <t>cg26824091</t>
  </si>
  <si>
    <t>cg26828592</t>
  </si>
  <si>
    <t>cg26829379</t>
  </si>
  <si>
    <t>cg26834192</t>
  </si>
  <si>
    <t>cg26835506</t>
  </si>
  <si>
    <t>cg26837372</t>
  </si>
  <si>
    <t>cg26840590</t>
  </si>
  <si>
    <t>cg26840672</t>
  </si>
  <si>
    <t>cg26841990</t>
  </si>
  <si>
    <t>cg26844213</t>
  </si>
  <si>
    <t>cg26846592</t>
  </si>
  <si>
    <t>cg26850117</t>
  </si>
  <si>
    <t>cg26858073</t>
  </si>
  <si>
    <t>cg26858238</t>
  </si>
  <si>
    <t>cg26865084</t>
  </si>
  <si>
    <t>cg26867987</t>
  </si>
  <si>
    <t>cg26868354</t>
  </si>
  <si>
    <t>cg26872482</t>
  </si>
  <si>
    <t>cg26873880</t>
  </si>
  <si>
    <t>cg26874450</t>
  </si>
  <si>
    <t>cg26874691</t>
  </si>
  <si>
    <t>cg26877565</t>
  </si>
  <si>
    <t>cg26878947</t>
  </si>
  <si>
    <t>cg26879951</t>
  </si>
  <si>
    <t>cg26886875</t>
  </si>
  <si>
    <t>cg26887212</t>
  </si>
  <si>
    <t>cg26890706</t>
  </si>
  <si>
    <t>cg26892251</t>
  </si>
  <si>
    <t>cg26893134</t>
  </si>
  <si>
    <t>cg26904406</t>
  </si>
  <si>
    <t>cg26904782</t>
  </si>
  <si>
    <t>cg26905720</t>
  </si>
  <si>
    <t>cg26912426</t>
  </si>
  <si>
    <t>cg26913527</t>
  </si>
  <si>
    <t>cg26916927</t>
  </si>
  <si>
    <t>cg26918723</t>
  </si>
  <si>
    <t>cg26919149</t>
  </si>
  <si>
    <t>cg26921068</t>
  </si>
  <si>
    <t>cg26922678</t>
  </si>
  <si>
    <t>cg26925554</t>
  </si>
  <si>
    <t>cg26926101</t>
  </si>
  <si>
    <t>cg26928682</t>
  </si>
  <si>
    <t>cg26935722</t>
  </si>
  <si>
    <t>cg26943082</t>
  </si>
  <si>
    <t>cg26943187</t>
  </si>
  <si>
    <t>cg26943332</t>
  </si>
  <si>
    <t>cg26943671</t>
  </si>
  <si>
    <t>cg26944130</t>
  </si>
  <si>
    <t>cg26946803</t>
  </si>
  <si>
    <t>cg26950898</t>
  </si>
  <si>
    <t>cg26951520</t>
  </si>
  <si>
    <t>cg26952697</t>
  </si>
  <si>
    <t>cg26953232</t>
  </si>
  <si>
    <t>cg26954951</t>
  </si>
  <si>
    <t>cg26960221</t>
  </si>
  <si>
    <t>cg26960647</t>
  </si>
  <si>
    <t>cg26962533</t>
  </si>
  <si>
    <t>cg26963356</t>
  </si>
  <si>
    <t>cg26964907</t>
  </si>
  <si>
    <t>cg26966124</t>
  </si>
  <si>
    <t>cg26966707</t>
  </si>
  <si>
    <t>cg26970983</t>
  </si>
  <si>
    <t>cg26974281</t>
  </si>
  <si>
    <t>cg26976562</t>
  </si>
  <si>
    <t>cg26977256</t>
  </si>
  <si>
    <t>cg26978611</t>
  </si>
  <si>
    <t>cg26981309</t>
  </si>
  <si>
    <t>cg26981593</t>
  </si>
  <si>
    <t>cg26981781</t>
  </si>
  <si>
    <t>cg26985138</t>
  </si>
  <si>
    <t>cg26987613</t>
  </si>
  <si>
    <t>cg26987634</t>
  </si>
  <si>
    <t>cg26991433</t>
  </si>
  <si>
    <t>cg26992002</t>
  </si>
  <si>
    <t>cg26993102</t>
  </si>
  <si>
    <t>cg26994270</t>
  </si>
  <si>
    <t>cg26995083</t>
  </si>
  <si>
    <t>cg26997327</t>
  </si>
  <si>
    <t>cg26998481</t>
  </si>
  <si>
    <t>cg26999725</t>
  </si>
  <si>
    <t>cg27000368</t>
  </si>
  <si>
    <t>cg27000690</t>
  </si>
  <si>
    <t>cg27007110</t>
  </si>
  <si>
    <t>cg27020119</t>
  </si>
  <si>
    <t>cg27020253</t>
  </si>
  <si>
    <t>cg27020289</t>
  </si>
  <si>
    <t>cg27023638</t>
  </si>
  <si>
    <t>cg27023743</t>
  </si>
  <si>
    <t>cg27025758</t>
  </si>
  <si>
    <t>cg27028202</t>
  </si>
  <si>
    <t>cg27031112</t>
  </si>
  <si>
    <t>cg27032957</t>
  </si>
  <si>
    <t>cg27041554</t>
  </si>
  <si>
    <t>cg27042983</t>
  </si>
  <si>
    <t>cg27045756</t>
  </si>
  <si>
    <t>cg27054847</t>
  </si>
  <si>
    <t>cg27055685</t>
  </si>
  <si>
    <t>cg27057509</t>
  </si>
  <si>
    <t>cg27059970</t>
  </si>
  <si>
    <t>cg27061903</t>
  </si>
  <si>
    <t>cg27064266</t>
  </si>
  <si>
    <t>cg27067781</t>
  </si>
  <si>
    <t>cg27068095</t>
  </si>
  <si>
    <t>cg27068650</t>
  </si>
  <si>
    <t>cg27069706</t>
  </si>
  <si>
    <t>cg27070962</t>
  </si>
  <si>
    <t>cg27071525</t>
  </si>
  <si>
    <t>cg27072545</t>
  </si>
  <si>
    <t>cg27073361</t>
  </si>
  <si>
    <t>cg27076113</t>
  </si>
  <si>
    <t>cg27078824</t>
  </si>
  <si>
    <t>cg27081602</t>
  </si>
  <si>
    <t>cg27081928</t>
  </si>
  <si>
    <t>cg27087243</t>
  </si>
  <si>
    <t>cg27087505</t>
  </si>
  <si>
    <t>cg27088491</t>
  </si>
  <si>
    <t>cg27089559</t>
  </si>
  <si>
    <t>cg27090087</t>
  </si>
  <si>
    <t>cg27091233</t>
  </si>
  <si>
    <t>cg27092297</t>
  </si>
  <si>
    <t>cg27097018</t>
  </si>
  <si>
    <t>cg27099088</t>
  </si>
  <si>
    <t>cg27099493</t>
  </si>
  <si>
    <t>cg27106802</t>
  </si>
  <si>
    <t>cg27112525</t>
  </si>
  <si>
    <t>cg27113015</t>
  </si>
  <si>
    <t>cg27119877</t>
  </si>
  <si>
    <t>cg27123166</t>
  </si>
  <si>
    <t>cg27123859</t>
  </si>
  <si>
    <t>cg27125972</t>
  </si>
  <si>
    <t>cg27128273</t>
  </si>
  <si>
    <t>cg27129922</t>
  </si>
  <si>
    <t>cg27136023</t>
  </si>
  <si>
    <t>cg27136241</t>
  </si>
  <si>
    <t>cg27136847</t>
  </si>
  <si>
    <t>cg27140389</t>
  </si>
  <si>
    <t>cg27142059</t>
  </si>
  <si>
    <t>cg27143082</t>
  </si>
  <si>
    <t>cg27147350</t>
  </si>
  <si>
    <t>cg27151561</t>
  </si>
  <si>
    <t>cg27152208</t>
  </si>
  <si>
    <t>cg27154143</t>
  </si>
  <si>
    <t>cg27154651</t>
  </si>
  <si>
    <t>cg27158084</t>
  </si>
  <si>
    <t>cg27158519</t>
  </si>
  <si>
    <t>cg27159477</t>
  </si>
  <si>
    <t>cg27163936</t>
  </si>
  <si>
    <t>cg27172808</t>
  </si>
  <si>
    <t>cg27178772</t>
  </si>
  <si>
    <t>cg27180974</t>
  </si>
  <si>
    <t>cg27182159</t>
  </si>
  <si>
    <t>cg27183454</t>
  </si>
  <si>
    <t>cg27185298</t>
  </si>
  <si>
    <t>cg27190145</t>
  </si>
  <si>
    <t>cg27192854</t>
  </si>
  <si>
    <t>cg27192990</t>
  </si>
  <si>
    <t>cg27193005</t>
  </si>
  <si>
    <t>cg27193858</t>
  </si>
  <si>
    <t>cg27198696</t>
  </si>
  <si>
    <t>cg27198948</t>
  </si>
  <si>
    <t>cg27199523</t>
  </si>
  <si>
    <t>cg27201802</t>
  </si>
  <si>
    <t>cg27204262</t>
  </si>
  <si>
    <t>cg27209993</t>
  </si>
  <si>
    <t>cg27213800</t>
  </si>
  <si>
    <t>cg27214030</t>
  </si>
  <si>
    <t>cg27217194</t>
  </si>
  <si>
    <t>cg27218227</t>
  </si>
  <si>
    <t>cg27218548</t>
  </si>
  <si>
    <t>cg27220376</t>
  </si>
  <si>
    <t>cg27221477</t>
  </si>
  <si>
    <t>cg27223250</t>
  </si>
  <si>
    <t>cg27231717</t>
  </si>
  <si>
    <t>cg27232130</t>
  </si>
  <si>
    <t>cg27235034</t>
  </si>
  <si>
    <t>cg27237039</t>
  </si>
  <si>
    <t>cg27237814</t>
  </si>
  <si>
    <t>cg27243405</t>
  </si>
  <si>
    <t>cg27247736</t>
  </si>
  <si>
    <t>cg27248571</t>
  </si>
  <si>
    <t>cg27250634</t>
  </si>
  <si>
    <t>cg27250759</t>
  </si>
  <si>
    <t>cg27253757</t>
  </si>
  <si>
    <t>cg27255329</t>
  </si>
  <si>
    <t>cg27257955</t>
  </si>
  <si>
    <t>cg27258933</t>
  </si>
  <si>
    <t>cg27261921</t>
  </si>
  <si>
    <t>cg27278083</t>
  </si>
  <si>
    <t>cg27284041</t>
  </si>
  <si>
    <t>cg27285836</t>
  </si>
  <si>
    <t>cg27286957</t>
  </si>
  <si>
    <t>cg27287254</t>
  </si>
  <si>
    <t>cg27292431</t>
  </si>
  <si>
    <t>cg27293353</t>
  </si>
  <si>
    <t>cg27296341</t>
  </si>
  <si>
    <t>cg27297263</t>
  </si>
  <si>
    <t>cg27298394</t>
  </si>
  <si>
    <t>cg27301331</t>
  </si>
  <si>
    <t>cg27304020</t>
  </si>
  <si>
    <t>cg27304199</t>
  </si>
  <si>
    <t>cg27304738</t>
  </si>
  <si>
    <t>cg27310686</t>
  </si>
  <si>
    <t>cg27312458</t>
  </si>
  <si>
    <t>cg27315170</t>
  </si>
  <si>
    <t>cg27315695</t>
  </si>
  <si>
    <t>cg27317150</t>
  </si>
  <si>
    <t>cg27317327</t>
  </si>
  <si>
    <t>cg27318050</t>
  </si>
  <si>
    <t>cg27318507</t>
  </si>
  <si>
    <t>cg27321913</t>
  </si>
  <si>
    <t>cg27322595</t>
  </si>
  <si>
    <t>cg27323011</t>
  </si>
  <si>
    <t>cg27323049</t>
  </si>
  <si>
    <t>cg27328245</t>
  </si>
  <si>
    <t>cg27329298</t>
  </si>
  <si>
    <t>cg27330824</t>
  </si>
  <si>
    <t>cg27333441</t>
  </si>
  <si>
    <t>cg27335799</t>
  </si>
  <si>
    <t>cg27340584</t>
  </si>
  <si>
    <t>cg27340794</t>
  </si>
  <si>
    <t>cg27343634</t>
  </si>
  <si>
    <t>cg27343992</t>
  </si>
  <si>
    <t>cg27347290</t>
  </si>
  <si>
    <t>cg27348420</t>
  </si>
  <si>
    <t>cg27350402</t>
  </si>
  <si>
    <t>cg27350716</t>
  </si>
  <si>
    <t>cg27351239</t>
  </si>
  <si>
    <t>cg27352066</t>
  </si>
  <si>
    <t>cg27352373</t>
  </si>
  <si>
    <t>cg27355501</t>
  </si>
  <si>
    <t>cg27355739</t>
  </si>
  <si>
    <t>cg27363691</t>
  </si>
  <si>
    <t>cg27365342</t>
  </si>
  <si>
    <t>cg27368911</t>
  </si>
  <si>
    <t>cg27370104</t>
  </si>
  <si>
    <t>cg27371466</t>
  </si>
  <si>
    <t>cg27378029</t>
  </si>
  <si>
    <t>cg27383651</t>
  </si>
  <si>
    <t>cg27384587</t>
  </si>
  <si>
    <t>cg27385757</t>
  </si>
  <si>
    <t>cg27388462</t>
  </si>
  <si>
    <t>cg27391540</t>
  </si>
  <si>
    <t>cg27392242</t>
  </si>
  <si>
    <t>cg27394038</t>
  </si>
  <si>
    <t>cg27395200</t>
  </si>
  <si>
    <t>cg27396048</t>
  </si>
  <si>
    <t>cg27397625</t>
  </si>
  <si>
    <t>cg27398948</t>
  </si>
  <si>
    <t>cg27401116</t>
  </si>
  <si>
    <t>cg27409499</t>
  </si>
  <si>
    <t>cg27412680</t>
  </si>
  <si>
    <t>cg27425413</t>
  </si>
  <si>
    <t>cg27428101</t>
  </si>
  <si>
    <t>cg27428104</t>
  </si>
  <si>
    <t>cg27428603</t>
  </si>
  <si>
    <t>cg27433898</t>
  </si>
  <si>
    <t>cg27437526</t>
  </si>
  <si>
    <t>cg27438040</t>
  </si>
  <si>
    <t>cg27442047</t>
  </si>
  <si>
    <t>cg27443662</t>
  </si>
  <si>
    <t>cg27445281</t>
  </si>
  <si>
    <t>cg27449651</t>
  </si>
  <si>
    <t>cg27449793</t>
  </si>
  <si>
    <t>cg27451114</t>
  </si>
  <si>
    <t>cg27464755</t>
  </si>
  <si>
    <t>cg27475152</t>
  </si>
  <si>
    <t>cg27477881</t>
  </si>
  <si>
    <t>cg27482961</t>
  </si>
  <si>
    <t>cg27486585</t>
  </si>
  <si>
    <t>cg27486624</t>
  </si>
  <si>
    <t>cg27490128</t>
  </si>
  <si>
    <t>cg27490387</t>
  </si>
  <si>
    <t>cg27491557</t>
  </si>
  <si>
    <t>cg27493649</t>
  </si>
  <si>
    <t>cg27494597</t>
  </si>
  <si>
    <t>cg27501265</t>
  </si>
  <si>
    <t>cg27503950</t>
  </si>
  <si>
    <t>cg27504991</t>
  </si>
  <si>
    <t>cg27506783</t>
  </si>
  <si>
    <t>cg27510097</t>
  </si>
  <si>
    <t>cg27516073</t>
  </si>
  <si>
    <t>cg27516100</t>
  </si>
  <si>
    <t>cg27519140</t>
  </si>
  <si>
    <t>cg27524003</t>
  </si>
  <si>
    <t>cg27527874</t>
  </si>
  <si>
    <t>cg27529346</t>
  </si>
  <si>
    <t>cg27530015</t>
  </si>
  <si>
    <t>cg27531878</t>
  </si>
  <si>
    <t>cg27533754</t>
  </si>
  <si>
    <t>cg27534396</t>
  </si>
  <si>
    <t>cg27535757</t>
  </si>
  <si>
    <t>cg27537164</t>
  </si>
  <si>
    <t>cg27539060</t>
  </si>
  <si>
    <t>cg27539322</t>
  </si>
  <si>
    <t>cg27542224</t>
  </si>
  <si>
    <t>cg27542767</t>
  </si>
  <si>
    <t>cg27544384</t>
  </si>
  <si>
    <t>cg27545367</t>
  </si>
  <si>
    <t>cg27546977</t>
  </si>
  <si>
    <t>cg27547543</t>
  </si>
  <si>
    <t>cg27548429</t>
  </si>
  <si>
    <t>cg27550270</t>
  </si>
  <si>
    <t>cg27556952</t>
  </si>
  <si>
    <t>cg27557048</t>
  </si>
  <si>
    <t>cg27557796</t>
  </si>
  <si>
    <t>cg27561713</t>
  </si>
  <si>
    <t>cg27561949</t>
  </si>
  <si>
    <t>cg27562259</t>
  </si>
  <si>
    <t>cg27563210</t>
  </si>
  <si>
    <t>cg27565517</t>
  </si>
  <si>
    <t>cg27579711</t>
  </si>
  <si>
    <t>cg27580693</t>
  </si>
  <si>
    <t>cg27583671</t>
  </si>
  <si>
    <t>cg27583997</t>
  </si>
  <si>
    <t>cg27585618</t>
  </si>
  <si>
    <t>cg27587935</t>
  </si>
  <si>
    <t>cg27590220</t>
  </si>
  <si>
    <t>cg27590742</t>
  </si>
  <si>
    <t>cg27591371</t>
  </si>
  <si>
    <t>cg27591807</t>
  </si>
  <si>
    <t>cg27593250</t>
  </si>
  <si>
    <t>cg27594683</t>
  </si>
  <si>
    <t>cg27597069</t>
  </si>
  <si>
    <t>cg27597473</t>
  </si>
  <si>
    <t>cg27609554</t>
  </si>
  <si>
    <t>cg27614489</t>
  </si>
  <si>
    <t>cg27616007</t>
  </si>
  <si>
    <t>cg27618777</t>
  </si>
  <si>
    <t>cg27626240</t>
  </si>
  <si>
    <t>cg27627911</t>
  </si>
  <si>
    <t>cg27629145</t>
  </si>
  <si>
    <t>cg27629154</t>
  </si>
  <si>
    <t>cg27635394</t>
  </si>
  <si>
    <t>cg27635422</t>
  </si>
  <si>
    <t>cg27636813</t>
  </si>
  <si>
    <t>cg27638453</t>
  </si>
  <si>
    <t>cg27638713</t>
  </si>
  <si>
    <t>cg27641136</t>
  </si>
  <si>
    <t>cg27641532</t>
  </si>
  <si>
    <t>cg27642643</t>
  </si>
  <si>
    <t>cg27644327</t>
  </si>
  <si>
    <t>cg27649295</t>
  </si>
  <si>
    <t>cg27650171</t>
  </si>
  <si>
    <t>cg27651143</t>
  </si>
  <si>
    <t>cg27652925</t>
  </si>
  <si>
    <t>cg27656754</t>
  </si>
  <si>
    <t>cg27659622</t>
  </si>
  <si>
    <t>cg27665188</t>
  </si>
  <si>
    <t>ch.6.3866157F</t>
  </si>
  <si>
    <t>ch.6.137329F</t>
  </si>
  <si>
    <t>ch.6.8638596F</t>
  </si>
  <si>
    <t>ch.6.11766035R</t>
  </si>
  <si>
    <t>ch.6.347904R</t>
  </si>
  <si>
    <t>ch.6.14670643R</t>
  </si>
  <si>
    <t>ch.6.614588F</t>
  </si>
  <si>
    <t>ch.6.698823R</t>
  </si>
  <si>
    <t>ch.6.839713R</t>
  </si>
  <si>
    <t>ch.6.37043690R</t>
  </si>
  <si>
    <t>ch.6.40116829F</t>
  </si>
  <si>
    <t>ch.6.43016614F</t>
  </si>
  <si>
    <t>ch.6.1093576F</t>
  </si>
  <si>
    <t>ch.6.1094404R</t>
  </si>
  <si>
    <t>ch.6.44639052F</t>
  </si>
  <si>
    <t>ch.6.44693872F</t>
  </si>
  <si>
    <t>ch.6.48208379F</t>
  </si>
  <si>
    <t>ch.6.57755616R</t>
  </si>
  <si>
    <t>ch.6.66830957F</t>
  </si>
  <si>
    <t>ch.6.77755434R</t>
  </si>
  <si>
    <t>ch.6.79339589F</t>
  </si>
  <si>
    <t>ch.6.79620741R</t>
  </si>
  <si>
    <t>ch.6.1710035F</t>
  </si>
  <si>
    <t>ch.6.98280058F</t>
  </si>
  <si>
    <t>ch.6.99782119R</t>
  </si>
  <si>
    <t>ch.6.105025291R</t>
  </si>
  <si>
    <t>ch.6.2124703F</t>
  </si>
  <si>
    <t>ch.6.113116714F</t>
  </si>
  <si>
    <t>ch.6.115053477R</t>
  </si>
  <si>
    <t>ch.6.132373355F</t>
  </si>
  <si>
    <t>ch.6.134515066F</t>
  </si>
  <si>
    <t>ch.6.2771202R</t>
  </si>
  <si>
    <t>ch.6.144195587R</t>
  </si>
  <si>
    <t>ch.6.149019574R</t>
  </si>
  <si>
    <t>ch.6.3179791F</t>
  </si>
  <si>
    <t>ch.6.164862012R</t>
  </si>
  <si>
    <t>ch.6.3333851R</t>
  </si>
  <si>
    <t>ch.6.168367002R</t>
  </si>
  <si>
    <t>ch.6.169008488F</t>
  </si>
  <si>
    <t>cg00002531</t>
  </si>
  <si>
    <t>cg00003994</t>
  </si>
  <si>
    <t>cg00006414</t>
  </si>
  <si>
    <t>cg00009293</t>
  </si>
  <si>
    <t>cg00012469</t>
  </si>
  <si>
    <t>cg00013374</t>
  </si>
  <si>
    <t>cg00016360</t>
  </si>
  <si>
    <t>cg00018181</t>
  </si>
  <si>
    <t>cg00018539</t>
  </si>
  <si>
    <t>cg00020348</t>
  </si>
  <si>
    <t>cg00020390</t>
  </si>
  <si>
    <t>cg00023808</t>
  </si>
  <si>
    <t>cg00024086</t>
  </si>
  <si>
    <t>cg00027114</t>
  </si>
  <si>
    <t>cg00029161</t>
  </si>
  <si>
    <t>cg00030005</t>
  </si>
  <si>
    <t>cg00030432</t>
  </si>
  <si>
    <t>cg00031708</t>
  </si>
  <si>
    <t>cg00035074</t>
  </si>
  <si>
    <t>cg00035923</t>
  </si>
  <si>
    <t>cg00041873</t>
  </si>
  <si>
    <t>cg00042325</t>
  </si>
  <si>
    <t>cg00043564</t>
  </si>
  <si>
    <t>cg00043591</t>
  </si>
  <si>
    <t>cg00050402</t>
  </si>
  <si>
    <t>cg00051371</t>
  </si>
  <si>
    <t>cg00051818</t>
  </si>
  <si>
    <t>cg00054890</t>
  </si>
  <si>
    <t>cg00055292</t>
  </si>
  <si>
    <t>cg00057661</t>
  </si>
  <si>
    <t>cg00066351</t>
  </si>
  <si>
    <t>cg00066449</t>
  </si>
  <si>
    <t>cg00073713</t>
  </si>
  <si>
    <t>cg00073716</t>
  </si>
  <si>
    <t>cg00080060</t>
  </si>
  <si>
    <t>cg00081087</t>
  </si>
  <si>
    <t>cg00082411</t>
  </si>
  <si>
    <t>cg00083265</t>
  </si>
  <si>
    <t>cg00084019</t>
  </si>
  <si>
    <t>cg00085281</t>
  </si>
  <si>
    <t>cg00090309</t>
  </si>
  <si>
    <t>cg00092551</t>
  </si>
  <si>
    <t>cg00094943</t>
  </si>
  <si>
    <t>cg00096922</t>
  </si>
  <si>
    <t>cg00099393</t>
  </si>
  <si>
    <t>cg00100114</t>
  </si>
  <si>
    <t>cg00100399</t>
  </si>
  <si>
    <t>cg00108894</t>
  </si>
  <si>
    <t>cg00109923</t>
  </si>
  <si>
    <t>cg00110785</t>
  </si>
  <si>
    <t>cg00114346</t>
  </si>
  <si>
    <t>cg00118199</t>
  </si>
  <si>
    <t>cg00119127</t>
  </si>
  <si>
    <t>cg00119896</t>
  </si>
  <si>
    <t>cg00123057</t>
  </si>
  <si>
    <t>cg00125148</t>
  </si>
  <si>
    <t>cg00135038</t>
  </si>
  <si>
    <t>cg00136968</t>
  </si>
  <si>
    <t>cg00137629</t>
  </si>
  <si>
    <t>cg00137696</t>
  </si>
  <si>
    <t>cg00143249</t>
  </si>
  <si>
    <t>cg00144832</t>
  </si>
  <si>
    <t>cg00147751</t>
  </si>
  <si>
    <t>cg00147849</t>
  </si>
  <si>
    <t>cg00148114</t>
  </si>
  <si>
    <t>cg00150080</t>
  </si>
  <si>
    <t>cg00154727</t>
  </si>
  <si>
    <t>cg00155447</t>
  </si>
  <si>
    <t>cg00155679</t>
  </si>
  <si>
    <t>cg00156506</t>
  </si>
  <si>
    <t>cg00157109</t>
  </si>
  <si>
    <t>cg00157562</t>
  </si>
  <si>
    <t>cg00158528</t>
  </si>
  <si>
    <t>cg00159100</t>
  </si>
  <si>
    <t>cg00159289</t>
  </si>
  <si>
    <t>cg00166687</t>
  </si>
  <si>
    <t>cg00167504</t>
  </si>
  <si>
    <t>cg00171459</t>
  </si>
  <si>
    <t>cg00174851</t>
  </si>
  <si>
    <t>cg00179374</t>
  </si>
  <si>
    <t>cg00183100</t>
  </si>
  <si>
    <t>cg00183888</t>
  </si>
  <si>
    <t>cg00188704</t>
  </si>
  <si>
    <t>cg00192031</t>
  </si>
  <si>
    <t>cg00193859</t>
  </si>
  <si>
    <t>cg00197322</t>
  </si>
  <si>
    <t>cg00200074</t>
  </si>
  <si>
    <t>cg00203915</t>
  </si>
  <si>
    <t>cg00213189</t>
  </si>
  <si>
    <t>cg00213668</t>
  </si>
  <si>
    <t>cg00216504</t>
  </si>
  <si>
    <t>cg00219855</t>
  </si>
  <si>
    <t>cg00221035</t>
  </si>
  <si>
    <t>cg00221658</t>
  </si>
  <si>
    <t>cg00228735</t>
  </si>
  <si>
    <t>cg00231927</t>
  </si>
  <si>
    <t>cg00232092</t>
  </si>
  <si>
    <t>cg00232535</t>
  </si>
  <si>
    <t>cg00233633</t>
  </si>
  <si>
    <t>cg00234261</t>
  </si>
  <si>
    <t>cg00235442</t>
  </si>
  <si>
    <t>cg00238213</t>
  </si>
  <si>
    <t>cg00238283</t>
  </si>
  <si>
    <t>cg00238391</t>
  </si>
  <si>
    <t>cg00239915</t>
  </si>
  <si>
    <t>cg00240432</t>
  </si>
  <si>
    <t>cg00246280</t>
  </si>
  <si>
    <t>cg00250414</t>
  </si>
  <si>
    <t>cg00251738</t>
  </si>
  <si>
    <t>cg00252418</t>
  </si>
  <si>
    <t>cg00252534</t>
  </si>
  <si>
    <t>cg00252814</t>
  </si>
  <si>
    <t>cg00260116</t>
  </si>
  <si>
    <t>cg00260937</t>
  </si>
  <si>
    <t>cg00262280</t>
  </si>
  <si>
    <t>cg00263368</t>
  </si>
  <si>
    <t>cg00265238</t>
  </si>
  <si>
    <t>cg00266968</t>
  </si>
  <si>
    <t>cg00273359</t>
  </si>
  <si>
    <t>cg00276918</t>
  </si>
  <si>
    <t>cg00277397</t>
  </si>
  <si>
    <t>cg00280799</t>
  </si>
  <si>
    <t>cg00282244</t>
  </si>
  <si>
    <t>cg00282683</t>
  </si>
  <si>
    <t>cg00284259</t>
  </si>
  <si>
    <t>cg00285294</t>
  </si>
  <si>
    <t>cg00285343</t>
  </si>
  <si>
    <t>cg00286014</t>
  </si>
  <si>
    <t>cg00286701</t>
  </si>
  <si>
    <t>cg00287016</t>
  </si>
  <si>
    <t>cg00287974</t>
  </si>
  <si>
    <t>cg00288327</t>
  </si>
  <si>
    <t>cg00289558</t>
  </si>
  <si>
    <t>cg00292071</t>
  </si>
  <si>
    <t>cg00292971</t>
  </si>
  <si>
    <t>cg00293128</t>
  </si>
  <si>
    <t>cg00294065</t>
  </si>
  <si>
    <t>cg00294534</t>
  </si>
  <si>
    <t>cg00295426</t>
  </si>
  <si>
    <t>cg00301679</t>
  </si>
  <si>
    <t>cg00303335</t>
  </si>
  <si>
    <t>cg00303418</t>
  </si>
  <si>
    <t>cg00307073</t>
  </si>
  <si>
    <t>cg00308439</t>
  </si>
  <si>
    <t>cg00309056</t>
  </si>
  <si>
    <t>cg00310391</t>
  </si>
  <si>
    <t>cg00311035</t>
  </si>
  <si>
    <t>cg00312919</t>
  </si>
  <si>
    <t>cg00313685</t>
  </si>
  <si>
    <t>cg00315936</t>
  </si>
  <si>
    <t>cg00318111</t>
  </si>
  <si>
    <t>cg00322509</t>
  </si>
  <si>
    <t>cg00322632</t>
  </si>
  <si>
    <t>cg00326559</t>
  </si>
  <si>
    <t>cg00333226</t>
  </si>
  <si>
    <t>cg00334542</t>
  </si>
  <si>
    <t>cg00334821</t>
  </si>
  <si>
    <t>cg00338080</t>
  </si>
  <si>
    <t>cg00339217</t>
  </si>
  <si>
    <t>cg00343312</t>
  </si>
  <si>
    <t>cg00343986</t>
  </si>
  <si>
    <t>cg00353923</t>
  </si>
  <si>
    <t>cg00355281</t>
  </si>
  <si>
    <t>cg00358023</t>
  </si>
  <si>
    <t>cg00361025</t>
  </si>
  <si>
    <t>cg00361176</t>
  </si>
  <si>
    <t>cg00364696</t>
  </si>
  <si>
    <t>cg00367438</t>
  </si>
  <si>
    <t>cg00368924</t>
  </si>
  <si>
    <t>cg00371301</t>
  </si>
  <si>
    <t>cg00373422</t>
  </si>
  <si>
    <t>cg00374672</t>
  </si>
  <si>
    <t>cg00376022</t>
  </si>
  <si>
    <t>cg00376785</t>
  </si>
  <si>
    <t>cg00388195</t>
  </si>
  <si>
    <t>cg00393376</t>
  </si>
  <si>
    <t>cg00394316</t>
  </si>
  <si>
    <t>cg00394522</t>
  </si>
  <si>
    <t>cg00397871</t>
  </si>
  <si>
    <t>cg00399596</t>
  </si>
  <si>
    <t>cg00399650</t>
  </si>
  <si>
    <t>cg00399951</t>
  </si>
  <si>
    <t>cg00400614</t>
  </si>
  <si>
    <t>cg00401880</t>
  </si>
  <si>
    <t>cg00403457</t>
  </si>
  <si>
    <t>cg00408021</t>
  </si>
  <si>
    <t>cg00411097</t>
  </si>
  <si>
    <t>cg00413030</t>
  </si>
  <si>
    <t>cg00413089</t>
  </si>
  <si>
    <t>cg00417059</t>
  </si>
  <si>
    <t>cg00417408</t>
  </si>
  <si>
    <t>cg00417710</t>
  </si>
  <si>
    <t>cg00417742</t>
  </si>
  <si>
    <t>cg00417757</t>
  </si>
  <si>
    <t>cg00419298</t>
  </si>
  <si>
    <t>cg00420532</t>
  </si>
  <si>
    <t>cg00422716</t>
  </si>
  <si>
    <t>cg00423291</t>
  </si>
  <si>
    <t>cg00423598</t>
  </si>
  <si>
    <t>cg00423811</t>
  </si>
  <si>
    <t>cg00424276</t>
  </si>
  <si>
    <t>cg00428487</t>
  </si>
  <si>
    <t>cg00431813</t>
  </si>
  <si>
    <t>cg00432262</t>
  </si>
  <si>
    <t>cg00432937</t>
  </si>
  <si>
    <t>cg00434535</t>
  </si>
  <si>
    <t>cg00435528</t>
  </si>
  <si>
    <t>cg00436633</t>
  </si>
  <si>
    <t>cg00437258</t>
  </si>
  <si>
    <t>cg00445443</t>
  </si>
  <si>
    <t>cg00445997</t>
  </si>
  <si>
    <t>cg00446413</t>
  </si>
  <si>
    <t>cg00448659</t>
  </si>
  <si>
    <t>cg00453193</t>
  </si>
  <si>
    <t>cg00453374</t>
  </si>
  <si>
    <t>cg00454864</t>
  </si>
  <si>
    <t>cg00455386</t>
  </si>
  <si>
    <t>cg00458156</t>
  </si>
  <si>
    <t>cg00460575</t>
  </si>
  <si>
    <t>cg00460793</t>
  </si>
  <si>
    <t>cg00461149</t>
  </si>
  <si>
    <t>cg00463460</t>
  </si>
  <si>
    <t>cg00464046</t>
  </si>
  <si>
    <t>cg00465958</t>
  </si>
  <si>
    <t>cg00475322</t>
  </si>
  <si>
    <t>cg00476944</t>
  </si>
  <si>
    <t>cg00477302</t>
  </si>
  <si>
    <t>cg00478390</t>
  </si>
  <si>
    <t>cg00479718</t>
  </si>
  <si>
    <t>cg00482248</t>
  </si>
  <si>
    <t>cg00485312</t>
  </si>
  <si>
    <t>cg00486143</t>
  </si>
  <si>
    <t>cg00491763</t>
  </si>
  <si>
    <t>cg00492233</t>
  </si>
  <si>
    <t>cg00494949</t>
  </si>
  <si>
    <t>cg00496629</t>
  </si>
  <si>
    <t>cg00497046</t>
  </si>
  <si>
    <t>cg00498010</t>
  </si>
  <si>
    <t>cg00502444</t>
  </si>
  <si>
    <t>cg00502697</t>
  </si>
  <si>
    <t>cg00503646</t>
  </si>
  <si>
    <t>cg00503840</t>
  </si>
  <si>
    <t>cg00503920</t>
  </si>
  <si>
    <t>cg00506049</t>
  </si>
  <si>
    <t>cg00511107</t>
  </si>
  <si>
    <t>cg00516678</t>
  </si>
  <si>
    <t>cg00517001</t>
  </si>
  <si>
    <t>cg00523240</t>
  </si>
  <si>
    <t>cg00524288</t>
  </si>
  <si>
    <t>cg00525989</t>
  </si>
  <si>
    <t>cg00528351</t>
  </si>
  <si>
    <t>cg00530650</t>
  </si>
  <si>
    <t>cg00533407</t>
  </si>
  <si>
    <t>cg00536718</t>
  </si>
  <si>
    <t>cg00537335</t>
  </si>
  <si>
    <t>cg00541104</t>
  </si>
  <si>
    <t>cg00541718</t>
  </si>
  <si>
    <t>cg00546491</t>
  </si>
  <si>
    <t>cg00547441</t>
  </si>
  <si>
    <t>cg00547839</t>
  </si>
  <si>
    <t>cg00548268</t>
  </si>
  <si>
    <t>cg00549566</t>
  </si>
  <si>
    <t>cg00551487</t>
  </si>
  <si>
    <t>cg00552369</t>
  </si>
  <si>
    <t>cg00552600</t>
  </si>
  <si>
    <t>cg00552805</t>
  </si>
  <si>
    <t>cg00558500</t>
  </si>
  <si>
    <t>cg00562553</t>
  </si>
  <si>
    <t>cg00563090</t>
  </si>
  <si>
    <t>cg00564163</t>
  </si>
  <si>
    <t>cg00564857</t>
  </si>
  <si>
    <t>cg00564916</t>
  </si>
  <si>
    <t>cg00566158</t>
  </si>
  <si>
    <t>cg00567872</t>
  </si>
  <si>
    <t>cg00568741</t>
  </si>
  <si>
    <t>cg00571354</t>
  </si>
  <si>
    <t>cg00573948</t>
  </si>
  <si>
    <t>cg00574379</t>
  </si>
  <si>
    <t>cg00576774</t>
  </si>
  <si>
    <t>cg00577464</t>
  </si>
  <si>
    <t>cg00578304</t>
  </si>
  <si>
    <t>cg00585733</t>
  </si>
  <si>
    <t>cg00587042</t>
  </si>
  <si>
    <t>cg00587115</t>
  </si>
  <si>
    <t>cg00589581</t>
  </si>
  <si>
    <t>cg00596819</t>
  </si>
  <si>
    <t>cg00598758</t>
  </si>
  <si>
    <t>cg00599770</t>
  </si>
  <si>
    <t>cg00599809</t>
  </si>
  <si>
    <t>cg00600941</t>
  </si>
  <si>
    <t>cg00601311</t>
  </si>
  <si>
    <t>cg00601368</t>
  </si>
  <si>
    <t>cg00605063</t>
  </si>
  <si>
    <t>cg00608299</t>
  </si>
  <si>
    <t>cg00612202</t>
  </si>
  <si>
    <t>cg00615485</t>
  </si>
  <si>
    <t>cg00616000</t>
  </si>
  <si>
    <t>cg00621125</t>
  </si>
  <si>
    <t>cg00621559</t>
  </si>
  <si>
    <t>cg00621899</t>
  </si>
  <si>
    <t>cg00622763</t>
  </si>
  <si>
    <t>cg00623312</t>
  </si>
  <si>
    <t>cg00623774</t>
  </si>
  <si>
    <t>cg00625845</t>
  </si>
  <si>
    <t>cg00629983</t>
  </si>
  <si>
    <t>cg00631272</t>
  </si>
  <si>
    <t>cg00632863</t>
  </si>
  <si>
    <t>cg00635695</t>
  </si>
  <si>
    <t>cg00636675</t>
  </si>
  <si>
    <t>cg00638020</t>
  </si>
  <si>
    <t>cg00639010</t>
  </si>
  <si>
    <t>cg00640479</t>
  </si>
  <si>
    <t>cg00643862</t>
  </si>
  <si>
    <t>cg00644033</t>
  </si>
  <si>
    <t>cg00644797</t>
  </si>
  <si>
    <t>cg00647317</t>
  </si>
  <si>
    <t>cg00651821</t>
  </si>
  <si>
    <t>cg00653387</t>
  </si>
  <si>
    <t>cg00655923</t>
  </si>
  <si>
    <t>cg00656411</t>
  </si>
  <si>
    <t>cg00657508</t>
  </si>
  <si>
    <t>cg00659250</t>
  </si>
  <si>
    <t>cg00659559</t>
  </si>
  <si>
    <t>cg00665343</t>
  </si>
  <si>
    <t>cg00665832</t>
  </si>
  <si>
    <t>cg00666422</t>
  </si>
  <si>
    <t>cg00666696</t>
  </si>
  <si>
    <t>cg00668103</t>
  </si>
  <si>
    <t>cg00668852</t>
  </si>
  <si>
    <t>cg00672712</t>
  </si>
  <si>
    <t>cg00677811</t>
  </si>
  <si>
    <t>cg00678286</t>
  </si>
  <si>
    <t>cg00682002</t>
  </si>
  <si>
    <t>cg00683984</t>
  </si>
  <si>
    <t>cg00684125</t>
  </si>
  <si>
    <t>cg00684497</t>
  </si>
  <si>
    <t>cg00685522</t>
  </si>
  <si>
    <t>cg00686915</t>
  </si>
  <si>
    <t>cg00687122</t>
  </si>
  <si>
    <t>cg00688820</t>
  </si>
  <si>
    <t>cg00692484</t>
  </si>
  <si>
    <t>cg00694777</t>
  </si>
  <si>
    <t>cg00696388</t>
  </si>
  <si>
    <t>cg00697703</t>
  </si>
  <si>
    <t>cg00699934</t>
  </si>
  <si>
    <t>cg00705992</t>
  </si>
  <si>
    <t>cg00709423</t>
  </si>
  <si>
    <t>cg00711132</t>
  </si>
  <si>
    <t>cg00711711</t>
  </si>
  <si>
    <t>cg00717279</t>
  </si>
  <si>
    <t>cg00718539</t>
  </si>
  <si>
    <t>cg00724098</t>
  </si>
  <si>
    <t>cg00725472</t>
  </si>
  <si>
    <t>cg00729656</t>
  </si>
  <si>
    <t>cg00731395</t>
  </si>
  <si>
    <t>cg00731958</t>
  </si>
  <si>
    <t>cg00732845</t>
  </si>
  <si>
    <t>cg00733190</t>
  </si>
  <si>
    <t>cg00733493</t>
  </si>
  <si>
    <t>cg00734592</t>
  </si>
  <si>
    <t>cg00734629</t>
  </si>
  <si>
    <t>cg00738919</t>
  </si>
  <si>
    <t>cg00739139</t>
  </si>
  <si>
    <t>cg00739278</t>
  </si>
  <si>
    <t>cg00740089</t>
  </si>
  <si>
    <t>cg00740465</t>
  </si>
  <si>
    <t>cg00745389</t>
  </si>
  <si>
    <t>cg00745693</t>
  </si>
  <si>
    <t>cg00746949</t>
  </si>
  <si>
    <t>cg00747187</t>
  </si>
  <si>
    <t>cg00749672</t>
  </si>
  <si>
    <t>cg00753630</t>
  </si>
  <si>
    <t>cg00754947</t>
  </si>
  <si>
    <t>cg00755729</t>
  </si>
  <si>
    <t>cg00761242</t>
  </si>
  <si>
    <t>cg00762623</t>
  </si>
  <si>
    <t>cg00764514</t>
  </si>
  <si>
    <t>cg00766497</t>
  </si>
  <si>
    <t>cg00769988</t>
  </si>
  <si>
    <t>cg00771867</t>
  </si>
  <si>
    <t>cg00772020</t>
  </si>
  <si>
    <t>cg00773359</t>
  </si>
  <si>
    <t>cg00773810</t>
  </si>
  <si>
    <t>cg00775388</t>
  </si>
  <si>
    <t>cg00795125</t>
  </si>
  <si>
    <t>cg00795416</t>
  </si>
  <si>
    <t>cg00795616</t>
  </si>
  <si>
    <t>cg00795927</t>
  </si>
  <si>
    <t>cg00798876</t>
  </si>
  <si>
    <t>cg00802386</t>
  </si>
  <si>
    <t>cg00802510</t>
  </si>
  <si>
    <t>cg00804485</t>
  </si>
  <si>
    <t>cg00807237</t>
  </si>
  <si>
    <t>cg00811065</t>
  </si>
  <si>
    <t>cg00811382</t>
  </si>
  <si>
    <t>cg00811796</t>
  </si>
  <si>
    <t>cg00812611</t>
  </si>
  <si>
    <t>cg00815399</t>
  </si>
  <si>
    <t>cg00817377</t>
  </si>
  <si>
    <t>cg00819619</t>
  </si>
  <si>
    <t>cg00827369</t>
  </si>
  <si>
    <t>cg00829182</t>
  </si>
  <si>
    <t>cg00830285</t>
  </si>
  <si>
    <t>cg00830492</t>
  </si>
  <si>
    <t>cg00830813</t>
  </si>
  <si>
    <t>cg00833441</t>
  </si>
  <si>
    <t>cg00834958</t>
  </si>
  <si>
    <t>cg00834988</t>
  </si>
  <si>
    <t>cg00835828</t>
  </si>
  <si>
    <t>cg00836605</t>
  </si>
  <si>
    <t>cg00836662</t>
  </si>
  <si>
    <t>cg00837398</t>
  </si>
  <si>
    <t>cg00841151</t>
  </si>
  <si>
    <t>cg00841693</t>
  </si>
  <si>
    <t>cg00841760</t>
  </si>
  <si>
    <t>cg00844298</t>
  </si>
  <si>
    <t>cg00846140</t>
  </si>
  <si>
    <t>cg00846539</t>
  </si>
  <si>
    <t>cg00854166</t>
  </si>
  <si>
    <t>cg00857734</t>
  </si>
  <si>
    <t>cg00860590</t>
  </si>
  <si>
    <t>cg00860742</t>
  </si>
  <si>
    <t>cg00861497</t>
  </si>
  <si>
    <t>cg00864064</t>
  </si>
  <si>
    <t>cg00866206</t>
  </si>
  <si>
    <t>cg00869215</t>
  </si>
  <si>
    <t>cg00871124</t>
  </si>
  <si>
    <t>cg00871390</t>
  </si>
  <si>
    <t>cg00878038</t>
  </si>
  <si>
    <t>cg00881207</t>
  </si>
  <si>
    <t>cg00881892</t>
  </si>
  <si>
    <t>cg00884529</t>
  </si>
  <si>
    <t>cg00887966</t>
  </si>
  <si>
    <t>cg00891886</t>
  </si>
  <si>
    <t>cg00892324</t>
  </si>
  <si>
    <t>cg00901683</t>
  </si>
  <si>
    <t>cg00903099</t>
  </si>
  <si>
    <t>cg00903375</t>
  </si>
  <si>
    <t>cg00904258</t>
  </si>
  <si>
    <t>cg00906908</t>
  </si>
  <si>
    <t>cg00906934</t>
  </si>
  <si>
    <t>cg00907204</t>
  </si>
  <si>
    <t>cg00908408</t>
  </si>
  <si>
    <t>cg00908584</t>
  </si>
  <si>
    <t>cg00911813</t>
  </si>
  <si>
    <t>cg00913288</t>
  </si>
  <si>
    <t>cg00913360</t>
  </si>
  <si>
    <t>cg00917003</t>
  </si>
  <si>
    <t>cg00919689</t>
  </si>
  <si>
    <t>cg00920126</t>
  </si>
  <si>
    <t>cg00920269</t>
  </si>
  <si>
    <t>cg00921574</t>
  </si>
  <si>
    <t>cg00927294</t>
  </si>
  <si>
    <t>cg00930455</t>
  </si>
  <si>
    <t>cg00935216</t>
  </si>
  <si>
    <t>cg00935653</t>
  </si>
  <si>
    <t>cg00937135</t>
  </si>
  <si>
    <t>cg00937262</t>
  </si>
  <si>
    <t>cg00940526</t>
  </si>
  <si>
    <t>cg00944888</t>
  </si>
  <si>
    <t>cg00945507</t>
  </si>
  <si>
    <t>cg00946316</t>
  </si>
  <si>
    <t>cg00947019</t>
  </si>
  <si>
    <t>cg00947599</t>
  </si>
  <si>
    <t>cg00950418</t>
  </si>
  <si>
    <t>cg00952162</t>
  </si>
  <si>
    <t>cg00952292</t>
  </si>
  <si>
    <t>cg00953154</t>
  </si>
  <si>
    <t>cg00953233</t>
  </si>
  <si>
    <t>cg00955230</t>
  </si>
  <si>
    <t>cg00956134</t>
  </si>
  <si>
    <t>cg00963555</t>
  </si>
  <si>
    <t>cg00966405</t>
  </si>
  <si>
    <t>cg00969405</t>
  </si>
  <si>
    <t>cg00970824</t>
  </si>
  <si>
    <t>cg00971110</t>
  </si>
  <si>
    <t>cg00971894</t>
  </si>
  <si>
    <t>cg00973677</t>
  </si>
  <si>
    <t>cg00974315</t>
  </si>
  <si>
    <t>cg00974466</t>
  </si>
  <si>
    <t>cg00978698</t>
  </si>
  <si>
    <t>cg00980592</t>
  </si>
  <si>
    <t>cg00981928</t>
  </si>
  <si>
    <t>cg00982974</t>
  </si>
  <si>
    <t>cg00983608</t>
  </si>
  <si>
    <t>cg00984009</t>
  </si>
  <si>
    <t>cg00987630</t>
  </si>
  <si>
    <t>cg00991400</t>
  </si>
  <si>
    <t>cg00991495</t>
  </si>
  <si>
    <t>cg00992711</t>
  </si>
  <si>
    <t>cg00995324</t>
  </si>
  <si>
    <t>cg01001101</t>
  </si>
  <si>
    <t>cg01002098</t>
  </si>
  <si>
    <t>cg01002722</t>
  </si>
  <si>
    <t>cg01003211</t>
  </si>
  <si>
    <t>cg01003666</t>
  </si>
  <si>
    <t>cg01005180</t>
  </si>
  <si>
    <t>cg01008557</t>
  </si>
  <si>
    <t>cg01012026</t>
  </si>
  <si>
    <t>cg01012242</t>
  </si>
  <si>
    <t>cg01013023</t>
  </si>
  <si>
    <t>cg01023169</t>
  </si>
  <si>
    <t>cg01024168</t>
  </si>
  <si>
    <t>cg01024247</t>
  </si>
  <si>
    <t>cg01025762</t>
  </si>
  <si>
    <t>cg01025891</t>
  </si>
  <si>
    <t>cg01027532</t>
  </si>
  <si>
    <t>cg01027553</t>
  </si>
  <si>
    <t>cg01028223</t>
  </si>
  <si>
    <t>cg01028287</t>
  </si>
  <si>
    <t>cg01028379</t>
  </si>
  <si>
    <t>cg01028925</t>
  </si>
  <si>
    <t>cg01031271</t>
  </si>
  <si>
    <t>cg01032653</t>
  </si>
  <si>
    <t>cg01035563</t>
  </si>
  <si>
    <t>cg01039133</t>
  </si>
  <si>
    <t>cg01042465</t>
  </si>
  <si>
    <t>cg01049678</t>
  </si>
  <si>
    <t>cg01049782</t>
  </si>
  <si>
    <t>cg01050183</t>
  </si>
  <si>
    <t>cg01050885</t>
  </si>
  <si>
    <t>cg01052477</t>
  </si>
  <si>
    <t>cg01058360</t>
  </si>
  <si>
    <t>cg01068407</t>
  </si>
  <si>
    <t>cg01071511</t>
  </si>
  <si>
    <t>cg01072217</t>
  </si>
  <si>
    <t>cg01074622</t>
  </si>
  <si>
    <t>cg01077185</t>
  </si>
  <si>
    <t>cg01078248</t>
  </si>
  <si>
    <t>cg01079658</t>
  </si>
  <si>
    <t>cg01081096</t>
  </si>
  <si>
    <t>cg01082057</t>
  </si>
  <si>
    <t>cg01082091</t>
  </si>
  <si>
    <t>cg01083434</t>
  </si>
  <si>
    <t>cg01087129</t>
  </si>
  <si>
    <t>cg01088455</t>
  </si>
  <si>
    <t>cg01090089</t>
  </si>
  <si>
    <t>cg01091029</t>
  </si>
  <si>
    <t>cg01092135</t>
  </si>
  <si>
    <t>cg01092213</t>
  </si>
  <si>
    <t>cg01093285</t>
  </si>
  <si>
    <t>cg01094108</t>
  </si>
  <si>
    <t>cg01098939</t>
  </si>
  <si>
    <t>cg01100525</t>
  </si>
  <si>
    <t>cg01101472</t>
  </si>
  <si>
    <t>cg01103207</t>
  </si>
  <si>
    <t>cg01104073</t>
  </si>
  <si>
    <t>cg01105938</t>
  </si>
  <si>
    <t>cg01106711</t>
  </si>
  <si>
    <t>cg01107185</t>
  </si>
  <si>
    <t>cg01108370</t>
  </si>
  <si>
    <t>cg01112082</t>
  </si>
  <si>
    <t>cg01112899</t>
  </si>
  <si>
    <t>cg01115569</t>
  </si>
  <si>
    <t>cg01115668</t>
  </si>
  <si>
    <t>cg01119831</t>
  </si>
  <si>
    <t>cg01128574</t>
  </si>
  <si>
    <t>cg01130922</t>
  </si>
  <si>
    <t>cg01138078</t>
  </si>
  <si>
    <t>cg01138164</t>
  </si>
  <si>
    <t>cg01138720</t>
  </si>
  <si>
    <t>cg01139031</t>
  </si>
  <si>
    <t>cg01151440</t>
  </si>
  <si>
    <t>cg01156747</t>
  </si>
  <si>
    <t>cg01166674</t>
  </si>
  <si>
    <t>cg01168535</t>
  </si>
  <si>
    <t>cg01169726</t>
  </si>
  <si>
    <t>cg01172234</t>
  </si>
  <si>
    <t>cg01177956</t>
  </si>
  <si>
    <t>cg01178603</t>
  </si>
  <si>
    <t>cg01184452</t>
  </si>
  <si>
    <t>cg01184591</t>
  </si>
  <si>
    <t>cg01187600</t>
  </si>
  <si>
    <t>cg01189915</t>
  </si>
  <si>
    <t>cg01196388</t>
  </si>
  <si>
    <t>cg01197156</t>
  </si>
  <si>
    <t>cg01198033</t>
  </si>
  <si>
    <t>cg01198434</t>
  </si>
  <si>
    <t>cg01200482</t>
  </si>
  <si>
    <t>cg01201519</t>
  </si>
  <si>
    <t>cg01202666</t>
  </si>
  <si>
    <t>cg01206728</t>
  </si>
  <si>
    <t>cg01208787</t>
  </si>
  <si>
    <t>cg01210554</t>
  </si>
  <si>
    <t>cg01212245</t>
  </si>
  <si>
    <t>cg01215762</t>
  </si>
  <si>
    <t>cg01218414</t>
  </si>
  <si>
    <t>cg01219385</t>
  </si>
  <si>
    <t>cg01220564</t>
  </si>
  <si>
    <t>cg01221746</t>
  </si>
  <si>
    <t>cg01229860</t>
  </si>
  <si>
    <t>cg01233922</t>
  </si>
  <si>
    <t>cg01234984</t>
  </si>
  <si>
    <t>cg01235172</t>
  </si>
  <si>
    <t>cg01245656</t>
  </si>
  <si>
    <t>cg01246802</t>
  </si>
  <si>
    <t>cg01250407</t>
  </si>
  <si>
    <t>cg01256278</t>
  </si>
  <si>
    <t>cg01258793</t>
  </si>
  <si>
    <t>cg01259220</t>
  </si>
  <si>
    <t>cg01265597</t>
  </si>
  <si>
    <t>cg01269469</t>
  </si>
  <si>
    <t>cg01269670</t>
  </si>
  <si>
    <t>cg01280841</t>
  </si>
  <si>
    <t>cg01281140</t>
  </si>
  <si>
    <t>cg01281851</t>
  </si>
  <si>
    <t>cg01282418</t>
  </si>
  <si>
    <t>cg01287054</t>
  </si>
  <si>
    <t>cg01287820</t>
  </si>
  <si>
    <t>cg01288993</t>
  </si>
  <si>
    <t>cg01290718</t>
  </si>
  <si>
    <t>cg01291336</t>
  </si>
  <si>
    <t>cg01292793</t>
  </si>
  <si>
    <t>cg01301319</t>
  </si>
  <si>
    <t>cg01302119</t>
  </si>
  <si>
    <t>cg01306563</t>
  </si>
  <si>
    <t>cg01307915</t>
  </si>
  <si>
    <t>cg01310482</t>
  </si>
  <si>
    <t>cg01311674</t>
  </si>
  <si>
    <t>cg01312316</t>
  </si>
  <si>
    <t>cg01316476</t>
  </si>
  <si>
    <t>cg01331191</t>
  </si>
  <si>
    <t>cg01337813</t>
  </si>
  <si>
    <t>cg01338148</t>
  </si>
  <si>
    <t>cg01338378</t>
  </si>
  <si>
    <t>cg01338634</t>
  </si>
  <si>
    <t>cg01341076</t>
  </si>
  <si>
    <t>cg01341755</t>
  </si>
  <si>
    <t>cg01343703</t>
  </si>
  <si>
    <t>cg01349903</t>
  </si>
  <si>
    <t>cg01351421</t>
  </si>
  <si>
    <t>cg01352921</t>
  </si>
  <si>
    <t>cg01353448</t>
  </si>
  <si>
    <t>cg01353569</t>
  </si>
  <si>
    <t>cg01359748</t>
  </si>
  <si>
    <t>cg01359999</t>
  </si>
  <si>
    <t>cg01360119</t>
  </si>
  <si>
    <t>cg01361449</t>
  </si>
  <si>
    <t>cg01363620</t>
  </si>
  <si>
    <t>cg01364581</t>
  </si>
  <si>
    <t>cg01366419</t>
  </si>
  <si>
    <t>cg01367587</t>
  </si>
  <si>
    <t>cg01367627</t>
  </si>
  <si>
    <t>cg01368430</t>
  </si>
  <si>
    <t>cg01372107</t>
  </si>
  <si>
    <t>cg01372551</t>
  </si>
  <si>
    <t>cg01372683</t>
  </si>
  <si>
    <t>cg01372694</t>
  </si>
  <si>
    <t>cg01373024</t>
  </si>
  <si>
    <t>cg01373473</t>
  </si>
  <si>
    <t>cg01377503</t>
  </si>
  <si>
    <t>cg01378182</t>
  </si>
  <si>
    <t>cg01381846</t>
  </si>
  <si>
    <t>cg01382768</t>
  </si>
  <si>
    <t>cg01389942</t>
  </si>
  <si>
    <t>cg01390574</t>
  </si>
  <si>
    <t>cg01391681</t>
  </si>
  <si>
    <t>cg01392097</t>
  </si>
  <si>
    <t>cg01392273</t>
  </si>
  <si>
    <t>cg01396587</t>
  </si>
  <si>
    <t>cg01397139</t>
  </si>
  <si>
    <t>cg01397469</t>
  </si>
  <si>
    <t>cg01397661</t>
  </si>
  <si>
    <t>cg01398432</t>
  </si>
  <si>
    <t>cg01403208</t>
  </si>
  <si>
    <t>cg01406864</t>
  </si>
  <si>
    <t>cg01407576</t>
  </si>
  <si>
    <t>cg01409460</t>
  </si>
  <si>
    <t>cg01410316</t>
  </si>
  <si>
    <t>cg01412321</t>
  </si>
  <si>
    <t>cg01412469</t>
  </si>
  <si>
    <t>cg01414882</t>
  </si>
  <si>
    <t>cg01415903</t>
  </si>
  <si>
    <t>cg01416111</t>
  </si>
  <si>
    <t>cg01416915</t>
  </si>
  <si>
    <t>cg01418527</t>
  </si>
  <si>
    <t>cg01418896</t>
  </si>
  <si>
    <t>cg01422767</t>
  </si>
  <si>
    <t>cg01423695</t>
  </si>
  <si>
    <t>cg01425807</t>
  </si>
  <si>
    <t>cg01427142</t>
  </si>
  <si>
    <t>cg01429360</t>
  </si>
  <si>
    <t>cg01430430</t>
  </si>
  <si>
    <t>cg01433527</t>
  </si>
  <si>
    <t>cg01436487</t>
  </si>
  <si>
    <t>cg01439383</t>
  </si>
  <si>
    <t>cg01439408</t>
  </si>
  <si>
    <t>cg01444712</t>
  </si>
  <si>
    <t>cg01447831</t>
  </si>
  <si>
    <t>cg01449218</t>
  </si>
  <si>
    <t>cg01460227</t>
  </si>
  <si>
    <t>cg01460435</t>
  </si>
  <si>
    <t>cg01461420</t>
  </si>
  <si>
    <t>cg01461514</t>
  </si>
  <si>
    <t>cg01462349</t>
  </si>
  <si>
    <t>cg01466035</t>
  </si>
  <si>
    <t>cg01471203</t>
  </si>
  <si>
    <t>cg01474953</t>
  </si>
  <si>
    <t>cg01475577</t>
  </si>
  <si>
    <t>cg01475952</t>
  </si>
  <si>
    <t>cg01476842</t>
  </si>
  <si>
    <t>cg01480180</t>
  </si>
  <si>
    <t>cg01481879</t>
  </si>
  <si>
    <t>cg01482087</t>
  </si>
  <si>
    <t>cg01485010</t>
  </si>
  <si>
    <t>cg01491398</t>
  </si>
  <si>
    <t>cg01492538</t>
  </si>
  <si>
    <t>cg01495332</t>
  </si>
  <si>
    <t>cg01496970</t>
  </si>
  <si>
    <t>cg01498219</t>
  </si>
  <si>
    <t>cg01499001</t>
  </si>
  <si>
    <t>cg01499591</t>
  </si>
  <si>
    <t>cg01501474</t>
  </si>
  <si>
    <t>cg01504489</t>
  </si>
  <si>
    <t>cg01506471</t>
  </si>
  <si>
    <t>cg01509853</t>
  </si>
  <si>
    <t>cg01511379</t>
  </si>
  <si>
    <t>cg01526355</t>
  </si>
  <si>
    <t>cg01530283</t>
  </si>
  <si>
    <t>cg01530797</t>
  </si>
  <si>
    <t>cg01533965</t>
  </si>
  <si>
    <t>cg01534145</t>
  </si>
  <si>
    <t>cg01534253</t>
  </si>
  <si>
    <t>cg01538984</t>
  </si>
  <si>
    <t>cg01539284</t>
  </si>
  <si>
    <t>cg01539854</t>
  </si>
  <si>
    <t>cg01541347</t>
  </si>
  <si>
    <t>cg01544812</t>
  </si>
  <si>
    <t>cg01545952</t>
  </si>
  <si>
    <t>cg01546595</t>
  </si>
  <si>
    <t>cg01547051</t>
  </si>
  <si>
    <t>cg01547654</t>
  </si>
  <si>
    <t>cg01548463</t>
  </si>
  <si>
    <t>cg01550799</t>
  </si>
  <si>
    <t>cg01554539</t>
  </si>
  <si>
    <t>cg01555253</t>
  </si>
  <si>
    <t>cg01556466</t>
  </si>
  <si>
    <t>cg01561878</t>
  </si>
  <si>
    <t>cg01563502</t>
  </si>
  <si>
    <t>cg01564135</t>
  </si>
  <si>
    <t>cg01566593</t>
  </si>
  <si>
    <t>cg01567825</t>
  </si>
  <si>
    <t>cg01571775</t>
  </si>
  <si>
    <t>cg01574381</t>
  </si>
  <si>
    <t>cg01574564</t>
  </si>
  <si>
    <t>cg01578017</t>
  </si>
  <si>
    <t>cg01578764</t>
  </si>
  <si>
    <t>cg01582807</t>
  </si>
  <si>
    <t>cg01582947</t>
  </si>
  <si>
    <t>cg01584401</t>
  </si>
  <si>
    <t>cg01584473</t>
  </si>
  <si>
    <t>cg01587386</t>
  </si>
  <si>
    <t>cg01587630</t>
  </si>
  <si>
    <t>cg01588513</t>
  </si>
  <si>
    <t>cg01591025</t>
  </si>
  <si>
    <t>cg01591487</t>
  </si>
  <si>
    <t>cg01593421</t>
  </si>
  <si>
    <t>cg01597641</t>
  </si>
  <si>
    <t>cg01604051</t>
  </si>
  <si>
    <t>cg01611679</t>
  </si>
  <si>
    <t>cg01613455</t>
  </si>
  <si>
    <t>cg01614087</t>
  </si>
  <si>
    <t>cg01614764</t>
  </si>
  <si>
    <t>cg01614915</t>
  </si>
  <si>
    <t>cg01615114</t>
  </si>
  <si>
    <t>cg01615453</t>
  </si>
  <si>
    <t>cg01617071</t>
  </si>
  <si>
    <t>cg01617933</t>
  </si>
  <si>
    <t>cg01620739</t>
  </si>
  <si>
    <t>cg01621268</t>
  </si>
  <si>
    <t>cg01622965</t>
  </si>
  <si>
    <t>cg01623085</t>
  </si>
  <si>
    <t>cg01625945</t>
  </si>
  <si>
    <t>cg01626227</t>
  </si>
  <si>
    <t>cg01629749</t>
  </si>
  <si>
    <t>cg01633442</t>
  </si>
  <si>
    <t>cg01646795</t>
  </si>
  <si>
    <t>cg01648996</t>
  </si>
  <si>
    <t>cg01650726</t>
  </si>
  <si>
    <t>cg01650776</t>
  </si>
  <si>
    <t>cg01652476</t>
  </si>
  <si>
    <t>cg01666416</t>
  </si>
  <si>
    <t>cg01667575</t>
  </si>
  <si>
    <t>cg01669161</t>
  </si>
  <si>
    <t>cg01669366</t>
  </si>
  <si>
    <t>cg01670430</t>
  </si>
  <si>
    <t>cg01671171</t>
  </si>
  <si>
    <t>cg01676795</t>
  </si>
  <si>
    <t>cg01679206</t>
  </si>
  <si>
    <t>cg01679225</t>
  </si>
  <si>
    <t>cg01686177</t>
  </si>
  <si>
    <t>cg01686463</t>
  </si>
  <si>
    <t>cg01687862</t>
  </si>
  <si>
    <t>cg01687864</t>
  </si>
  <si>
    <t>cg01687997</t>
  </si>
  <si>
    <t>cg01689657</t>
  </si>
  <si>
    <t>cg01690872</t>
  </si>
  <si>
    <t>cg01691182</t>
  </si>
  <si>
    <t>cg01692279</t>
  </si>
  <si>
    <t>cg01692351</t>
  </si>
  <si>
    <t>cg01696605</t>
  </si>
  <si>
    <t>cg01702225</t>
  </si>
  <si>
    <t>cg01702481</t>
  </si>
  <si>
    <t>cg01702517</t>
  </si>
  <si>
    <t>cg01703966</t>
  </si>
  <si>
    <t>cg01704252</t>
  </si>
  <si>
    <t>cg01705036</t>
  </si>
  <si>
    <t>cg01706943</t>
  </si>
  <si>
    <t>cg01708552</t>
  </si>
  <si>
    <t>cg01708964</t>
  </si>
  <si>
    <t>cg01709543</t>
  </si>
  <si>
    <t>cg01709689</t>
  </si>
  <si>
    <t>cg01715379</t>
  </si>
  <si>
    <t>cg01716016</t>
  </si>
  <si>
    <t>cg01719223</t>
  </si>
  <si>
    <t>cg01719895</t>
  </si>
  <si>
    <t>cg01723252</t>
  </si>
  <si>
    <t>cg01724479</t>
  </si>
  <si>
    <t>cg01725608</t>
  </si>
  <si>
    <t>cg01726890</t>
  </si>
  <si>
    <t>cg01729288</t>
  </si>
  <si>
    <t>cg01731355</t>
  </si>
  <si>
    <t>cg01733570</t>
  </si>
  <si>
    <t>cg01740202</t>
  </si>
  <si>
    <t>cg01741041</t>
  </si>
  <si>
    <t>cg01743593</t>
  </si>
  <si>
    <t>cg01748498</t>
  </si>
  <si>
    <t>cg01749076</t>
  </si>
  <si>
    <t>cg01749347</t>
  </si>
  <si>
    <t>cg01751605</t>
  </si>
  <si>
    <t>cg01753176</t>
  </si>
  <si>
    <t>cg01753815</t>
  </si>
  <si>
    <t>cg01756060</t>
  </si>
  <si>
    <t>cg01758807</t>
  </si>
  <si>
    <t>cg01758870</t>
  </si>
  <si>
    <t>cg01759887</t>
  </si>
  <si>
    <t>cg01763602</t>
  </si>
  <si>
    <t>cg01770232</t>
  </si>
  <si>
    <t>cg01772563</t>
  </si>
  <si>
    <t>cg01783730</t>
  </si>
  <si>
    <t>cg01784819</t>
  </si>
  <si>
    <t>cg01790498</t>
  </si>
  <si>
    <t>cg01792229</t>
  </si>
  <si>
    <t>cg01800538</t>
  </si>
  <si>
    <t>cg01803724</t>
  </si>
  <si>
    <t>cg01804370</t>
  </si>
  <si>
    <t>cg01807131</t>
  </si>
  <si>
    <t>cg01807375</t>
  </si>
  <si>
    <t>cg01807426</t>
  </si>
  <si>
    <t>cg01807619</t>
  </si>
  <si>
    <t>cg01808969</t>
  </si>
  <si>
    <t>cg01813334</t>
  </si>
  <si>
    <t>cg01819512</t>
  </si>
  <si>
    <t>cg01819552</t>
  </si>
  <si>
    <t>cg01820777</t>
  </si>
  <si>
    <t>cg01824172</t>
  </si>
  <si>
    <t>cg01826728</t>
  </si>
  <si>
    <t>cg01827726</t>
  </si>
  <si>
    <t>cg01828650</t>
  </si>
  <si>
    <t>cg01830073</t>
  </si>
  <si>
    <t>cg01830294</t>
  </si>
  <si>
    <t>cg01830765</t>
  </si>
  <si>
    <t>cg01843768</t>
  </si>
  <si>
    <t>cg01861634</t>
  </si>
  <si>
    <t>cg01864957</t>
  </si>
  <si>
    <t>cg01868112</t>
  </si>
  <si>
    <t>cg01868791</t>
  </si>
  <si>
    <t>cg01869186</t>
  </si>
  <si>
    <t>cg01871695</t>
  </si>
  <si>
    <t>cg01874867</t>
  </si>
  <si>
    <t>cg01877450</t>
  </si>
  <si>
    <t>cg01877565</t>
  </si>
  <si>
    <t>cg01878214</t>
  </si>
  <si>
    <t>cg01878960</t>
  </si>
  <si>
    <t>cg01880913</t>
  </si>
  <si>
    <t>cg01881993</t>
  </si>
  <si>
    <t>cg01883759</t>
  </si>
  <si>
    <t>cg01896230</t>
  </si>
  <si>
    <t>cg01901654</t>
  </si>
  <si>
    <t>cg01903241</t>
  </si>
  <si>
    <t>cg01906599</t>
  </si>
  <si>
    <t>cg01909588</t>
  </si>
  <si>
    <t>cg01914153</t>
  </si>
  <si>
    <t>cg01914621</t>
  </si>
  <si>
    <t>cg01921323</t>
  </si>
  <si>
    <t>cg01922090</t>
  </si>
  <si>
    <t>cg01922095</t>
  </si>
  <si>
    <t>cg01924711</t>
  </si>
  <si>
    <t>cg01924776</t>
  </si>
  <si>
    <t>cg01931100</t>
  </si>
  <si>
    <t>cg01935436</t>
  </si>
  <si>
    <t>cg01936839</t>
  </si>
  <si>
    <t>cg01940964</t>
  </si>
  <si>
    <t>cg01942654</t>
  </si>
  <si>
    <t>cg01942816</t>
  </si>
  <si>
    <t>cg01949171</t>
  </si>
  <si>
    <t>cg01953390</t>
  </si>
  <si>
    <t>cg01954686</t>
  </si>
  <si>
    <t>cg01958372</t>
  </si>
  <si>
    <t>cg01963002</t>
  </si>
  <si>
    <t>cg01965822</t>
  </si>
  <si>
    <t>cg01966465</t>
  </si>
  <si>
    <t>cg01971676</t>
  </si>
  <si>
    <t>cg01972071</t>
  </si>
  <si>
    <t>cg01972879</t>
  </si>
  <si>
    <t>cg01973390</t>
  </si>
  <si>
    <t>cg01973908</t>
  </si>
  <si>
    <t>cg01979458</t>
  </si>
  <si>
    <t>cg01979481</t>
  </si>
  <si>
    <t>cg01986619</t>
  </si>
  <si>
    <t>cg01989621</t>
  </si>
  <si>
    <t>cg01998754</t>
  </si>
  <si>
    <t>cg01999622</t>
  </si>
  <si>
    <t>cg02000318</t>
  </si>
  <si>
    <t>cg02002684</t>
  </si>
  <si>
    <t>cg02003457</t>
  </si>
  <si>
    <t>cg02003682</t>
  </si>
  <si>
    <t>cg02005755</t>
  </si>
  <si>
    <t>cg02006134</t>
  </si>
  <si>
    <t>cg02006615</t>
  </si>
  <si>
    <t>cg02007867</t>
  </si>
  <si>
    <t>cg02008154</t>
  </si>
  <si>
    <t>cg02020528</t>
  </si>
  <si>
    <t>cg02022181</t>
  </si>
  <si>
    <t>cg02024077</t>
  </si>
  <si>
    <t>cg02025871</t>
  </si>
  <si>
    <t>cg02027878</t>
  </si>
  <si>
    <t>cg02031965</t>
  </si>
  <si>
    <t>cg02039839</t>
  </si>
  <si>
    <t>cg02047646</t>
  </si>
  <si>
    <t>cg02051228</t>
  </si>
  <si>
    <t>cg02052217</t>
  </si>
  <si>
    <t>cg02052767</t>
  </si>
  <si>
    <t>cg02053171</t>
  </si>
  <si>
    <t>cg02056828</t>
  </si>
  <si>
    <t>cg02056893</t>
  </si>
  <si>
    <t>cg02063817</t>
  </si>
  <si>
    <t>cg02066184</t>
  </si>
  <si>
    <t>cg02076629</t>
  </si>
  <si>
    <t>cg02076755</t>
  </si>
  <si>
    <t>cg02076804</t>
  </si>
  <si>
    <t>cg02078370</t>
  </si>
  <si>
    <t>cg02078943</t>
  </si>
  <si>
    <t>cg02081722</t>
  </si>
  <si>
    <t>cg02083492</t>
  </si>
  <si>
    <t>cg02085942</t>
  </si>
  <si>
    <t>cg02087005</t>
  </si>
  <si>
    <t>cg02088996</t>
  </si>
  <si>
    <t>cg02090014</t>
  </si>
  <si>
    <t>cg02092102</t>
  </si>
  <si>
    <t>cg02099474</t>
  </si>
  <si>
    <t>cg02099548</t>
  </si>
  <si>
    <t>cg02101486</t>
  </si>
  <si>
    <t>cg02103450</t>
  </si>
  <si>
    <t>cg02106682</t>
  </si>
  <si>
    <t>cg02107380</t>
  </si>
  <si>
    <t>cg02108080</t>
  </si>
  <si>
    <t>cg02108198</t>
  </si>
  <si>
    <t>cg02111032</t>
  </si>
  <si>
    <t>cg02112038</t>
  </si>
  <si>
    <t>cg02119840</t>
  </si>
  <si>
    <t>cg02123534</t>
  </si>
  <si>
    <t>cg02131772</t>
  </si>
  <si>
    <t>cg02132909</t>
  </si>
  <si>
    <t>cg02133350</t>
  </si>
  <si>
    <t>cg02135003</t>
  </si>
  <si>
    <t>cg02136259</t>
  </si>
  <si>
    <t>cg02137183</t>
  </si>
  <si>
    <t>cg02137402</t>
  </si>
  <si>
    <t>cg02137956</t>
  </si>
  <si>
    <t>cg02143067</t>
  </si>
  <si>
    <t>cg02149314</t>
  </si>
  <si>
    <t>cg02160419</t>
  </si>
  <si>
    <t>cg02166842</t>
  </si>
  <si>
    <t>cg02169286</t>
  </si>
  <si>
    <t>cg02169391</t>
  </si>
  <si>
    <t>cg02170577</t>
  </si>
  <si>
    <t>cg02171859</t>
  </si>
  <si>
    <t>cg02172222</t>
  </si>
  <si>
    <t>cg02172669</t>
  </si>
  <si>
    <t>cg02179455</t>
  </si>
  <si>
    <t>cg02182114</t>
  </si>
  <si>
    <t>cg02184644</t>
  </si>
  <si>
    <t>cg02185182</t>
  </si>
  <si>
    <t>cg02185750</t>
  </si>
  <si>
    <t>cg02185971</t>
  </si>
  <si>
    <t>cg02186966</t>
  </si>
  <si>
    <t>cg02192504</t>
  </si>
  <si>
    <t>cg02192746</t>
  </si>
  <si>
    <t>cg02193883</t>
  </si>
  <si>
    <t>cg02194223</t>
  </si>
  <si>
    <t>cg02194617</t>
  </si>
  <si>
    <t>cg02200207</t>
  </si>
  <si>
    <t>cg02201050</t>
  </si>
  <si>
    <t>cg02201485</t>
  </si>
  <si>
    <t>cg02203656</t>
  </si>
  <si>
    <t>cg02204205</t>
  </si>
  <si>
    <t>cg02204578</t>
  </si>
  <si>
    <t>cg02210967</t>
  </si>
  <si>
    <t>cg02211646</t>
  </si>
  <si>
    <t>cg02212389</t>
  </si>
  <si>
    <t>cg02212683</t>
  </si>
  <si>
    <t>cg02216939</t>
  </si>
  <si>
    <t>cg02216951</t>
  </si>
  <si>
    <t>cg02217041</t>
  </si>
  <si>
    <t>cg02217713</t>
  </si>
  <si>
    <t>cg02223784</t>
  </si>
  <si>
    <t>cg02229461</t>
  </si>
  <si>
    <t>cg02232641</t>
  </si>
  <si>
    <t>cg02233849</t>
  </si>
  <si>
    <t>cg02237119</t>
  </si>
  <si>
    <t>cg02240030</t>
  </si>
  <si>
    <t>cg02240291</t>
  </si>
  <si>
    <t>cg02244695</t>
  </si>
  <si>
    <t>cg02252000</t>
  </si>
  <si>
    <t>cg02255297</t>
  </si>
  <si>
    <t>cg02257708</t>
  </si>
  <si>
    <t>cg02258139</t>
  </si>
  <si>
    <t>cg02258703</t>
  </si>
  <si>
    <t>cg02271119</t>
  </si>
  <si>
    <t>cg02271707</t>
  </si>
  <si>
    <t>cg02271926</t>
  </si>
  <si>
    <t>cg02272667</t>
  </si>
  <si>
    <t>cg02273392</t>
  </si>
  <si>
    <t>cg02273422</t>
  </si>
  <si>
    <t>cg02274236</t>
  </si>
  <si>
    <t>cg02275292</t>
  </si>
  <si>
    <t>cg02282200</t>
  </si>
  <si>
    <t>cg02285887</t>
  </si>
  <si>
    <t>cg02290197</t>
  </si>
  <si>
    <t>cg02290509</t>
  </si>
  <si>
    <t>cg02292206</t>
  </si>
  <si>
    <t>cg02293817</t>
  </si>
  <si>
    <t>cg02301805</t>
  </si>
  <si>
    <t>cg02303016</t>
  </si>
  <si>
    <t>cg02303651</t>
  </si>
  <si>
    <t>cg02305113</t>
  </si>
  <si>
    <t>cg02306654</t>
  </si>
  <si>
    <t>cg02307880</t>
  </si>
  <si>
    <t>cg02311378</t>
  </si>
  <si>
    <t>cg02321112</t>
  </si>
  <si>
    <t>cg02323550</t>
  </si>
  <si>
    <t>cg02325411</t>
  </si>
  <si>
    <t>cg02327123</t>
  </si>
  <si>
    <t>cg02327189</t>
  </si>
  <si>
    <t>cg02327530</t>
  </si>
  <si>
    <t>cg02328113</t>
  </si>
  <si>
    <t>cg02329576</t>
  </si>
  <si>
    <t>cg02329916</t>
  </si>
  <si>
    <t>cg02330682</t>
  </si>
  <si>
    <t>cg02331348</t>
  </si>
  <si>
    <t>cg02335517</t>
  </si>
  <si>
    <t>cg02336018</t>
  </si>
  <si>
    <t>cg02336521</t>
  </si>
  <si>
    <t>cg02336729</t>
  </si>
  <si>
    <t>cg02339211</t>
  </si>
  <si>
    <t>cg02339891</t>
  </si>
  <si>
    <t>cg02341670</t>
  </si>
  <si>
    <t>cg02343182</t>
  </si>
  <si>
    <t>cg02350474</t>
  </si>
  <si>
    <t>cg02350627</t>
  </si>
  <si>
    <t>cg02354431</t>
  </si>
  <si>
    <t>cg02355304</t>
  </si>
  <si>
    <t>cg02356647</t>
  </si>
  <si>
    <t>cg02358382</t>
  </si>
  <si>
    <t>cg02361612</t>
  </si>
  <si>
    <t>cg02363526</t>
  </si>
  <si>
    <t>cg02366772</t>
  </si>
  <si>
    <t>cg02368096</t>
  </si>
  <si>
    <t>cg02369113</t>
  </si>
  <si>
    <t>cg02369140</t>
  </si>
  <si>
    <t>cg02372712</t>
  </si>
  <si>
    <t>cg02373627</t>
  </si>
  <si>
    <t>cg02377685</t>
  </si>
  <si>
    <t>cg02378506</t>
  </si>
  <si>
    <t>cg02379082</t>
  </si>
  <si>
    <t>cg02381192</t>
  </si>
  <si>
    <t>cg02382795</t>
  </si>
  <si>
    <t>cg02383785</t>
  </si>
  <si>
    <t>cg02384857</t>
  </si>
  <si>
    <t>cg02387554</t>
  </si>
  <si>
    <t>cg02391387</t>
  </si>
  <si>
    <t>cg02392248</t>
  </si>
  <si>
    <t>cg02392835</t>
  </si>
  <si>
    <t>cg02393470</t>
  </si>
  <si>
    <t>cg02393907</t>
  </si>
  <si>
    <t>cg02394908</t>
  </si>
  <si>
    <t>cg02394998</t>
  </si>
  <si>
    <t>cg02399449</t>
  </si>
  <si>
    <t>cg02407048</t>
  </si>
  <si>
    <t>cg02412346</t>
  </si>
  <si>
    <t>cg02413092</t>
  </si>
  <si>
    <t>cg02418899</t>
  </si>
  <si>
    <t>cg02420480</t>
  </si>
  <si>
    <t>cg02421172</t>
  </si>
  <si>
    <t>cg02422847</t>
  </si>
  <si>
    <t>cg02427468</t>
  </si>
  <si>
    <t>cg02430584</t>
  </si>
  <si>
    <t>cg02432280</t>
  </si>
  <si>
    <t>cg02432312</t>
  </si>
  <si>
    <t>cg02433979</t>
  </si>
  <si>
    <t>cg02435538</t>
  </si>
  <si>
    <t>cg02439311</t>
  </si>
  <si>
    <t>cg02444978</t>
  </si>
  <si>
    <t>cg02448222</t>
  </si>
  <si>
    <t>cg02456087</t>
  </si>
  <si>
    <t>cg02456451</t>
  </si>
  <si>
    <t>cg02461342</t>
  </si>
  <si>
    <t>cg02464555</t>
  </si>
  <si>
    <t>cg02468316</t>
  </si>
  <si>
    <t>cg02468649</t>
  </si>
  <si>
    <t>cg02468770</t>
  </si>
  <si>
    <t>cg02470625</t>
  </si>
  <si>
    <t>cg02471771</t>
  </si>
  <si>
    <t>cg02473195</t>
  </si>
  <si>
    <t>cg02474076</t>
  </si>
  <si>
    <t>cg02474109</t>
  </si>
  <si>
    <t>cg02475276</t>
  </si>
  <si>
    <t>cg02475408</t>
  </si>
  <si>
    <t>cg02475998</t>
  </si>
  <si>
    <t>cg02479299</t>
  </si>
  <si>
    <t>cg02480835</t>
  </si>
  <si>
    <t>cg02483271</t>
  </si>
  <si>
    <t>cg02483701</t>
  </si>
  <si>
    <t>cg02483910</t>
  </si>
  <si>
    <t>cg02485003</t>
  </si>
  <si>
    <t>cg02485566</t>
  </si>
  <si>
    <t>cg02486425</t>
  </si>
  <si>
    <t>cg02492818</t>
  </si>
  <si>
    <t>cg02492920</t>
  </si>
  <si>
    <t>cg02493644</t>
  </si>
  <si>
    <t>cg02495767</t>
  </si>
  <si>
    <t>cg02496065</t>
  </si>
  <si>
    <t>cg02496234</t>
  </si>
  <si>
    <t>cg02498722</t>
  </si>
  <si>
    <t>cg02501418</t>
  </si>
  <si>
    <t>cg02501746</t>
  </si>
  <si>
    <t>cg02503527</t>
  </si>
  <si>
    <t>cg02503815</t>
  </si>
  <si>
    <t>cg02505042</t>
  </si>
  <si>
    <t>cg02505596</t>
  </si>
  <si>
    <t>cg02511456</t>
  </si>
  <si>
    <t>cg02512108</t>
  </si>
  <si>
    <t>cg02512724</t>
  </si>
  <si>
    <t>cg02512860</t>
  </si>
  <si>
    <t>cg02517372</t>
  </si>
  <si>
    <t>cg02524946</t>
  </si>
  <si>
    <t>cg02530350</t>
  </si>
  <si>
    <t>cg02531277</t>
  </si>
  <si>
    <t>cg02531794</t>
  </si>
  <si>
    <t>cg02532672</t>
  </si>
  <si>
    <t>cg02533423</t>
  </si>
  <si>
    <t>cg02538169</t>
  </si>
  <si>
    <t>cg02538976</t>
  </si>
  <si>
    <t>cg02539798</t>
  </si>
  <si>
    <t>cg02540220</t>
  </si>
  <si>
    <t>cg02542218</t>
  </si>
  <si>
    <t>cg02543636</t>
  </si>
  <si>
    <t>cg02549844</t>
  </si>
  <si>
    <t>cg02551007</t>
  </si>
  <si>
    <t>cg02553862</t>
  </si>
  <si>
    <t>cg02557189</t>
  </si>
  <si>
    <t>cg02558120</t>
  </si>
  <si>
    <t>cg02558735</t>
  </si>
  <si>
    <t>cg02560717</t>
  </si>
  <si>
    <t>cg02572956</t>
  </si>
  <si>
    <t>cg02578462</t>
  </si>
  <si>
    <t>cg02579509</t>
  </si>
  <si>
    <t>cg02590556</t>
  </si>
  <si>
    <t>cg02590886</t>
  </si>
  <si>
    <t>cg02591280</t>
  </si>
  <si>
    <t>cg02598756</t>
  </si>
  <si>
    <t>cg02601448</t>
  </si>
  <si>
    <t>cg02605501</t>
  </si>
  <si>
    <t>cg02610600</t>
  </si>
  <si>
    <t>cg02610813</t>
  </si>
  <si>
    <t>cg02613295</t>
  </si>
  <si>
    <t>cg02615599</t>
  </si>
  <si>
    <t>cg02616069</t>
  </si>
  <si>
    <t>cg02616405</t>
  </si>
  <si>
    <t>cg02617727</t>
  </si>
  <si>
    <t>cg02620361</t>
  </si>
  <si>
    <t>cg02624770</t>
  </si>
  <si>
    <t>cg02627455</t>
  </si>
  <si>
    <t>cg02627991</t>
  </si>
  <si>
    <t>cg02628353</t>
  </si>
  <si>
    <t>cg02630604</t>
  </si>
  <si>
    <t>cg02634043</t>
  </si>
  <si>
    <t>cg02634628</t>
  </si>
  <si>
    <t>cg02634733</t>
  </si>
  <si>
    <t>cg02636659</t>
  </si>
  <si>
    <t>cg02640020</t>
  </si>
  <si>
    <t>cg02640638</t>
  </si>
  <si>
    <t>cg02643054</t>
  </si>
  <si>
    <t>cg02646064</t>
  </si>
  <si>
    <t>cg02646787</t>
  </si>
  <si>
    <t>cg02650789</t>
  </si>
  <si>
    <t>cg02651871</t>
  </si>
  <si>
    <t>cg02652018</t>
  </si>
  <si>
    <t>cg02652998</t>
  </si>
  <si>
    <t>cg02660277</t>
  </si>
  <si>
    <t>cg02661623</t>
  </si>
  <si>
    <t>cg02666955</t>
  </si>
  <si>
    <t>cg02667577</t>
  </si>
  <si>
    <t>cg02674870</t>
  </si>
  <si>
    <t>cg02675392</t>
  </si>
  <si>
    <t>cg02683621</t>
  </si>
  <si>
    <t>cg02683985</t>
  </si>
  <si>
    <t>cg02689293</t>
  </si>
  <si>
    <t>cg02694994</t>
  </si>
  <si>
    <t>cg02695873</t>
  </si>
  <si>
    <t>cg02696561</t>
  </si>
  <si>
    <t>cg02698620</t>
  </si>
  <si>
    <t>cg02700498</t>
  </si>
  <si>
    <t>cg02701721</t>
  </si>
  <si>
    <t>cg02701985</t>
  </si>
  <si>
    <t>cg02703728</t>
  </si>
  <si>
    <t>cg02704331</t>
  </si>
  <si>
    <t>cg02704552</t>
  </si>
  <si>
    <t>cg02704570</t>
  </si>
  <si>
    <t>cg02705681</t>
  </si>
  <si>
    <t>cg02706018</t>
  </si>
  <si>
    <t>cg02711872</t>
  </si>
  <si>
    <t>cg02712145</t>
  </si>
  <si>
    <t>cg02713883</t>
  </si>
  <si>
    <t>cg02723617</t>
  </si>
  <si>
    <t>cg02725821</t>
  </si>
  <si>
    <t>cg02726819</t>
  </si>
  <si>
    <t>cg02732164</t>
  </si>
  <si>
    <t>cg02734419</t>
  </si>
  <si>
    <t>cg02737738</t>
  </si>
  <si>
    <t>cg02739744</t>
  </si>
  <si>
    <t>cg02740061</t>
  </si>
  <si>
    <t>cg02742533</t>
  </si>
  <si>
    <t>cg02746514</t>
  </si>
  <si>
    <t>cg02747051</t>
  </si>
  <si>
    <t>cg02751532</t>
  </si>
  <si>
    <t>cg02753865</t>
  </si>
  <si>
    <t>cg02756107</t>
  </si>
  <si>
    <t>cg02756214</t>
  </si>
  <si>
    <t>cg02756451</t>
  </si>
  <si>
    <t>cg02756735</t>
  </si>
  <si>
    <t>cg02758987</t>
  </si>
  <si>
    <t>cg02759151</t>
  </si>
  <si>
    <t>cg02759491</t>
  </si>
  <si>
    <t>cg02759792</t>
  </si>
  <si>
    <t>cg02763807</t>
  </si>
  <si>
    <t>cg02769267</t>
  </si>
  <si>
    <t>cg02769380</t>
  </si>
  <si>
    <t>cg02770061</t>
  </si>
  <si>
    <t>cg02770724</t>
  </si>
  <si>
    <t>cg02771392</t>
  </si>
  <si>
    <t>cg02785000</t>
  </si>
  <si>
    <t>cg02786019</t>
  </si>
  <si>
    <t>cg02787562</t>
  </si>
  <si>
    <t>cg02790967</t>
  </si>
  <si>
    <t>cg02792877</t>
  </si>
  <si>
    <t>cg02797569</t>
  </si>
  <si>
    <t>cg02798801</t>
  </si>
  <si>
    <t>cg02798848</t>
  </si>
  <si>
    <t>cg02801789</t>
  </si>
  <si>
    <t>cg02811197</t>
  </si>
  <si>
    <t>cg02811222</t>
  </si>
  <si>
    <t>cg02811931</t>
  </si>
  <si>
    <t>cg02813243</t>
  </si>
  <si>
    <t>cg02815320</t>
  </si>
  <si>
    <t>cg02818143</t>
  </si>
  <si>
    <t>cg02818409</t>
  </si>
  <si>
    <t>cg02821342</t>
  </si>
  <si>
    <t>cg02824064</t>
  </si>
  <si>
    <t>cg02825561</t>
  </si>
  <si>
    <t>cg02827175</t>
  </si>
  <si>
    <t>cg02827643</t>
  </si>
  <si>
    <t>cg02833116</t>
  </si>
  <si>
    <t>cg02841933</t>
  </si>
  <si>
    <t>cg02844341</t>
  </si>
  <si>
    <t>cg02846790</t>
  </si>
  <si>
    <t>cg02848456</t>
  </si>
  <si>
    <t>cg02849913</t>
  </si>
  <si>
    <t>cg02849953</t>
  </si>
  <si>
    <t>cg02850344</t>
  </si>
  <si>
    <t>cg02851312</t>
  </si>
  <si>
    <t>cg02852327</t>
  </si>
  <si>
    <t>cg02853553</t>
  </si>
  <si>
    <t>cg02855778</t>
  </si>
  <si>
    <t>cg02855996</t>
  </si>
  <si>
    <t>cg02858808</t>
  </si>
  <si>
    <t>cg02859417</t>
  </si>
  <si>
    <t>cg02860543</t>
  </si>
  <si>
    <t>cg02862153</t>
  </si>
  <si>
    <t>cg02863151</t>
  </si>
  <si>
    <t>cg02868521</t>
  </si>
  <si>
    <t>cg02872373</t>
  </si>
  <si>
    <t>cg02874145</t>
  </si>
  <si>
    <t>cg02876293</t>
  </si>
  <si>
    <t>cg02877240</t>
  </si>
  <si>
    <t>cg02881625</t>
  </si>
  <si>
    <t>cg02882624</t>
  </si>
  <si>
    <t>cg02883229</t>
  </si>
  <si>
    <t>cg02885042</t>
  </si>
  <si>
    <t>cg02886033</t>
  </si>
  <si>
    <t>cg02892258</t>
  </si>
  <si>
    <t>cg02892367</t>
  </si>
  <si>
    <t>cg02892388</t>
  </si>
  <si>
    <t>cg02892618</t>
  </si>
  <si>
    <t>cg02897457</t>
  </si>
  <si>
    <t>cg02897667</t>
  </si>
  <si>
    <t>cg02900995</t>
  </si>
  <si>
    <t>cg02901002</t>
  </si>
  <si>
    <t>cg02902261</t>
  </si>
  <si>
    <t>cg02902770</t>
  </si>
  <si>
    <t>cg02902948</t>
  </si>
  <si>
    <t>cg02909329</t>
  </si>
  <si>
    <t>cg02911387</t>
  </si>
  <si>
    <t>cg02918557</t>
  </si>
  <si>
    <t>cg02919960</t>
  </si>
  <si>
    <t>cg02920376</t>
  </si>
  <si>
    <t>cg02920383</t>
  </si>
  <si>
    <t>cg02923906</t>
  </si>
  <si>
    <t>cg02924053</t>
  </si>
  <si>
    <t>cg02925076</t>
  </si>
  <si>
    <t>cg02926033</t>
  </si>
  <si>
    <t>cg02929073</t>
  </si>
  <si>
    <t>cg02930033</t>
  </si>
  <si>
    <t>cg02932854</t>
  </si>
  <si>
    <t>cg02935154</t>
  </si>
  <si>
    <t>cg02936315</t>
  </si>
  <si>
    <t>cg02937158</t>
  </si>
  <si>
    <t>cg02941852</t>
  </si>
  <si>
    <t>cg02942287</t>
  </si>
  <si>
    <t>cg02943336</t>
  </si>
  <si>
    <t>cg02944761</t>
  </si>
  <si>
    <t>cg02944902</t>
  </si>
  <si>
    <t>cg02945056</t>
  </si>
  <si>
    <t>cg02952809</t>
  </si>
  <si>
    <t>cg02952963</t>
  </si>
  <si>
    <t>cg02955354</t>
  </si>
  <si>
    <t>cg02955377</t>
  </si>
  <si>
    <t>cg02956699</t>
  </si>
  <si>
    <t>cg02958194</t>
  </si>
  <si>
    <t>cg02959277</t>
  </si>
  <si>
    <t>cg02960418</t>
  </si>
  <si>
    <t>cg02964324</t>
  </si>
  <si>
    <t>cg02965892</t>
  </si>
  <si>
    <t>cg02967787</t>
  </si>
  <si>
    <t>cg02972941</t>
  </si>
  <si>
    <t>cg02973644</t>
  </si>
  <si>
    <t>cg02975069</t>
  </si>
  <si>
    <t>cg02977643</t>
  </si>
  <si>
    <t>cg02979224</t>
  </si>
  <si>
    <t>cg02979457</t>
  </si>
  <si>
    <t>cg02985445</t>
  </si>
  <si>
    <t>cg02987984</t>
  </si>
  <si>
    <t>cg02993943</t>
  </si>
  <si>
    <t>cg02994253</t>
  </si>
  <si>
    <t>cg02994326</t>
  </si>
  <si>
    <t>cg02998075</t>
  </si>
  <si>
    <t>cg03000596</t>
  </si>
  <si>
    <t>cg03004598</t>
  </si>
  <si>
    <t>cg03004999</t>
  </si>
  <si>
    <t>cg03005310</t>
  </si>
  <si>
    <t>cg03009871</t>
  </si>
  <si>
    <t>cg03010092</t>
  </si>
  <si>
    <t>cg03010202</t>
  </si>
  <si>
    <t>cg03012028</t>
  </si>
  <si>
    <t>cg03013699</t>
  </si>
  <si>
    <t>cg03014829</t>
  </si>
  <si>
    <t>cg03015080</t>
  </si>
  <si>
    <t>cg03016496</t>
  </si>
  <si>
    <t>cg03020485</t>
  </si>
  <si>
    <t>cg03021296</t>
  </si>
  <si>
    <t>cg03024742</t>
  </si>
  <si>
    <t>cg03027739</t>
  </si>
  <si>
    <t>cg03027774</t>
  </si>
  <si>
    <t>cg03040622</t>
  </si>
  <si>
    <t>cg03041365</t>
  </si>
  <si>
    <t>cg03041510</t>
  </si>
  <si>
    <t>cg03042478</t>
  </si>
  <si>
    <t>cg03046247</t>
  </si>
  <si>
    <t>cg03047171</t>
  </si>
  <si>
    <t>cg03053018</t>
  </si>
  <si>
    <t>cg03053427</t>
  </si>
  <si>
    <t>cg03054529</t>
  </si>
  <si>
    <t>cg03057530</t>
  </si>
  <si>
    <t>cg03065323</t>
  </si>
  <si>
    <t>cg03066323</t>
  </si>
  <si>
    <t>cg03067182</t>
  </si>
  <si>
    <t>cg03068659</t>
  </si>
  <si>
    <t>cg03070262</t>
  </si>
  <si>
    <t>cg03072385</t>
  </si>
  <si>
    <t>cg03078819</t>
  </si>
  <si>
    <t>cg03080344</t>
  </si>
  <si>
    <t>cg03082234</t>
  </si>
  <si>
    <t>cg03082830</t>
  </si>
  <si>
    <t>cg03084214</t>
  </si>
  <si>
    <t>cg03085785</t>
  </si>
  <si>
    <t>cg03085932</t>
  </si>
  <si>
    <t>cg03085949</t>
  </si>
  <si>
    <t>cg03090284</t>
  </si>
  <si>
    <t>cg03094723</t>
  </si>
  <si>
    <t>cg03096138</t>
  </si>
  <si>
    <t>cg03098361</t>
  </si>
  <si>
    <t>cg03099025</t>
  </si>
  <si>
    <t>cg03099208</t>
  </si>
  <si>
    <t>cg03099482</t>
  </si>
  <si>
    <t>cg03100196</t>
  </si>
  <si>
    <t>cg03104936</t>
  </si>
  <si>
    <t>cg03107888</t>
  </si>
  <si>
    <t>cg03110795</t>
  </si>
  <si>
    <t>cg03116148</t>
  </si>
  <si>
    <t>cg03116258</t>
  </si>
  <si>
    <t>cg03121136</t>
  </si>
  <si>
    <t>cg03121834</t>
  </si>
  <si>
    <t>cg03124769</t>
  </si>
  <si>
    <t>cg03126834</t>
  </si>
  <si>
    <t>cg03127750</t>
  </si>
  <si>
    <t>cg03128823</t>
  </si>
  <si>
    <t>cg03132551</t>
  </si>
  <si>
    <t>cg03133917</t>
  </si>
  <si>
    <t>cg03141780</t>
  </si>
  <si>
    <t>cg03144715</t>
  </si>
  <si>
    <t>cg03146413</t>
  </si>
  <si>
    <t>cg03147861</t>
  </si>
  <si>
    <t>cg03150857</t>
  </si>
  <si>
    <t>cg03151191</t>
  </si>
  <si>
    <t>cg03155825</t>
  </si>
  <si>
    <t>cg03162164</t>
  </si>
  <si>
    <t>cg03164309</t>
  </si>
  <si>
    <t>cg03167413</t>
  </si>
  <si>
    <t>cg03167521</t>
  </si>
  <si>
    <t>cg03168760</t>
  </si>
  <si>
    <t>cg03168922</t>
  </si>
  <si>
    <t>cg03170878</t>
  </si>
  <si>
    <t>cg03173462</t>
  </si>
  <si>
    <t>cg03176386</t>
  </si>
  <si>
    <t>cg03178454</t>
  </si>
  <si>
    <t>cg03178781</t>
  </si>
  <si>
    <t>cg03182504</t>
  </si>
  <si>
    <t>cg03184424</t>
  </si>
  <si>
    <t>cg03185704</t>
  </si>
  <si>
    <t>cg03185820</t>
  </si>
  <si>
    <t>cg03188346</t>
  </si>
  <si>
    <t>cg03190018</t>
  </si>
  <si>
    <t>cg03193328</t>
  </si>
  <si>
    <t>cg03195015</t>
  </si>
  <si>
    <t>cg03196269</t>
  </si>
  <si>
    <t>cg03199646</t>
  </si>
  <si>
    <t>cg03205010</t>
  </si>
  <si>
    <t>cg03206925</t>
  </si>
  <si>
    <t>cg03207666</t>
  </si>
  <si>
    <t>cg03209496</t>
  </si>
  <si>
    <t>cg03214087</t>
  </si>
  <si>
    <t>cg03214130</t>
  </si>
  <si>
    <t>cg03217995</t>
  </si>
  <si>
    <t>cg03224163</t>
  </si>
  <si>
    <t>cg03225520</t>
  </si>
  <si>
    <t>cg03228766</t>
  </si>
  <si>
    <t>cg03229158</t>
  </si>
  <si>
    <t>cg03229561</t>
  </si>
  <si>
    <t>cg03235290</t>
  </si>
  <si>
    <t>cg03238516</t>
  </si>
  <si>
    <t>cg03249020</t>
  </si>
  <si>
    <t>cg03249950</t>
  </si>
  <si>
    <t>cg03251454</t>
  </si>
  <si>
    <t>cg03258410</t>
  </si>
  <si>
    <t>cg03258574</t>
  </si>
  <si>
    <t>cg03260259</t>
  </si>
  <si>
    <t>cg03263226</t>
  </si>
  <si>
    <t>cg03263618</t>
  </si>
  <si>
    <t>cg03268063</t>
  </si>
  <si>
    <t>cg03289901</t>
  </si>
  <si>
    <t>cg03301989</t>
  </si>
  <si>
    <t>cg03304981</t>
  </si>
  <si>
    <t>cg03308120</t>
  </si>
  <si>
    <t>cg03310518</t>
  </si>
  <si>
    <t>cg03310594</t>
  </si>
  <si>
    <t>cg03310939</t>
  </si>
  <si>
    <t>cg03314315</t>
  </si>
  <si>
    <t>cg03316359</t>
  </si>
  <si>
    <t>cg03322334</t>
  </si>
  <si>
    <t>cg03323793</t>
  </si>
  <si>
    <t>cg03323794</t>
  </si>
  <si>
    <t>cg03330377</t>
  </si>
  <si>
    <t>cg03331474</t>
  </si>
  <si>
    <t>cg03333699</t>
  </si>
  <si>
    <t>cg03335600</t>
  </si>
  <si>
    <t>cg03344806</t>
  </si>
  <si>
    <t>cg03348196</t>
  </si>
  <si>
    <t>cg03351527</t>
  </si>
  <si>
    <t>cg03353804</t>
  </si>
  <si>
    <t>cg03358113</t>
  </si>
  <si>
    <t>cg03361346</t>
  </si>
  <si>
    <t>cg03362840</t>
  </si>
  <si>
    <t>cg03366850</t>
  </si>
  <si>
    <t>cg03367622</t>
  </si>
  <si>
    <t>cg03369289</t>
  </si>
  <si>
    <t>cg03369382</t>
  </si>
  <si>
    <t>cg03369957</t>
  </si>
  <si>
    <t>cg03370270</t>
  </si>
  <si>
    <t>cg03373857</t>
  </si>
  <si>
    <t>cg03377980</t>
  </si>
  <si>
    <t>cg03378525</t>
  </si>
  <si>
    <t>cg03383553</t>
  </si>
  <si>
    <t>cg03384175</t>
  </si>
  <si>
    <t>cg03384735</t>
  </si>
  <si>
    <t>cg03392965</t>
  </si>
  <si>
    <t>cg03393322</t>
  </si>
  <si>
    <t>cg03403539</t>
  </si>
  <si>
    <t>cg03407889</t>
  </si>
  <si>
    <t>cg03413884</t>
  </si>
  <si>
    <t>cg03423395</t>
  </si>
  <si>
    <t>cg03426236</t>
  </si>
  <si>
    <t>cg03426413</t>
  </si>
  <si>
    <t>cg03429034</t>
  </si>
  <si>
    <t>cg03429152</t>
  </si>
  <si>
    <t>cg03431155</t>
  </si>
  <si>
    <t>cg03431524</t>
  </si>
  <si>
    <t>cg03436397</t>
  </si>
  <si>
    <t>cg03436722</t>
  </si>
  <si>
    <t>cg03440386</t>
  </si>
  <si>
    <t>cg03441409</t>
  </si>
  <si>
    <t>cg03442376</t>
  </si>
  <si>
    <t>cg03447880</t>
  </si>
  <si>
    <t>cg03449398</t>
  </si>
  <si>
    <t>cg03451029</t>
  </si>
  <si>
    <t>cg03451607</t>
  </si>
  <si>
    <t>cg03456220</t>
  </si>
  <si>
    <t>cg03457229</t>
  </si>
  <si>
    <t>cg03457472</t>
  </si>
  <si>
    <t>cg03460001</t>
  </si>
  <si>
    <t>cg03461110</t>
  </si>
  <si>
    <t>cg03461678</t>
  </si>
  <si>
    <t>cg03464473</t>
  </si>
  <si>
    <t>cg03464514</t>
  </si>
  <si>
    <t>cg03464573</t>
  </si>
  <si>
    <t>cg03465157</t>
  </si>
  <si>
    <t>cg03469122</t>
  </si>
  <si>
    <t>cg03469683</t>
  </si>
  <si>
    <t>cg03470754</t>
  </si>
  <si>
    <t>cg03472954</t>
  </si>
  <si>
    <t>cg03476791</t>
  </si>
  <si>
    <t>cg03476862</t>
  </si>
  <si>
    <t>cg03476864</t>
  </si>
  <si>
    <t>cg03477775</t>
  </si>
  <si>
    <t>cg03479278</t>
  </si>
  <si>
    <t>cg03481658</t>
  </si>
  <si>
    <t>cg03483426</t>
  </si>
  <si>
    <t>cg03485311</t>
  </si>
  <si>
    <t>cg03486847</t>
  </si>
  <si>
    <t>cg03487115</t>
  </si>
  <si>
    <t>cg03487935</t>
  </si>
  <si>
    <t>cg03488729</t>
  </si>
  <si>
    <t>cg03489382</t>
  </si>
  <si>
    <t>cg03489712</t>
  </si>
  <si>
    <t>cg03490148</t>
  </si>
  <si>
    <t>cg03492827</t>
  </si>
  <si>
    <t>cg03495625</t>
  </si>
  <si>
    <t>cg03496713</t>
  </si>
  <si>
    <t>cg03498570</t>
  </si>
  <si>
    <t>cg03509961</t>
  </si>
  <si>
    <t>cg03510359</t>
  </si>
  <si>
    <t>cg03512484</t>
  </si>
  <si>
    <t>cg03514933</t>
  </si>
  <si>
    <t>cg03515663</t>
  </si>
  <si>
    <t>cg03516551</t>
  </si>
  <si>
    <t>cg03518533</t>
  </si>
  <si>
    <t>cg03519145</t>
  </si>
  <si>
    <t>cg03519451</t>
  </si>
  <si>
    <t>cg03521728</t>
  </si>
  <si>
    <t>cg03524243</t>
  </si>
  <si>
    <t>cg03528037</t>
  </si>
  <si>
    <t>cg03530573</t>
  </si>
  <si>
    <t>cg03532005</t>
  </si>
  <si>
    <t>cg03533005</t>
  </si>
  <si>
    <t>cg03534322</t>
  </si>
  <si>
    <t>cg03537938</t>
  </si>
  <si>
    <t>cg03537942</t>
  </si>
  <si>
    <t>cg03538079</t>
  </si>
  <si>
    <t>cg03539736</t>
  </si>
  <si>
    <t>cg03541799</t>
  </si>
  <si>
    <t>cg03545536</t>
  </si>
  <si>
    <t>cg03547218</t>
  </si>
  <si>
    <t>cg03548091</t>
  </si>
  <si>
    <t>cg03552937</t>
  </si>
  <si>
    <t>cg03558805</t>
  </si>
  <si>
    <t>cg03564506</t>
  </si>
  <si>
    <t>cg03564557</t>
  </si>
  <si>
    <t>cg03567939</t>
  </si>
  <si>
    <t>cg03568858</t>
  </si>
  <si>
    <t>cg03574119</t>
  </si>
  <si>
    <t>cg03574712</t>
  </si>
  <si>
    <t>cg03575641</t>
  </si>
  <si>
    <t>cg03579179</t>
  </si>
  <si>
    <t>cg03579694</t>
  </si>
  <si>
    <t>cg03584351</t>
  </si>
  <si>
    <t>cg03588221</t>
  </si>
  <si>
    <t>cg03589123</t>
  </si>
  <si>
    <t>cg03595161</t>
  </si>
  <si>
    <t>cg03603286</t>
  </si>
  <si>
    <t>cg03603395</t>
  </si>
  <si>
    <t>cg03604067</t>
  </si>
  <si>
    <t>cg03604364</t>
  </si>
  <si>
    <t>cg03604367</t>
  </si>
  <si>
    <t>cg03605686</t>
  </si>
  <si>
    <t>cg03608285</t>
  </si>
  <si>
    <t>cg03610867</t>
  </si>
  <si>
    <t>cg03631864</t>
  </si>
  <si>
    <t>cg03633004</t>
  </si>
  <si>
    <t>cg03634234</t>
  </si>
  <si>
    <t>cg03634833</t>
  </si>
  <si>
    <t>cg03637179</t>
  </si>
  <si>
    <t>cg03639429</t>
  </si>
  <si>
    <t>cg03639917</t>
  </si>
  <si>
    <t>cg03640993</t>
  </si>
  <si>
    <t>cg03644585</t>
  </si>
  <si>
    <t>cg03645088</t>
  </si>
  <si>
    <t>cg03652257</t>
  </si>
  <si>
    <t>cg03652561</t>
  </si>
  <si>
    <t>cg03652595</t>
  </si>
  <si>
    <t>cg03654001</t>
  </si>
  <si>
    <t>cg03656632</t>
  </si>
  <si>
    <t>cg03663556</t>
  </si>
  <si>
    <t>cg03666028</t>
  </si>
  <si>
    <t>cg03667083</t>
  </si>
  <si>
    <t>cg03669367</t>
  </si>
  <si>
    <t>cg03670228</t>
  </si>
  <si>
    <t>cg03676485</t>
  </si>
  <si>
    <t>cg03682823</t>
  </si>
  <si>
    <t>cg03683554</t>
  </si>
  <si>
    <t>cg03684886</t>
  </si>
  <si>
    <t>cg03686455</t>
  </si>
  <si>
    <t>cg03687379</t>
  </si>
  <si>
    <t>cg03688058</t>
  </si>
  <si>
    <t>cg03694293</t>
  </si>
  <si>
    <t>cg03694587</t>
  </si>
  <si>
    <t>cg03695236</t>
  </si>
  <si>
    <t>cg03697024</t>
  </si>
  <si>
    <t>cg03697173</t>
  </si>
  <si>
    <t>cg03698009</t>
  </si>
  <si>
    <t>cg03698372</t>
  </si>
  <si>
    <t>cg03699958</t>
  </si>
  <si>
    <t>cg03700462</t>
  </si>
  <si>
    <t>cg03701798</t>
  </si>
  <si>
    <t>cg03704112</t>
  </si>
  <si>
    <t>cg03704308</t>
  </si>
  <si>
    <t>cg03711622</t>
  </si>
  <si>
    <t>cg03713186</t>
  </si>
  <si>
    <t>cg03714522</t>
  </si>
  <si>
    <t>cg03714773</t>
  </si>
  <si>
    <t>cg03715259</t>
  </si>
  <si>
    <t>cg03718380</t>
  </si>
  <si>
    <t>cg03721528</t>
  </si>
  <si>
    <t>cg03725536</t>
  </si>
  <si>
    <t>cg03729670</t>
  </si>
  <si>
    <t>cg03734002</t>
  </si>
  <si>
    <t>cg03734783</t>
  </si>
  <si>
    <t>cg03736781</t>
  </si>
  <si>
    <t>cg03736789</t>
  </si>
  <si>
    <t>cg03741275</t>
  </si>
  <si>
    <t>cg03744763</t>
  </si>
  <si>
    <t>cg03747003</t>
  </si>
  <si>
    <t>cg03752259</t>
  </si>
  <si>
    <t>cg03762823</t>
  </si>
  <si>
    <t>cg03763508</t>
  </si>
  <si>
    <t>cg03768517</t>
  </si>
  <si>
    <t>cg03770210</t>
  </si>
  <si>
    <t>cg03772108</t>
  </si>
  <si>
    <t>cg03773862</t>
  </si>
  <si>
    <t>cg03775422</t>
  </si>
  <si>
    <t>cg03775437</t>
  </si>
  <si>
    <t>cg03775459</t>
  </si>
  <si>
    <t>cg03776080</t>
  </si>
  <si>
    <t>cg03777205</t>
  </si>
  <si>
    <t>cg03777868</t>
  </si>
  <si>
    <t>cg03779117</t>
  </si>
  <si>
    <t>cg03779751</t>
  </si>
  <si>
    <t>cg03781266</t>
  </si>
  <si>
    <t>cg03784229</t>
  </si>
  <si>
    <t>cg03787711</t>
  </si>
  <si>
    <t>cg03788131</t>
  </si>
  <si>
    <t>cg03790022</t>
  </si>
  <si>
    <t>cg03791074</t>
  </si>
  <si>
    <t>cg03793066</t>
  </si>
  <si>
    <t>cg03794862</t>
  </si>
  <si>
    <t>cg03800588</t>
  </si>
  <si>
    <t>cg03802185</t>
  </si>
  <si>
    <t>cg03803008</t>
  </si>
  <si>
    <t>cg03806175</t>
  </si>
  <si>
    <t>cg03807842</t>
  </si>
  <si>
    <t>cg03808577</t>
  </si>
  <si>
    <t>cg03810608</t>
  </si>
  <si>
    <t>cg03817675</t>
  </si>
  <si>
    <t>cg03818034</t>
  </si>
  <si>
    <t>cg03820282</t>
  </si>
  <si>
    <t>cg03824884</t>
  </si>
  <si>
    <t>cg03825764</t>
  </si>
  <si>
    <t>cg03826252</t>
  </si>
  <si>
    <t>cg03829739</t>
  </si>
  <si>
    <t>cg03831405</t>
  </si>
  <si>
    <t>cg03839382</t>
  </si>
  <si>
    <t>cg03840694</t>
  </si>
  <si>
    <t>cg03841431</t>
  </si>
  <si>
    <t>cg03842205</t>
  </si>
  <si>
    <t>cg03842617</t>
  </si>
  <si>
    <t>cg03843951</t>
  </si>
  <si>
    <t>cg03860311</t>
  </si>
  <si>
    <t>cg03862760</t>
  </si>
  <si>
    <t>cg03868332</t>
  </si>
  <si>
    <t>cg03868881</t>
  </si>
  <si>
    <t>cg03870746</t>
  </si>
  <si>
    <t>cg03873108</t>
  </si>
  <si>
    <t>cg03873153</t>
  </si>
  <si>
    <t>cg03873220</t>
  </si>
  <si>
    <t>cg03876413</t>
  </si>
  <si>
    <t>cg03878837</t>
  </si>
  <si>
    <t>cg03880407</t>
  </si>
  <si>
    <t>cg03880458</t>
  </si>
  <si>
    <t>cg03880785</t>
  </si>
  <si>
    <t>cg03880987</t>
  </si>
  <si>
    <t>cg03888078</t>
  </si>
  <si>
    <t>cg03893271</t>
  </si>
  <si>
    <t>cg03894450</t>
  </si>
  <si>
    <t>cg03894892</t>
  </si>
  <si>
    <t>cg03896685</t>
  </si>
  <si>
    <t>cg03897241</t>
  </si>
  <si>
    <t>cg03900085</t>
  </si>
  <si>
    <t>cg03905179</t>
  </si>
  <si>
    <t>cg03907371</t>
  </si>
  <si>
    <t>cg03910901</t>
  </si>
  <si>
    <t>cg03914645</t>
  </si>
  <si>
    <t>cg03914913</t>
  </si>
  <si>
    <t>cg03922095</t>
  </si>
  <si>
    <t>cg03923535</t>
  </si>
  <si>
    <t>cg03930004</t>
  </si>
  <si>
    <t>cg03930970</t>
  </si>
  <si>
    <t>cg03934572</t>
  </si>
  <si>
    <t>cg03935444</t>
  </si>
  <si>
    <t>cg03936250</t>
  </si>
  <si>
    <t>cg03937368</t>
  </si>
  <si>
    <t>cg03941709</t>
  </si>
  <si>
    <t>cg03945948</t>
  </si>
  <si>
    <t>cg03948437</t>
  </si>
  <si>
    <t>cg03949755</t>
  </si>
  <si>
    <t>cg03951488</t>
  </si>
  <si>
    <t>cg03962173</t>
  </si>
  <si>
    <t>cg03963552</t>
  </si>
  <si>
    <t>cg03966010</t>
  </si>
  <si>
    <t>cg03978192</t>
  </si>
  <si>
    <t>cg03979378</t>
  </si>
  <si>
    <t>cg03979532</t>
  </si>
  <si>
    <t>cg03980072</t>
  </si>
  <si>
    <t>cg03980715</t>
  </si>
  <si>
    <t>cg03982016</t>
  </si>
  <si>
    <t>cg03983543</t>
  </si>
  <si>
    <t>cg03984677</t>
  </si>
  <si>
    <t>cg03985727</t>
  </si>
  <si>
    <t>cg03987115</t>
  </si>
  <si>
    <t>cg03987573</t>
  </si>
  <si>
    <t>cg03990903</t>
  </si>
  <si>
    <t>cg03991188</t>
  </si>
  <si>
    <t>cg03991477</t>
  </si>
  <si>
    <t>cg03994184</t>
  </si>
  <si>
    <t>cg03998173</t>
  </si>
  <si>
    <t>cg04002480</t>
  </si>
  <si>
    <t>cg04004787</t>
  </si>
  <si>
    <t>cg04006984</t>
  </si>
  <si>
    <t>cg04007890</t>
  </si>
  <si>
    <t>cg04008901</t>
  </si>
  <si>
    <t>cg04009429</t>
  </si>
  <si>
    <t>cg04011182</t>
  </si>
  <si>
    <t>cg04016765</t>
  </si>
  <si>
    <t>cg04017836</t>
  </si>
  <si>
    <t>cg04023439</t>
  </si>
  <si>
    <t>cg04023663</t>
  </si>
  <si>
    <t>cg04024095</t>
  </si>
  <si>
    <t>cg04031134</t>
  </si>
  <si>
    <t>cg04033650</t>
  </si>
  <si>
    <t>cg04036714</t>
  </si>
  <si>
    <t>cg04037707</t>
  </si>
  <si>
    <t>cg04055847</t>
  </si>
  <si>
    <t>cg04059454</t>
  </si>
  <si>
    <t>cg04063906</t>
  </si>
  <si>
    <t>cg04064611</t>
  </si>
  <si>
    <t>cg04064631</t>
  </si>
  <si>
    <t>cg04066147</t>
  </si>
  <si>
    <t>cg04071779</t>
  </si>
  <si>
    <t>cg04073061</t>
  </si>
  <si>
    <t>cg04073257</t>
  </si>
  <si>
    <t>cg04074766</t>
  </si>
  <si>
    <t>cg04075986</t>
  </si>
  <si>
    <t>cg04077069</t>
  </si>
  <si>
    <t>cg04083712</t>
  </si>
  <si>
    <t>cg04084157</t>
  </si>
  <si>
    <t>cg04086391</t>
  </si>
  <si>
    <t>cg04087039</t>
  </si>
  <si>
    <t>cg04088697</t>
  </si>
  <si>
    <t>cg04089246</t>
  </si>
  <si>
    <t>cg04098052</t>
  </si>
  <si>
    <t>cg04099094</t>
  </si>
  <si>
    <t>cg04099095</t>
  </si>
  <si>
    <t>cg04101342</t>
  </si>
  <si>
    <t>cg04106201</t>
  </si>
  <si>
    <t>cg04106584</t>
  </si>
  <si>
    <t>cg04107539</t>
  </si>
  <si>
    <t>cg04107994</t>
  </si>
  <si>
    <t>cg04109768</t>
  </si>
  <si>
    <t>cg04109941</t>
  </si>
  <si>
    <t>cg04116217</t>
  </si>
  <si>
    <t>cg04119805</t>
  </si>
  <si>
    <t>cg04120578</t>
  </si>
  <si>
    <t>cg04124378</t>
  </si>
  <si>
    <t>cg04131010</t>
  </si>
  <si>
    <t>cg04131524</t>
  </si>
  <si>
    <t>cg04132649</t>
  </si>
  <si>
    <t>cg04134217</t>
  </si>
  <si>
    <t>cg04135434</t>
  </si>
  <si>
    <t>cg04136149</t>
  </si>
  <si>
    <t>cg04136699</t>
  </si>
  <si>
    <t>cg04141788</t>
  </si>
  <si>
    <t>cg04142661</t>
  </si>
  <si>
    <t>cg04144768</t>
  </si>
  <si>
    <t>cg04149603</t>
  </si>
  <si>
    <t>cg04155485</t>
  </si>
  <si>
    <t>cg04156940</t>
  </si>
  <si>
    <t>cg04157587</t>
  </si>
  <si>
    <t>cg04162299</t>
  </si>
  <si>
    <t>cg04167903</t>
  </si>
  <si>
    <t>cg04174070</t>
  </si>
  <si>
    <t>cg04177456</t>
  </si>
  <si>
    <t>cg04179654</t>
  </si>
  <si>
    <t>cg04180046</t>
  </si>
  <si>
    <t>cg04180093</t>
  </si>
  <si>
    <t>cg04182207</t>
  </si>
  <si>
    <t>cg04193909</t>
  </si>
  <si>
    <t>cg04194173</t>
  </si>
  <si>
    <t>cg04205664</t>
  </si>
  <si>
    <t>cg04212340</t>
  </si>
  <si>
    <t>cg04212699</t>
  </si>
  <si>
    <t>cg04213808</t>
  </si>
  <si>
    <t>cg04215126</t>
  </si>
  <si>
    <t>cg04218035</t>
  </si>
  <si>
    <t>cg04219946</t>
  </si>
  <si>
    <t>cg04220579</t>
  </si>
  <si>
    <t>cg04220893</t>
  </si>
  <si>
    <t>cg04222728</t>
  </si>
  <si>
    <t>cg04246957</t>
  </si>
  <si>
    <t>cg04255486</t>
  </si>
  <si>
    <t>cg04256674</t>
  </si>
  <si>
    <t>cg04258329</t>
  </si>
  <si>
    <t>cg04258696</t>
  </si>
  <si>
    <t>cg04259703</t>
  </si>
  <si>
    <t>cg04263702</t>
  </si>
  <si>
    <t>cg04265576</t>
  </si>
  <si>
    <t>cg04265603</t>
  </si>
  <si>
    <t>cg04267467</t>
  </si>
  <si>
    <t>cg04268401</t>
  </si>
  <si>
    <t>cg04272052</t>
  </si>
  <si>
    <t>cg04275692</t>
  </si>
  <si>
    <t>cg04276007</t>
  </si>
  <si>
    <t>cg04277560</t>
  </si>
  <si>
    <t>cg04280119</t>
  </si>
  <si>
    <t>cg04284140</t>
  </si>
  <si>
    <t>cg04290085</t>
  </si>
  <si>
    <t>cg04292993</t>
  </si>
  <si>
    <t>cg04298953</t>
  </si>
  <si>
    <t>cg04301738</t>
  </si>
  <si>
    <t>cg04303033</t>
  </si>
  <si>
    <t>cg04303139</t>
  </si>
  <si>
    <t>cg04305808</t>
  </si>
  <si>
    <t>cg04306248</t>
  </si>
  <si>
    <t>cg04313733</t>
  </si>
  <si>
    <t>cg04317399</t>
  </si>
  <si>
    <t>cg04319618</t>
  </si>
  <si>
    <t>cg04321303</t>
  </si>
  <si>
    <t>cg04322486</t>
  </si>
  <si>
    <t>cg04322651</t>
  </si>
  <si>
    <t>cg04331960</t>
  </si>
  <si>
    <t>cg04334751</t>
  </si>
  <si>
    <t>cg04336554</t>
  </si>
  <si>
    <t>cg04336659</t>
  </si>
  <si>
    <t>cg04337476</t>
  </si>
  <si>
    <t>cg04340874</t>
  </si>
  <si>
    <t>cg04342202</t>
  </si>
  <si>
    <t>cg04344018</t>
  </si>
  <si>
    <t>cg04344875</t>
  </si>
  <si>
    <t>cg04348080</t>
  </si>
  <si>
    <t>cg04351734</t>
  </si>
  <si>
    <t>cg04357272</t>
  </si>
  <si>
    <t>cg04368808</t>
  </si>
  <si>
    <t>cg04369350</t>
  </si>
  <si>
    <t>cg04371780</t>
  </si>
  <si>
    <t>cg04372674</t>
  </si>
  <si>
    <t>cg04376123</t>
  </si>
  <si>
    <t>cg04381741</t>
  </si>
  <si>
    <t>cg04382077</t>
  </si>
  <si>
    <t>cg04385765</t>
  </si>
  <si>
    <t>cg04395498</t>
  </si>
  <si>
    <t>cg04401121</t>
  </si>
  <si>
    <t>cg04403850</t>
  </si>
  <si>
    <t>cg04403917</t>
  </si>
  <si>
    <t>cg04406873</t>
  </si>
  <si>
    <t>cg04410587</t>
  </si>
  <si>
    <t>cg04414307</t>
  </si>
  <si>
    <t>cg04414349</t>
  </si>
  <si>
    <t>cg04414675</t>
  </si>
  <si>
    <t>cg04420835</t>
  </si>
  <si>
    <t>cg04421679</t>
  </si>
  <si>
    <t>cg04422985</t>
  </si>
  <si>
    <t>cg04423214</t>
  </si>
  <si>
    <t>cg04424385</t>
  </si>
  <si>
    <t>cg04426031</t>
  </si>
  <si>
    <t>cg04431829</t>
  </si>
  <si>
    <t>cg04433306</t>
  </si>
  <si>
    <t>cg04434759</t>
  </si>
  <si>
    <t>cg04436690</t>
  </si>
  <si>
    <t>cg04439374</t>
  </si>
  <si>
    <t>cg04441333</t>
  </si>
  <si>
    <t>cg04442388</t>
  </si>
  <si>
    <t>cg04453511</t>
  </si>
  <si>
    <t>cg04454951</t>
  </si>
  <si>
    <t>cg04455137</t>
  </si>
  <si>
    <t>cg04456932</t>
  </si>
  <si>
    <t>cg04457885</t>
  </si>
  <si>
    <t>cg04459343</t>
  </si>
  <si>
    <t>cg04460847</t>
  </si>
  <si>
    <t>cg04461013</t>
  </si>
  <si>
    <t>cg04471202</t>
  </si>
  <si>
    <t>cg04472130</t>
  </si>
  <si>
    <t>cg04473569</t>
  </si>
  <si>
    <t>cg04478795</t>
  </si>
  <si>
    <t>cg04479472</t>
  </si>
  <si>
    <t>cg04483469</t>
  </si>
  <si>
    <t>cg04488373</t>
  </si>
  <si>
    <t>cg04490037</t>
  </si>
  <si>
    <t>cg04492769</t>
  </si>
  <si>
    <t>cg04498739</t>
  </si>
  <si>
    <t>cg04501217</t>
  </si>
  <si>
    <t>cg04503093</t>
  </si>
  <si>
    <t>cg04503743</t>
  </si>
  <si>
    <t>cg04504478</t>
  </si>
  <si>
    <t>cg04508286</t>
  </si>
  <si>
    <t>cg04508405</t>
  </si>
  <si>
    <t>cg04511291</t>
  </si>
  <si>
    <t>cg04512129</t>
  </si>
  <si>
    <t>cg04512603</t>
  </si>
  <si>
    <t>cg04513912</t>
  </si>
  <si>
    <t>cg04514683</t>
  </si>
  <si>
    <t>cg04516022</t>
  </si>
  <si>
    <t>cg04516975</t>
  </si>
  <si>
    <t>cg04521244</t>
  </si>
  <si>
    <t>cg04522932</t>
  </si>
  <si>
    <t>cg04524088</t>
  </si>
  <si>
    <t>cg04525773</t>
  </si>
  <si>
    <t>cg04526361</t>
  </si>
  <si>
    <t>cg04527761</t>
  </si>
  <si>
    <t>cg04528819</t>
  </si>
  <si>
    <t>cg04534231</t>
  </si>
  <si>
    <t>cg04545556</t>
  </si>
  <si>
    <t>cg04547393</t>
  </si>
  <si>
    <t>cg04549288</t>
  </si>
  <si>
    <t>cg04550474</t>
  </si>
  <si>
    <t>cg04553307</t>
  </si>
  <si>
    <t>cg04555379</t>
  </si>
  <si>
    <t>cg04555966</t>
  </si>
  <si>
    <t>cg04556412</t>
  </si>
  <si>
    <t>cg04556550</t>
  </si>
  <si>
    <t>cg04557057</t>
  </si>
  <si>
    <t>cg04567517</t>
  </si>
  <si>
    <t>cg04569202</t>
  </si>
  <si>
    <t>cg04572259</t>
  </si>
  <si>
    <t>cg04572429</t>
  </si>
  <si>
    <t>cg04573653</t>
  </si>
  <si>
    <t>cg04574046</t>
  </si>
  <si>
    <t>cg04574956</t>
  </si>
  <si>
    <t>cg04575058</t>
  </si>
  <si>
    <t>cg04577162</t>
  </si>
  <si>
    <t>cg04577718</t>
  </si>
  <si>
    <t>cg04578010</t>
  </si>
  <si>
    <t>cg04579608</t>
  </si>
  <si>
    <t>cg04592579</t>
  </si>
  <si>
    <t>cg04593460</t>
  </si>
  <si>
    <t>cg04594483</t>
  </si>
  <si>
    <t>cg04598670</t>
  </si>
  <si>
    <t>cg04600018</t>
  </si>
  <si>
    <t>cg04600792</t>
  </si>
  <si>
    <t>cg04601228</t>
  </si>
  <si>
    <t>cg04604420</t>
  </si>
  <si>
    <t>cg04605940</t>
  </si>
  <si>
    <t>cg04610108</t>
  </si>
  <si>
    <t>cg04611087</t>
  </si>
  <si>
    <t>cg04612276</t>
  </si>
  <si>
    <t>cg04613133</t>
  </si>
  <si>
    <t>cg04618969</t>
  </si>
  <si>
    <t>cg04619381</t>
  </si>
  <si>
    <t>cg04622224</t>
  </si>
  <si>
    <t>cg04624059</t>
  </si>
  <si>
    <t>cg04626931</t>
  </si>
  <si>
    <t>cg04630334</t>
  </si>
  <si>
    <t>cg04630748</t>
  </si>
  <si>
    <t>cg04631458</t>
  </si>
  <si>
    <t>cg04638200</t>
  </si>
  <si>
    <t>cg04639396</t>
  </si>
  <si>
    <t>cg04640197</t>
  </si>
  <si>
    <t>cg04644049</t>
  </si>
  <si>
    <t>cg04647370</t>
  </si>
  <si>
    <t>cg04650322</t>
  </si>
  <si>
    <t>cg04651042</t>
  </si>
  <si>
    <t>cg04651137</t>
  </si>
  <si>
    <t>cg04653264</t>
  </si>
  <si>
    <t>cg04654917</t>
  </si>
  <si>
    <t>cg04659536</t>
  </si>
  <si>
    <t>cg04662039</t>
  </si>
  <si>
    <t>cg04662241</t>
  </si>
  <si>
    <t>cg04663842</t>
  </si>
  <si>
    <t>cg04663932</t>
  </si>
  <si>
    <t>cg04666202</t>
  </si>
  <si>
    <t>cg04666346</t>
  </si>
  <si>
    <t>cg04667180</t>
  </si>
  <si>
    <t>cg04669894</t>
  </si>
  <si>
    <t>cg04671932</t>
  </si>
  <si>
    <t>cg04673371</t>
  </si>
  <si>
    <t>cg04673498</t>
  </si>
  <si>
    <t>cg04673590</t>
  </si>
  <si>
    <t>cg04673912</t>
  </si>
  <si>
    <t>cg04674755</t>
  </si>
  <si>
    <t>cg04678950</t>
  </si>
  <si>
    <t>cg04681554</t>
  </si>
  <si>
    <t>cg04682905</t>
  </si>
  <si>
    <t>cg04685170</t>
  </si>
  <si>
    <t>cg04693046</t>
  </si>
  <si>
    <t>cg04693423</t>
  </si>
  <si>
    <t>cg04694035</t>
  </si>
  <si>
    <t>cg04697148</t>
  </si>
  <si>
    <t>cg04697562</t>
  </si>
  <si>
    <t>cg04699594</t>
  </si>
  <si>
    <t>cg04706400</t>
  </si>
  <si>
    <t>cg04706556</t>
  </si>
  <si>
    <t>cg04706867</t>
  </si>
  <si>
    <t>cg04709357</t>
  </si>
  <si>
    <t>cg04709675</t>
  </si>
  <si>
    <t>cg04712895</t>
  </si>
  <si>
    <t>cg04712949</t>
  </si>
  <si>
    <t>cg04713531</t>
  </si>
  <si>
    <t>cg04722795</t>
  </si>
  <si>
    <t>cg04724489</t>
  </si>
  <si>
    <t>cg04725669</t>
  </si>
  <si>
    <t>cg04727924</t>
  </si>
  <si>
    <t>cg04734175</t>
  </si>
  <si>
    <t>cg04739400</t>
  </si>
  <si>
    <t>cg04740477</t>
  </si>
  <si>
    <t>cg04742505</t>
  </si>
  <si>
    <t>cg04742719</t>
  </si>
  <si>
    <t>cg04743933</t>
  </si>
  <si>
    <t>cg04747300</t>
  </si>
  <si>
    <t>cg04749372</t>
  </si>
  <si>
    <t>cg04751631</t>
  </si>
  <si>
    <t>cg04756316</t>
  </si>
  <si>
    <t>cg04757239</t>
  </si>
  <si>
    <t>cg04759651</t>
  </si>
  <si>
    <t>cg04760021</t>
  </si>
  <si>
    <t>cg04763085</t>
  </si>
  <si>
    <t>cg04767732</t>
  </si>
  <si>
    <t>cg04768002</t>
  </si>
  <si>
    <t>cg04771248</t>
  </si>
  <si>
    <t>cg04773926</t>
  </si>
  <si>
    <t>cg04775824</t>
  </si>
  <si>
    <t>cg04776860</t>
  </si>
  <si>
    <t>cg04781532</t>
  </si>
  <si>
    <t>cg04782472</t>
  </si>
  <si>
    <t>cg04784014</t>
  </si>
  <si>
    <t>cg04786889</t>
  </si>
  <si>
    <t>cg04789420</t>
  </si>
  <si>
    <t>cg04792024</t>
  </si>
  <si>
    <t>cg04796162</t>
  </si>
  <si>
    <t>cg04799270</t>
  </si>
  <si>
    <t>cg04805577</t>
  </si>
  <si>
    <t>cg04807561</t>
  </si>
  <si>
    <t>cg04809712</t>
  </si>
  <si>
    <t>cg04811540</t>
  </si>
  <si>
    <t>cg04816699</t>
  </si>
  <si>
    <t>cg04819580</t>
  </si>
  <si>
    <t>cg04822748</t>
  </si>
  <si>
    <t>cg04823720</t>
  </si>
  <si>
    <t>cg04824535</t>
  </si>
  <si>
    <t>cg04826663</t>
  </si>
  <si>
    <t>cg04829566</t>
  </si>
  <si>
    <t>cg04829760</t>
  </si>
  <si>
    <t>cg04832534</t>
  </si>
  <si>
    <t>cg04833241</t>
  </si>
  <si>
    <t>cg04834097</t>
  </si>
  <si>
    <t>cg04837309</t>
  </si>
  <si>
    <t>cg04839520</t>
  </si>
  <si>
    <t>cg04840800</t>
  </si>
  <si>
    <t>cg04853708</t>
  </si>
  <si>
    <t>cg04858110</t>
  </si>
  <si>
    <t>cg04864179</t>
  </si>
  <si>
    <t>cg04864538</t>
  </si>
  <si>
    <t>cg04871173</t>
  </si>
  <si>
    <t>cg04874031</t>
  </si>
  <si>
    <t>cg04875789</t>
  </si>
  <si>
    <t>cg04876978</t>
  </si>
  <si>
    <t>cg04879561</t>
  </si>
  <si>
    <t>cg04879818</t>
  </si>
  <si>
    <t>cg04879838</t>
  </si>
  <si>
    <t>cg04887663</t>
  </si>
  <si>
    <t>cg04890230</t>
  </si>
  <si>
    <t>cg04890277</t>
  </si>
  <si>
    <t>cg04893558</t>
  </si>
  <si>
    <t>cg04897631</t>
  </si>
  <si>
    <t>cg04898039</t>
  </si>
  <si>
    <t>cg04899225</t>
  </si>
  <si>
    <t>cg04900672</t>
  </si>
  <si>
    <t>cg04901179</t>
  </si>
  <si>
    <t>cg04902364</t>
  </si>
  <si>
    <t>cg04902856</t>
  </si>
  <si>
    <t>cg04906462</t>
  </si>
  <si>
    <t>cg04907244</t>
  </si>
  <si>
    <t>cg04914894</t>
  </si>
  <si>
    <t>cg04917226</t>
  </si>
  <si>
    <t>cg04918082</t>
  </si>
  <si>
    <t>cg04919563</t>
  </si>
  <si>
    <t>cg04922810</t>
  </si>
  <si>
    <t>cg04923928</t>
  </si>
  <si>
    <t>cg04935449</t>
  </si>
  <si>
    <t>cg04939026</t>
  </si>
  <si>
    <t>cg04939200</t>
  </si>
  <si>
    <t>cg04939944</t>
  </si>
  <si>
    <t>cg04943636</t>
  </si>
  <si>
    <t>cg04944410</t>
  </si>
  <si>
    <t>cg04945557</t>
  </si>
  <si>
    <t>cg04945652</t>
  </si>
  <si>
    <t>cg04952324</t>
  </si>
  <si>
    <t>cg04953155</t>
  </si>
  <si>
    <t>cg04953958</t>
  </si>
  <si>
    <t>cg04955333</t>
  </si>
  <si>
    <t>cg04955511</t>
  </si>
  <si>
    <t>cg04956362</t>
  </si>
  <si>
    <t>cg04956949</t>
  </si>
  <si>
    <t>cg04960665</t>
  </si>
  <si>
    <t>cg04962541</t>
  </si>
  <si>
    <t>cg04963607</t>
  </si>
  <si>
    <t>cg04963967</t>
  </si>
  <si>
    <t>cg04966166</t>
  </si>
  <si>
    <t>cg04976226</t>
  </si>
  <si>
    <t>cg04976245</t>
  </si>
  <si>
    <t>cg04979876</t>
  </si>
  <si>
    <t>cg04990850</t>
  </si>
  <si>
    <t>cg04992673</t>
  </si>
  <si>
    <t>cg04996300</t>
  </si>
  <si>
    <t>cg04999691</t>
  </si>
  <si>
    <t>cg05007097</t>
  </si>
  <si>
    <t>cg05009601</t>
  </si>
  <si>
    <t>cg05010260</t>
  </si>
  <si>
    <t>cg05014568</t>
  </si>
  <si>
    <t>cg05014846</t>
  </si>
  <si>
    <t>cg05020273</t>
  </si>
  <si>
    <t>cg05031325</t>
  </si>
  <si>
    <t>cg05034363</t>
  </si>
  <si>
    <t>cg05041511</t>
  </si>
  <si>
    <t>cg05045981</t>
  </si>
  <si>
    <t>cg05046371</t>
  </si>
  <si>
    <t>cg05046597</t>
  </si>
  <si>
    <t>cg05055490</t>
  </si>
  <si>
    <t>cg05057910</t>
  </si>
  <si>
    <t>cg05058354</t>
  </si>
  <si>
    <t>cg05060486</t>
  </si>
  <si>
    <t>cg05060807</t>
  </si>
  <si>
    <t>cg05061208</t>
  </si>
  <si>
    <t>cg05061754</t>
  </si>
  <si>
    <t>cg05065846</t>
  </si>
  <si>
    <t>cg05066096</t>
  </si>
  <si>
    <t>cg05067136</t>
  </si>
  <si>
    <t>cg05068035</t>
  </si>
  <si>
    <t>cg05072008</t>
  </si>
  <si>
    <t>cg05073130</t>
  </si>
  <si>
    <t>cg05076221</t>
  </si>
  <si>
    <t>cg05077108</t>
  </si>
  <si>
    <t>cg05079548</t>
  </si>
  <si>
    <t>cg05079794</t>
  </si>
  <si>
    <t>cg05082805</t>
  </si>
  <si>
    <t>cg05082963</t>
  </si>
  <si>
    <t>cg05085844</t>
  </si>
  <si>
    <t>cg05086444</t>
  </si>
  <si>
    <t>cg05090966</t>
  </si>
  <si>
    <t>cg05091405</t>
  </si>
  <si>
    <t>cg05092861</t>
  </si>
  <si>
    <t>cg05100916</t>
  </si>
  <si>
    <t>cg05103803</t>
  </si>
  <si>
    <t>cg05109569</t>
  </si>
  <si>
    <t>cg05110225</t>
  </si>
  <si>
    <t>cg05112967</t>
  </si>
  <si>
    <t>cg05119831</t>
  </si>
  <si>
    <t>cg05122910</t>
  </si>
  <si>
    <t>cg05123755</t>
  </si>
  <si>
    <t>cg05130081</t>
  </si>
  <si>
    <t>cg05132782</t>
  </si>
  <si>
    <t>cg05135176</t>
  </si>
  <si>
    <t>cg05140806</t>
  </si>
  <si>
    <t>cg05141341</t>
  </si>
  <si>
    <t>cg05142373</t>
  </si>
  <si>
    <t>cg05142634</t>
  </si>
  <si>
    <t>cg05146205</t>
  </si>
  <si>
    <t>cg05146762</t>
  </si>
  <si>
    <t>cg05147654</t>
  </si>
  <si>
    <t>cg05153729</t>
  </si>
  <si>
    <t>cg05155809</t>
  </si>
  <si>
    <t>cg05158615</t>
  </si>
  <si>
    <t>cg05162032</t>
  </si>
  <si>
    <t>cg05162275</t>
  </si>
  <si>
    <t>cg05163588</t>
  </si>
  <si>
    <t>cg05163801</t>
  </si>
  <si>
    <t>cg05164396</t>
  </si>
  <si>
    <t>cg05165378</t>
  </si>
  <si>
    <t>cg05167561</t>
  </si>
  <si>
    <t>cg05168404</t>
  </si>
  <si>
    <t>cg05168977</t>
  </si>
  <si>
    <t>cg05171921</t>
  </si>
  <si>
    <t>cg05181516</t>
  </si>
  <si>
    <t>cg05181846</t>
  </si>
  <si>
    <t>cg05182265</t>
  </si>
  <si>
    <t>cg05183927</t>
  </si>
  <si>
    <t>cg05191397</t>
  </si>
  <si>
    <t>cg05207583</t>
  </si>
  <si>
    <t>cg05210501</t>
  </si>
  <si>
    <t>cg05211192</t>
  </si>
  <si>
    <t>cg05212460</t>
  </si>
  <si>
    <t>cg05218283</t>
  </si>
  <si>
    <t>cg05220069</t>
  </si>
  <si>
    <t>cg05220280</t>
  </si>
  <si>
    <t>cg05220713</t>
  </si>
  <si>
    <t>cg05221465</t>
  </si>
  <si>
    <t>cg05223897</t>
  </si>
  <si>
    <t>cg05224498</t>
  </si>
  <si>
    <t>cg05224804</t>
  </si>
  <si>
    <t>cg05228573</t>
  </si>
  <si>
    <t>cg05231837</t>
  </si>
  <si>
    <t>cg05237718</t>
  </si>
  <si>
    <t>cg05241143</t>
  </si>
  <si>
    <t>cg05246100</t>
  </si>
  <si>
    <t>cg05246283</t>
  </si>
  <si>
    <t>cg05253159</t>
  </si>
  <si>
    <t>cg05256504</t>
  </si>
  <si>
    <t>cg05258123</t>
  </si>
  <si>
    <t>cg05260959</t>
  </si>
  <si>
    <t>cg05264279</t>
  </si>
  <si>
    <t>cg05265747</t>
  </si>
  <si>
    <t>cg05270344</t>
  </si>
  <si>
    <t>cg05275896</t>
  </si>
  <si>
    <t>cg05279031</t>
  </si>
  <si>
    <t>cg05284724</t>
  </si>
  <si>
    <t>cg05284750</t>
  </si>
  <si>
    <t>cg05285244</t>
  </si>
  <si>
    <t>cg05289320</t>
  </si>
  <si>
    <t>cg05290705</t>
  </si>
  <si>
    <t>cg05292478</t>
  </si>
  <si>
    <t>cg05293881</t>
  </si>
  <si>
    <t>cg05295082</t>
  </si>
  <si>
    <t>cg05306735</t>
  </si>
  <si>
    <t>cg05308424</t>
  </si>
  <si>
    <t>cg05308556</t>
  </si>
  <si>
    <t>cg05315586</t>
  </si>
  <si>
    <t>cg05315620</t>
  </si>
  <si>
    <t>cg05317024</t>
  </si>
  <si>
    <t>cg05319711</t>
  </si>
  <si>
    <t>cg05323058</t>
  </si>
  <si>
    <t>cg05323731</t>
  </si>
  <si>
    <t>cg05325934</t>
  </si>
  <si>
    <t>cg05327864</t>
  </si>
  <si>
    <t>cg05337454</t>
  </si>
  <si>
    <t>cg05337806</t>
  </si>
  <si>
    <t>cg05340085</t>
  </si>
  <si>
    <t>cg05340629</t>
  </si>
  <si>
    <t>cg05342682</t>
  </si>
  <si>
    <t>cg05343808</t>
  </si>
  <si>
    <t>cg05346536</t>
  </si>
  <si>
    <t>cg05351601</t>
  </si>
  <si>
    <t>cg05353415</t>
  </si>
  <si>
    <t>cg05353481</t>
  </si>
  <si>
    <t>cg05354171</t>
  </si>
  <si>
    <t>cg05356496</t>
  </si>
  <si>
    <t>cg05357209</t>
  </si>
  <si>
    <t>cg05357861</t>
  </si>
  <si>
    <t>cg05358848</t>
  </si>
  <si>
    <t>cg05374623</t>
  </si>
  <si>
    <t>cg05378894</t>
  </si>
  <si>
    <t>cg05379541</t>
  </si>
  <si>
    <t>cg05380503</t>
  </si>
  <si>
    <t>cg05384712</t>
  </si>
  <si>
    <t>cg05385805</t>
  </si>
  <si>
    <t>cg05389266</t>
  </si>
  <si>
    <t>cg05392513</t>
  </si>
  <si>
    <t>cg05395058</t>
  </si>
  <si>
    <t>cg05397809</t>
  </si>
  <si>
    <t>cg05398260</t>
  </si>
  <si>
    <t>cg05399607</t>
  </si>
  <si>
    <t>cg05406868</t>
  </si>
  <si>
    <t>cg05412410</t>
  </si>
  <si>
    <t>cg05413817</t>
  </si>
  <si>
    <t>cg05413957</t>
  </si>
  <si>
    <t>cg05418333</t>
  </si>
  <si>
    <t>cg05419671</t>
  </si>
  <si>
    <t>cg05420166</t>
  </si>
  <si>
    <t>cg05423713</t>
  </si>
  <si>
    <t>cg05433557</t>
  </si>
  <si>
    <t>cg05434363</t>
  </si>
  <si>
    <t>cg05434957</t>
  </si>
  <si>
    <t>cg05435065</t>
  </si>
  <si>
    <t>cg05437294</t>
  </si>
  <si>
    <t>cg05439204</t>
  </si>
  <si>
    <t>cg05443922</t>
  </si>
  <si>
    <t>cg05446923</t>
  </si>
  <si>
    <t>cg05455729</t>
  </si>
  <si>
    <t>cg05459203</t>
  </si>
  <si>
    <t>cg05460050</t>
  </si>
  <si>
    <t>cg05461153</t>
  </si>
  <si>
    <t>cg05465745</t>
  </si>
  <si>
    <t>cg05467567</t>
  </si>
  <si>
    <t>cg05467890</t>
  </si>
  <si>
    <t>cg05470497</t>
  </si>
  <si>
    <t>cg05470523</t>
  </si>
  <si>
    <t>cg05471296</t>
  </si>
  <si>
    <t>cg05474139</t>
  </si>
  <si>
    <t>cg05481217</t>
  </si>
  <si>
    <t>cg05482413</t>
  </si>
  <si>
    <t>cg05482502</t>
  </si>
  <si>
    <t>cg05483875</t>
  </si>
  <si>
    <t>cg05486191</t>
  </si>
  <si>
    <t>cg05486616</t>
  </si>
  <si>
    <t>cg05488439</t>
  </si>
  <si>
    <t>cg05488770</t>
  </si>
  <si>
    <t>cg05490659</t>
  </si>
  <si>
    <t>cg05493751</t>
  </si>
  <si>
    <t>cg05501276</t>
  </si>
  <si>
    <t>cg05501419</t>
  </si>
  <si>
    <t>cg05502103</t>
  </si>
  <si>
    <t>cg05511613</t>
  </si>
  <si>
    <t>cg05512100</t>
  </si>
  <si>
    <t>cg05516271</t>
  </si>
  <si>
    <t>cg05516617</t>
  </si>
  <si>
    <t>cg05517542</t>
  </si>
  <si>
    <t>cg05517976</t>
  </si>
  <si>
    <t>cg05526269</t>
  </si>
  <si>
    <t>cg05528492</t>
  </si>
  <si>
    <t>cg05530294</t>
  </si>
  <si>
    <t>cg05530630</t>
  </si>
  <si>
    <t>cg05531309</t>
  </si>
  <si>
    <t>cg05532669</t>
  </si>
  <si>
    <t>cg05533001</t>
  </si>
  <si>
    <t>cg05533329</t>
  </si>
  <si>
    <t>cg05535760</t>
  </si>
  <si>
    <t>cg05536156</t>
  </si>
  <si>
    <t>cg05536457</t>
  </si>
  <si>
    <t>cg05557110</t>
  </si>
  <si>
    <t>cg05557262</t>
  </si>
  <si>
    <t>cg05563450</t>
  </si>
  <si>
    <t>cg05564981</t>
  </si>
  <si>
    <t>cg05565114</t>
  </si>
  <si>
    <t>cg05566582</t>
  </si>
  <si>
    <t>cg05567511</t>
  </si>
  <si>
    <t>cg05570258</t>
  </si>
  <si>
    <t>cg05572568</t>
  </si>
  <si>
    <t>cg05575043</t>
  </si>
  <si>
    <t>cg05575601</t>
  </si>
  <si>
    <t>cg05576705</t>
  </si>
  <si>
    <t>cg05580864</t>
  </si>
  <si>
    <t>cg05581820</t>
  </si>
  <si>
    <t>cg05586376</t>
  </si>
  <si>
    <t>cg05587232</t>
  </si>
  <si>
    <t>cg05589845</t>
  </si>
  <si>
    <t>cg05592959</t>
  </si>
  <si>
    <t>cg05595832</t>
  </si>
  <si>
    <t>cg05597504</t>
  </si>
  <si>
    <t>cg05598539</t>
  </si>
  <si>
    <t>cg05599513</t>
  </si>
  <si>
    <t>cg05602715</t>
  </si>
  <si>
    <t>cg05605257</t>
  </si>
  <si>
    <t>cg05606190</t>
  </si>
  <si>
    <t>cg05608188</t>
  </si>
  <si>
    <t>cg05610097</t>
  </si>
  <si>
    <t>cg05611805</t>
  </si>
  <si>
    <t>cg05613015</t>
  </si>
  <si>
    <t>cg05621583</t>
  </si>
  <si>
    <t>cg05621759</t>
  </si>
  <si>
    <t>cg05625801</t>
  </si>
  <si>
    <t>cg05628818</t>
  </si>
  <si>
    <t>cg05630192</t>
  </si>
  <si>
    <t>cg05636499</t>
  </si>
  <si>
    <t>cg05638347</t>
  </si>
  <si>
    <t>cg05639205</t>
  </si>
  <si>
    <t>cg05640128</t>
  </si>
  <si>
    <t>cg05641778</t>
  </si>
  <si>
    <t>cg05642546</t>
  </si>
  <si>
    <t>cg05647526</t>
  </si>
  <si>
    <t>cg05651960</t>
  </si>
  <si>
    <t>cg05652666</t>
  </si>
  <si>
    <t>cg05660795</t>
  </si>
  <si>
    <t>cg05661982</t>
  </si>
  <si>
    <t>cg05662404</t>
  </si>
  <si>
    <t>cg05663655</t>
  </si>
  <si>
    <t>cg05665768</t>
  </si>
  <si>
    <t>cg05673425</t>
  </si>
  <si>
    <t>cg05674406</t>
  </si>
  <si>
    <t>cg05675331</t>
  </si>
  <si>
    <t>cg05680424</t>
  </si>
  <si>
    <t>cg05681826</t>
  </si>
  <si>
    <t>cg05682561</t>
  </si>
  <si>
    <t>cg05684907</t>
  </si>
  <si>
    <t>cg05697754</t>
  </si>
  <si>
    <t>cg05697832</t>
  </si>
  <si>
    <t>cg05698763</t>
  </si>
  <si>
    <t>cg05705615</t>
  </si>
  <si>
    <t>cg05706001</t>
  </si>
  <si>
    <t>cg05710204</t>
  </si>
  <si>
    <t>cg05711445</t>
  </si>
  <si>
    <t>cg05712524</t>
  </si>
  <si>
    <t>cg05714673</t>
  </si>
  <si>
    <t>cg05719902</t>
  </si>
  <si>
    <t>cg05723179</t>
  </si>
  <si>
    <t>cg05724065</t>
  </si>
  <si>
    <t>cg05725489</t>
  </si>
  <si>
    <t>cg05725797</t>
  </si>
  <si>
    <t>cg05726195</t>
  </si>
  <si>
    <t>cg05726556</t>
  </si>
  <si>
    <t>cg05727180</t>
  </si>
  <si>
    <t>cg05729836</t>
  </si>
  <si>
    <t>cg05735009</t>
  </si>
  <si>
    <t>cg05743346</t>
  </si>
  <si>
    <t>cg05744332</t>
  </si>
  <si>
    <t>cg05745046</t>
  </si>
  <si>
    <t>cg05746188</t>
  </si>
  <si>
    <t>cg05748497</t>
  </si>
  <si>
    <t>cg05753794</t>
  </si>
  <si>
    <t>cg05755837</t>
  </si>
  <si>
    <t>cg05757713</t>
  </si>
  <si>
    <t>cg05763154</t>
  </si>
  <si>
    <t>cg05769086</t>
  </si>
  <si>
    <t>cg05770091</t>
  </si>
  <si>
    <t>cg05771132</t>
  </si>
  <si>
    <t>cg05774141</t>
  </si>
  <si>
    <t>cg05774464</t>
  </si>
  <si>
    <t>cg05774699</t>
  </si>
  <si>
    <t>cg05780020</t>
  </si>
  <si>
    <t>cg05781999</t>
  </si>
  <si>
    <t>cg05782078</t>
  </si>
  <si>
    <t>cg05783290</t>
  </si>
  <si>
    <t>cg05785222</t>
  </si>
  <si>
    <t>cg05793193</t>
  </si>
  <si>
    <t>cg05794556</t>
  </si>
  <si>
    <t>cg05794813</t>
  </si>
  <si>
    <t>cg05797131</t>
  </si>
  <si>
    <t>cg05798996</t>
  </si>
  <si>
    <t>cg05803296</t>
  </si>
  <si>
    <t>cg05804440</t>
  </si>
  <si>
    <t>cg05804949</t>
  </si>
  <si>
    <t>cg05806233</t>
  </si>
  <si>
    <t>cg05812430</t>
  </si>
  <si>
    <t>cg05812582</t>
  </si>
  <si>
    <t>cg05815374</t>
  </si>
  <si>
    <t>cg05816398</t>
  </si>
  <si>
    <t>cg05818605</t>
  </si>
  <si>
    <t>cg05819837</t>
  </si>
  <si>
    <t>cg05820448</t>
  </si>
  <si>
    <t>cg05820959</t>
  </si>
  <si>
    <t>cg05821571</t>
  </si>
  <si>
    <t>cg05822356</t>
  </si>
  <si>
    <t>cg05825073</t>
  </si>
  <si>
    <t>cg05830961</t>
  </si>
  <si>
    <t>cg05831188</t>
  </si>
  <si>
    <t>cg05833635</t>
  </si>
  <si>
    <t>cg05835431</t>
  </si>
  <si>
    <t>cg05836145</t>
  </si>
  <si>
    <t>cg05845765</t>
  </si>
  <si>
    <t>cg05853159</t>
  </si>
  <si>
    <t>cg05855208</t>
  </si>
  <si>
    <t>cg05856556</t>
  </si>
  <si>
    <t>cg05857060</t>
  </si>
  <si>
    <t>cg05861879</t>
  </si>
  <si>
    <t>cg05862438</t>
  </si>
  <si>
    <t>cg05862979</t>
  </si>
  <si>
    <t>cg05864433</t>
  </si>
  <si>
    <t>cg05865161</t>
  </si>
  <si>
    <t>cg05865493</t>
  </si>
  <si>
    <t>cg05868142</t>
  </si>
  <si>
    <t>cg05869732</t>
  </si>
  <si>
    <t>cg05876425</t>
  </si>
  <si>
    <t>cg05877565</t>
  </si>
  <si>
    <t>cg05878101</t>
  </si>
  <si>
    <t>cg05886620</t>
  </si>
  <si>
    <t>cg05887390</t>
  </si>
  <si>
    <t>cg05888406</t>
  </si>
  <si>
    <t>cg05892484</t>
  </si>
  <si>
    <t>cg05892626</t>
  </si>
  <si>
    <t>cg05894015</t>
  </si>
  <si>
    <t>cg05894462</t>
  </si>
  <si>
    <t>cg05896120</t>
  </si>
  <si>
    <t>cg05898452</t>
  </si>
  <si>
    <t>cg05900785</t>
  </si>
  <si>
    <t>cg05901917</t>
  </si>
  <si>
    <t>cg05902852</t>
  </si>
  <si>
    <t>cg05904013</t>
  </si>
  <si>
    <t>cg05908241</t>
  </si>
  <si>
    <t>cg05908242</t>
  </si>
  <si>
    <t>cg05909453</t>
  </si>
  <si>
    <t>cg05914034</t>
  </si>
  <si>
    <t>cg05915116</t>
  </si>
  <si>
    <t>cg05917188</t>
  </si>
  <si>
    <t>cg05917284</t>
  </si>
  <si>
    <t>cg05917537</t>
  </si>
  <si>
    <t>cg05918135</t>
  </si>
  <si>
    <t>cg05920317</t>
  </si>
  <si>
    <t>cg05924428</t>
  </si>
  <si>
    <t>cg05928186</t>
  </si>
  <si>
    <t>cg05928806</t>
  </si>
  <si>
    <t>cg05929272</t>
  </si>
  <si>
    <t>cg05931272</t>
  </si>
  <si>
    <t>cg05937182</t>
  </si>
  <si>
    <t>cg05944174</t>
  </si>
  <si>
    <t>cg05947761</t>
  </si>
  <si>
    <t>cg05955624</t>
  </si>
  <si>
    <t>cg05957436</t>
  </si>
  <si>
    <t>cg05963354</t>
  </si>
  <si>
    <t>cg05963872</t>
  </si>
  <si>
    <t>cg05968904</t>
  </si>
  <si>
    <t>cg05970317</t>
  </si>
  <si>
    <t>cg05971373</t>
  </si>
  <si>
    <t>cg05974878</t>
  </si>
  <si>
    <t>cg05985070</t>
  </si>
  <si>
    <t>cg05985961</t>
  </si>
  <si>
    <t>cg05986052</t>
  </si>
  <si>
    <t>cg05986781</t>
  </si>
  <si>
    <t>cg05986956</t>
  </si>
  <si>
    <t>cg05987567</t>
  </si>
  <si>
    <t>cg05987961</t>
  </si>
  <si>
    <t>cg05988548</t>
  </si>
  <si>
    <t>cg05989672</t>
  </si>
  <si>
    <t>cg05996240</t>
  </si>
  <si>
    <t>cg05998109</t>
  </si>
  <si>
    <t>cg05998930</t>
  </si>
  <si>
    <t>cg05999993</t>
  </si>
  <si>
    <t>cg06000330</t>
  </si>
  <si>
    <t>cg06000610</t>
  </si>
  <si>
    <t>cg06001419</t>
  </si>
  <si>
    <t>cg06002683</t>
  </si>
  <si>
    <t>cg06004018</t>
  </si>
  <si>
    <t>cg06009031</t>
  </si>
  <si>
    <t>cg06018575</t>
  </si>
  <si>
    <t>cg06018853</t>
  </si>
  <si>
    <t>cg06022318</t>
  </si>
  <si>
    <t>cg06023841</t>
  </si>
  <si>
    <t>cg06024391</t>
  </si>
  <si>
    <t>cg06024559</t>
  </si>
  <si>
    <t>cg06025636</t>
  </si>
  <si>
    <t>cg06025981</t>
  </si>
  <si>
    <t>cg06032344</t>
  </si>
  <si>
    <t>cg06042156</t>
  </si>
  <si>
    <t>cg06042259</t>
  </si>
  <si>
    <t>cg06055873</t>
  </si>
  <si>
    <t>cg06057656</t>
  </si>
  <si>
    <t>cg06059318</t>
  </si>
  <si>
    <t>cg06060335</t>
  </si>
  <si>
    <t>cg06061069</t>
  </si>
  <si>
    <t>cg06061787</t>
  </si>
  <si>
    <t>cg06063590</t>
  </si>
  <si>
    <t>cg06068163</t>
  </si>
  <si>
    <t>cg06070229</t>
  </si>
  <si>
    <t>cg06071479</t>
  </si>
  <si>
    <t>cg06074896</t>
  </si>
  <si>
    <t>cg06076350</t>
  </si>
  <si>
    <t>cg06078336</t>
  </si>
  <si>
    <t>cg06081199</t>
  </si>
  <si>
    <t>cg06083642</t>
  </si>
  <si>
    <t>cg06094238</t>
  </si>
  <si>
    <t>cg06097977</t>
  </si>
  <si>
    <t>cg06100421</t>
  </si>
  <si>
    <t>cg06100570</t>
  </si>
  <si>
    <t>cg06101212</t>
  </si>
  <si>
    <t>cg06101576</t>
  </si>
  <si>
    <t>cg06104408</t>
  </si>
  <si>
    <t>cg06104935</t>
  </si>
  <si>
    <t>cg06107297</t>
  </si>
  <si>
    <t>cg06120688</t>
  </si>
  <si>
    <t>cg06124528</t>
  </si>
  <si>
    <t>cg06126335</t>
  </si>
  <si>
    <t>cg06128028</t>
  </si>
  <si>
    <t>cg06132505</t>
  </si>
  <si>
    <t>cg06140996</t>
  </si>
  <si>
    <t>cg06141004</t>
  </si>
  <si>
    <t>cg06143732</t>
  </si>
  <si>
    <t>cg06144311</t>
  </si>
  <si>
    <t>cg06145308</t>
  </si>
  <si>
    <t>cg06146234</t>
  </si>
  <si>
    <t>cg06147758</t>
  </si>
  <si>
    <t>cg06154860</t>
  </si>
  <si>
    <t>cg06158589</t>
  </si>
  <si>
    <t>cg06159352</t>
  </si>
  <si>
    <t>cg06161630</t>
  </si>
  <si>
    <t>cg06161814</t>
  </si>
  <si>
    <t>cg06166490</t>
  </si>
  <si>
    <t>cg06173720</t>
  </si>
  <si>
    <t>cg06173857</t>
  </si>
  <si>
    <t>cg06180846</t>
  </si>
  <si>
    <t>cg06181205</t>
  </si>
  <si>
    <t>cg06183123</t>
  </si>
  <si>
    <t>cg06189038</t>
  </si>
  <si>
    <t>cg06194809</t>
  </si>
  <si>
    <t>cg06200611</t>
  </si>
  <si>
    <t>cg06201512</t>
  </si>
  <si>
    <t>cg06203307</t>
  </si>
  <si>
    <t>cg06203476</t>
  </si>
  <si>
    <t>cg06204800</t>
  </si>
  <si>
    <t>cg06205063</t>
  </si>
  <si>
    <t>cg06206357</t>
  </si>
  <si>
    <t>cg06207801</t>
  </si>
  <si>
    <t>cg06212135</t>
  </si>
  <si>
    <t>cg06212213</t>
  </si>
  <si>
    <t>cg06218186</t>
  </si>
  <si>
    <t>cg06228260</t>
  </si>
  <si>
    <t>cg06229455</t>
  </si>
  <si>
    <t>cg06236140</t>
  </si>
  <si>
    <t>cg06237774</t>
  </si>
  <si>
    <t>cg06238944</t>
  </si>
  <si>
    <t>cg06242242</t>
  </si>
  <si>
    <t>cg06242719</t>
  </si>
  <si>
    <t>cg06242730</t>
  </si>
  <si>
    <t>cg06243400</t>
  </si>
  <si>
    <t>cg06244754</t>
  </si>
  <si>
    <t>cg06251500</t>
  </si>
  <si>
    <t>cg06251958</t>
  </si>
  <si>
    <t>cg06252875</t>
  </si>
  <si>
    <t>cg06254253</t>
  </si>
  <si>
    <t>cg06257058</t>
  </si>
  <si>
    <t>cg06260964</t>
  </si>
  <si>
    <t>cg06262098</t>
  </si>
  <si>
    <t>cg06263227</t>
  </si>
  <si>
    <t>cg06273569</t>
  </si>
  <si>
    <t>cg06277657</t>
  </si>
  <si>
    <t>cg06278714</t>
  </si>
  <si>
    <t>cg06280210</t>
  </si>
  <si>
    <t>cg06287199</t>
  </si>
  <si>
    <t>cg06290265</t>
  </si>
  <si>
    <t>cg06291350</t>
  </si>
  <si>
    <t>cg06292312</t>
  </si>
  <si>
    <t>cg06293365</t>
  </si>
  <si>
    <t>cg06295928</t>
  </si>
  <si>
    <t>cg06296169</t>
  </si>
  <si>
    <t>cg06296570</t>
  </si>
  <si>
    <t>cg06297005</t>
  </si>
  <si>
    <t>cg06297642</t>
  </si>
  <si>
    <t>cg06298480</t>
  </si>
  <si>
    <t>cg06299427</t>
  </si>
  <si>
    <t>cg06300308</t>
  </si>
  <si>
    <t>cg06308854</t>
  </si>
  <si>
    <t>cg06310157</t>
  </si>
  <si>
    <t>cg06313479</t>
  </si>
  <si>
    <t>cg06316830</t>
  </si>
  <si>
    <t>cg06321954</t>
  </si>
  <si>
    <t>cg06322983</t>
  </si>
  <si>
    <t>cg06330587</t>
  </si>
  <si>
    <t>cg06330722</t>
  </si>
  <si>
    <t>cg06331300</t>
  </si>
  <si>
    <t>cg06331715</t>
  </si>
  <si>
    <t>cg06333800</t>
  </si>
  <si>
    <t>cg06334484</t>
  </si>
  <si>
    <t>cg06335597</t>
  </si>
  <si>
    <t>cg06337342</t>
  </si>
  <si>
    <t>cg06338550</t>
  </si>
  <si>
    <t>cg06340516</t>
  </si>
  <si>
    <t>cg06343212</t>
  </si>
  <si>
    <t>cg06347338</t>
  </si>
  <si>
    <t>cg06347454</t>
  </si>
  <si>
    <t>cg06350882</t>
  </si>
  <si>
    <t>cg06351055</t>
  </si>
  <si>
    <t>cg06357314</t>
  </si>
  <si>
    <t>cg06362078</t>
  </si>
  <si>
    <t>cg06371306</t>
  </si>
  <si>
    <t>cg06372654</t>
  </si>
  <si>
    <t>cg06375884</t>
  </si>
  <si>
    <t>cg06379110</t>
  </si>
  <si>
    <t>cg06379754</t>
  </si>
  <si>
    <t>cg06384134</t>
  </si>
  <si>
    <t>cg06384912</t>
  </si>
  <si>
    <t>cg06385227</t>
  </si>
  <si>
    <t>cg06388730</t>
  </si>
  <si>
    <t>cg06389703</t>
  </si>
  <si>
    <t>cg06394833</t>
  </si>
  <si>
    <t>cg06397837</t>
  </si>
  <si>
    <t>cg06398114</t>
  </si>
  <si>
    <t>cg06398390</t>
  </si>
  <si>
    <t>cg06398636</t>
  </si>
  <si>
    <t>cg06400590</t>
  </si>
  <si>
    <t>cg06415906</t>
  </si>
  <si>
    <t>cg06417624</t>
  </si>
  <si>
    <t>cg06422381</t>
  </si>
  <si>
    <t>cg06422910</t>
  </si>
  <si>
    <t>cg06423573</t>
  </si>
  <si>
    <t>cg06429466</t>
  </si>
  <si>
    <t>cg06436997</t>
  </si>
  <si>
    <t>cg06442148</t>
  </si>
  <si>
    <t>cg06442996</t>
  </si>
  <si>
    <t>cg06444755</t>
  </si>
  <si>
    <t>cg06449934</t>
  </si>
  <si>
    <t>cg06456031</t>
  </si>
  <si>
    <t>cg06456125</t>
  </si>
  <si>
    <t>cg06458092</t>
  </si>
  <si>
    <t>cg06461306</t>
  </si>
  <si>
    <t>cg06461708</t>
  </si>
  <si>
    <t>cg06463109</t>
  </si>
  <si>
    <t>cg06464775</t>
  </si>
  <si>
    <t>cg06466797</t>
  </si>
  <si>
    <t>cg06469163</t>
  </si>
  <si>
    <t>cg06469440</t>
  </si>
  <si>
    <t>cg06471748</t>
  </si>
  <si>
    <t>cg06475514</t>
  </si>
  <si>
    <t>cg06478457</t>
  </si>
  <si>
    <t>cg06479628</t>
  </si>
  <si>
    <t>cg06480353</t>
  </si>
  <si>
    <t>cg06484146</t>
  </si>
  <si>
    <t>cg06489557</t>
  </si>
  <si>
    <t>cg06495961</t>
  </si>
  <si>
    <t>cg06497408</t>
  </si>
  <si>
    <t>cg06504636</t>
  </si>
  <si>
    <t>cg06506470</t>
  </si>
  <si>
    <t>cg06510074</t>
  </si>
  <si>
    <t>cg06520307</t>
  </si>
  <si>
    <t>cg06522915</t>
  </si>
  <si>
    <t>cg06524546</t>
  </si>
  <si>
    <t>cg06527535</t>
  </si>
  <si>
    <t>cg06529894</t>
  </si>
  <si>
    <t>cg06530028</t>
  </si>
  <si>
    <t>cg06534285</t>
  </si>
  <si>
    <t>cg06537110</t>
  </si>
  <si>
    <t>cg06537230</t>
  </si>
  <si>
    <t>cg06537575</t>
  </si>
  <si>
    <t>cg06541416</t>
  </si>
  <si>
    <t>cg06542022</t>
  </si>
  <si>
    <t>cg06544239</t>
  </si>
  <si>
    <t>cg06548369</t>
  </si>
  <si>
    <t>cg06553841</t>
  </si>
  <si>
    <t>cg06555468</t>
  </si>
  <si>
    <t>cg06556244</t>
  </si>
  <si>
    <t>cg06556290</t>
  </si>
  <si>
    <t>cg06557644</t>
  </si>
  <si>
    <t>cg06560494</t>
  </si>
  <si>
    <t>cg06561216</t>
  </si>
  <si>
    <t>cg06561458</t>
  </si>
  <si>
    <t>cg06563229</t>
  </si>
  <si>
    <t>cg06569421</t>
  </si>
  <si>
    <t>cg06576340</t>
  </si>
  <si>
    <t>cg06581175</t>
  </si>
  <si>
    <t>cg06581938</t>
  </si>
  <si>
    <t>cg06582411</t>
  </si>
  <si>
    <t>cg06587155</t>
  </si>
  <si>
    <t>cg06587976</t>
  </si>
  <si>
    <t>cg06588645</t>
  </si>
  <si>
    <t>cg06590610</t>
  </si>
  <si>
    <t>cg06591456</t>
  </si>
  <si>
    <t>cg06598760</t>
  </si>
  <si>
    <t>cg06603923</t>
  </si>
  <si>
    <t>cg06604467</t>
  </si>
  <si>
    <t>cg06615335</t>
  </si>
  <si>
    <t>cg06618968</t>
  </si>
  <si>
    <t>cg06621425</t>
  </si>
  <si>
    <t>cg06621691</t>
  </si>
  <si>
    <t>cg06624267</t>
  </si>
  <si>
    <t>cg06624711</t>
  </si>
  <si>
    <t>cg06630958</t>
  </si>
  <si>
    <t>cg06631810</t>
  </si>
  <si>
    <t>cg06631944</t>
  </si>
  <si>
    <t>cg06634596</t>
  </si>
  <si>
    <t>cg06635008</t>
  </si>
  <si>
    <t>cg06635328</t>
  </si>
  <si>
    <t>cg06639923</t>
  </si>
  <si>
    <t>cg06640364</t>
  </si>
  <si>
    <t>cg06643466</t>
  </si>
  <si>
    <t>cg06644051</t>
  </si>
  <si>
    <t>cg06645648</t>
  </si>
  <si>
    <t>cg06647819</t>
  </si>
  <si>
    <t>cg06651180</t>
  </si>
  <si>
    <t>cg06654369</t>
  </si>
  <si>
    <t>cg06655494</t>
  </si>
  <si>
    <t>cg06656105</t>
  </si>
  <si>
    <t>cg06666486</t>
  </si>
  <si>
    <t>cg06669276</t>
  </si>
  <si>
    <t>cg06674062</t>
  </si>
  <si>
    <t>cg06677538</t>
  </si>
  <si>
    <t>cg06682445</t>
  </si>
  <si>
    <t>cg06684088</t>
  </si>
  <si>
    <t>cg06685411</t>
  </si>
  <si>
    <t>cg06685724</t>
  </si>
  <si>
    <t>cg06685968</t>
  </si>
  <si>
    <t>cg06688409</t>
  </si>
  <si>
    <t>cg06688916</t>
  </si>
  <si>
    <t>cg06692537</t>
  </si>
  <si>
    <t>cg06692745</t>
  </si>
  <si>
    <t>cg06693411</t>
  </si>
  <si>
    <t>cg06695761</t>
  </si>
  <si>
    <t>cg06699428</t>
  </si>
  <si>
    <t>cg06704539</t>
  </si>
  <si>
    <t>cg06713116</t>
  </si>
  <si>
    <t>cg06715026</t>
  </si>
  <si>
    <t>cg06718073</t>
  </si>
  <si>
    <t>cg06719212</t>
  </si>
  <si>
    <t>cg06719448</t>
  </si>
  <si>
    <t>cg06720190</t>
  </si>
  <si>
    <t>cg06722630</t>
  </si>
  <si>
    <t>cg06728793</t>
  </si>
  <si>
    <t>cg06731886</t>
  </si>
  <si>
    <t>cg06733155</t>
  </si>
  <si>
    <t>cg06735111</t>
  </si>
  <si>
    <t>cg06741594</t>
  </si>
  <si>
    <t>cg06746009</t>
  </si>
  <si>
    <t>cg06747087</t>
  </si>
  <si>
    <t>cg06749043</t>
  </si>
  <si>
    <t>cg06750076</t>
  </si>
  <si>
    <t>cg06750585</t>
  </si>
  <si>
    <t>cg06752698</t>
  </si>
  <si>
    <t>cg06753092</t>
  </si>
  <si>
    <t>cg06754938</t>
  </si>
  <si>
    <t>cg06757633</t>
  </si>
  <si>
    <t>cg06761584</t>
  </si>
  <si>
    <t>cg06766536</t>
  </si>
  <si>
    <t>cg06766541</t>
  </si>
  <si>
    <t>cg06767389</t>
  </si>
  <si>
    <t>cg06769082</t>
  </si>
  <si>
    <t>cg06769202</t>
  </si>
  <si>
    <t>cg06769510</t>
  </si>
  <si>
    <t>cg06770323</t>
  </si>
  <si>
    <t>cg06770532</t>
  </si>
  <si>
    <t>cg06771303</t>
  </si>
  <si>
    <t>cg06772157</t>
  </si>
  <si>
    <t>cg06772202</t>
  </si>
  <si>
    <t>cg06772449</t>
  </si>
  <si>
    <t>cg06779123</t>
  </si>
  <si>
    <t>cg06784339</t>
  </si>
  <si>
    <t>cg06784539</t>
  </si>
  <si>
    <t>cg06785701</t>
  </si>
  <si>
    <t>cg06786372</t>
  </si>
  <si>
    <t>cg06789194</t>
  </si>
  <si>
    <t>cg06790324</t>
  </si>
  <si>
    <t>cg06794374</t>
  </si>
  <si>
    <t>cg06795527</t>
  </si>
  <si>
    <t>cg06795858</t>
  </si>
  <si>
    <t>cg06797902</t>
  </si>
  <si>
    <t>cg06804091</t>
  </si>
  <si>
    <t>cg06807926</t>
  </si>
  <si>
    <t>cg06808571</t>
  </si>
  <si>
    <t>cg06809544</t>
  </si>
  <si>
    <t>cg06815704</t>
  </si>
  <si>
    <t>cg06815817</t>
  </si>
  <si>
    <t>cg06816161</t>
  </si>
  <si>
    <t>cg06818605</t>
  </si>
  <si>
    <t>cg06819373</t>
  </si>
  <si>
    <t>cg06819855</t>
  </si>
  <si>
    <t>cg06821147</t>
  </si>
  <si>
    <t>cg06824394</t>
  </si>
  <si>
    <t>cg06825039</t>
  </si>
  <si>
    <t>cg06825383</t>
  </si>
  <si>
    <t>cg06825631</t>
  </si>
  <si>
    <t>cg06826283</t>
  </si>
  <si>
    <t>cg06828538</t>
  </si>
  <si>
    <t>cg06831761</t>
  </si>
  <si>
    <t>cg06838581</t>
  </si>
  <si>
    <t>cg06840109</t>
  </si>
  <si>
    <t>cg06845991</t>
  </si>
  <si>
    <t>cg06850924</t>
  </si>
  <si>
    <t>cg06851215</t>
  </si>
  <si>
    <t>cg06852684</t>
  </si>
  <si>
    <t>cg06852744</t>
  </si>
  <si>
    <t>cg06853230</t>
  </si>
  <si>
    <t>cg06856275</t>
  </si>
  <si>
    <t>cg06857018</t>
  </si>
  <si>
    <t>cg06857316</t>
  </si>
  <si>
    <t>cg06858263</t>
  </si>
  <si>
    <t>cg06866451</t>
  </si>
  <si>
    <t>cg06867113</t>
  </si>
  <si>
    <t>cg06867478</t>
  </si>
  <si>
    <t>cg06868860</t>
  </si>
  <si>
    <t>cg06869407</t>
  </si>
  <si>
    <t>cg06869796</t>
  </si>
  <si>
    <t>cg06876472</t>
  </si>
  <si>
    <t>cg06877366</t>
  </si>
  <si>
    <t>cg06878741</t>
  </si>
  <si>
    <t>cg06888346</t>
  </si>
  <si>
    <t>cg06890291</t>
  </si>
  <si>
    <t>cg06892898</t>
  </si>
  <si>
    <t>cg06895137</t>
  </si>
  <si>
    <t>cg06896909</t>
  </si>
  <si>
    <t>cg06898168</t>
  </si>
  <si>
    <t>cg06898289</t>
  </si>
  <si>
    <t>cg06900843</t>
  </si>
  <si>
    <t>cg06901893</t>
  </si>
  <si>
    <t>cg06907626</t>
  </si>
  <si>
    <t>cg06908655</t>
  </si>
  <si>
    <t>cg06909229</t>
  </si>
  <si>
    <t>cg06911354</t>
  </si>
  <si>
    <t>cg06915773</t>
  </si>
  <si>
    <t>cg06924622</t>
  </si>
  <si>
    <t>cg06927337</t>
  </si>
  <si>
    <t>cg06927900</t>
  </si>
  <si>
    <t>cg06931356</t>
  </si>
  <si>
    <t>cg06932780</t>
  </si>
  <si>
    <t>cg06933908</t>
  </si>
  <si>
    <t>cg06934092</t>
  </si>
  <si>
    <t>cg06934110</t>
  </si>
  <si>
    <t>cg06934774</t>
  </si>
  <si>
    <t>cg06939603</t>
  </si>
  <si>
    <t>cg06941140</t>
  </si>
  <si>
    <t>cg06942561</t>
  </si>
  <si>
    <t>cg06943865</t>
  </si>
  <si>
    <t>cg06945399</t>
  </si>
  <si>
    <t>cg06946838</t>
  </si>
  <si>
    <t>cg06948947</t>
  </si>
  <si>
    <t>cg06951646</t>
  </si>
  <si>
    <t>cg06951805</t>
  </si>
  <si>
    <t>cg06955417</t>
  </si>
  <si>
    <t>cg06956786</t>
  </si>
  <si>
    <t>cg06961439</t>
  </si>
  <si>
    <t>cg06962782</t>
  </si>
  <si>
    <t>cg06962918</t>
  </si>
  <si>
    <t>cg06963709</t>
  </si>
  <si>
    <t>cg06977014</t>
  </si>
  <si>
    <t>cg06980547</t>
  </si>
  <si>
    <t>cg06981279</t>
  </si>
  <si>
    <t>cg06981716</t>
  </si>
  <si>
    <t>cg06981948</t>
  </si>
  <si>
    <t>cg06982190</t>
  </si>
  <si>
    <t>cg06985664</t>
  </si>
  <si>
    <t>cg06987246</t>
  </si>
  <si>
    <t>cg06987468</t>
  </si>
  <si>
    <t>cg06994282</t>
  </si>
  <si>
    <t>cg06994834</t>
  </si>
  <si>
    <t>cg06996896</t>
  </si>
  <si>
    <t>cg06999014</t>
  </si>
  <si>
    <t>cg07003744</t>
  </si>
  <si>
    <t>cg07004999</t>
  </si>
  <si>
    <t>cg07006438</t>
  </si>
  <si>
    <t>cg07007152</t>
  </si>
  <si>
    <t>cg07010617</t>
  </si>
  <si>
    <t>cg07012898</t>
  </si>
  <si>
    <t>cg07015480</t>
  </si>
  <si>
    <t>cg07015608</t>
  </si>
  <si>
    <t>cg07017242</t>
  </si>
  <si>
    <t>cg07019075</t>
  </si>
  <si>
    <t>cg07019099</t>
  </si>
  <si>
    <t>cg07019835</t>
  </si>
  <si>
    <t>cg07023501</t>
  </si>
  <si>
    <t>cg07026010</t>
  </si>
  <si>
    <t>cg07026433</t>
  </si>
  <si>
    <t>cg07028533</t>
  </si>
  <si>
    <t>cg07033253</t>
  </si>
  <si>
    <t>cg07034660</t>
  </si>
  <si>
    <t>cg07037223</t>
  </si>
  <si>
    <t>cg07038617</t>
  </si>
  <si>
    <t>cg07039180</t>
  </si>
  <si>
    <t>cg07046546</t>
  </si>
  <si>
    <t>cg07048143</t>
  </si>
  <si>
    <t>cg07049592</t>
  </si>
  <si>
    <t>cg07056299</t>
  </si>
  <si>
    <t>cg07056567</t>
  </si>
  <si>
    <t>cg07058507</t>
  </si>
  <si>
    <t>cg07061298</t>
  </si>
  <si>
    <t>cg07065756</t>
  </si>
  <si>
    <t>cg07066550</t>
  </si>
  <si>
    <t>cg07068616</t>
  </si>
  <si>
    <t>cg07069514</t>
  </si>
  <si>
    <t>cg07071809</t>
  </si>
  <si>
    <t>cg07072638</t>
  </si>
  <si>
    <t>cg07073096</t>
  </si>
  <si>
    <t>cg07074316</t>
  </si>
  <si>
    <t>cg07078452</t>
  </si>
  <si>
    <t>cg07081770</t>
  </si>
  <si>
    <t>cg07083464</t>
  </si>
  <si>
    <t>cg07084288</t>
  </si>
  <si>
    <t>cg07087130</t>
  </si>
  <si>
    <t>cg07091207</t>
  </si>
  <si>
    <t>cg07092213</t>
  </si>
  <si>
    <t>cg07093140</t>
  </si>
  <si>
    <t>cg07093639</t>
  </si>
  <si>
    <t>cg07095836</t>
  </si>
  <si>
    <t>cg07099609</t>
  </si>
  <si>
    <t>cg07102937</t>
  </si>
  <si>
    <t>cg07103517</t>
  </si>
  <si>
    <t>cg07104557</t>
  </si>
  <si>
    <t>cg07110010</t>
  </si>
  <si>
    <t>cg07110103</t>
  </si>
  <si>
    <t>cg07112456</t>
  </si>
  <si>
    <t>cg07113802</t>
  </si>
  <si>
    <t>cg07115767</t>
  </si>
  <si>
    <t>cg07116997</t>
  </si>
  <si>
    <t>cg07117660</t>
  </si>
  <si>
    <t>cg07122006</t>
  </si>
  <si>
    <t>cg07125725</t>
  </si>
  <si>
    <t>cg07126792</t>
  </si>
  <si>
    <t>cg07128326</t>
  </si>
  <si>
    <t>cg07131166</t>
  </si>
  <si>
    <t>cg07133729</t>
  </si>
  <si>
    <t>cg07134371</t>
  </si>
  <si>
    <t>cg07137409</t>
  </si>
  <si>
    <t>cg07143303</t>
  </si>
  <si>
    <t>cg07147130</t>
  </si>
  <si>
    <t>cg07151160</t>
  </si>
  <si>
    <t>cg07152355</t>
  </si>
  <si>
    <t>cg07153868</t>
  </si>
  <si>
    <t>cg07156006</t>
  </si>
  <si>
    <t>cg07167308</t>
  </si>
  <si>
    <t>cg07168181</t>
  </si>
  <si>
    <t>cg07169826</t>
  </si>
  <si>
    <t>cg07171492</t>
  </si>
  <si>
    <t>cg07174085</t>
  </si>
  <si>
    <t>cg07176561</t>
  </si>
  <si>
    <t>cg07183450</t>
  </si>
  <si>
    <t>cg07183721</t>
  </si>
  <si>
    <t>cg07184013</t>
  </si>
  <si>
    <t>cg07184142</t>
  </si>
  <si>
    <t>cg07184228</t>
  </si>
  <si>
    <t>cg07186585</t>
  </si>
  <si>
    <t>cg07188513</t>
  </si>
  <si>
    <t>cg07194495</t>
  </si>
  <si>
    <t>cg07202610</t>
  </si>
  <si>
    <t>cg07209634</t>
  </si>
  <si>
    <t>cg07212384</t>
  </si>
  <si>
    <t>cg07213202</t>
  </si>
  <si>
    <t>cg07217691</t>
  </si>
  <si>
    <t>cg07217824</t>
  </si>
  <si>
    <t>cg07219227</t>
  </si>
  <si>
    <t>cg07222058</t>
  </si>
  <si>
    <t>cg07222181</t>
  </si>
  <si>
    <t>cg07222943</t>
  </si>
  <si>
    <t>cg07227301</t>
  </si>
  <si>
    <t>cg07230486</t>
  </si>
  <si>
    <t>cg07232612</t>
  </si>
  <si>
    <t>cg07234639</t>
  </si>
  <si>
    <t>cg07236062</t>
  </si>
  <si>
    <t>cg07236342</t>
  </si>
  <si>
    <t>cg07237996</t>
  </si>
  <si>
    <t>cg07239592</t>
  </si>
  <si>
    <t>cg07242429</t>
  </si>
  <si>
    <t>cg07243147</t>
  </si>
  <si>
    <t>cg07243405</t>
  </si>
  <si>
    <t>cg07243617</t>
  </si>
  <si>
    <t>cg07267845</t>
  </si>
  <si>
    <t>cg07268571</t>
  </si>
  <si>
    <t>cg07270153</t>
  </si>
  <si>
    <t>cg07280105</t>
  </si>
  <si>
    <t>cg07281318</t>
  </si>
  <si>
    <t>cg07284879</t>
  </si>
  <si>
    <t>cg07286413</t>
  </si>
  <si>
    <t>cg07292375</t>
  </si>
  <si>
    <t>cg07293320</t>
  </si>
  <si>
    <t>cg07300360</t>
  </si>
  <si>
    <t>cg07300466</t>
  </si>
  <si>
    <t>cg07303308</t>
  </si>
  <si>
    <t>cg07303435</t>
  </si>
  <si>
    <t>cg07305574</t>
  </si>
  <si>
    <t>cg07309820</t>
  </si>
  <si>
    <t>cg07312641</t>
  </si>
  <si>
    <t>cg07313064</t>
  </si>
  <si>
    <t>cg07314530</t>
  </si>
  <si>
    <t>cg07316961</t>
  </si>
  <si>
    <t>cg07317062</t>
  </si>
  <si>
    <t>cg07326071</t>
  </si>
  <si>
    <t>cg07327970</t>
  </si>
  <si>
    <t>cg07332178</t>
  </si>
  <si>
    <t>cg07335156</t>
  </si>
  <si>
    <t>cg07338983</t>
  </si>
  <si>
    <t>cg07339229</t>
  </si>
  <si>
    <t>cg07339662</t>
  </si>
  <si>
    <t>cg07340499</t>
  </si>
  <si>
    <t>cg07341813</t>
  </si>
  <si>
    <t>cg07352967</t>
  </si>
  <si>
    <t>cg07355590</t>
  </si>
  <si>
    <t>cg07375256</t>
  </si>
  <si>
    <t>cg07376561</t>
  </si>
  <si>
    <t>cg07379434</t>
  </si>
  <si>
    <t>cg07382687</t>
  </si>
  <si>
    <t>cg07392702</t>
  </si>
  <si>
    <t>cg07392724</t>
  </si>
  <si>
    <t>cg07393369</t>
  </si>
  <si>
    <t>cg07397877</t>
  </si>
  <si>
    <t>cg07399960</t>
  </si>
  <si>
    <t>cg07404418</t>
  </si>
  <si>
    <t>cg07424889</t>
  </si>
  <si>
    <t>cg07425474</t>
  </si>
  <si>
    <t>cg07426931</t>
  </si>
  <si>
    <t>cg07428697</t>
  </si>
  <si>
    <t>cg07429146</t>
  </si>
  <si>
    <t>cg07430978</t>
  </si>
  <si>
    <t>cg07433453</t>
  </si>
  <si>
    <t>cg07437464</t>
  </si>
  <si>
    <t>cg07439880</t>
  </si>
  <si>
    <t>cg07440376</t>
  </si>
  <si>
    <t>cg07446753</t>
  </si>
  <si>
    <t>cg07447999</t>
  </si>
  <si>
    <t>cg07448812</t>
  </si>
  <si>
    <t>cg07448840</t>
  </si>
  <si>
    <t>cg07450037</t>
  </si>
  <si>
    <t>cg07461273</t>
  </si>
  <si>
    <t>cg07462112</t>
  </si>
  <si>
    <t>cg07464358</t>
  </si>
  <si>
    <t>cg07469637</t>
  </si>
  <si>
    <t>cg07475247</t>
  </si>
  <si>
    <t>cg07480854</t>
  </si>
  <si>
    <t>cg07481169</t>
  </si>
  <si>
    <t>cg07483304</t>
  </si>
  <si>
    <t>cg07488141</t>
  </si>
  <si>
    <t>cg07491199</t>
  </si>
  <si>
    <t>cg07496173</t>
  </si>
  <si>
    <t>cg07499032</t>
  </si>
  <si>
    <t>cg07511721</t>
  </si>
  <si>
    <t>cg07512361</t>
  </si>
  <si>
    <t>cg07513622</t>
  </si>
  <si>
    <t>cg07514654</t>
  </si>
  <si>
    <t>cg07529930</t>
  </si>
  <si>
    <t>cg07531228</t>
  </si>
  <si>
    <t>cg07536600</t>
  </si>
  <si>
    <t>cg07537392</t>
  </si>
  <si>
    <t>cg07537562</t>
  </si>
  <si>
    <t>cg07538944</t>
  </si>
  <si>
    <t>cg07541786</t>
  </si>
  <si>
    <t>cg07544875</t>
  </si>
  <si>
    <t>cg07550684</t>
  </si>
  <si>
    <t>cg07554986</t>
  </si>
  <si>
    <t>cg07556911</t>
  </si>
  <si>
    <t>cg07560681</t>
  </si>
  <si>
    <t>cg07561400</t>
  </si>
  <si>
    <t>cg07562382</t>
  </si>
  <si>
    <t>cg07568296</t>
  </si>
  <si>
    <t>cg07571451</t>
  </si>
  <si>
    <t>cg07571951</t>
  </si>
  <si>
    <t>cg07574654</t>
  </si>
  <si>
    <t>cg07577263</t>
  </si>
  <si>
    <t>cg07577900</t>
  </si>
  <si>
    <t>cg07586911</t>
  </si>
  <si>
    <t>cg07588113</t>
  </si>
  <si>
    <t>cg07590004</t>
  </si>
  <si>
    <t>cg07590705</t>
  </si>
  <si>
    <t>cg07590961</t>
  </si>
  <si>
    <t>cg07594833</t>
  </si>
  <si>
    <t>cg07596529</t>
  </si>
  <si>
    <t>cg07598034</t>
  </si>
  <si>
    <t>cg07602744</t>
  </si>
  <si>
    <t>cg07607008</t>
  </si>
  <si>
    <t>cg07609372</t>
  </si>
  <si>
    <t>cg07610468</t>
  </si>
  <si>
    <t>cg07612045</t>
  </si>
  <si>
    <t>cg07617283</t>
  </si>
  <si>
    <t>cg07619656</t>
  </si>
  <si>
    <t>cg07621224</t>
  </si>
  <si>
    <t>cg07624226</t>
  </si>
  <si>
    <t>cg07626700</t>
  </si>
  <si>
    <t>cg07628717</t>
  </si>
  <si>
    <t>cg07631383</t>
  </si>
  <si>
    <t>cg07638450</t>
  </si>
  <si>
    <t>cg07640820</t>
  </si>
  <si>
    <t>cg07642754</t>
  </si>
  <si>
    <t>cg07648933</t>
  </si>
  <si>
    <t>cg07651914</t>
  </si>
  <si>
    <t>cg07658503</t>
  </si>
  <si>
    <t>cg07659054</t>
  </si>
  <si>
    <t>cg07664198</t>
  </si>
  <si>
    <t>cg07666532</t>
  </si>
  <si>
    <t>cg07673020</t>
  </si>
  <si>
    <t>cg07673838</t>
  </si>
  <si>
    <t>cg07675811</t>
  </si>
  <si>
    <t>cg07683330</t>
  </si>
  <si>
    <t>cg07683820</t>
  </si>
  <si>
    <t>cg07685145</t>
  </si>
  <si>
    <t>cg07686035</t>
  </si>
  <si>
    <t>cg07689260</t>
  </si>
  <si>
    <t>cg07689396</t>
  </si>
  <si>
    <t>cg07696757</t>
  </si>
  <si>
    <t>cg07698196</t>
  </si>
  <si>
    <t>cg07703358</t>
  </si>
  <si>
    <t>cg07704585</t>
  </si>
  <si>
    <t>cg07707875</t>
  </si>
  <si>
    <t>cg07711927</t>
  </si>
  <si>
    <t>cg07713331</t>
  </si>
  <si>
    <t>cg07716927</t>
  </si>
  <si>
    <t>cg07719679</t>
  </si>
  <si>
    <t>cg07728479</t>
  </si>
  <si>
    <t>cg07736025</t>
  </si>
  <si>
    <t>cg07736705</t>
  </si>
  <si>
    <t>cg07737644</t>
  </si>
  <si>
    <t>cg07737781</t>
  </si>
  <si>
    <t>cg07740640</t>
  </si>
  <si>
    <t>cg07747791</t>
  </si>
  <si>
    <t>cg07753583</t>
  </si>
  <si>
    <t>cg07757861</t>
  </si>
  <si>
    <t>cg07762347</t>
  </si>
  <si>
    <t>cg07763398</t>
  </si>
  <si>
    <t>cg07765161</t>
  </si>
  <si>
    <t>cg07769074</t>
  </si>
  <si>
    <t>cg07783094</t>
  </si>
  <si>
    <t>cg07788348</t>
  </si>
  <si>
    <t>cg07798380</t>
  </si>
  <si>
    <t>cg07800359</t>
  </si>
  <si>
    <t>cg07806771</t>
  </si>
  <si>
    <t>cg07807757</t>
  </si>
  <si>
    <t>cg07809470</t>
  </si>
  <si>
    <t>cg07811198</t>
  </si>
  <si>
    <t>cg07811634</t>
  </si>
  <si>
    <t>cg07814886</t>
  </si>
  <si>
    <t>cg07815491</t>
  </si>
  <si>
    <t>cg07824710</t>
  </si>
  <si>
    <t>cg07825955</t>
  </si>
  <si>
    <t>cg07826246</t>
  </si>
  <si>
    <t>cg07830254</t>
  </si>
  <si>
    <t>cg07834321</t>
  </si>
  <si>
    <t>cg07839371</t>
  </si>
  <si>
    <t>cg07840136</t>
  </si>
  <si>
    <t>cg07840538</t>
  </si>
  <si>
    <t>cg07841866</t>
  </si>
  <si>
    <t>cg07847101</t>
  </si>
  <si>
    <t>cg07858613</t>
  </si>
  <si>
    <t>cg07858745</t>
  </si>
  <si>
    <t>cg07870039</t>
  </si>
  <si>
    <t>cg07870879</t>
  </si>
  <si>
    <t>cg07873779</t>
  </si>
  <si>
    <t>cg07874329</t>
  </si>
  <si>
    <t>cg07874353</t>
  </si>
  <si>
    <t>cg07875818</t>
  </si>
  <si>
    <t>cg07876788</t>
  </si>
  <si>
    <t>cg07876897</t>
  </si>
  <si>
    <t>cg07879612</t>
  </si>
  <si>
    <t>cg07880104</t>
  </si>
  <si>
    <t>cg07880727</t>
  </si>
  <si>
    <t>cg07883117</t>
  </si>
  <si>
    <t>cg07885629</t>
  </si>
  <si>
    <t>cg07893709</t>
  </si>
  <si>
    <t>cg07897701</t>
  </si>
  <si>
    <t>cg07899076</t>
  </si>
  <si>
    <t>cg07900786</t>
  </si>
  <si>
    <t>cg07906299</t>
  </si>
  <si>
    <t>cg07908755</t>
  </si>
  <si>
    <t>cg07909897</t>
  </si>
  <si>
    <t>cg07910560</t>
  </si>
  <si>
    <t>cg07910986</t>
  </si>
  <si>
    <t>cg07913999</t>
  </si>
  <si>
    <t>cg07915634</t>
  </si>
  <si>
    <t>cg07917528</t>
  </si>
  <si>
    <t>cg07918174</t>
  </si>
  <si>
    <t>cg07920930</t>
  </si>
  <si>
    <t>cg07921503</t>
  </si>
  <si>
    <t>cg07925415</t>
  </si>
  <si>
    <t>cg07926178</t>
  </si>
  <si>
    <t>cg07926598</t>
  </si>
  <si>
    <t>cg07926758</t>
  </si>
  <si>
    <t>cg07927098</t>
  </si>
  <si>
    <t>cg07936470</t>
  </si>
  <si>
    <t>cg07944445</t>
  </si>
  <si>
    <t>cg07951749</t>
  </si>
  <si>
    <t>cg07953670</t>
  </si>
  <si>
    <t>cg07956434</t>
  </si>
  <si>
    <t>cg07956751</t>
  </si>
  <si>
    <t>cg07958575</t>
  </si>
  <si>
    <t>cg07963033</t>
  </si>
  <si>
    <t>cg07964538</t>
  </si>
  <si>
    <t>cg07966572</t>
  </si>
  <si>
    <t>cg07972632</t>
  </si>
  <si>
    <t>cg07977927</t>
  </si>
  <si>
    <t>cg07979652</t>
  </si>
  <si>
    <t>cg07981013</t>
  </si>
  <si>
    <t>cg07981044</t>
  </si>
  <si>
    <t>cg07985720</t>
  </si>
  <si>
    <t>cg07986525</t>
  </si>
  <si>
    <t>cg07992143</t>
  </si>
  <si>
    <t>cg07992659</t>
  </si>
  <si>
    <t>cg07993367</t>
  </si>
  <si>
    <t>cg07993586</t>
  </si>
  <si>
    <t>cg07998387</t>
  </si>
  <si>
    <t>cg07998951</t>
  </si>
  <si>
    <t>cg07999732</t>
  </si>
  <si>
    <t>cg08010362</t>
  </si>
  <si>
    <t>cg08011768</t>
  </si>
  <si>
    <t>cg08013206</t>
  </si>
  <si>
    <t>cg08016257</t>
  </si>
  <si>
    <t>cg08017849</t>
  </si>
  <si>
    <t>cg08018188</t>
  </si>
  <si>
    <t>cg08019384</t>
  </si>
  <si>
    <t>cg08024409</t>
  </si>
  <si>
    <t>cg08024548</t>
  </si>
  <si>
    <t>cg08027265</t>
  </si>
  <si>
    <t>cg08028651</t>
  </si>
  <si>
    <t>cg08038074</t>
  </si>
  <si>
    <t>cg08038224</t>
  </si>
  <si>
    <t>cg08039580</t>
  </si>
  <si>
    <t>cg08044454</t>
  </si>
  <si>
    <t>cg08045192</t>
  </si>
  <si>
    <t>cg08052546</t>
  </si>
  <si>
    <t>cg08060270</t>
  </si>
  <si>
    <t>cg08061797</t>
  </si>
  <si>
    <t>cg08064720</t>
  </si>
  <si>
    <t>cg08066497</t>
  </si>
  <si>
    <t>cg08066707</t>
  </si>
  <si>
    <t>cg08069383</t>
  </si>
  <si>
    <t>cg08073971</t>
  </si>
  <si>
    <t>cg08075469</t>
  </si>
  <si>
    <t>cg08077673</t>
  </si>
  <si>
    <t>cg08082507</t>
  </si>
  <si>
    <t>cg08097086</t>
  </si>
  <si>
    <t>cg08097290</t>
  </si>
  <si>
    <t>cg08097417</t>
  </si>
  <si>
    <t>cg08097755</t>
  </si>
  <si>
    <t>cg08099381</t>
  </si>
  <si>
    <t>cg08100944</t>
  </si>
  <si>
    <t>cg08101966</t>
  </si>
  <si>
    <t>cg08105294</t>
  </si>
  <si>
    <t>cg08105781</t>
  </si>
  <si>
    <t>cg08106847</t>
  </si>
  <si>
    <t>cg08113657</t>
  </si>
  <si>
    <t>cg08113851</t>
  </si>
  <si>
    <t>cg08114410</t>
  </si>
  <si>
    <t>cg08114476</t>
  </si>
  <si>
    <t>cg08115183</t>
  </si>
  <si>
    <t>cg08115430</t>
  </si>
  <si>
    <t>cg08116711</t>
  </si>
  <si>
    <t>cg08120190</t>
  </si>
  <si>
    <t>cg08121514</t>
  </si>
  <si>
    <t>cg08125726</t>
  </si>
  <si>
    <t>cg08131100</t>
  </si>
  <si>
    <t>cg08131811</t>
  </si>
  <si>
    <t>cg08132858</t>
  </si>
  <si>
    <t>cg08137035</t>
  </si>
  <si>
    <t>cg08137085</t>
  </si>
  <si>
    <t>cg08151051</t>
  </si>
  <si>
    <t>cg08151514</t>
  </si>
  <si>
    <t>cg08151809</t>
  </si>
  <si>
    <t>cg08157914</t>
  </si>
  <si>
    <t>cg08158805</t>
  </si>
  <si>
    <t>cg08167706</t>
  </si>
  <si>
    <t>cg08169830</t>
  </si>
  <si>
    <t>cg08182072</t>
  </si>
  <si>
    <t>cg08188073</t>
  </si>
  <si>
    <t>cg08192872</t>
  </si>
  <si>
    <t>cg08200252</t>
  </si>
  <si>
    <t>cg08203788</t>
  </si>
  <si>
    <t>cg08204939</t>
  </si>
  <si>
    <t>cg08205736</t>
  </si>
  <si>
    <t>cg08207871</t>
  </si>
  <si>
    <t>cg08208812</t>
  </si>
  <si>
    <t>cg08210001</t>
  </si>
  <si>
    <t>cg08210507</t>
  </si>
  <si>
    <t>cg08212266</t>
  </si>
  <si>
    <t>cg08214518</t>
  </si>
  <si>
    <t>cg08221741</t>
  </si>
  <si>
    <t>cg08222662</t>
  </si>
  <si>
    <t>cg08229183</t>
  </si>
  <si>
    <t>cg08229366</t>
  </si>
  <si>
    <t>cg08236022</t>
  </si>
  <si>
    <t>cg08240539</t>
  </si>
  <si>
    <t>cg08241295</t>
  </si>
  <si>
    <t>cg08241694</t>
  </si>
  <si>
    <t>cg08241778</t>
  </si>
  <si>
    <t>cg08242475</t>
  </si>
  <si>
    <t>cg08242859</t>
  </si>
  <si>
    <t>cg08245147</t>
  </si>
  <si>
    <t>cg08245274</t>
  </si>
  <si>
    <t>cg08248641</t>
  </si>
  <si>
    <t>cg08250273</t>
  </si>
  <si>
    <t>cg08250918</t>
  </si>
  <si>
    <t>cg08251037</t>
  </si>
  <si>
    <t>cg08251202</t>
  </si>
  <si>
    <t>cg08261094</t>
  </si>
  <si>
    <t>cg08265282</t>
  </si>
  <si>
    <t>cg08285587</t>
  </si>
  <si>
    <t>cg08288694</t>
  </si>
  <si>
    <t>cg08291000</t>
  </si>
  <si>
    <t>cg08296499</t>
  </si>
  <si>
    <t>cg08296730</t>
  </si>
  <si>
    <t>cg08302003</t>
  </si>
  <si>
    <t>cg08306614</t>
  </si>
  <si>
    <t>cg08309183</t>
  </si>
  <si>
    <t>cg08309529</t>
  </si>
  <si>
    <t>cg08310216</t>
  </si>
  <si>
    <t>cg08323651</t>
  </si>
  <si>
    <t>cg08337633</t>
  </si>
  <si>
    <t>cg08339915</t>
  </si>
  <si>
    <t>cg08351019</t>
  </si>
  <si>
    <t>cg08351687</t>
  </si>
  <si>
    <t>cg08352439</t>
  </si>
  <si>
    <t>cg08352530</t>
  </si>
  <si>
    <t>cg08355583</t>
  </si>
  <si>
    <t>cg08362210</t>
  </si>
  <si>
    <t>cg08363345</t>
  </si>
  <si>
    <t>cg08369061</t>
  </si>
  <si>
    <t>cg08373403</t>
  </si>
  <si>
    <t>cg08376924</t>
  </si>
  <si>
    <t>cg08396193</t>
  </si>
  <si>
    <t>cg08401143</t>
  </si>
  <si>
    <t>cg08401916</t>
  </si>
  <si>
    <t>cg08403869</t>
  </si>
  <si>
    <t>cg08410613</t>
  </si>
  <si>
    <t>cg08414888</t>
  </si>
  <si>
    <t>cg08415172</t>
  </si>
  <si>
    <t>cg08418747</t>
  </si>
  <si>
    <t>cg08423149</t>
  </si>
  <si>
    <t>cg08423378</t>
  </si>
  <si>
    <t>cg08425070</t>
  </si>
  <si>
    <t>cg08430395</t>
  </si>
  <si>
    <t>cg08431749</t>
  </si>
  <si>
    <t>cg08440125</t>
  </si>
  <si>
    <t>cg08441248</t>
  </si>
  <si>
    <t>cg08441931</t>
  </si>
  <si>
    <t>cg08445694</t>
  </si>
  <si>
    <t>cg08450080</t>
  </si>
  <si>
    <t>cg08450122</t>
  </si>
  <si>
    <t>cg08450280</t>
  </si>
  <si>
    <t>cg08452870</t>
  </si>
  <si>
    <t>cg08453021</t>
  </si>
  <si>
    <t>cg08455073</t>
  </si>
  <si>
    <t>cg08456597</t>
  </si>
  <si>
    <t>cg08460153</t>
  </si>
  <si>
    <t>cg08462118</t>
  </si>
  <si>
    <t>cg08465311</t>
  </si>
  <si>
    <t>cg08468251</t>
  </si>
  <si>
    <t>cg08470764</t>
  </si>
  <si>
    <t>cg08472276</t>
  </si>
  <si>
    <t>cg08472583</t>
  </si>
  <si>
    <t>cg08476364</t>
  </si>
  <si>
    <t>cg08477485</t>
  </si>
  <si>
    <t>cg08479516</t>
  </si>
  <si>
    <t>cg08479571</t>
  </si>
  <si>
    <t>cg08479590</t>
  </si>
  <si>
    <t>cg08482436</t>
  </si>
  <si>
    <t>cg08483376</t>
  </si>
  <si>
    <t>cg08487374</t>
  </si>
  <si>
    <t>cg08487696</t>
  </si>
  <si>
    <t>cg08490529</t>
  </si>
  <si>
    <t>cg08495088</t>
  </si>
  <si>
    <t>cg08495106</t>
  </si>
  <si>
    <t>cg08512847</t>
  </si>
  <si>
    <t>cg08515646</t>
  </si>
  <si>
    <t>cg08524128</t>
  </si>
  <si>
    <t>cg08525429</t>
  </si>
  <si>
    <t>cg08526637</t>
  </si>
  <si>
    <t>cg08527618</t>
  </si>
  <si>
    <t>cg08528417</t>
  </si>
  <si>
    <t>cg08528826</t>
  </si>
  <si>
    <t>cg08530205</t>
  </si>
  <si>
    <t>cg08541297</t>
  </si>
  <si>
    <t>cg08541649</t>
  </si>
  <si>
    <t>cg08549390</t>
  </si>
  <si>
    <t>cg08549573</t>
  </si>
  <si>
    <t>cg08550101</t>
  </si>
  <si>
    <t>cg08551333</t>
  </si>
  <si>
    <t>cg08553477</t>
  </si>
  <si>
    <t>cg08555098</t>
  </si>
  <si>
    <t>cg08557517</t>
  </si>
  <si>
    <t>cg08558340</t>
  </si>
  <si>
    <t>cg08569046</t>
  </si>
  <si>
    <t>cg08570118</t>
  </si>
  <si>
    <t>cg08571362</t>
  </si>
  <si>
    <t>cg08571764</t>
  </si>
  <si>
    <t>cg08573313</t>
  </si>
  <si>
    <t>cg08576598</t>
  </si>
  <si>
    <t>cg08577260</t>
  </si>
  <si>
    <t>cg08582507</t>
  </si>
  <si>
    <t>cg08582801</t>
  </si>
  <si>
    <t>cg08585782</t>
  </si>
  <si>
    <t>cg08586669</t>
  </si>
  <si>
    <t>cg08586737</t>
  </si>
  <si>
    <t>cg08589270</t>
  </si>
  <si>
    <t>cg08591998</t>
  </si>
  <si>
    <t>cg08593252</t>
  </si>
  <si>
    <t>cg08596028</t>
  </si>
  <si>
    <t>cg08597719</t>
  </si>
  <si>
    <t>cg08598654</t>
  </si>
  <si>
    <t>cg08599229</t>
  </si>
  <si>
    <t>cg08599824</t>
  </si>
  <si>
    <t>cg08599962</t>
  </si>
  <si>
    <t>cg08600218</t>
  </si>
  <si>
    <t>cg08601038</t>
  </si>
  <si>
    <t>cg08602500</t>
  </si>
  <si>
    <t>cg08604987</t>
  </si>
  <si>
    <t>cg08616326</t>
  </si>
  <si>
    <t>cg08616667</t>
  </si>
  <si>
    <t>cg08616943</t>
  </si>
  <si>
    <t>cg08617415</t>
  </si>
  <si>
    <t>cg08619378</t>
  </si>
  <si>
    <t>cg08622757</t>
  </si>
  <si>
    <t>cg08623942</t>
  </si>
  <si>
    <t>cg08625996</t>
  </si>
  <si>
    <t>cg08626653</t>
  </si>
  <si>
    <t>cg08628542</t>
  </si>
  <si>
    <t>cg08628565</t>
  </si>
  <si>
    <t>cg08630624</t>
  </si>
  <si>
    <t>cg08636573</t>
  </si>
  <si>
    <t>cg08637257</t>
  </si>
  <si>
    <t>cg08638184</t>
  </si>
  <si>
    <t>cg08641766</t>
  </si>
  <si>
    <t>cg08644381</t>
  </si>
  <si>
    <t>cg08647730</t>
  </si>
  <si>
    <t>cg08650894</t>
  </si>
  <si>
    <t>cg08652404</t>
  </si>
  <si>
    <t>cg08655844</t>
  </si>
  <si>
    <t>cg08656837</t>
  </si>
  <si>
    <t>cg08657492</t>
  </si>
  <si>
    <t>cg08673909</t>
  </si>
  <si>
    <t>cg08676242</t>
  </si>
  <si>
    <t>cg08676249</t>
  </si>
  <si>
    <t>cg08684565</t>
  </si>
  <si>
    <t>cg08685077</t>
  </si>
  <si>
    <t>cg08686995</t>
  </si>
  <si>
    <t>cg08687494</t>
  </si>
  <si>
    <t>cg08687948</t>
  </si>
  <si>
    <t>cg08691328</t>
  </si>
  <si>
    <t>cg08692828</t>
  </si>
  <si>
    <t>cg08695830</t>
  </si>
  <si>
    <t>cg08698854</t>
  </si>
  <si>
    <t>cg08701675</t>
  </si>
  <si>
    <t>cg08705895</t>
  </si>
  <si>
    <t>cg08709333</t>
  </si>
  <si>
    <t>cg08710861</t>
  </si>
  <si>
    <t>cg08711067</t>
  </si>
  <si>
    <t>cg08712631</t>
  </si>
  <si>
    <t>cg08713098</t>
  </si>
  <si>
    <t>cg08721187</t>
  </si>
  <si>
    <t>cg08722383</t>
  </si>
  <si>
    <t>cg08722883</t>
  </si>
  <si>
    <t>cg08723357</t>
  </si>
  <si>
    <t>cg08726195</t>
  </si>
  <si>
    <t>cg08732047</t>
  </si>
  <si>
    <t>cg08733250</t>
  </si>
  <si>
    <t>cg08734988</t>
  </si>
  <si>
    <t>cg08735141</t>
  </si>
  <si>
    <t>cg08739576</t>
  </si>
  <si>
    <t>cg08744726</t>
  </si>
  <si>
    <t>cg08745288</t>
  </si>
  <si>
    <t>cg08746290</t>
  </si>
  <si>
    <t>cg08751734</t>
  </si>
  <si>
    <t>cg08751950</t>
  </si>
  <si>
    <t>cg08751971</t>
  </si>
  <si>
    <t>cg08753468</t>
  </si>
  <si>
    <t>cg08753560</t>
  </si>
  <si>
    <t>cg08755972</t>
  </si>
  <si>
    <t>cg08757864</t>
  </si>
  <si>
    <t>cg08759689</t>
  </si>
  <si>
    <t>cg08765199</t>
  </si>
  <si>
    <t>cg08767710</t>
  </si>
  <si>
    <t>cg08782122</t>
  </si>
  <si>
    <t>cg08786829</t>
  </si>
  <si>
    <t>cg08791395</t>
  </si>
  <si>
    <t>cg08797483</t>
  </si>
  <si>
    <t>cg08797598</t>
  </si>
  <si>
    <t>cg08798148</t>
  </si>
  <si>
    <t>cg08798295</t>
  </si>
  <si>
    <t>cg08799766</t>
  </si>
  <si>
    <t>cg08799816</t>
  </si>
  <si>
    <t>cg08812796</t>
  </si>
  <si>
    <t>cg08814405</t>
  </si>
  <si>
    <t>cg08815583</t>
  </si>
  <si>
    <t>cg08816455</t>
  </si>
  <si>
    <t>cg08816858</t>
  </si>
  <si>
    <t>cg08818377</t>
  </si>
  <si>
    <t>cg08820507</t>
  </si>
  <si>
    <t>cg08825837</t>
  </si>
  <si>
    <t>cg08830565</t>
  </si>
  <si>
    <t>cg08831744</t>
  </si>
  <si>
    <t>cg08835464</t>
  </si>
  <si>
    <t>cg08835688</t>
  </si>
  <si>
    <t>cg08848172</t>
  </si>
  <si>
    <t>cg08849294</t>
  </si>
  <si>
    <t>cg08850675</t>
  </si>
  <si>
    <t>cg08852660</t>
  </si>
  <si>
    <t>cg08859159</t>
  </si>
  <si>
    <t>cg08861569</t>
  </si>
  <si>
    <t>cg08871917</t>
  </si>
  <si>
    <t>cg08882084</t>
  </si>
  <si>
    <t>cg08882216</t>
  </si>
  <si>
    <t>cg08886154</t>
  </si>
  <si>
    <t>cg08889336</t>
  </si>
  <si>
    <t>cg08897480</t>
  </si>
  <si>
    <t>cg08900901</t>
  </si>
  <si>
    <t>cg08901089</t>
  </si>
  <si>
    <t>cg08904151</t>
  </si>
  <si>
    <t>cg08904445</t>
  </si>
  <si>
    <t>cg08908148</t>
  </si>
  <si>
    <t>cg08909076</t>
  </si>
  <si>
    <t>cg08911543</t>
  </si>
  <si>
    <t>cg08912238</t>
  </si>
  <si>
    <t>cg08912317</t>
  </si>
  <si>
    <t>cg08914875</t>
  </si>
  <si>
    <t>cg08922068</t>
  </si>
  <si>
    <t>cg08922109</t>
  </si>
  <si>
    <t>cg08927016</t>
  </si>
  <si>
    <t>cg08930897</t>
  </si>
  <si>
    <t>cg08933276</t>
  </si>
  <si>
    <t>cg08937407</t>
  </si>
  <si>
    <t>cg08937774</t>
  </si>
  <si>
    <t>cg08938669</t>
  </si>
  <si>
    <t>cg08938793</t>
  </si>
  <si>
    <t>cg08947062</t>
  </si>
  <si>
    <t>cg08950287</t>
  </si>
  <si>
    <t>cg08950873</t>
  </si>
  <si>
    <t>cg08951403</t>
  </si>
  <si>
    <t>cg08952306</t>
  </si>
  <si>
    <t>cg08954025</t>
  </si>
  <si>
    <t>cg08955669</t>
  </si>
  <si>
    <t>cg08960815</t>
  </si>
  <si>
    <t>cg08964643</t>
  </si>
  <si>
    <t>cg08965367</t>
  </si>
  <si>
    <t>cg08971667</t>
  </si>
  <si>
    <t>cg08981421</t>
  </si>
  <si>
    <t>cg08981669</t>
  </si>
  <si>
    <t>cg08985282</t>
  </si>
  <si>
    <t>cg08986871</t>
  </si>
  <si>
    <t>cg08990162</t>
  </si>
  <si>
    <t>cg08992818</t>
  </si>
  <si>
    <t>cg08993922</t>
  </si>
  <si>
    <t>cg09003373</t>
  </si>
  <si>
    <t>cg09004351</t>
  </si>
  <si>
    <t>cg09005159</t>
  </si>
  <si>
    <t>cg09008103</t>
  </si>
  <si>
    <t>cg09009070</t>
  </si>
  <si>
    <t>cg09016797</t>
  </si>
  <si>
    <t>cg09021643</t>
  </si>
  <si>
    <t>cg09022230</t>
  </si>
  <si>
    <t>cg09039335</t>
  </si>
  <si>
    <t>cg09041644</t>
  </si>
  <si>
    <t>cg09042009</t>
  </si>
  <si>
    <t>cg09042411</t>
  </si>
  <si>
    <t>cg09052966</t>
  </si>
  <si>
    <t>cg09055236</t>
  </si>
  <si>
    <t>cg09066361</t>
  </si>
  <si>
    <t>cg09069412</t>
  </si>
  <si>
    <t>cg09071155</t>
  </si>
  <si>
    <t>cg09075743</t>
  </si>
  <si>
    <t>cg09076650</t>
  </si>
  <si>
    <t>cg09077096</t>
  </si>
  <si>
    <t>cg09078517</t>
  </si>
  <si>
    <t>cg09079909</t>
  </si>
  <si>
    <t>cg09082192</t>
  </si>
  <si>
    <t>cg09085524</t>
  </si>
  <si>
    <t>cg09089118</t>
  </si>
  <si>
    <t>cg09089451</t>
  </si>
  <si>
    <t>cg09093137</t>
  </si>
  <si>
    <t>cg09099257</t>
  </si>
  <si>
    <t>cg09105881</t>
  </si>
  <si>
    <t>cg09117442</t>
  </si>
  <si>
    <t>cg09117643</t>
  </si>
  <si>
    <t>cg09117673</t>
  </si>
  <si>
    <t>cg09123693</t>
  </si>
  <si>
    <t>cg09125924</t>
  </si>
  <si>
    <t>cg09126741</t>
  </si>
  <si>
    <t>cg09127540</t>
  </si>
  <si>
    <t>cg09130676</t>
  </si>
  <si>
    <t>cg09135065</t>
  </si>
  <si>
    <t>cg09137301</t>
  </si>
  <si>
    <t>cg09138780</t>
  </si>
  <si>
    <t>cg09139144</t>
  </si>
  <si>
    <t>cg09142942</t>
  </si>
  <si>
    <t>cg09144964</t>
  </si>
  <si>
    <t>cg09147920</t>
  </si>
  <si>
    <t>cg09159223</t>
  </si>
  <si>
    <t>cg09162916</t>
  </si>
  <si>
    <t>cg09163442</t>
  </si>
  <si>
    <t>cg09163801</t>
  </si>
  <si>
    <t>cg09164211</t>
  </si>
  <si>
    <t>cg09176727</t>
  </si>
  <si>
    <t>cg09177427</t>
  </si>
  <si>
    <t>cg09179397</t>
  </si>
  <si>
    <t>cg09179585</t>
  </si>
  <si>
    <t>cg09187163</t>
  </si>
  <si>
    <t>cg09187338</t>
  </si>
  <si>
    <t>cg09187695</t>
  </si>
  <si>
    <t>cg09188099</t>
  </si>
  <si>
    <t>cg09189890</t>
  </si>
  <si>
    <t>cg09192410</t>
  </si>
  <si>
    <t>cg09193751</t>
  </si>
  <si>
    <t>cg09194322</t>
  </si>
  <si>
    <t>cg09194449</t>
  </si>
  <si>
    <t>cg09198031</t>
  </si>
  <si>
    <t>cg09198448</t>
  </si>
  <si>
    <t>cg09205595</t>
  </si>
  <si>
    <t>cg09214099</t>
  </si>
  <si>
    <t>cg09217599</t>
  </si>
  <si>
    <t>cg09220027</t>
  </si>
  <si>
    <t>cg09223513</t>
  </si>
  <si>
    <t>cg09223851</t>
  </si>
  <si>
    <t>cg09226185</t>
  </si>
  <si>
    <t>cg09227144</t>
  </si>
  <si>
    <t>cg09230014</t>
  </si>
  <si>
    <t>cg09234336</t>
  </si>
  <si>
    <t>cg09235185</t>
  </si>
  <si>
    <t>cg09236152</t>
  </si>
  <si>
    <t>cg09236284</t>
  </si>
  <si>
    <t>cg09238235</t>
  </si>
  <si>
    <t>cg09243021</t>
  </si>
  <si>
    <t>cg09243037</t>
  </si>
  <si>
    <t>cg09244071</t>
  </si>
  <si>
    <t>cg09244707</t>
  </si>
  <si>
    <t>cg09246253</t>
  </si>
  <si>
    <t>cg09250959</t>
  </si>
  <si>
    <t>cg09261403</t>
  </si>
  <si>
    <t>cg09265563</t>
  </si>
  <si>
    <t>cg09268453</t>
  </si>
  <si>
    <t>cg09268861</t>
  </si>
  <si>
    <t>cg09270031</t>
  </si>
  <si>
    <t>cg09282258</t>
  </si>
  <si>
    <t>cg09283043</t>
  </si>
  <si>
    <t>cg09284106</t>
  </si>
  <si>
    <t>cg09284397</t>
  </si>
  <si>
    <t>cg09284719</t>
  </si>
  <si>
    <t>cg09286421</t>
  </si>
  <si>
    <t>cg09288089</t>
  </si>
  <si>
    <t>cg09289712</t>
  </si>
  <si>
    <t>cg09293560</t>
  </si>
  <si>
    <t>cg09293603</t>
  </si>
  <si>
    <t>cg09294246</t>
  </si>
  <si>
    <t>cg09303330</t>
  </si>
  <si>
    <t>cg09304968</t>
  </si>
  <si>
    <t>cg09305948</t>
  </si>
  <si>
    <t>cg09306022</t>
  </si>
  <si>
    <t>cg09312781</t>
  </si>
  <si>
    <t>cg09313734</t>
  </si>
  <si>
    <t>cg09314135</t>
  </si>
  <si>
    <t>cg09314155</t>
  </si>
  <si>
    <t>cg09315696</t>
  </si>
  <si>
    <t>cg09316347</t>
  </si>
  <si>
    <t>cg09319733</t>
  </si>
  <si>
    <t>cg09320703</t>
  </si>
  <si>
    <t>cg09322278</t>
  </si>
  <si>
    <t>cg09323806</t>
  </si>
  <si>
    <t>cg09326843</t>
  </si>
  <si>
    <t>cg09327602</t>
  </si>
  <si>
    <t>cg09327745</t>
  </si>
  <si>
    <t>cg09330923</t>
  </si>
  <si>
    <t>cg09333221</t>
  </si>
  <si>
    <t>cg09333471</t>
  </si>
  <si>
    <t>cg09335715</t>
  </si>
  <si>
    <t>cg09336628</t>
  </si>
  <si>
    <t>cg09340267</t>
  </si>
  <si>
    <t>cg09343421</t>
  </si>
  <si>
    <t>cg09344986</t>
  </si>
  <si>
    <t>cg09346547</t>
  </si>
  <si>
    <t>cg09347578</t>
  </si>
  <si>
    <t>cg09350411</t>
  </si>
  <si>
    <t>cg09357831</t>
  </si>
  <si>
    <t>cg09359834</t>
  </si>
  <si>
    <t>cg09361748</t>
  </si>
  <si>
    <t>cg09363068</t>
  </si>
  <si>
    <t>cg09365094</t>
  </si>
  <si>
    <t>cg09367467</t>
  </si>
  <si>
    <t>cg09375284</t>
  </si>
  <si>
    <t>cg09377301</t>
  </si>
  <si>
    <t>cg09378238</t>
  </si>
  <si>
    <t>cg09378425</t>
  </si>
  <si>
    <t>cg09381294</t>
  </si>
  <si>
    <t>cg09382800</t>
  </si>
  <si>
    <t>cg09386050</t>
  </si>
  <si>
    <t>cg09388414</t>
  </si>
  <si>
    <t>cg09388810</t>
  </si>
  <si>
    <t>cg09395443</t>
  </si>
  <si>
    <t>cg09396895</t>
  </si>
  <si>
    <t>cg09397579</t>
  </si>
  <si>
    <t>cg09403190</t>
  </si>
  <si>
    <t>cg09403494</t>
  </si>
  <si>
    <t>cg09404193</t>
  </si>
  <si>
    <t>cg09404689</t>
  </si>
  <si>
    <t>cg09405612</t>
  </si>
  <si>
    <t>cg09406004</t>
  </si>
  <si>
    <t>cg09407712</t>
  </si>
  <si>
    <t>cg09409821</t>
  </si>
  <si>
    <t>cg09411999</t>
  </si>
  <si>
    <t>cg09413176</t>
  </si>
  <si>
    <t>cg09413492</t>
  </si>
  <si>
    <t>cg09417640</t>
  </si>
  <si>
    <t>cg09420439</t>
  </si>
  <si>
    <t>cg09421126</t>
  </si>
  <si>
    <t>cg09423312</t>
  </si>
  <si>
    <t>cg09426103</t>
  </si>
  <si>
    <t>cg09430932</t>
  </si>
  <si>
    <t>cg09434085</t>
  </si>
  <si>
    <t>cg09434995</t>
  </si>
  <si>
    <t>cg09438466</t>
  </si>
  <si>
    <t>cg09439722</t>
  </si>
  <si>
    <t>cg09445498</t>
  </si>
  <si>
    <t>cg09446220</t>
  </si>
  <si>
    <t>cg09447578</t>
  </si>
  <si>
    <t>cg09448616</t>
  </si>
  <si>
    <t>cg09449988</t>
  </si>
  <si>
    <t>cg09450352</t>
  </si>
  <si>
    <t>cg09451073</t>
  </si>
  <si>
    <t>cg09452483</t>
  </si>
  <si>
    <t>cg09453760</t>
  </si>
  <si>
    <t>cg09458673</t>
  </si>
  <si>
    <t>cg09460563</t>
  </si>
  <si>
    <t>cg09462806</t>
  </si>
  <si>
    <t>cg09470376</t>
  </si>
  <si>
    <t>cg09471122</t>
  </si>
  <si>
    <t>cg09471587</t>
  </si>
  <si>
    <t>cg09486642</t>
  </si>
  <si>
    <t>cg09493063</t>
  </si>
  <si>
    <t>cg09493406</t>
  </si>
  <si>
    <t>cg09495769</t>
  </si>
  <si>
    <t>cg09499965</t>
  </si>
  <si>
    <t>cg09505513</t>
  </si>
  <si>
    <t>cg09507697</t>
  </si>
  <si>
    <t>cg09511119</t>
  </si>
  <si>
    <t>cg09512004</t>
  </si>
  <si>
    <t>cg09512080</t>
  </si>
  <si>
    <t>cg09515778</t>
  </si>
  <si>
    <t>cg09518219</t>
  </si>
  <si>
    <t>cg09521872</t>
  </si>
  <si>
    <t>cg09522706</t>
  </si>
  <si>
    <t>cg09523782</t>
  </si>
  <si>
    <t>cg09526424</t>
  </si>
  <si>
    <t>cg09527886</t>
  </si>
  <si>
    <t>cg09535119</t>
  </si>
  <si>
    <t>cg09537448</t>
  </si>
  <si>
    <t>cg09538129</t>
  </si>
  <si>
    <t>cg09539271</t>
  </si>
  <si>
    <t>cg09539720</t>
  </si>
  <si>
    <t>cg09544568</t>
  </si>
  <si>
    <t>cg09547088</t>
  </si>
  <si>
    <t>cg09549073</t>
  </si>
  <si>
    <t>cg09549170</t>
  </si>
  <si>
    <t>cg09554310</t>
  </si>
  <si>
    <t>cg09554509</t>
  </si>
  <si>
    <t>cg09561138</t>
  </si>
  <si>
    <t>cg09565159</t>
  </si>
  <si>
    <t>cg09569097</t>
  </si>
  <si>
    <t>cg09578113</t>
  </si>
  <si>
    <t>cg09579281</t>
  </si>
  <si>
    <t>cg09594069</t>
  </si>
  <si>
    <t>cg09595020</t>
  </si>
  <si>
    <t>cg09596055</t>
  </si>
  <si>
    <t>cg09598596</t>
  </si>
  <si>
    <t>cg09600715</t>
  </si>
  <si>
    <t>cg09608173</t>
  </si>
  <si>
    <t>cg09609598</t>
  </si>
  <si>
    <t>cg09623024</t>
  </si>
  <si>
    <t>cg09623771</t>
  </si>
  <si>
    <t>cg09635954</t>
  </si>
  <si>
    <t>cg09643313</t>
  </si>
  <si>
    <t>cg09643752</t>
  </si>
  <si>
    <t>cg09644109</t>
  </si>
  <si>
    <t>cg09644332</t>
  </si>
  <si>
    <t>cg09648233</t>
  </si>
  <si>
    <t>cg09650134</t>
  </si>
  <si>
    <t>cg09650495</t>
  </si>
  <si>
    <t>cg09654046</t>
  </si>
  <si>
    <t>cg09667134</t>
  </si>
  <si>
    <t>cg09672200</t>
  </si>
  <si>
    <t>cg09676669</t>
  </si>
  <si>
    <t>cg09677082</t>
  </si>
  <si>
    <t>cg09678829</t>
  </si>
  <si>
    <t>cg09679945</t>
  </si>
  <si>
    <t>cg09692663</t>
  </si>
  <si>
    <t>cg09692822</t>
  </si>
  <si>
    <t>cg09697510</t>
  </si>
  <si>
    <t>cg09702181</t>
  </si>
  <si>
    <t>cg09710771</t>
  </si>
  <si>
    <t>cg09711814</t>
  </si>
  <si>
    <t>cg09712195</t>
  </si>
  <si>
    <t>cg09713515</t>
  </si>
  <si>
    <t>cg09715499</t>
  </si>
  <si>
    <t>cg09723161</t>
  </si>
  <si>
    <t>cg09727277</t>
  </si>
  <si>
    <t>cg09728578</t>
  </si>
  <si>
    <t>cg09739109</t>
  </si>
  <si>
    <t>cg09739907</t>
  </si>
  <si>
    <t>cg09742170</t>
  </si>
  <si>
    <t>cg09744759</t>
  </si>
  <si>
    <t>cg09748749</t>
  </si>
  <si>
    <t>cg09748946</t>
  </si>
  <si>
    <t>cg09751810</t>
  </si>
  <si>
    <t>cg09760018</t>
  </si>
  <si>
    <t>cg09761067</t>
  </si>
  <si>
    <t>cg09761503</t>
  </si>
  <si>
    <t>cg09762252</t>
  </si>
  <si>
    <t>cg09763097</t>
  </si>
  <si>
    <t>cg09765709</t>
  </si>
  <si>
    <t>cg09768617</t>
  </si>
  <si>
    <t>cg09768970</t>
  </si>
  <si>
    <t>cg09777637</t>
  </si>
  <si>
    <t>cg09779537</t>
  </si>
  <si>
    <t>cg09782026</t>
  </si>
  <si>
    <t>cg09782903</t>
  </si>
  <si>
    <t>cg09784081</t>
  </si>
  <si>
    <t>cg09787315</t>
  </si>
  <si>
    <t>cg09787429</t>
  </si>
  <si>
    <t>cg09793796</t>
  </si>
  <si>
    <t>cg09794600</t>
  </si>
  <si>
    <t>cg09796451</t>
  </si>
  <si>
    <t>cg09796913</t>
  </si>
  <si>
    <t>cg09799658</t>
  </si>
  <si>
    <t>cg09802689</t>
  </si>
  <si>
    <t>cg09802893</t>
  </si>
  <si>
    <t>cg09803262</t>
  </si>
  <si>
    <t>cg09804496</t>
  </si>
  <si>
    <t>cg09807875</t>
  </si>
  <si>
    <t>cg09811943</t>
  </si>
  <si>
    <t>cg09814480</t>
  </si>
  <si>
    <t>cg09815638</t>
  </si>
  <si>
    <t>cg09816218</t>
  </si>
  <si>
    <t>cg09816349</t>
  </si>
  <si>
    <t>cg09824706</t>
  </si>
  <si>
    <t>cg09828503</t>
  </si>
  <si>
    <t>cg09831614</t>
  </si>
  <si>
    <t>cg09832443</t>
  </si>
  <si>
    <t>cg09832661</t>
  </si>
  <si>
    <t>cg09833475</t>
  </si>
  <si>
    <t>cg09834162</t>
  </si>
  <si>
    <t>cg09834234</t>
  </si>
  <si>
    <t>cg09838336</t>
  </si>
  <si>
    <t>cg09842331</t>
  </si>
  <si>
    <t>cg09848074</t>
  </si>
  <si>
    <t>cg09853387</t>
  </si>
  <si>
    <t>cg09857513</t>
  </si>
  <si>
    <t>cg09859034</t>
  </si>
  <si>
    <t>cg09865454</t>
  </si>
  <si>
    <t>cg09865593</t>
  </si>
  <si>
    <t>cg09871057</t>
  </si>
  <si>
    <t>cg09871315</t>
  </si>
  <si>
    <t>cg09875150</t>
  </si>
  <si>
    <t>cg09879794</t>
  </si>
  <si>
    <t>cg09882283</t>
  </si>
  <si>
    <t>cg09888447</t>
  </si>
  <si>
    <t>cg09890341</t>
  </si>
  <si>
    <t>cg09894929</t>
  </si>
  <si>
    <t>cg09895029</t>
  </si>
  <si>
    <t>cg09896093</t>
  </si>
  <si>
    <t>cg09896503</t>
  </si>
  <si>
    <t>cg09896999</t>
  </si>
  <si>
    <t>cg09899094</t>
  </si>
  <si>
    <t>cg09901951</t>
  </si>
  <si>
    <t>cg09905635</t>
  </si>
  <si>
    <t>cg09906297</t>
  </si>
  <si>
    <t>cg09909351</t>
  </si>
  <si>
    <t>cg09911342</t>
  </si>
  <si>
    <t>cg09914773</t>
  </si>
  <si>
    <t>cg09915890</t>
  </si>
  <si>
    <t>cg09916572</t>
  </si>
  <si>
    <t>cg09916853</t>
  </si>
  <si>
    <t>cg09917979</t>
  </si>
  <si>
    <t>cg09919756</t>
  </si>
  <si>
    <t>cg09920605</t>
  </si>
  <si>
    <t>cg09926212</t>
  </si>
  <si>
    <t>cg09932730</t>
  </si>
  <si>
    <t>cg09933329</t>
  </si>
  <si>
    <t>cg09933929</t>
  </si>
  <si>
    <t>cg09935440</t>
  </si>
  <si>
    <t>cg09935766</t>
  </si>
  <si>
    <t>cg09938098</t>
  </si>
  <si>
    <t>cg09942220</t>
  </si>
  <si>
    <t>cg09943102</t>
  </si>
  <si>
    <t>cg09948419</t>
  </si>
  <si>
    <t>cg09950389</t>
  </si>
  <si>
    <t>cg09956592</t>
  </si>
  <si>
    <t>cg09957386</t>
  </si>
  <si>
    <t>cg09965267</t>
  </si>
  <si>
    <t>cg09966375</t>
  </si>
  <si>
    <t>cg09969528</t>
  </si>
  <si>
    <t>cg09969797</t>
  </si>
  <si>
    <t>cg09972052</t>
  </si>
  <si>
    <t>cg09982671</t>
  </si>
  <si>
    <t>cg09984146</t>
  </si>
  <si>
    <t>cg09987889</t>
  </si>
  <si>
    <t>cg09989632</t>
  </si>
  <si>
    <t>cg09991587</t>
  </si>
  <si>
    <t>cg09999977</t>
  </si>
  <si>
    <t>cg10000602</t>
  </si>
  <si>
    <t>cg10000639</t>
  </si>
  <si>
    <t>cg10002360</t>
  </si>
  <si>
    <t>cg10005098</t>
  </si>
  <si>
    <t>cg10011083</t>
  </si>
  <si>
    <t>cg10014112</t>
  </si>
  <si>
    <t>cg10014881</t>
  </si>
  <si>
    <t>cg10016647</t>
  </si>
  <si>
    <t>cg10021276</t>
  </si>
  <si>
    <t>cg10028217</t>
  </si>
  <si>
    <t>cg10033433</t>
  </si>
  <si>
    <t>cg10037579</t>
  </si>
  <si>
    <t>cg10041416</t>
  </si>
  <si>
    <t>cg10042478</t>
  </si>
  <si>
    <t>cg10043427</t>
  </si>
  <si>
    <t>cg10046388</t>
  </si>
  <si>
    <t>cg10054661</t>
  </si>
  <si>
    <t>cg10055222</t>
  </si>
  <si>
    <t>cg10061235</t>
  </si>
  <si>
    <t>cg10063682</t>
  </si>
  <si>
    <t>cg10064162</t>
  </si>
  <si>
    <t>cg10066231</t>
  </si>
  <si>
    <t>cg10068437</t>
  </si>
  <si>
    <t>cg10069666</t>
  </si>
  <si>
    <t>cg10077502</t>
  </si>
  <si>
    <t>cg10078009</t>
  </si>
  <si>
    <t>cg10079837</t>
  </si>
  <si>
    <t>cg10082357</t>
  </si>
  <si>
    <t>cg10083572</t>
  </si>
  <si>
    <t>cg10085138</t>
  </si>
  <si>
    <t>cg10088331</t>
  </si>
  <si>
    <t>cg10089657</t>
  </si>
  <si>
    <t>cg10089847</t>
  </si>
  <si>
    <t>cg10090212</t>
  </si>
  <si>
    <t>cg10094489</t>
  </si>
  <si>
    <t>cg10095078</t>
  </si>
  <si>
    <t>cg10099047</t>
  </si>
  <si>
    <t>cg10099808</t>
  </si>
  <si>
    <t>cg10100698</t>
  </si>
  <si>
    <t>cg10103955</t>
  </si>
  <si>
    <t>cg10106935</t>
  </si>
  <si>
    <t>cg10108372</t>
  </si>
  <si>
    <t>cg10110581</t>
  </si>
  <si>
    <t>cg10118545</t>
  </si>
  <si>
    <t>cg10119082</t>
  </si>
  <si>
    <t>cg10122932</t>
  </si>
  <si>
    <t>cg10128868</t>
  </si>
  <si>
    <t>cg10129470</t>
  </si>
  <si>
    <t>cg10129816</t>
  </si>
  <si>
    <t>cg10132917</t>
  </si>
  <si>
    <t>cg10135817</t>
  </si>
  <si>
    <t>cg10139889</t>
  </si>
  <si>
    <t>cg10140158</t>
  </si>
  <si>
    <t>cg10141789</t>
  </si>
  <si>
    <t>cg10141938</t>
  </si>
  <si>
    <t>cg10145640</t>
  </si>
  <si>
    <t>cg10147982</t>
  </si>
  <si>
    <t>cg10148231</t>
  </si>
  <si>
    <t>cg10152449</t>
  </si>
  <si>
    <t>cg10154108</t>
  </si>
  <si>
    <t>cg10155126</t>
  </si>
  <si>
    <t>cg10158598</t>
  </si>
  <si>
    <t>cg10161638</t>
  </si>
  <si>
    <t>cg10162464</t>
  </si>
  <si>
    <t>cg10166077</t>
  </si>
  <si>
    <t>cg10166697</t>
  </si>
  <si>
    <t>cg10180281</t>
  </si>
  <si>
    <t>cg10181968</t>
  </si>
  <si>
    <t>cg10184740</t>
  </si>
  <si>
    <t>cg10186140</t>
  </si>
  <si>
    <t>cg10187404</t>
  </si>
  <si>
    <t>cg10190813</t>
  </si>
  <si>
    <t>cg10192641</t>
  </si>
  <si>
    <t>cg10195567</t>
  </si>
  <si>
    <t>cg10196737</t>
  </si>
  <si>
    <t>cg10201574</t>
  </si>
  <si>
    <t>cg10201685</t>
  </si>
  <si>
    <t>cg10206969</t>
  </si>
  <si>
    <t>cg10210928</t>
  </si>
  <si>
    <t>cg10213695</t>
  </si>
  <si>
    <t>cg10213821</t>
  </si>
  <si>
    <t>cg10214421</t>
  </si>
  <si>
    <t>cg10215763</t>
  </si>
  <si>
    <t>cg10218490</t>
  </si>
  <si>
    <t>cg10231116</t>
  </si>
  <si>
    <t>cg10234377</t>
  </si>
  <si>
    <t>cg10235181</t>
  </si>
  <si>
    <t>cg10242763</t>
  </si>
  <si>
    <t>cg10243939</t>
  </si>
  <si>
    <t>cg10249542</t>
  </si>
  <si>
    <t>cg10251229</t>
  </si>
  <si>
    <t>cg10251554</t>
  </si>
  <si>
    <t>cg10254872</t>
  </si>
  <si>
    <t>cg10259619</t>
  </si>
  <si>
    <t>cg10260267</t>
  </si>
  <si>
    <t>cg10268125</t>
  </si>
  <si>
    <t>cg10271819</t>
  </si>
  <si>
    <t>cg10272433</t>
  </si>
  <si>
    <t>cg10272492</t>
  </si>
  <si>
    <t>cg10273890</t>
  </si>
  <si>
    <t>cg10275917</t>
  </si>
  <si>
    <t>cg10276834</t>
  </si>
  <si>
    <t>cg10282384</t>
  </si>
  <si>
    <t>cg10288307</t>
  </si>
  <si>
    <t>cg10289177</t>
  </si>
  <si>
    <t>cg10289912</t>
  </si>
  <si>
    <t>cg10290728</t>
  </si>
  <si>
    <t>cg10291005</t>
  </si>
  <si>
    <t>cg10309454</t>
  </si>
  <si>
    <t>cg10310310</t>
  </si>
  <si>
    <t>cg10311104</t>
  </si>
  <si>
    <t>cg10313005</t>
  </si>
  <si>
    <t>cg10316381</t>
  </si>
  <si>
    <t>cg10316510</t>
  </si>
  <si>
    <t>cg10319904</t>
  </si>
  <si>
    <t>cg10320446</t>
  </si>
  <si>
    <t>cg10320856</t>
  </si>
  <si>
    <t>cg10320884</t>
  </si>
  <si>
    <t>cg10323187</t>
  </si>
  <si>
    <t>cg10323531</t>
  </si>
  <si>
    <t>cg10326031</t>
  </si>
  <si>
    <t>cg10328290</t>
  </si>
  <si>
    <t>cg10330371</t>
  </si>
  <si>
    <t>cg10335743</t>
  </si>
  <si>
    <t>cg10336600</t>
  </si>
  <si>
    <t>cg10336671</t>
  </si>
  <si>
    <t>cg10337422</t>
  </si>
  <si>
    <t>cg10345429</t>
  </si>
  <si>
    <t>cg10349687</t>
  </si>
  <si>
    <t>cg10352104</t>
  </si>
  <si>
    <t>cg10361005</t>
  </si>
  <si>
    <t>cg10363569</t>
  </si>
  <si>
    <t>cg10366028</t>
  </si>
  <si>
    <t>cg10367959</t>
  </si>
  <si>
    <t>cg10368049</t>
  </si>
  <si>
    <t>cg10369896</t>
  </si>
  <si>
    <t>cg10370262</t>
  </si>
  <si>
    <t>cg10372302</t>
  </si>
  <si>
    <t>cg10382139</t>
  </si>
  <si>
    <t>cg10385101</t>
  </si>
  <si>
    <t>cg10385382</t>
  </si>
  <si>
    <t>cg10386045</t>
  </si>
  <si>
    <t>cg10388456</t>
  </si>
  <si>
    <t>cg10392504</t>
  </si>
  <si>
    <t>cg10393875</t>
  </si>
  <si>
    <t>cg10396616</t>
  </si>
  <si>
    <t>cg10399210</t>
  </si>
  <si>
    <t>cg10399922</t>
  </si>
  <si>
    <t>cg10400944</t>
  </si>
  <si>
    <t>cg10404399</t>
  </si>
  <si>
    <t>cg10409299</t>
  </si>
  <si>
    <t>cg10410121</t>
  </si>
  <si>
    <t>cg10410146</t>
  </si>
  <si>
    <t>cg10413224</t>
  </si>
  <si>
    <t>cg10413352</t>
  </si>
  <si>
    <t>cg10428536</t>
  </si>
  <si>
    <t>cg10429580</t>
  </si>
  <si>
    <t>cg10443040</t>
  </si>
  <si>
    <t>cg10443049</t>
  </si>
  <si>
    <t>cg10445988</t>
  </si>
  <si>
    <t>cg10449091</t>
  </si>
  <si>
    <t>cg10451401</t>
  </si>
  <si>
    <t>cg10454514</t>
  </si>
  <si>
    <t>cg10468525</t>
  </si>
  <si>
    <t>cg10471794</t>
  </si>
  <si>
    <t>cg10471944</t>
  </si>
  <si>
    <t>cg10472711</t>
  </si>
  <si>
    <t>cg10473311</t>
  </si>
  <si>
    <t>cg10474350</t>
  </si>
  <si>
    <t>cg10476689</t>
  </si>
  <si>
    <t>cg10476950</t>
  </si>
  <si>
    <t>cg10480062</t>
  </si>
  <si>
    <t>cg10485243</t>
  </si>
  <si>
    <t>cg10488185</t>
  </si>
  <si>
    <t>cg10493018</t>
  </si>
  <si>
    <t>cg10497481</t>
  </si>
  <si>
    <t>cg10500609</t>
  </si>
  <si>
    <t>cg10502354</t>
  </si>
  <si>
    <t>cg10503649</t>
  </si>
  <si>
    <t>cg10510707</t>
  </si>
  <si>
    <t>cg10516998</t>
  </si>
  <si>
    <t>cg10518816</t>
  </si>
  <si>
    <t>cg10521094</t>
  </si>
  <si>
    <t>cg10521599</t>
  </si>
  <si>
    <t>cg10522770</t>
  </si>
  <si>
    <t>cg10523693</t>
  </si>
  <si>
    <t>cg10524687</t>
  </si>
  <si>
    <t>cg10527525</t>
  </si>
  <si>
    <t>cg10532980</t>
  </si>
  <si>
    <t>cg10534659</t>
  </si>
  <si>
    <t>cg10538202</t>
  </si>
  <si>
    <t>cg10539069</t>
  </si>
  <si>
    <t>cg10540679</t>
  </si>
  <si>
    <t>cg10541043</t>
  </si>
  <si>
    <t>cg10542223</t>
  </si>
  <si>
    <t>cg10547843</t>
  </si>
  <si>
    <t>cg10550245</t>
  </si>
  <si>
    <t>cg10550471</t>
  </si>
  <si>
    <t>cg10553515</t>
  </si>
  <si>
    <t>cg10554264</t>
  </si>
  <si>
    <t>cg10564492</t>
  </si>
  <si>
    <t>cg10566622</t>
  </si>
  <si>
    <t>cg10568297</t>
  </si>
  <si>
    <t>cg10569238</t>
  </si>
  <si>
    <t>cg10569694</t>
  </si>
  <si>
    <t>cg10578991</t>
  </si>
  <si>
    <t>cg10582189</t>
  </si>
  <si>
    <t>cg10583473</t>
  </si>
  <si>
    <t>cg10586510</t>
  </si>
  <si>
    <t>cg10588834</t>
  </si>
  <si>
    <t>cg10598030</t>
  </si>
  <si>
    <t>cg10598428</t>
  </si>
  <si>
    <t>cg10602282</t>
  </si>
  <si>
    <t>cg10603443</t>
  </si>
  <si>
    <t>cg10607939</t>
  </si>
  <si>
    <t>cg10616405</t>
  </si>
  <si>
    <t>cg10622051</t>
  </si>
  <si>
    <t>cg10624823</t>
  </si>
  <si>
    <t>cg10625851</t>
  </si>
  <si>
    <t>cg10626515</t>
  </si>
  <si>
    <t>cg10626959</t>
  </si>
  <si>
    <t>cg10633479</t>
  </si>
  <si>
    <t>cg10645855</t>
  </si>
  <si>
    <t>cg10648252</t>
  </si>
  <si>
    <t>cg10650299</t>
  </si>
  <si>
    <t>cg10652558</t>
  </si>
  <si>
    <t>cg10652650</t>
  </si>
  <si>
    <t>cg10655258</t>
  </si>
  <si>
    <t>cg10656845</t>
  </si>
  <si>
    <t>cg10657141</t>
  </si>
  <si>
    <t>cg10658768</t>
  </si>
  <si>
    <t>cg10661002</t>
  </si>
  <si>
    <t>cg10661163</t>
  </si>
  <si>
    <t>cg10662959</t>
  </si>
  <si>
    <t>cg10663655</t>
  </si>
  <si>
    <t>cg10665071</t>
  </si>
  <si>
    <t>cg10671167</t>
  </si>
  <si>
    <t>cg10673318</t>
  </si>
  <si>
    <t>cg10675903</t>
  </si>
  <si>
    <t>cg10681065</t>
  </si>
  <si>
    <t>cg10683615</t>
  </si>
  <si>
    <t>cg10684714</t>
  </si>
  <si>
    <t>cg10687006</t>
  </si>
  <si>
    <t>cg10687139</t>
  </si>
  <si>
    <t>cg10690003</t>
  </si>
  <si>
    <t>cg10691109</t>
  </si>
  <si>
    <t>cg10691753</t>
  </si>
  <si>
    <t>cg10694598</t>
  </si>
  <si>
    <t>cg10694781</t>
  </si>
  <si>
    <t>cg10702418</t>
  </si>
  <si>
    <t>cg10703331</t>
  </si>
  <si>
    <t>cg10703619</t>
  </si>
  <si>
    <t>cg10703786</t>
  </si>
  <si>
    <t>cg10707775</t>
  </si>
  <si>
    <t>cg10714329</t>
  </si>
  <si>
    <t>cg10717290</t>
  </si>
  <si>
    <t>cg10718697</t>
  </si>
  <si>
    <t>cg10720966</t>
  </si>
  <si>
    <t>cg10725344</t>
  </si>
  <si>
    <t>cg10734218</t>
  </si>
  <si>
    <t>cg10737883</t>
  </si>
  <si>
    <t>cg10744248</t>
  </si>
  <si>
    <t>cg10745498</t>
  </si>
  <si>
    <t>cg10747023</t>
  </si>
  <si>
    <t>cg10751939</t>
  </si>
  <si>
    <t>cg10753101</t>
  </si>
  <si>
    <t>cg10754670</t>
  </si>
  <si>
    <t>cg10756647</t>
  </si>
  <si>
    <t>cg10758128</t>
  </si>
  <si>
    <t>cg10763891</t>
  </si>
  <si>
    <t>cg10764068</t>
  </si>
  <si>
    <t>cg10764907</t>
  </si>
  <si>
    <t>cg10766021</t>
  </si>
  <si>
    <t>cg10767008</t>
  </si>
  <si>
    <t>cg10767141</t>
  </si>
  <si>
    <t>cg10770468</t>
  </si>
  <si>
    <t>cg10774647</t>
  </si>
  <si>
    <t>cg10776493</t>
  </si>
  <si>
    <t>cg10777347</t>
  </si>
  <si>
    <t>cg10778441</t>
  </si>
  <si>
    <t>cg10778517</t>
  </si>
  <si>
    <t>cg10780234</t>
  </si>
  <si>
    <t>cg10790979</t>
  </si>
  <si>
    <t>cg10792238</t>
  </si>
  <si>
    <t>cg10793101</t>
  </si>
  <si>
    <t>cg10795105</t>
  </si>
  <si>
    <t>cg10798171</t>
  </si>
  <si>
    <t>cg10803132</t>
  </si>
  <si>
    <t>cg10806140</t>
  </si>
  <si>
    <t>cg10809958</t>
  </si>
  <si>
    <t>cg10813610</t>
  </si>
  <si>
    <t>cg10817855</t>
  </si>
  <si>
    <t>cg10820650</t>
  </si>
  <si>
    <t>cg10822038</t>
  </si>
  <si>
    <t>cg10822582</t>
  </si>
  <si>
    <t>cg10833091</t>
  </si>
  <si>
    <t>cg10842164</t>
  </si>
  <si>
    <t>cg10854767</t>
  </si>
  <si>
    <t>cg10855246</t>
  </si>
  <si>
    <t>cg10864883</t>
  </si>
  <si>
    <t>cg10872967</t>
  </si>
  <si>
    <t>cg10873171</t>
  </si>
  <si>
    <t>cg10880863</t>
  </si>
  <si>
    <t>cg10883303</t>
  </si>
  <si>
    <t>cg10885417</t>
  </si>
  <si>
    <t>cg10887359</t>
  </si>
  <si>
    <t>cg10888348</t>
  </si>
  <si>
    <t>cg10895875</t>
  </si>
  <si>
    <t>cg10896886</t>
  </si>
  <si>
    <t>cg10898184</t>
  </si>
  <si>
    <t>cg10914137</t>
  </si>
  <si>
    <t>cg10916459</t>
  </si>
  <si>
    <t>cg10928931</t>
  </si>
  <si>
    <t>cg10938970</t>
  </si>
  <si>
    <t>cg10940374</t>
  </si>
  <si>
    <t>cg10950593</t>
  </si>
  <si>
    <t>cg10960709</t>
  </si>
  <si>
    <t>cg10963209</t>
  </si>
  <si>
    <t>cg10965131</t>
  </si>
  <si>
    <t>cg10974601</t>
  </si>
  <si>
    <t>cg10980293</t>
  </si>
  <si>
    <t>cg10983470</t>
  </si>
  <si>
    <t>cg10985810</t>
  </si>
  <si>
    <t>cg10987503</t>
  </si>
  <si>
    <t>cg10988062</t>
  </si>
  <si>
    <t>cg10996039</t>
  </si>
  <si>
    <t>cg10997627</t>
  </si>
  <si>
    <t>cg10999157</t>
  </si>
  <si>
    <t>cg11003780</t>
  </si>
  <si>
    <t>cg11010397</t>
  </si>
  <si>
    <t>cg11014079</t>
  </si>
  <si>
    <t>cg11015893</t>
  </si>
  <si>
    <t>cg11019771</t>
  </si>
  <si>
    <t>cg11020333</t>
  </si>
  <si>
    <t>cg11021031</t>
  </si>
  <si>
    <t>cg11021995</t>
  </si>
  <si>
    <t>cg11024450</t>
  </si>
  <si>
    <t>cg11026987</t>
  </si>
  <si>
    <t>cg11028747</t>
  </si>
  <si>
    <t>cg11030575</t>
  </si>
  <si>
    <t>cg11031869</t>
  </si>
  <si>
    <t>cg11032313</t>
  </si>
  <si>
    <t>cg11034318</t>
  </si>
  <si>
    <t>cg11034837</t>
  </si>
  <si>
    <t>cg11036315</t>
  </si>
  <si>
    <t>cg11038280</t>
  </si>
  <si>
    <t>cg11050740</t>
  </si>
  <si>
    <t>cg11051318</t>
  </si>
  <si>
    <t>cg11052958</t>
  </si>
  <si>
    <t>cg11053171</t>
  </si>
  <si>
    <t>cg11055795</t>
  </si>
  <si>
    <t>cg11058707</t>
  </si>
  <si>
    <t>cg11060349</t>
  </si>
  <si>
    <t>cg11060604</t>
  </si>
  <si>
    <t>cg11061251</t>
  </si>
  <si>
    <t>cg11062046</t>
  </si>
  <si>
    <t>cg11064833</t>
  </si>
  <si>
    <t>cg11069461</t>
  </si>
  <si>
    <t>cg11070059</t>
  </si>
  <si>
    <t>cg11072645</t>
  </si>
  <si>
    <t>cg11075176</t>
  </si>
  <si>
    <t>cg11075346</t>
  </si>
  <si>
    <t>cg11076555</t>
  </si>
  <si>
    <t>cg11078990</t>
  </si>
  <si>
    <t>cg11081068</t>
  </si>
  <si>
    <t>cg11081580</t>
  </si>
  <si>
    <t>cg11082847</t>
  </si>
  <si>
    <t>cg11082959</t>
  </si>
  <si>
    <t>cg11084020</t>
  </si>
  <si>
    <t>cg11093548</t>
  </si>
  <si>
    <t>cg11096575</t>
  </si>
  <si>
    <t>cg11096640</t>
  </si>
  <si>
    <t>cg11097541</t>
  </si>
  <si>
    <t>cg11100351</t>
  </si>
  <si>
    <t>cg11104510</t>
  </si>
  <si>
    <t>cg11107212</t>
  </si>
  <si>
    <t>cg11111139</t>
  </si>
  <si>
    <t>cg11111372</t>
  </si>
  <si>
    <t>cg11112729</t>
  </si>
  <si>
    <t>cg11116288</t>
  </si>
  <si>
    <t>cg11117878</t>
  </si>
  <si>
    <t>cg11119235</t>
  </si>
  <si>
    <t>cg11128956</t>
  </si>
  <si>
    <t>cg11134720</t>
  </si>
  <si>
    <t>cg11134777</t>
  </si>
  <si>
    <t>cg11139102</t>
  </si>
  <si>
    <t>cg11139248</t>
  </si>
  <si>
    <t>cg11145108</t>
  </si>
  <si>
    <t>cg11147154</t>
  </si>
  <si>
    <t>cg11147695</t>
  </si>
  <si>
    <t>cg11147724</t>
  </si>
  <si>
    <t>cg11147786</t>
  </si>
  <si>
    <t>cg11148058</t>
  </si>
  <si>
    <t>cg11150188</t>
  </si>
  <si>
    <t>cg11151942</t>
  </si>
  <si>
    <t>cg11164400</t>
  </si>
  <si>
    <t>cg11165465</t>
  </si>
  <si>
    <t>cg11175067</t>
  </si>
  <si>
    <t>cg11175683</t>
  </si>
  <si>
    <t>cg11176169</t>
  </si>
  <si>
    <t>cg11180069</t>
  </si>
  <si>
    <t>cg11184340</t>
  </si>
  <si>
    <t>cg11185569</t>
  </si>
  <si>
    <t>cg11187662</t>
  </si>
  <si>
    <t>cg11193034</t>
  </si>
  <si>
    <t>cg11202265</t>
  </si>
  <si>
    <t>cg11203313</t>
  </si>
  <si>
    <t>cg11213091</t>
  </si>
  <si>
    <t>cg11214895</t>
  </si>
  <si>
    <t>cg11218385</t>
  </si>
  <si>
    <t>cg11223864</t>
  </si>
  <si>
    <t>cg11227520</t>
  </si>
  <si>
    <t>cg11229488</t>
  </si>
  <si>
    <t>cg11236311</t>
  </si>
  <si>
    <t>cg11237883</t>
  </si>
  <si>
    <t>cg11241627</t>
  </si>
  <si>
    <t>cg11248491</t>
  </si>
  <si>
    <t>cg11251170</t>
  </si>
  <si>
    <t>cg11251470</t>
  </si>
  <si>
    <t>cg11253913</t>
  </si>
  <si>
    <t>cg11256279</t>
  </si>
  <si>
    <t>cg11256364</t>
  </si>
  <si>
    <t>cg11260097</t>
  </si>
  <si>
    <t>cg11260715</t>
  </si>
  <si>
    <t>cg11271605</t>
  </si>
  <si>
    <t>cg11277355</t>
  </si>
  <si>
    <t>cg11277768</t>
  </si>
  <si>
    <t>cg11280988</t>
  </si>
  <si>
    <t>cg11287647</t>
  </si>
  <si>
    <t>cg11291798</t>
  </si>
  <si>
    <t>cg11300568</t>
  </si>
  <si>
    <t>cg11301281</t>
  </si>
  <si>
    <t>cg11301337</t>
  </si>
  <si>
    <t>cg11302575</t>
  </si>
  <si>
    <t>cg11303670</t>
  </si>
  <si>
    <t>cg11305009</t>
  </si>
  <si>
    <t>cg11306628</t>
  </si>
  <si>
    <t>cg11307134</t>
  </si>
  <si>
    <t>cg11309704</t>
  </si>
  <si>
    <t>cg11310191</t>
  </si>
  <si>
    <t>cg11310950</t>
  </si>
  <si>
    <t>cg11315991</t>
  </si>
  <si>
    <t>cg11316904</t>
  </si>
  <si>
    <t>cg11319427</t>
  </si>
  <si>
    <t>cg11321433</t>
  </si>
  <si>
    <t>cg11321459</t>
  </si>
  <si>
    <t>cg11323483</t>
  </si>
  <si>
    <t>cg11324219</t>
  </si>
  <si>
    <t>cg11326510</t>
  </si>
  <si>
    <t>cg11340881</t>
  </si>
  <si>
    <t>cg11341528</t>
  </si>
  <si>
    <t>cg11343464</t>
  </si>
  <si>
    <t>cg11343713</t>
  </si>
  <si>
    <t>cg11346962</t>
  </si>
  <si>
    <t>cg11352847</t>
  </si>
  <si>
    <t>cg11353706</t>
  </si>
  <si>
    <t>cg11354266</t>
  </si>
  <si>
    <t>cg11357953</t>
  </si>
  <si>
    <t>cg11360546</t>
  </si>
  <si>
    <t>cg11362988</t>
  </si>
  <si>
    <t>cg11364256</t>
  </si>
  <si>
    <t>cg11364290</t>
  </si>
  <si>
    <t>cg11366934</t>
  </si>
  <si>
    <t>cg11367000</t>
  </si>
  <si>
    <t>cg11367539</t>
  </si>
  <si>
    <t>cg11368578</t>
  </si>
  <si>
    <t>cg11370011</t>
  </si>
  <si>
    <t>cg11372090</t>
  </si>
  <si>
    <t>cg11374884</t>
  </si>
  <si>
    <t>cg11376706</t>
  </si>
  <si>
    <t>cg11377827</t>
  </si>
  <si>
    <t>cg11381539</t>
  </si>
  <si>
    <t>cg11382477</t>
  </si>
  <si>
    <t>cg11385616</t>
  </si>
  <si>
    <t>cg11385933</t>
  </si>
  <si>
    <t>cg11396267</t>
  </si>
  <si>
    <t>cg11407989</t>
  </si>
  <si>
    <t>cg11408036</t>
  </si>
  <si>
    <t>cg11410718</t>
  </si>
  <si>
    <t>cg11414046</t>
  </si>
  <si>
    <t>cg11416447</t>
  </si>
  <si>
    <t>cg11417092</t>
  </si>
  <si>
    <t>cg11417319</t>
  </si>
  <si>
    <t>cg11421459</t>
  </si>
  <si>
    <t>cg11421724</t>
  </si>
  <si>
    <t>cg11425149</t>
  </si>
  <si>
    <t>cg11425656</t>
  </si>
  <si>
    <t>cg11426563</t>
  </si>
  <si>
    <t>cg11444527</t>
  </si>
  <si>
    <t>cg11451230</t>
  </si>
  <si>
    <t>cg11455862</t>
  </si>
  <si>
    <t>cg11460832</t>
  </si>
  <si>
    <t>cg11461236</t>
  </si>
  <si>
    <t>cg11461298</t>
  </si>
  <si>
    <t>cg11462079</t>
  </si>
  <si>
    <t>cg11462509</t>
  </si>
  <si>
    <t>cg11464763</t>
  </si>
  <si>
    <t>cg11464806</t>
  </si>
  <si>
    <t>cg11468898</t>
  </si>
  <si>
    <t>cg11475550</t>
  </si>
  <si>
    <t>cg11478197</t>
  </si>
  <si>
    <t>cg11494773</t>
  </si>
  <si>
    <t>cg11496291</t>
  </si>
  <si>
    <t>cg11496438</t>
  </si>
  <si>
    <t>cg11500797</t>
  </si>
  <si>
    <t>cg11510938</t>
  </si>
  <si>
    <t>cg11513856</t>
  </si>
  <si>
    <t>cg11517132</t>
  </si>
  <si>
    <t>cg11521965</t>
  </si>
  <si>
    <t>cg11528176</t>
  </si>
  <si>
    <t>cg11528572</t>
  </si>
  <si>
    <t>cg11534937</t>
  </si>
  <si>
    <t>cg11535255</t>
  </si>
  <si>
    <t>cg11536586</t>
  </si>
  <si>
    <t>cg11537828</t>
  </si>
  <si>
    <t>cg11539674</t>
  </si>
  <si>
    <t>cg11541404</t>
  </si>
  <si>
    <t>cg11547895</t>
  </si>
  <si>
    <t>cg11549025</t>
  </si>
  <si>
    <t>cg11553793</t>
  </si>
  <si>
    <t>cg11554153</t>
  </si>
  <si>
    <t>cg11554295</t>
  </si>
  <si>
    <t>cg11554507</t>
  </si>
  <si>
    <t>cg11561909</t>
  </si>
  <si>
    <t>cg11562309</t>
  </si>
  <si>
    <t>cg11563074</t>
  </si>
  <si>
    <t>cg11573518</t>
  </si>
  <si>
    <t>cg11573854</t>
  </si>
  <si>
    <t>cg11577461</t>
  </si>
  <si>
    <t>cg11582403</t>
  </si>
  <si>
    <t>cg11586216</t>
  </si>
  <si>
    <t>cg11586570</t>
  </si>
  <si>
    <t>cg11590405</t>
  </si>
  <si>
    <t>cg11595454</t>
  </si>
  <si>
    <t>cg11600991</t>
  </si>
  <si>
    <t>cg11601967</t>
  </si>
  <si>
    <t>cg11604519</t>
  </si>
  <si>
    <t>cg11609344</t>
  </si>
  <si>
    <t>cg11610702</t>
  </si>
  <si>
    <t>cg11611932</t>
  </si>
  <si>
    <t>cg11617006</t>
  </si>
  <si>
    <t>cg11617147</t>
  </si>
  <si>
    <t>cg11619549</t>
  </si>
  <si>
    <t>cg11621104</t>
  </si>
  <si>
    <t>cg11621808</t>
  </si>
  <si>
    <t>cg11623714</t>
  </si>
  <si>
    <t>cg11626052</t>
  </si>
  <si>
    <t>cg11635101</t>
  </si>
  <si>
    <t>cg11635182</t>
  </si>
  <si>
    <t>cg11640378</t>
  </si>
  <si>
    <t>cg11641702</t>
  </si>
  <si>
    <t>cg11643461</t>
  </si>
  <si>
    <t>cg11644627</t>
  </si>
  <si>
    <t>cg11645318</t>
  </si>
  <si>
    <t>cg11646757</t>
  </si>
  <si>
    <t>cg11648289</t>
  </si>
  <si>
    <t>cg11649846</t>
  </si>
  <si>
    <t>cg11673505</t>
  </si>
  <si>
    <t>cg11679914</t>
  </si>
  <si>
    <t>cg11684826</t>
  </si>
  <si>
    <t>cg11685960</t>
  </si>
  <si>
    <t>cg11687681</t>
  </si>
  <si>
    <t>cg11691589</t>
  </si>
  <si>
    <t>cg11693019</t>
  </si>
  <si>
    <t>cg11694987</t>
  </si>
  <si>
    <t>cg11695266</t>
  </si>
  <si>
    <t>cg11696575</t>
  </si>
  <si>
    <t>cg11697660</t>
  </si>
  <si>
    <t>cg11698244</t>
  </si>
  <si>
    <t>cg11698918</t>
  </si>
  <si>
    <t>cg11700349</t>
  </si>
  <si>
    <t>cg11700356</t>
  </si>
  <si>
    <t>cg11706635</t>
  </si>
  <si>
    <t>cg11715575</t>
  </si>
  <si>
    <t>cg11715858</t>
  </si>
  <si>
    <t>cg11716608</t>
  </si>
  <si>
    <t>cg11719362</t>
  </si>
  <si>
    <t>cg11724668</t>
  </si>
  <si>
    <t>cg11726580</t>
  </si>
  <si>
    <t>cg11726858</t>
  </si>
  <si>
    <t>cg11728747</t>
  </si>
  <si>
    <t>cg11734682</t>
  </si>
  <si>
    <t>cg11736091</t>
  </si>
  <si>
    <t>cg11740103</t>
  </si>
  <si>
    <t>cg11744116</t>
  </si>
  <si>
    <t>cg11746156</t>
  </si>
  <si>
    <t>cg11747142</t>
  </si>
  <si>
    <t>cg11750034</t>
  </si>
  <si>
    <t>cg11751434</t>
  </si>
  <si>
    <t>cg11755395</t>
  </si>
  <si>
    <t>cg11762960</t>
  </si>
  <si>
    <t>cg11774314</t>
  </si>
  <si>
    <t>cg11780546</t>
  </si>
  <si>
    <t>cg11783367</t>
  </si>
  <si>
    <t>cg11785538</t>
  </si>
  <si>
    <t>cg11787789</t>
  </si>
  <si>
    <t>cg11788586</t>
  </si>
  <si>
    <t>cg11791155</t>
  </si>
  <si>
    <t>cg11792186</t>
  </si>
  <si>
    <t>cg11797656</t>
  </si>
  <si>
    <t>cg11797898</t>
  </si>
  <si>
    <t>cg11799480</t>
  </si>
  <si>
    <t>cg11800390</t>
  </si>
  <si>
    <t>cg11802692</t>
  </si>
  <si>
    <t>cg11807492</t>
  </si>
  <si>
    <t>cg11823624</t>
  </si>
  <si>
    <t>cg11825070</t>
  </si>
  <si>
    <t>cg11827925</t>
  </si>
  <si>
    <t>cg11828089</t>
  </si>
  <si>
    <t>cg11831116</t>
  </si>
  <si>
    <t>cg11831717</t>
  </si>
  <si>
    <t>cg11838542</t>
  </si>
  <si>
    <t>cg11838668</t>
  </si>
  <si>
    <t>cg11844087</t>
  </si>
  <si>
    <t>cg11844970</t>
  </si>
  <si>
    <t>cg11849105</t>
  </si>
  <si>
    <t>cg11849677</t>
  </si>
  <si>
    <t>cg11849717</t>
  </si>
  <si>
    <t>cg11854259</t>
  </si>
  <si>
    <t>cg11857142</t>
  </si>
  <si>
    <t>cg11857288</t>
  </si>
  <si>
    <t>cg11857646</t>
  </si>
  <si>
    <t>cg11858226</t>
  </si>
  <si>
    <t>cg11859982</t>
  </si>
  <si>
    <t>cg11863217</t>
  </si>
  <si>
    <t>cg11865119</t>
  </si>
  <si>
    <t>cg11865296</t>
  </si>
  <si>
    <t>cg11866674</t>
  </si>
  <si>
    <t>cg11867420</t>
  </si>
  <si>
    <t>cg11867461</t>
  </si>
  <si>
    <t>cg11867552</t>
  </si>
  <si>
    <t>cg11868634</t>
  </si>
  <si>
    <t>cg11869184</t>
  </si>
  <si>
    <t>cg11872373</t>
  </si>
  <si>
    <t>cg11872672</t>
  </si>
  <si>
    <t>cg11873482</t>
  </si>
  <si>
    <t>cg11874123</t>
  </si>
  <si>
    <t>cg11876022</t>
  </si>
  <si>
    <t>cg11884030</t>
  </si>
  <si>
    <t>cg11890641</t>
  </si>
  <si>
    <t>cg11892345</t>
  </si>
  <si>
    <t>cg11899535</t>
  </si>
  <si>
    <t>cg11900120</t>
  </si>
  <si>
    <t>cg11907532</t>
  </si>
  <si>
    <t>cg11910375</t>
  </si>
  <si>
    <t>cg11916195</t>
  </si>
  <si>
    <t>cg11931953</t>
  </si>
  <si>
    <t>cg11932113</t>
  </si>
  <si>
    <t>cg11933094</t>
  </si>
  <si>
    <t>cg11939780</t>
  </si>
  <si>
    <t>cg11941878</t>
  </si>
  <si>
    <t>cg11943197</t>
  </si>
  <si>
    <t>cg11949262</t>
  </si>
  <si>
    <t>cg11951909</t>
  </si>
  <si>
    <t>cg11961845</t>
  </si>
  <si>
    <t>cg11967592</t>
  </si>
  <si>
    <t>cg11967765</t>
  </si>
  <si>
    <t>cg11970133</t>
  </si>
  <si>
    <t>cg11973479</t>
  </si>
  <si>
    <t>cg11975652</t>
  </si>
  <si>
    <t>cg11979621</t>
  </si>
  <si>
    <t>cg11985632</t>
  </si>
  <si>
    <t>cg11987509</t>
  </si>
  <si>
    <t>cg11987645</t>
  </si>
  <si>
    <t>cg11987986</t>
  </si>
  <si>
    <t>cg11991398</t>
  </si>
  <si>
    <t>cg11991903</t>
  </si>
  <si>
    <t>cg11997570</t>
  </si>
  <si>
    <t>cg11997899</t>
  </si>
  <si>
    <t>cg12001456</t>
  </si>
  <si>
    <t>cg12001558</t>
  </si>
  <si>
    <t>cg12001930</t>
  </si>
  <si>
    <t>cg12003822</t>
  </si>
  <si>
    <t>cg12003990</t>
  </si>
  <si>
    <t>cg12004183</t>
  </si>
  <si>
    <t>cg12012886</t>
  </si>
  <si>
    <t>cg12013713</t>
  </si>
  <si>
    <t>cg12015615</t>
  </si>
  <si>
    <t>cg12017321</t>
  </si>
  <si>
    <t>cg12017631</t>
  </si>
  <si>
    <t>cg12018581</t>
  </si>
  <si>
    <t>cg12020543</t>
  </si>
  <si>
    <t>cg12024236</t>
  </si>
  <si>
    <t>cg12029507</t>
  </si>
  <si>
    <t>cg12029626</t>
  </si>
  <si>
    <t>cg12030710</t>
  </si>
  <si>
    <t>cg12034167</t>
  </si>
  <si>
    <t>cg12034199</t>
  </si>
  <si>
    <t>cg12034229</t>
  </si>
  <si>
    <t>cg12034383</t>
  </si>
  <si>
    <t>cg12040846</t>
  </si>
  <si>
    <t>cg12041387</t>
  </si>
  <si>
    <t>cg12056501</t>
  </si>
  <si>
    <t>cg12056646</t>
  </si>
  <si>
    <t>cg12060713</t>
  </si>
  <si>
    <t>cg12062843</t>
  </si>
  <si>
    <t>cg12068737</t>
  </si>
  <si>
    <t>cg12073833</t>
  </si>
  <si>
    <t>cg12074655</t>
  </si>
  <si>
    <t>cg12076878</t>
  </si>
  <si>
    <t>cg12078728</t>
  </si>
  <si>
    <t>cg12079975</t>
  </si>
  <si>
    <t>cg12083122</t>
  </si>
  <si>
    <t>cg12093519</t>
  </si>
  <si>
    <t>cg12098228</t>
  </si>
  <si>
    <t>cg12100077</t>
  </si>
  <si>
    <t>cg12104698</t>
  </si>
  <si>
    <t>cg12105980</t>
  </si>
  <si>
    <t>cg12107018</t>
  </si>
  <si>
    <t>cg12110087</t>
  </si>
  <si>
    <t>cg12118798</t>
  </si>
  <si>
    <t>cg12122246</t>
  </si>
  <si>
    <t>cg12124767</t>
  </si>
  <si>
    <t>cg12125484</t>
  </si>
  <si>
    <t>cg12126371</t>
  </si>
  <si>
    <t>cg12128610</t>
  </si>
  <si>
    <t>cg12136088</t>
  </si>
  <si>
    <t>cg12140543</t>
  </si>
  <si>
    <t>cg12143784</t>
  </si>
  <si>
    <t>cg12144100</t>
  </si>
  <si>
    <t>cg12145783</t>
  </si>
  <si>
    <t>cg12147489</t>
  </si>
  <si>
    <t>cg12155963</t>
  </si>
  <si>
    <t>cg12157788</t>
  </si>
  <si>
    <t>cg12158692</t>
  </si>
  <si>
    <t>cg12158993</t>
  </si>
  <si>
    <t>cg12162934</t>
  </si>
  <si>
    <t>cg12163781</t>
  </si>
  <si>
    <t>cg12164596</t>
  </si>
  <si>
    <t>cg12169661</t>
  </si>
  <si>
    <t>cg12169927</t>
  </si>
  <si>
    <t>cg12177546</t>
  </si>
  <si>
    <t>cg12187071</t>
  </si>
  <si>
    <t>cg12187165</t>
  </si>
  <si>
    <t>cg12187687</t>
  </si>
  <si>
    <t>cg12190994</t>
  </si>
  <si>
    <t>cg12192691</t>
  </si>
  <si>
    <t>cg12195211</t>
  </si>
  <si>
    <t>cg12195798</t>
  </si>
  <si>
    <t>cg12196573</t>
  </si>
  <si>
    <t>cg12198605</t>
  </si>
  <si>
    <t>cg12205429</t>
  </si>
  <si>
    <t>cg12210255</t>
  </si>
  <si>
    <t>cg12210457</t>
  </si>
  <si>
    <t>cg12211161</t>
  </si>
  <si>
    <t>cg12212101</t>
  </si>
  <si>
    <t>cg12212591</t>
  </si>
  <si>
    <t>cg12219715</t>
  </si>
  <si>
    <t>cg12220104</t>
  </si>
  <si>
    <t>cg12221710</t>
  </si>
  <si>
    <t>cg12229082</t>
  </si>
  <si>
    <t>cg12237784</t>
  </si>
  <si>
    <t>cg12239995</t>
  </si>
  <si>
    <t>cg12241997</t>
  </si>
  <si>
    <t>cg12242006</t>
  </si>
  <si>
    <t>cg12244288</t>
  </si>
  <si>
    <t>cg12246922</t>
  </si>
  <si>
    <t>cg12252039</t>
  </si>
  <si>
    <t>cg12252759</t>
  </si>
  <si>
    <t>cg12254300</t>
  </si>
  <si>
    <t>cg12256469</t>
  </si>
  <si>
    <t>cg12265623</t>
  </si>
  <si>
    <t>cg12265878</t>
  </si>
  <si>
    <t>cg12266024</t>
  </si>
  <si>
    <t>cg12270822</t>
  </si>
  <si>
    <t>cg12278754</t>
  </si>
  <si>
    <t>cg12281701</t>
  </si>
  <si>
    <t>cg12284836</t>
  </si>
  <si>
    <t>cg12286159</t>
  </si>
  <si>
    <t>cg12286857</t>
  </si>
  <si>
    <t>cg12292947</t>
  </si>
  <si>
    <t>cg12293170</t>
  </si>
  <si>
    <t>cg12300500</t>
  </si>
  <si>
    <t>cg12308664</t>
  </si>
  <si>
    <t>cg12315284</t>
  </si>
  <si>
    <t>cg12318316</t>
  </si>
  <si>
    <t>cg12338731</t>
  </si>
  <si>
    <t>cg12343106</t>
  </si>
  <si>
    <t>cg12348203</t>
  </si>
  <si>
    <t>cg12351751</t>
  </si>
  <si>
    <t>cg12353688</t>
  </si>
  <si>
    <t>cg12361987</t>
  </si>
  <si>
    <t>cg12364136</t>
  </si>
  <si>
    <t>cg12365177</t>
  </si>
  <si>
    <t>cg12371933</t>
  </si>
  <si>
    <t>cg12381074</t>
  </si>
  <si>
    <t>cg12393589</t>
  </si>
  <si>
    <t>cg12400790</t>
  </si>
  <si>
    <t>cg12405639</t>
  </si>
  <si>
    <t>cg12407370</t>
  </si>
  <si>
    <t>cg12407882</t>
  </si>
  <si>
    <t>cg12411704</t>
  </si>
  <si>
    <t>cg12411994</t>
  </si>
  <si>
    <t>cg12414526</t>
  </si>
  <si>
    <t>cg12416569</t>
  </si>
  <si>
    <t>cg12421388</t>
  </si>
  <si>
    <t>cg12423311</t>
  </si>
  <si>
    <t>cg12423584</t>
  </si>
  <si>
    <t>cg12428604</t>
  </si>
  <si>
    <t>cg12433277</t>
  </si>
  <si>
    <t>cg12434134</t>
  </si>
  <si>
    <t>cg12435677</t>
  </si>
  <si>
    <t>cg12439852</t>
  </si>
  <si>
    <t>cg12441038</t>
  </si>
  <si>
    <t>cg12442385</t>
  </si>
  <si>
    <t>cg12447398</t>
  </si>
  <si>
    <t>cg12455363</t>
  </si>
  <si>
    <t>cg12469001</t>
  </si>
  <si>
    <t>cg12469475</t>
  </si>
  <si>
    <t>cg12474460</t>
  </si>
  <si>
    <t>cg12476754</t>
  </si>
  <si>
    <t>cg12492157</t>
  </si>
  <si>
    <t>cg12492273</t>
  </si>
  <si>
    <t>cg12492380</t>
  </si>
  <si>
    <t>cg12492504</t>
  </si>
  <si>
    <t>cg12494603</t>
  </si>
  <si>
    <t>cg12495649</t>
  </si>
  <si>
    <t>cg12497581</t>
  </si>
  <si>
    <t>cg12500498</t>
  </si>
  <si>
    <t>cg12503394</t>
  </si>
  <si>
    <t>cg12510708</t>
  </si>
  <si>
    <t>cg12512039</t>
  </si>
  <si>
    <t>cg12513221</t>
  </si>
  <si>
    <t>cg12517576</t>
  </si>
  <si>
    <t>cg12520111</t>
  </si>
  <si>
    <t>cg12522599</t>
  </si>
  <si>
    <t>cg12523424</t>
  </si>
  <si>
    <t>cg12529027</t>
  </si>
  <si>
    <t>cg12531972</t>
  </si>
  <si>
    <t>cg12533565</t>
  </si>
  <si>
    <t>cg12534424</t>
  </si>
  <si>
    <t>cg12536526</t>
  </si>
  <si>
    <t>cg12537394</t>
  </si>
  <si>
    <t>cg12538522</t>
  </si>
  <si>
    <t>cg12547085</t>
  </si>
  <si>
    <t>cg12547531</t>
  </si>
  <si>
    <t>cg12550074</t>
  </si>
  <si>
    <t>cg12550600</t>
  </si>
  <si>
    <t>cg12552104</t>
  </si>
  <si>
    <t>cg12556325</t>
  </si>
  <si>
    <t>cg12560421</t>
  </si>
  <si>
    <t>cg12562418</t>
  </si>
  <si>
    <t>cg12564012</t>
  </si>
  <si>
    <t>cg12567315</t>
  </si>
  <si>
    <t>cg12573289</t>
  </si>
  <si>
    <t>cg12575511</t>
  </si>
  <si>
    <t>cg12577003</t>
  </si>
  <si>
    <t>cg12577010</t>
  </si>
  <si>
    <t>cg12580770</t>
  </si>
  <si>
    <t>cg12582957</t>
  </si>
  <si>
    <t>cg12584355</t>
  </si>
  <si>
    <t>cg12584718</t>
  </si>
  <si>
    <t>cg12590430</t>
  </si>
  <si>
    <t>cg12592691</t>
  </si>
  <si>
    <t>cg12592716</t>
  </si>
  <si>
    <t>cg12592779</t>
  </si>
  <si>
    <t>cg12598606</t>
  </si>
  <si>
    <t>cg12599168</t>
  </si>
  <si>
    <t>cg12601843</t>
  </si>
  <si>
    <t>cg12609530</t>
  </si>
  <si>
    <t>cg12610087</t>
  </si>
  <si>
    <t>cg12614105</t>
  </si>
  <si>
    <t>cg12615150</t>
  </si>
  <si>
    <t>cg12616177</t>
  </si>
  <si>
    <t>cg12616484</t>
  </si>
  <si>
    <t>cg12619612</t>
  </si>
  <si>
    <t>cg12620443</t>
  </si>
  <si>
    <t>cg12622680</t>
  </si>
  <si>
    <t>cg12622938</t>
  </si>
  <si>
    <t>cg12623101</t>
  </si>
  <si>
    <t>cg12623456</t>
  </si>
  <si>
    <t>cg12625296</t>
  </si>
  <si>
    <t>cg12625454</t>
  </si>
  <si>
    <t>cg12627948</t>
  </si>
  <si>
    <t>cg12633680</t>
  </si>
  <si>
    <t>cg12633817</t>
  </si>
  <si>
    <t>cg12634986</t>
  </si>
  <si>
    <t>cg12649727</t>
  </si>
  <si>
    <t>cg12650011</t>
  </si>
  <si>
    <t>cg12654189</t>
  </si>
  <si>
    <t>cg12658982</t>
  </si>
  <si>
    <t>cg12659287</t>
  </si>
  <si>
    <t>cg12661624</t>
  </si>
  <si>
    <t>cg12673377</t>
  </si>
  <si>
    <t>cg12678073</t>
  </si>
  <si>
    <t>cg12686016</t>
  </si>
  <si>
    <t>cg12689506</t>
  </si>
  <si>
    <t>cg12690313</t>
  </si>
  <si>
    <t>cg12691229</t>
  </si>
  <si>
    <t>cg12692727</t>
  </si>
  <si>
    <t>cg12695059</t>
  </si>
  <si>
    <t>cg12712481</t>
  </si>
  <si>
    <t>cg12713223</t>
  </si>
  <si>
    <t>cg12714014</t>
  </si>
  <si>
    <t>cg12715421</t>
  </si>
  <si>
    <t>cg12730381</t>
  </si>
  <si>
    <t>cg12733079</t>
  </si>
  <si>
    <t>cg12738264</t>
  </si>
  <si>
    <t>cg12741293</t>
  </si>
  <si>
    <t>cg12746652</t>
  </si>
  <si>
    <t>cg12747676</t>
  </si>
  <si>
    <t>cg12753125</t>
  </si>
  <si>
    <t>cg12766451</t>
  </si>
  <si>
    <t>cg12767109</t>
  </si>
  <si>
    <t>cg12768508</t>
  </si>
  <si>
    <t>cg12771165</t>
  </si>
  <si>
    <t>cg12773030</t>
  </si>
  <si>
    <t>cg12774432</t>
  </si>
  <si>
    <t>cg12777893</t>
  </si>
  <si>
    <t>cg12779445</t>
  </si>
  <si>
    <t>cg12780883</t>
  </si>
  <si>
    <t>cg12781218</t>
  </si>
  <si>
    <t>cg12781678</t>
  </si>
  <si>
    <t>cg12788666</t>
  </si>
  <si>
    <t>cg12789279</t>
  </si>
  <si>
    <t>cg12791476</t>
  </si>
  <si>
    <t>cg12799086</t>
  </si>
  <si>
    <t>cg12802093</t>
  </si>
  <si>
    <t>cg12803068</t>
  </si>
  <si>
    <t>cg12809519</t>
  </si>
  <si>
    <t>cg12810084</t>
  </si>
  <si>
    <t>cg12810523</t>
  </si>
  <si>
    <t>cg12813239</t>
  </si>
  <si>
    <t>cg12820681</t>
  </si>
  <si>
    <t>cg12823233</t>
  </si>
  <si>
    <t>cg12829141</t>
  </si>
  <si>
    <t>cg12832174</t>
  </si>
  <si>
    <t>cg12833516</t>
  </si>
  <si>
    <t>cg12837463</t>
  </si>
  <si>
    <t>cg12839654</t>
  </si>
  <si>
    <t>cg12853563</t>
  </si>
  <si>
    <t>cg12856114</t>
  </si>
  <si>
    <t>cg12859164</t>
  </si>
  <si>
    <t>cg12859469</t>
  </si>
  <si>
    <t>cg12862977</t>
  </si>
  <si>
    <t>cg12863927</t>
  </si>
  <si>
    <t>cg12867156</t>
  </si>
  <si>
    <t>cg12875205</t>
  </si>
  <si>
    <t>cg12878228</t>
  </si>
  <si>
    <t>cg12889538</t>
  </si>
  <si>
    <t>cg12894711</t>
  </si>
  <si>
    <t>cg12894748</t>
  </si>
  <si>
    <t>cg12902183</t>
  </si>
  <si>
    <t>cg12903094</t>
  </si>
  <si>
    <t>cg12903171</t>
  </si>
  <si>
    <t>cg12907587</t>
  </si>
  <si>
    <t>cg12908660</t>
  </si>
  <si>
    <t>cg12912245</t>
  </si>
  <si>
    <t>cg12914047</t>
  </si>
  <si>
    <t>cg12914657</t>
  </si>
  <si>
    <t>cg12916055</t>
  </si>
  <si>
    <t>cg12918081</t>
  </si>
  <si>
    <t>cg12918473</t>
  </si>
  <si>
    <t>cg12927293</t>
  </si>
  <si>
    <t>cg12931029</t>
  </si>
  <si>
    <t>cg12933359</t>
  </si>
  <si>
    <t>cg12937391</t>
  </si>
  <si>
    <t>cg12937413</t>
  </si>
  <si>
    <t>cg12937684</t>
  </si>
  <si>
    <t>cg12937817</t>
  </si>
  <si>
    <t>cg12945772</t>
  </si>
  <si>
    <t>cg12946440</t>
  </si>
  <si>
    <t>cg12950665</t>
  </si>
  <si>
    <t>cg12952446</t>
  </si>
  <si>
    <t>cg12954798</t>
  </si>
  <si>
    <t>cg12958963</t>
  </si>
  <si>
    <t>cg12964697</t>
  </si>
  <si>
    <t>cg12967723</t>
  </si>
  <si>
    <t>cg12973904</t>
  </si>
  <si>
    <t>cg12975779</t>
  </si>
  <si>
    <t>cg12975940</t>
  </si>
  <si>
    <t>cg12978582</t>
  </si>
  <si>
    <t>cg12978800</t>
  </si>
  <si>
    <t>cg12980408</t>
  </si>
  <si>
    <t>cg12981876</t>
  </si>
  <si>
    <t>cg12984254</t>
  </si>
  <si>
    <t>cg12986639</t>
  </si>
  <si>
    <t>cg12989642</t>
  </si>
  <si>
    <t>cg12993791</t>
  </si>
  <si>
    <t>cg12994768</t>
  </si>
  <si>
    <t>cg13002044</t>
  </si>
  <si>
    <t>cg13003513</t>
  </si>
  <si>
    <t>cg13007207</t>
  </si>
  <si>
    <t>cg13010326</t>
  </si>
  <si>
    <t>cg13011749</t>
  </si>
  <si>
    <t>cg13013975</t>
  </si>
  <si>
    <t>cg13015266</t>
  </si>
  <si>
    <t>cg13015440</t>
  </si>
  <si>
    <t>cg13016237</t>
  </si>
  <si>
    <t>cg13019143</t>
  </si>
  <si>
    <t>cg13025422</t>
  </si>
  <si>
    <t>cg13027493</t>
  </si>
  <si>
    <t>cg13028768</t>
  </si>
  <si>
    <t>cg13030786</t>
  </si>
  <si>
    <t>cg13034073</t>
  </si>
  <si>
    <t>cg13035032</t>
  </si>
  <si>
    <t>cg13037895</t>
  </si>
  <si>
    <t>cg13042642</t>
  </si>
  <si>
    <t>cg13043400</t>
  </si>
  <si>
    <t>cg13047336</t>
  </si>
  <si>
    <t>cg13047843</t>
  </si>
  <si>
    <t>cg13047892</t>
  </si>
  <si>
    <t>cg13051970</t>
  </si>
  <si>
    <t>cg13053372</t>
  </si>
  <si>
    <t>cg13056495</t>
  </si>
  <si>
    <t>cg13068698</t>
  </si>
  <si>
    <t>cg13070193</t>
  </si>
  <si>
    <t>cg13070632</t>
  </si>
  <si>
    <t>cg13071326</t>
  </si>
  <si>
    <t>cg13080716</t>
  </si>
  <si>
    <t>cg13080904</t>
  </si>
  <si>
    <t>cg13080927</t>
  </si>
  <si>
    <t>cg13081213</t>
  </si>
  <si>
    <t>cg13081600</t>
  </si>
  <si>
    <t>cg13087969</t>
  </si>
  <si>
    <t>cg13096089</t>
  </si>
  <si>
    <t>cg13097342</t>
  </si>
  <si>
    <t>cg13098366</t>
  </si>
  <si>
    <t>cg13102079</t>
  </si>
  <si>
    <t>cg13102133</t>
  </si>
  <si>
    <t>cg13102822</t>
  </si>
  <si>
    <t>cg13104880</t>
  </si>
  <si>
    <t>cg13118545</t>
  </si>
  <si>
    <t>cg13123578</t>
  </si>
  <si>
    <t>cg13138836</t>
  </si>
  <si>
    <t>cg13153540</t>
  </si>
  <si>
    <t>cg13153740</t>
  </si>
  <si>
    <t>cg13153834</t>
  </si>
  <si>
    <t>cg13155059</t>
  </si>
  <si>
    <t>cg13159559</t>
  </si>
  <si>
    <t>cg13163420</t>
  </si>
  <si>
    <t>cg13164343</t>
  </si>
  <si>
    <t>cg13166781</t>
  </si>
  <si>
    <t>cg13169491</t>
  </si>
  <si>
    <t>cg13171197</t>
  </si>
  <si>
    <t>cg13181826</t>
  </si>
  <si>
    <t>cg13196434</t>
  </si>
  <si>
    <t>cg13200354</t>
  </si>
  <si>
    <t>cg13200640</t>
  </si>
  <si>
    <t>cg13204977</t>
  </si>
  <si>
    <t>cg13205516</t>
  </si>
  <si>
    <t>cg13210467</t>
  </si>
  <si>
    <t>cg13215762</t>
  </si>
  <si>
    <t>cg13219604</t>
  </si>
  <si>
    <t>cg13223918</t>
  </si>
  <si>
    <t>cg13224213</t>
  </si>
  <si>
    <t>cg13230584</t>
  </si>
  <si>
    <t>cg13234848</t>
  </si>
  <si>
    <t>cg13247671</t>
  </si>
  <si>
    <t>cg13248406</t>
  </si>
  <si>
    <t>cg13251666</t>
  </si>
  <si>
    <t>cg13258599</t>
  </si>
  <si>
    <t>cg13258700</t>
  </si>
  <si>
    <t>cg13260916</t>
  </si>
  <si>
    <t>cg13263285</t>
  </si>
  <si>
    <t>cg13267092</t>
  </si>
  <si>
    <t>cg13269166</t>
  </si>
  <si>
    <t>cg13278350</t>
  </si>
  <si>
    <t>cg13278890</t>
  </si>
  <si>
    <t>cg13279244</t>
  </si>
  <si>
    <t>cg13280056</t>
  </si>
  <si>
    <t>cg13286510</t>
  </si>
  <si>
    <t>cg13286614</t>
  </si>
  <si>
    <t>cg13287553</t>
  </si>
  <si>
    <t>cg13289321</t>
  </si>
  <si>
    <t>cg13290371</t>
  </si>
  <si>
    <t>cg13294487</t>
  </si>
  <si>
    <t>cg13298153</t>
  </si>
  <si>
    <t>cg13298209</t>
  </si>
  <si>
    <t>cg13298841</t>
  </si>
  <si>
    <t>cg13298859</t>
  </si>
  <si>
    <t>cg13301722</t>
  </si>
  <si>
    <t>cg13310971</t>
  </si>
  <si>
    <t>cg13311803</t>
  </si>
  <si>
    <t>cg13313214</t>
  </si>
  <si>
    <t>cg13313339</t>
  </si>
  <si>
    <t>cg13316191</t>
  </si>
  <si>
    <t>cg13319711</t>
  </si>
  <si>
    <t>cg13320257</t>
  </si>
  <si>
    <t>cg13323553</t>
  </si>
  <si>
    <t>cg13324057</t>
  </si>
  <si>
    <t>cg13324311</t>
  </si>
  <si>
    <t>cg13324919</t>
  </si>
  <si>
    <t>cg13325066</t>
  </si>
  <si>
    <t>cg13327407</t>
  </si>
  <si>
    <t>cg13327952</t>
  </si>
  <si>
    <t>cg13329789</t>
  </si>
  <si>
    <t>cg13330005</t>
  </si>
  <si>
    <t>cg13335691</t>
  </si>
  <si>
    <t>cg13337615</t>
  </si>
  <si>
    <t>cg13344740</t>
  </si>
  <si>
    <t>cg13345957</t>
  </si>
  <si>
    <t>cg13351698</t>
  </si>
  <si>
    <t>cg13354695</t>
  </si>
  <si>
    <t>cg13357497</t>
  </si>
  <si>
    <t>cg13360404</t>
  </si>
  <si>
    <t>cg13362082</t>
  </si>
  <si>
    <t>cg13362105</t>
  </si>
  <si>
    <t>cg13364756</t>
  </si>
  <si>
    <t>cg13366537</t>
  </si>
  <si>
    <t>cg13367272</t>
  </si>
  <si>
    <t>cg13369164</t>
  </si>
  <si>
    <t>cg13374528</t>
  </si>
  <si>
    <t>cg13375262</t>
  </si>
  <si>
    <t>cg13375571</t>
  </si>
  <si>
    <t>cg13375629</t>
  </si>
  <si>
    <t>cg13378656</t>
  </si>
  <si>
    <t>cg13380319</t>
  </si>
  <si>
    <t>cg13381243</t>
  </si>
  <si>
    <t>cg13388277</t>
  </si>
  <si>
    <t>cg13389958</t>
  </si>
  <si>
    <t>cg13398368</t>
  </si>
  <si>
    <t>cg13400493</t>
  </si>
  <si>
    <t>cg13401196</t>
  </si>
  <si>
    <t>cg13402916</t>
  </si>
  <si>
    <t>cg13403121</t>
  </si>
  <si>
    <t>cg13407262</t>
  </si>
  <si>
    <t>cg13410755</t>
  </si>
  <si>
    <t>cg13411879</t>
  </si>
  <si>
    <t>cg13420159</t>
  </si>
  <si>
    <t>cg13420422</t>
  </si>
  <si>
    <t>cg13421062</t>
  </si>
  <si>
    <t>cg13422359</t>
  </si>
  <si>
    <t>cg13430409</t>
  </si>
  <si>
    <t>cg13436110</t>
  </si>
  <si>
    <t>cg13443797</t>
  </si>
  <si>
    <t>cg13445067</t>
  </si>
  <si>
    <t>cg13446584</t>
  </si>
  <si>
    <t>cg13449787</t>
  </si>
  <si>
    <t>cg13450708</t>
  </si>
  <si>
    <t>cg13451733</t>
  </si>
  <si>
    <t>cg13453973</t>
  </si>
  <si>
    <t>cg13454199</t>
  </si>
  <si>
    <t>cg13459606</t>
  </si>
  <si>
    <t>cg13462129</t>
  </si>
  <si>
    <t>cg13464062</t>
  </si>
  <si>
    <t>cg13464117</t>
  </si>
  <si>
    <t>cg13469268</t>
  </si>
  <si>
    <t>cg13473576</t>
  </si>
  <si>
    <t>cg13474918</t>
  </si>
  <si>
    <t>cg13476800</t>
  </si>
  <si>
    <t>cg13477101</t>
  </si>
  <si>
    <t>cg13477780</t>
  </si>
  <si>
    <t>cg13485481</t>
  </si>
  <si>
    <t>cg13486406</t>
  </si>
  <si>
    <t>cg13492520</t>
  </si>
  <si>
    <t>cg13493071</t>
  </si>
  <si>
    <t>cg13493652</t>
  </si>
  <si>
    <t>cg13495373</t>
  </si>
  <si>
    <t>cg13502592</t>
  </si>
  <si>
    <t>cg13502686</t>
  </si>
  <si>
    <t>cg13504856</t>
  </si>
  <si>
    <t>cg13505693</t>
  </si>
  <si>
    <t>cg13509456</t>
  </si>
  <si>
    <t>cg13511293</t>
  </si>
  <si>
    <t>cg13514042</t>
  </si>
  <si>
    <t>cg13523557</t>
  </si>
  <si>
    <t>cg13524180</t>
  </si>
  <si>
    <t>cg13525639</t>
  </si>
  <si>
    <t>cg13526032</t>
  </si>
  <si>
    <t>cg13527910</t>
  </si>
  <si>
    <t>cg13529101</t>
  </si>
  <si>
    <t>cg13529288</t>
  </si>
  <si>
    <t>cg13537061</t>
  </si>
  <si>
    <t>cg13544851</t>
  </si>
  <si>
    <t>cg13547574</t>
  </si>
  <si>
    <t>cg13554213</t>
  </si>
  <si>
    <t>cg13557337</t>
  </si>
  <si>
    <t>cg13560200</t>
  </si>
  <si>
    <t>cg13560901</t>
  </si>
  <si>
    <t>cg13564444</t>
  </si>
  <si>
    <t>cg13565994</t>
  </si>
  <si>
    <t>cg13567744</t>
  </si>
  <si>
    <t>cg13570487</t>
  </si>
  <si>
    <t>cg13571479</t>
  </si>
  <si>
    <t>cg13574883</t>
  </si>
  <si>
    <t>cg13577076</t>
  </si>
  <si>
    <t>cg13577744</t>
  </si>
  <si>
    <t>cg13578408</t>
  </si>
  <si>
    <t>cg13578647</t>
  </si>
  <si>
    <t>cg13585032</t>
  </si>
  <si>
    <t>cg13587270</t>
  </si>
  <si>
    <t>cg13588800</t>
  </si>
  <si>
    <t>cg13594711</t>
  </si>
  <si>
    <t>cg13596235</t>
  </si>
  <si>
    <t>cg13600480</t>
  </si>
  <si>
    <t>cg13604276</t>
  </si>
  <si>
    <t>cg13609821</t>
  </si>
  <si>
    <t>cg13613976</t>
  </si>
  <si>
    <t>cg13617733</t>
  </si>
  <si>
    <t>cg13619810</t>
  </si>
  <si>
    <t>cg13621882</t>
  </si>
  <si>
    <t>cg13623887</t>
  </si>
  <si>
    <t>cg13626639</t>
  </si>
  <si>
    <t>cg13626791</t>
  </si>
  <si>
    <t>cg13629645</t>
  </si>
  <si>
    <t>cg13630131</t>
  </si>
  <si>
    <t>cg13632655</t>
  </si>
  <si>
    <t>cg13632955</t>
  </si>
  <si>
    <t>cg13634864</t>
  </si>
  <si>
    <t>cg13635184</t>
  </si>
  <si>
    <t>cg13636404</t>
  </si>
  <si>
    <t>cg13639901</t>
  </si>
  <si>
    <t>cg13641082</t>
  </si>
  <si>
    <t>cg13645704</t>
  </si>
  <si>
    <t>cg13645954</t>
  </si>
  <si>
    <t>cg13647536</t>
  </si>
  <si>
    <t>cg13650156</t>
  </si>
  <si>
    <t>cg13655570</t>
  </si>
  <si>
    <t>cg13655586</t>
  </si>
  <si>
    <t>cg13655917</t>
  </si>
  <si>
    <t>cg13655928</t>
  </si>
  <si>
    <t>cg13657134</t>
  </si>
  <si>
    <t>cg13659700</t>
  </si>
  <si>
    <t>cg13660622</t>
  </si>
  <si>
    <t>cg13660655</t>
  </si>
  <si>
    <t>cg13661131</t>
  </si>
  <si>
    <t>cg13662144</t>
  </si>
  <si>
    <t>cg13666696</t>
  </si>
  <si>
    <t>cg13675849</t>
  </si>
  <si>
    <t>cg13677571</t>
  </si>
  <si>
    <t>cg13677897</t>
  </si>
  <si>
    <t>cg13683125</t>
  </si>
  <si>
    <t>cg13687274</t>
  </si>
  <si>
    <t>cg13689044</t>
  </si>
  <si>
    <t>cg13691901</t>
  </si>
  <si>
    <t>cg13695954</t>
  </si>
  <si>
    <t>cg13696287</t>
  </si>
  <si>
    <t>cg13696531</t>
  </si>
  <si>
    <t>cg13710553</t>
  </si>
  <si>
    <t>cg13713066</t>
  </si>
  <si>
    <t>cg13713283</t>
  </si>
  <si>
    <t>cg13716074</t>
  </si>
  <si>
    <t>cg13722127</t>
  </si>
  <si>
    <t>cg13730193</t>
  </si>
  <si>
    <t>cg13733410</t>
  </si>
  <si>
    <t>cg13736939</t>
  </si>
  <si>
    <t>cg13750326</t>
  </si>
  <si>
    <t>cg13759172</t>
  </si>
  <si>
    <t>cg13761594</t>
  </si>
  <si>
    <t>cg13762676</t>
  </si>
  <si>
    <t>cg13767245</t>
  </si>
  <si>
    <t>cg13773614</t>
  </si>
  <si>
    <t>cg13789443</t>
  </si>
  <si>
    <t>cg13795448</t>
  </si>
  <si>
    <t>cg13796158</t>
  </si>
  <si>
    <t>cg13797824</t>
  </si>
  <si>
    <t>cg13798585</t>
  </si>
  <si>
    <t>cg13798745</t>
  </si>
  <si>
    <t>cg13798825</t>
  </si>
  <si>
    <t>cg13799941</t>
  </si>
  <si>
    <t>cg13801056</t>
  </si>
  <si>
    <t>cg13810644</t>
  </si>
  <si>
    <t>cg13810766</t>
  </si>
  <si>
    <t>cg13820111</t>
  </si>
  <si>
    <t>cg13821785</t>
  </si>
  <si>
    <t>cg13827984</t>
  </si>
  <si>
    <t>cg13828236</t>
  </si>
  <si>
    <t>cg13832457</t>
  </si>
  <si>
    <t>cg13832955</t>
  </si>
  <si>
    <t>cg13844899</t>
  </si>
  <si>
    <t>cg13858484</t>
  </si>
  <si>
    <t>cg13860627</t>
  </si>
  <si>
    <t>cg13862384</t>
  </si>
  <si>
    <t>cg13868473</t>
  </si>
  <si>
    <t>cg13868773</t>
  </si>
  <si>
    <t>cg13870866</t>
  </si>
  <si>
    <t>cg13872065</t>
  </si>
  <si>
    <t>cg13874046</t>
  </si>
  <si>
    <t>cg13877930</t>
  </si>
  <si>
    <t>cg13878520</t>
  </si>
  <si>
    <t>cg13878705</t>
  </si>
  <si>
    <t>cg13884617</t>
  </si>
  <si>
    <t>cg13886135</t>
  </si>
  <si>
    <t>cg13895834</t>
  </si>
  <si>
    <t>cg13899132</t>
  </si>
  <si>
    <t>cg13904214</t>
  </si>
  <si>
    <t>cg13906098</t>
  </si>
  <si>
    <t>cg13912435</t>
  </si>
  <si>
    <t>cg13913313</t>
  </si>
  <si>
    <t>cg13914531</t>
  </si>
  <si>
    <t>cg13915028</t>
  </si>
  <si>
    <t>cg13916931</t>
  </si>
  <si>
    <t>cg13916961</t>
  </si>
  <si>
    <t>cg13917504</t>
  </si>
  <si>
    <t>cg13918350</t>
  </si>
  <si>
    <t>cg13918433</t>
  </si>
  <si>
    <t>cg13918611</t>
  </si>
  <si>
    <t>cg13922124</t>
  </si>
  <si>
    <t>cg13924998</t>
  </si>
  <si>
    <t>cg13927401</t>
  </si>
  <si>
    <t>cg13928313</t>
  </si>
  <si>
    <t>cg13933373</t>
  </si>
  <si>
    <t>cg13933838</t>
  </si>
  <si>
    <t>cg13936680</t>
  </si>
  <si>
    <t>cg13938349</t>
  </si>
  <si>
    <t>cg13939546</t>
  </si>
  <si>
    <t>cg13942782</t>
  </si>
  <si>
    <t>cg13951488</t>
  </si>
  <si>
    <t>cg13951589</t>
  </si>
  <si>
    <t>cg13954754</t>
  </si>
  <si>
    <t>cg13957126</t>
  </si>
  <si>
    <t>cg13962844</t>
  </si>
  <si>
    <t>cg13973813</t>
  </si>
  <si>
    <t>cg13975093</t>
  </si>
  <si>
    <t>cg13975641</t>
  </si>
  <si>
    <t>cg13975648</t>
  </si>
  <si>
    <t>cg13976356</t>
  </si>
  <si>
    <t>cg13977557</t>
  </si>
  <si>
    <t>cg13977660</t>
  </si>
  <si>
    <t>cg13980308</t>
  </si>
  <si>
    <t>cg13983870</t>
  </si>
  <si>
    <t>cg13985518</t>
  </si>
  <si>
    <t>cg13986881</t>
  </si>
  <si>
    <t>cg13988587</t>
  </si>
  <si>
    <t>cg13990486</t>
  </si>
  <si>
    <t>cg13994730</t>
  </si>
  <si>
    <t>cg13998395</t>
  </si>
  <si>
    <t>cg13998945</t>
  </si>
  <si>
    <t>cg14009688</t>
  </si>
  <si>
    <t>cg14010305</t>
  </si>
  <si>
    <t>cg14010366</t>
  </si>
  <si>
    <t>cg14014033</t>
  </si>
  <si>
    <t>cg14014485</t>
  </si>
  <si>
    <t>cg14018339</t>
  </si>
  <si>
    <t>cg14028769</t>
  </si>
  <si>
    <t>cg14030593</t>
  </si>
  <si>
    <t>cg14031365</t>
  </si>
  <si>
    <t>cg14036479</t>
  </si>
  <si>
    <t>cg14042143</t>
  </si>
  <si>
    <t>cg14047091</t>
  </si>
  <si>
    <t>cg14047370</t>
  </si>
  <si>
    <t>cg14051181</t>
  </si>
  <si>
    <t>cg14051770</t>
  </si>
  <si>
    <t>cg14052112</t>
  </si>
  <si>
    <t>cg14055212</t>
  </si>
  <si>
    <t>cg14062916</t>
  </si>
  <si>
    <t>cg14064193</t>
  </si>
  <si>
    <t>cg14070549</t>
  </si>
  <si>
    <t>cg14073571</t>
  </si>
  <si>
    <t>cg14080518</t>
  </si>
  <si>
    <t>cg14080696</t>
  </si>
  <si>
    <t>cg14085012</t>
  </si>
  <si>
    <t>cg14086681</t>
  </si>
  <si>
    <t>cg14087351</t>
  </si>
  <si>
    <t>cg14088052</t>
  </si>
  <si>
    <t>cg14088161</t>
  </si>
  <si>
    <t>cg14088957</t>
  </si>
  <si>
    <t>cg14091258</t>
  </si>
  <si>
    <t>cg14092364</t>
  </si>
  <si>
    <t>cg14093886</t>
  </si>
  <si>
    <t>cg14095142</t>
  </si>
  <si>
    <t>cg14101623</t>
  </si>
  <si>
    <t>cg14107644</t>
  </si>
  <si>
    <t>cg14113960</t>
  </si>
  <si>
    <t>cg14116056</t>
  </si>
  <si>
    <t>cg14120784</t>
  </si>
  <si>
    <t>cg14125469</t>
  </si>
  <si>
    <t>cg14125960</t>
  </si>
  <si>
    <t>cg14141514</t>
  </si>
  <si>
    <t>cg14141610</t>
  </si>
  <si>
    <t>cg14145074</t>
  </si>
  <si>
    <t>cg14146669</t>
  </si>
  <si>
    <t>cg14151459</t>
  </si>
  <si>
    <t>cg14157213</t>
  </si>
  <si>
    <t>cg14158594</t>
  </si>
  <si>
    <t>cg14159576</t>
  </si>
  <si>
    <t>cg14163444</t>
  </si>
  <si>
    <t>cg14168009</t>
  </si>
  <si>
    <t>cg14171882</t>
  </si>
  <si>
    <t>cg14177084</t>
  </si>
  <si>
    <t>cg14178173</t>
  </si>
  <si>
    <t>cg14178343</t>
  </si>
  <si>
    <t>cg14178347</t>
  </si>
  <si>
    <t>cg14186245</t>
  </si>
  <si>
    <t>cg14189605</t>
  </si>
  <si>
    <t>cg14191360</t>
  </si>
  <si>
    <t>cg14197907</t>
  </si>
  <si>
    <t>cg14200635</t>
  </si>
  <si>
    <t>cg14201717</t>
  </si>
  <si>
    <t>cg14202048</t>
  </si>
  <si>
    <t>cg14204559</t>
  </si>
  <si>
    <t>cg14205632</t>
  </si>
  <si>
    <t>cg14209870</t>
  </si>
  <si>
    <t>cg14211350</t>
  </si>
  <si>
    <t>cg14211598</t>
  </si>
  <si>
    <t>cg14213406</t>
  </si>
  <si>
    <t>cg14213430</t>
  </si>
  <si>
    <t>cg14215309</t>
  </si>
  <si>
    <t>cg14215728</t>
  </si>
  <si>
    <t>cg14216196</t>
  </si>
  <si>
    <t>cg14216201</t>
  </si>
  <si>
    <t>cg14219787</t>
  </si>
  <si>
    <t>cg14224782</t>
  </si>
  <si>
    <t>cg14225039</t>
  </si>
  <si>
    <t>cg14225678</t>
  </si>
  <si>
    <t>cg14228177</t>
  </si>
  <si>
    <t>cg14236519</t>
  </si>
  <si>
    <t>cg14241879</t>
  </si>
  <si>
    <t>cg14243209</t>
  </si>
  <si>
    <t>cg14245309</t>
  </si>
  <si>
    <t>cg14248429</t>
  </si>
  <si>
    <t>cg14251512</t>
  </si>
  <si>
    <t>cg14251777</t>
  </si>
  <si>
    <t>cg14256840</t>
  </si>
  <si>
    <t>cg14260643</t>
  </si>
  <si>
    <t>cg14260709</t>
  </si>
  <si>
    <t>cg14261780</t>
  </si>
  <si>
    <t>cg14263171</t>
  </si>
  <si>
    <t>cg14267645</t>
  </si>
  <si>
    <t>cg14275235</t>
  </si>
  <si>
    <t>cg14283194</t>
  </si>
  <si>
    <t>cg14286660</t>
  </si>
  <si>
    <t>cg14289228</t>
  </si>
  <si>
    <t>cg14299134</t>
  </si>
  <si>
    <t>cg14309002</t>
  </si>
  <si>
    <t>cg14311320</t>
  </si>
  <si>
    <t>cg14320519</t>
  </si>
  <si>
    <t>cg14324816</t>
  </si>
  <si>
    <t>cg14329783</t>
  </si>
  <si>
    <t>cg14338779</t>
  </si>
  <si>
    <t>cg14343652</t>
  </si>
  <si>
    <t>cg14344486</t>
  </si>
  <si>
    <t>cg14347989</t>
  </si>
  <si>
    <t>cg14349149</t>
  </si>
  <si>
    <t>cg14349549</t>
  </si>
  <si>
    <t>cg14354306</t>
  </si>
  <si>
    <t>cg14358164</t>
  </si>
  <si>
    <t>cg14361148</t>
  </si>
  <si>
    <t>cg14361586</t>
  </si>
  <si>
    <t>cg14362004</t>
  </si>
  <si>
    <t>cg14368406</t>
  </si>
  <si>
    <t>cg14370520</t>
  </si>
  <si>
    <t>cg14377593</t>
  </si>
  <si>
    <t>cg14381948</t>
  </si>
  <si>
    <t>cg14382923</t>
  </si>
  <si>
    <t>cg14383586</t>
  </si>
  <si>
    <t>cg14384933</t>
  </si>
  <si>
    <t>cg14385298</t>
  </si>
  <si>
    <t>cg14390189</t>
  </si>
  <si>
    <t>cg14392168</t>
  </si>
  <si>
    <t>cg14393567</t>
  </si>
  <si>
    <t>cg14396619</t>
  </si>
  <si>
    <t>cg14397500</t>
  </si>
  <si>
    <t>cg14398449</t>
  </si>
  <si>
    <t>cg14400090</t>
  </si>
  <si>
    <t>cg14401372</t>
  </si>
  <si>
    <t>cg14402125</t>
  </si>
  <si>
    <t>cg14402224</t>
  </si>
  <si>
    <t>cg14403090</t>
  </si>
  <si>
    <t>cg14405813</t>
  </si>
  <si>
    <t>cg14407341</t>
  </si>
  <si>
    <t>cg14410503</t>
  </si>
  <si>
    <t>cg14410518</t>
  </si>
  <si>
    <t>cg14411527</t>
  </si>
  <si>
    <t>cg14412967</t>
  </si>
  <si>
    <t>cg14420668</t>
  </si>
  <si>
    <t>cg14420904</t>
  </si>
  <si>
    <t>cg14426015</t>
  </si>
  <si>
    <t>cg14426836</t>
  </si>
  <si>
    <t>cg14427694</t>
  </si>
  <si>
    <t>cg14428048</t>
  </si>
  <si>
    <t>cg14428815</t>
  </si>
  <si>
    <t>cg14428827</t>
  </si>
  <si>
    <t>cg14430943</t>
  </si>
  <si>
    <t>cg14431337</t>
  </si>
  <si>
    <t>cg14432251</t>
  </si>
  <si>
    <t>cg14441491</t>
  </si>
  <si>
    <t>cg14442992</t>
  </si>
  <si>
    <t>cg14449317</t>
  </si>
  <si>
    <t>cg14453403</t>
  </si>
  <si>
    <t>cg14453978</t>
  </si>
  <si>
    <t>cg14468481</t>
  </si>
  <si>
    <t>cg14477619</t>
  </si>
  <si>
    <t>cg14485097</t>
  </si>
  <si>
    <t>cg14494365</t>
  </si>
  <si>
    <t>cg14495241</t>
  </si>
  <si>
    <t>cg14497327</t>
  </si>
  <si>
    <t>cg14498572</t>
  </si>
  <si>
    <t>cg14499053</t>
  </si>
  <si>
    <t>cg14505299</t>
  </si>
  <si>
    <t>cg14507482</t>
  </si>
  <si>
    <t>cg14511375</t>
  </si>
  <si>
    <t>cg14515996</t>
  </si>
  <si>
    <t>cg14516793</t>
  </si>
  <si>
    <t>cg14519534</t>
  </si>
  <si>
    <t>cg14519777</t>
  </si>
  <si>
    <t>cg14520106</t>
  </si>
  <si>
    <t>cg14520511</t>
  </si>
  <si>
    <t>cg14522047</t>
  </si>
  <si>
    <t>cg14522298</t>
  </si>
  <si>
    <t>cg14523734</t>
  </si>
  <si>
    <t>cg14524476</t>
  </si>
  <si>
    <t>cg14524704</t>
  </si>
  <si>
    <t>cg14527439</t>
  </si>
  <si>
    <t>cg14527564</t>
  </si>
  <si>
    <t>cg14534464</t>
  </si>
  <si>
    <t>cg14534967</t>
  </si>
  <si>
    <t>cg14536372</t>
  </si>
  <si>
    <t>cg14548925</t>
  </si>
  <si>
    <t>cg14549774</t>
  </si>
  <si>
    <t>cg14549849</t>
  </si>
  <si>
    <t>cg14549878</t>
  </si>
  <si>
    <t>cg14552801</t>
  </si>
  <si>
    <t>cg14554438</t>
  </si>
  <si>
    <t>cg14555127</t>
  </si>
  <si>
    <t>cg14561880</t>
  </si>
  <si>
    <t>cg14564076</t>
  </si>
  <si>
    <t>cg14570307</t>
  </si>
  <si>
    <t>cg14571574</t>
  </si>
  <si>
    <t>cg14571761</t>
  </si>
  <si>
    <t>cg14577155</t>
  </si>
  <si>
    <t>cg14579118</t>
  </si>
  <si>
    <t>cg14582057</t>
  </si>
  <si>
    <t>cg14584935</t>
  </si>
  <si>
    <t>cg14588411</t>
  </si>
  <si>
    <t>cg14597504</t>
  </si>
  <si>
    <t>cg14603031</t>
  </si>
  <si>
    <t>cg14605559</t>
  </si>
  <si>
    <t>cg14606082</t>
  </si>
  <si>
    <t>cg14606858</t>
  </si>
  <si>
    <t>cg14615491</t>
  </si>
  <si>
    <t>cg14627743</t>
  </si>
  <si>
    <t>cg14627974</t>
  </si>
  <si>
    <t>cg14628604</t>
  </si>
  <si>
    <t>cg14628708</t>
  </si>
  <si>
    <t>cg14633139</t>
  </si>
  <si>
    <t>cg14635659</t>
  </si>
  <si>
    <t>cg14638384</t>
  </si>
  <si>
    <t>cg14640481</t>
  </si>
  <si>
    <t>cg14640865</t>
  </si>
  <si>
    <t>cg14644871</t>
  </si>
  <si>
    <t>cg14648167</t>
  </si>
  <si>
    <t>cg14648368</t>
  </si>
  <si>
    <t>cg14649140</t>
  </si>
  <si>
    <t>cg14649827</t>
  </si>
  <si>
    <t>cg14661969</t>
  </si>
  <si>
    <t>cg14662210</t>
  </si>
  <si>
    <t>cg14667235</t>
  </si>
  <si>
    <t>cg14668118</t>
  </si>
  <si>
    <t>cg14668632</t>
  </si>
  <si>
    <t>cg14671222</t>
  </si>
  <si>
    <t>cg14674361</t>
  </si>
  <si>
    <t>cg14677296</t>
  </si>
  <si>
    <t>cg14682731</t>
  </si>
  <si>
    <t>cg14688342</t>
  </si>
  <si>
    <t>cg14688662</t>
  </si>
  <si>
    <t>cg14688751</t>
  </si>
  <si>
    <t>cg14690467</t>
  </si>
  <si>
    <t>cg14690980</t>
  </si>
  <si>
    <t>cg14702307</t>
  </si>
  <si>
    <t>cg14706178</t>
  </si>
  <si>
    <t>cg14706245</t>
  </si>
  <si>
    <t>cg14706334</t>
  </si>
  <si>
    <t>cg14706807</t>
  </si>
  <si>
    <t>cg14712657</t>
  </si>
  <si>
    <t>cg14714629</t>
  </si>
  <si>
    <t>cg14724613</t>
  </si>
  <si>
    <t>cg14734794</t>
  </si>
  <si>
    <t>cg14735087</t>
  </si>
  <si>
    <t>cg14736458</t>
  </si>
  <si>
    <t>cg14741855</t>
  </si>
  <si>
    <t>cg14743683</t>
  </si>
  <si>
    <t>cg14744579</t>
  </si>
  <si>
    <t>cg14754494</t>
  </si>
  <si>
    <t>cg14761227</t>
  </si>
  <si>
    <t>cg14761417</t>
  </si>
  <si>
    <t>cg14762670</t>
  </si>
  <si>
    <t>cg14769121</t>
  </si>
  <si>
    <t>cg14771419</t>
  </si>
  <si>
    <t>cg14778169</t>
  </si>
  <si>
    <t>cg14779376</t>
  </si>
  <si>
    <t>cg14784253</t>
  </si>
  <si>
    <t>cg14784774</t>
  </si>
  <si>
    <t>cg14785679</t>
  </si>
  <si>
    <t>cg14785681</t>
  </si>
  <si>
    <t>cg14794023</t>
  </si>
  <si>
    <t>cg14794735</t>
  </si>
  <si>
    <t>cg14795894</t>
  </si>
  <si>
    <t>cg14796007</t>
  </si>
  <si>
    <t>cg14796107</t>
  </si>
  <si>
    <t>cg14798566</t>
  </si>
  <si>
    <t>cg14803765</t>
  </si>
  <si>
    <t>cg14806752</t>
  </si>
  <si>
    <t>cg14809204</t>
  </si>
  <si>
    <t>cg14814333</t>
  </si>
  <si>
    <t>cg14825462</t>
  </si>
  <si>
    <t>cg14825743</t>
  </si>
  <si>
    <t>cg14826417</t>
  </si>
  <si>
    <t>cg14829948</t>
  </si>
  <si>
    <t>cg14831946</t>
  </si>
  <si>
    <t>cg14832998</t>
  </si>
  <si>
    <t>cg14833283</t>
  </si>
  <si>
    <t>cg14835981</t>
  </si>
  <si>
    <t>cg14838600</t>
  </si>
  <si>
    <t>cg14839323</t>
  </si>
  <si>
    <t>cg14840081</t>
  </si>
  <si>
    <t>cg14841222</t>
  </si>
  <si>
    <t>cg14845272</t>
  </si>
  <si>
    <t>cg14846372</t>
  </si>
  <si>
    <t>cg14846596</t>
  </si>
  <si>
    <t>cg14849421</t>
  </si>
  <si>
    <t>cg14850948</t>
  </si>
  <si>
    <t>cg14851846</t>
  </si>
  <si>
    <t>cg14853515</t>
  </si>
  <si>
    <t>cg14862787</t>
  </si>
  <si>
    <t>cg14863265</t>
  </si>
  <si>
    <t>cg14873699</t>
  </si>
  <si>
    <t>cg14876102</t>
  </si>
  <si>
    <t>cg14876996</t>
  </si>
  <si>
    <t>cg14882265</t>
  </si>
  <si>
    <t>cg14882669</t>
  </si>
  <si>
    <t>cg14884160</t>
  </si>
  <si>
    <t>cg14893720</t>
  </si>
  <si>
    <t>cg14896463</t>
  </si>
  <si>
    <t>cg14896948</t>
  </si>
  <si>
    <t>cg14909424</t>
  </si>
  <si>
    <t>cg14913925</t>
  </si>
  <si>
    <t>cg14922886</t>
  </si>
  <si>
    <t>cg14927519</t>
  </si>
  <si>
    <t>cg14935378</t>
  </si>
  <si>
    <t>cg14938587</t>
  </si>
  <si>
    <t>cg14938677</t>
  </si>
  <si>
    <t>cg14940962</t>
  </si>
  <si>
    <t>cg14950237</t>
  </si>
  <si>
    <t>cg14970597</t>
  </si>
  <si>
    <t>cg14975238</t>
  </si>
  <si>
    <t>cg14981549</t>
  </si>
  <si>
    <t>cg14984246</t>
  </si>
  <si>
    <t>cg14984920</t>
  </si>
  <si>
    <t>cg14985548</t>
  </si>
  <si>
    <t>cg14988722</t>
  </si>
  <si>
    <t>cg14989226</t>
  </si>
  <si>
    <t>cg14989988</t>
  </si>
  <si>
    <t>cg14990857</t>
  </si>
  <si>
    <t>cg14992633</t>
  </si>
  <si>
    <t>cg14994242</t>
  </si>
  <si>
    <t>cg14996935</t>
  </si>
  <si>
    <t>cg14999911</t>
  </si>
  <si>
    <t>cg15000722</t>
  </si>
  <si>
    <t>cg15001372</t>
  </si>
  <si>
    <t>cg15007050</t>
  </si>
  <si>
    <t>cg15008984</t>
  </si>
  <si>
    <t>cg15011622</t>
  </si>
  <si>
    <t>cg15015722</t>
  </si>
  <si>
    <t>cg15018486</t>
  </si>
  <si>
    <t>cg15022678</t>
  </si>
  <si>
    <t>cg15030014</t>
  </si>
  <si>
    <t>cg15030712</t>
  </si>
  <si>
    <t>cg15031685</t>
  </si>
  <si>
    <t>cg15032166</t>
  </si>
  <si>
    <t>cg15034861</t>
  </si>
  <si>
    <t>cg15035956</t>
  </si>
  <si>
    <t>cg15037137</t>
  </si>
  <si>
    <t>cg15037663</t>
  </si>
  <si>
    <t>cg15042385</t>
  </si>
  <si>
    <t>cg15044954</t>
  </si>
  <si>
    <t>cg15048900</t>
  </si>
  <si>
    <t>cg15059371</t>
  </si>
  <si>
    <t>cg15059548</t>
  </si>
  <si>
    <t>cg15059562</t>
  </si>
  <si>
    <t>cg15067340</t>
  </si>
  <si>
    <t>cg15075499</t>
  </si>
  <si>
    <t>cg15076481</t>
  </si>
  <si>
    <t>cg15079124</t>
  </si>
  <si>
    <t>cg15082870</t>
  </si>
  <si>
    <t>cg15082875</t>
  </si>
  <si>
    <t>cg15086474</t>
  </si>
  <si>
    <t>cg15087147</t>
  </si>
  <si>
    <t>cg15089181</t>
  </si>
  <si>
    <t>cg15089950</t>
  </si>
  <si>
    <t>cg15090509</t>
  </si>
  <si>
    <t>cg15092213</t>
  </si>
  <si>
    <t>cg15095913</t>
  </si>
  <si>
    <t>cg15103195</t>
  </si>
  <si>
    <t>cg15110079</t>
  </si>
  <si>
    <t>cg15121417</t>
  </si>
  <si>
    <t>cg15123663</t>
  </si>
  <si>
    <t>cg15127227</t>
  </si>
  <si>
    <t>cg15127702</t>
  </si>
  <si>
    <t>cg15133363</t>
  </si>
  <si>
    <t>cg15135773</t>
  </si>
  <si>
    <t>cg15141868</t>
  </si>
  <si>
    <t>cg15144631</t>
  </si>
  <si>
    <t>cg15145985</t>
  </si>
  <si>
    <t>cg15146720</t>
  </si>
  <si>
    <t>cg15148371</t>
  </si>
  <si>
    <t>cg15152912</t>
  </si>
  <si>
    <t>cg15154229</t>
  </si>
  <si>
    <t>cg15164103</t>
  </si>
  <si>
    <t>cg15176338</t>
  </si>
  <si>
    <t>cg15177211</t>
  </si>
  <si>
    <t>cg15178578</t>
  </si>
  <si>
    <t>cg15181598</t>
  </si>
  <si>
    <t>cg15181905</t>
  </si>
  <si>
    <t>cg15183092</t>
  </si>
  <si>
    <t>cg15189860</t>
  </si>
  <si>
    <t>cg15195367</t>
  </si>
  <si>
    <t>cg15196806</t>
  </si>
  <si>
    <t>cg15199678</t>
  </si>
  <si>
    <t>cg15202251</t>
  </si>
  <si>
    <t>cg15209604</t>
  </si>
  <si>
    <t>cg15210108</t>
  </si>
  <si>
    <t>cg15210385</t>
  </si>
  <si>
    <t>cg15211486</t>
  </si>
  <si>
    <t>cg15211734</t>
  </si>
  <si>
    <t>cg15215155</t>
  </si>
  <si>
    <t>cg15218775</t>
  </si>
  <si>
    <t>cg15221203</t>
  </si>
  <si>
    <t>cg15224955</t>
  </si>
  <si>
    <t>cg15225364</t>
  </si>
  <si>
    <t>cg15225688</t>
  </si>
  <si>
    <t>cg15227302</t>
  </si>
  <si>
    <t>cg15230258</t>
  </si>
  <si>
    <t>cg15230743</t>
  </si>
  <si>
    <t>cg15240064</t>
  </si>
  <si>
    <t>cg15241549</t>
  </si>
  <si>
    <t>cg15243366</t>
  </si>
  <si>
    <t>cg15243542</t>
  </si>
  <si>
    <t>cg15244043</t>
  </si>
  <si>
    <t>cg15246238</t>
  </si>
  <si>
    <t>cg15247762</t>
  </si>
  <si>
    <t>cg15249221</t>
  </si>
  <si>
    <t>cg15254990</t>
  </si>
  <si>
    <t>cg15257078</t>
  </si>
  <si>
    <t>cg15257783</t>
  </si>
  <si>
    <t>cg15258156</t>
  </si>
  <si>
    <t>cg15261730</t>
  </si>
  <si>
    <t>cg15262984</t>
  </si>
  <si>
    <t>cg15263946</t>
  </si>
  <si>
    <t>cg15264811</t>
  </si>
  <si>
    <t>cg15267107</t>
  </si>
  <si>
    <t>cg15267216</t>
  </si>
  <si>
    <t>cg15277535</t>
  </si>
  <si>
    <t>cg15279364</t>
  </si>
  <si>
    <t>cg15285250</t>
  </si>
  <si>
    <t>cg15285764</t>
  </si>
  <si>
    <t>cg15286094</t>
  </si>
  <si>
    <t>cg15290779</t>
  </si>
  <si>
    <t>cg15302705</t>
  </si>
  <si>
    <t>cg15309361</t>
  </si>
  <si>
    <t>cg15314588</t>
  </si>
  <si>
    <t>cg15319585</t>
  </si>
  <si>
    <t>cg15320854</t>
  </si>
  <si>
    <t>cg15323195</t>
  </si>
  <si>
    <t>cg15326144</t>
  </si>
  <si>
    <t>cg15331781</t>
  </si>
  <si>
    <t>cg15339231</t>
  </si>
  <si>
    <t>cg15354892</t>
  </si>
  <si>
    <t>cg15361237</t>
  </si>
  <si>
    <t>cg15372218</t>
  </si>
  <si>
    <t>cg15372603</t>
  </si>
  <si>
    <t>cg15376461</t>
  </si>
  <si>
    <t>cg15377585</t>
  </si>
  <si>
    <t>cg15381259</t>
  </si>
  <si>
    <t>cg15381410</t>
  </si>
  <si>
    <t>cg15382051</t>
  </si>
  <si>
    <t>cg15383322</t>
  </si>
  <si>
    <t>cg15387987</t>
  </si>
  <si>
    <t>cg15388490</t>
  </si>
  <si>
    <t>cg15392893</t>
  </si>
  <si>
    <t>cg15394626</t>
  </si>
  <si>
    <t>cg15396310</t>
  </si>
  <si>
    <t>cg15400117</t>
  </si>
  <si>
    <t>cg15401507</t>
  </si>
  <si>
    <t>cg15412778</t>
  </si>
  <si>
    <t>cg15414833</t>
  </si>
  <si>
    <t>cg15423613</t>
  </si>
  <si>
    <t>cg15426660</t>
  </si>
  <si>
    <t>cg15434056</t>
  </si>
  <si>
    <t>cg15440763</t>
  </si>
  <si>
    <t>cg15442105</t>
  </si>
  <si>
    <t>cg15447479</t>
  </si>
  <si>
    <t>cg15447662</t>
  </si>
  <si>
    <t>cg15447715</t>
  </si>
  <si>
    <t>cg15453708</t>
  </si>
  <si>
    <t>cg15454385</t>
  </si>
  <si>
    <t>cg15458461</t>
  </si>
  <si>
    <t>cg15463989</t>
  </si>
  <si>
    <t>cg15464763</t>
  </si>
  <si>
    <t>cg15472092</t>
  </si>
  <si>
    <t>cg15477097</t>
  </si>
  <si>
    <t>cg15478515</t>
  </si>
  <si>
    <t>cg15488143</t>
  </si>
  <si>
    <t>cg15494379</t>
  </si>
  <si>
    <t>cg15500865</t>
  </si>
  <si>
    <t>cg15505998</t>
  </si>
  <si>
    <t>cg15507449</t>
  </si>
  <si>
    <t>cg15507475</t>
  </si>
  <si>
    <t>cg15510325</t>
  </si>
  <si>
    <t>cg15510373</t>
  </si>
  <si>
    <t>cg15536489</t>
  </si>
  <si>
    <t>cg15539786</t>
  </si>
  <si>
    <t>cg15540496</t>
  </si>
  <si>
    <t>cg15544721</t>
  </si>
  <si>
    <t>cg15547534</t>
  </si>
  <si>
    <t>cg15548711</t>
  </si>
  <si>
    <t>cg15549637</t>
  </si>
  <si>
    <t>cg15549926</t>
  </si>
  <si>
    <t>cg15559247</t>
  </si>
  <si>
    <t>cg15560337</t>
  </si>
  <si>
    <t>cg15565231</t>
  </si>
  <si>
    <t>cg15567428</t>
  </si>
  <si>
    <t>cg15572012</t>
  </si>
  <si>
    <t>cg15572235</t>
  </si>
  <si>
    <t>cg15573979</t>
  </si>
  <si>
    <t>cg15575249</t>
  </si>
  <si>
    <t>cg15578140</t>
  </si>
  <si>
    <t>cg15583263</t>
  </si>
  <si>
    <t>cg15585036</t>
  </si>
  <si>
    <t>cg15585372</t>
  </si>
  <si>
    <t>cg15587771</t>
  </si>
  <si>
    <t>cg15589939</t>
  </si>
  <si>
    <t>cg15590863</t>
  </si>
  <si>
    <t>cg15591276</t>
  </si>
  <si>
    <t>cg15592143</t>
  </si>
  <si>
    <t>cg15593716</t>
  </si>
  <si>
    <t>cg15601244</t>
  </si>
  <si>
    <t>cg15601371</t>
  </si>
  <si>
    <t>cg15602741</t>
  </si>
  <si>
    <t>cg15603896</t>
  </si>
  <si>
    <t>cg15615793</t>
  </si>
  <si>
    <t>cg15624376</t>
  </si>
  <si>
    <t>cg15626881</t>
  </si>
  <si>
    <t>cg15638123</t>
  </si>
  <si>
    <t>cg15647515</t>
  </si>
  <si>
    <t>cg15648594</t>
  </si>
  <si>
    <t>cg15649111</t>
  </si>
  <si>
    <t>cg15649801</t>
  </si>
  <si>
    <t>cg15651692</t>
  </si>
  <si>
    <t>cg15652178</t>
  </si>
  <si>
    <t>cg15654127</t>
  </si>
  <si>
    <t>cg15665792</t>
  </si>
  <si>
    <t>cg15666071</t>
  </si>
  <si>
    <t>cg15668691</t>
  </si>
  <si>
    <t>cg15672044</t>
  </si>
  <si>
    <t>cg15673616</t>
  </si>
  <si>
    <t>cg15676292</t>
  </si>
  <si>
    <t>cg15677080</t>
  </si>
  <si>
    <t>cg15677384</t>
  </si>
  <si>
    <t>cg15678885</t>
  </si>
  <si>
    <t>cg15679892</t>
  </si>
  <si>
    <t>cg15685424</t>
  </si>
  <si>
    <t>cg15686782</t>
  </si>
  <si>
    <t>cg15689689</t>
  </si>
  <si>
    <t>cg15692007</t>
  </si>
  <si>
    <t>cg15692229</t>
  </si>
  <si>
    <t>cg15693483</t>
  </si>
  <si>
    <t>cg15697470</t>
  </si>
  <si>
    <t>cg15701281</t>
  </si>
  <si>
    <t>cg15701579</t>
  </si>
  <si>
    <t>cg15703690</t>
  </si>
  <si>
    <t>cg15704280</t>
  </si>
  <si>
    <t>cg15729687</t>
  </si>
  <si>
    <t>cg15730180</t>
  </si>
  <si>
    <t>cg15730857</t>
  </si>
  <si>
    <t>cg15731053</t>
  </si>
  <si>
    <t>cg15731881</t>
  </si>
  <si>
    <t>cg15732304</t>
  </si>
  <si>
    <t>cg15732768</t>
  </si>
  <si>
    <t>cg15735287</t>
  </si>
  <si>
    <t>cg15736062</t>
  </si>
  <si>
    <t>cg15742060</t>
  </si>
  <si>
    <t>cg15760123</t>
  </si>
  <si>
    <t>cg15760840</t>
  </si>
  <si>
    <t>cg15763172</t>
  </si>
  <si>
    <t>cg15774495</t>
  </si>
  <si>
    <t>cg15777769</t>
  </si>
  <si>
    <t>cg15779702</t>
  </si>
  <si>
    <t>cg15781561</t>
  </si>
  <si>
    <t>cg15782666</t>
  </si>
  <si>
    <t>cg15787544</t>
  </si>
  <si>
    <t>cg15789334</t>
  </si>
  <si>
    <t>cg15789829</t>
  </si>
  <si>
    <t>cg15792766</t>
  </si>
  <si>
    <t>cg15797110</t>
  </si>
  <si>
    <t>cg15798279</t>
  </si>
  <si>
    <t>cg15798862</t>
  </si>
  <si>
    <t>cg15807655</t>
  </si>
  <si>
    <t>cg15807846</t>
  </si>
  <si>
    <t>cg15807855</t>
  </si>
  <si>
    <t>cg15812586</t>
  </si>
  <si>
    <t>cg15815016</t>
  </si>
  <si>
    <t>cg15825510</t>
  </si>
  <si>
    <t>cg15833657</t>
  </si>
  <si>
    <t>cg15835396</t>
  </si>
  <si>
    <t>cg15835825</t>
  </si>
  <si>
    <t>cg15843825</t>
  </si>
  <si>
    <t>cg15857635</t>
  </si>
  <si>
    <t>cg15864691</t>
  </si>
  <si>
    <t>cg15874698</t>
  </si>
  <si>
    <t>cg15874872</t>
  </si>
  <si>
    <t>cg15877295</t>
  </si>
  <si>
    <t>cg15877936</t>
  </si>
  <si>
    <t>cg15879755</t>
  </si>
  <si>
    <t>cg15881597</t>
  </si>
  <si>
    <t>cg15887709</t>
  </si>
  <si>
    <t>cg15891757</t>
  </si>
  <si>
    <t>cg15893146</t>
  </si>
  <si>
    <t>cg15898604</t>
  </si>
  <si>
    <t>cg15899032</t>
  </si>
  <si>
    <t>cg15899297</t>
  </si>
  <si>
    <t>cg15900320</t>
  </si>
  <si>
    <t>cg15903624</t>
  </si>
  <si>
    <t>cg15904623</t>
  </si>
  <si>
    <t>cg15905329</t>
  </si>
  <si>
    <t>cg15910880</t>
  </si>
  <si>
    <t>cg15910895</t>
  </si>
  <si>
    <t>cg15915766</t>
  </si>
  <si>
    <t>cg15916646</t>
  </si>
  <si>
    <t>cg15919924</t>
  </si>
  <si>
    <t>cg15921824</t>
  </si>
  <si>
    <t>cg15922246</t>
  </si>
  <si>
    <t>cg15927196</t>
  </si>
  <si>
    <t>cg15927257</t>
  </si>
  <si>
    <t>cg15929363</t>
  </si>
  <si>
    <t>cg15932122</t>
  </si>
  <si>
    <t>cg15933823</t>
  </si>
  <si>
    <t>cg15934804</t>
  </si>
  <si>
    <t>cg15935721</t>
  </si>
  <si>
    <t>cg15942185</t>
  </si>
  <si>
    <t>cg15944673</t>
  </si>
  <si>
    <t>cg15945262</t>
  </si>
  <si>
    <t>cg15947007</t>
  </si>
  <si>
    <t>cg15948785</t>
  </si>
  <si>
    <t>cg15950936</t>
  </si>
  <si>
    <t>cg15951061</t>
  </si>
  <si>
    <t>cg15951914</t>
  </si>
  <si>
    <t>cg15952933</t>
  </si>
  <si>
    <t>cg15970595</t>
  </si>
  <si>
    <t>cg15972516</t>
  </si>
  <si>
    <t>cg15975151</t>
  </si>
  <si>
    <t>cg15975598</t>
  </si>
  <si>
    <t>cg15975980</t>
  </si>
  <si>
    <t>cg15976779</t>
  </si>
  <si>
    <t>cg15977719</t>
  </si>
  <si>
    <t>cg15982261</t>
  </si>
  <si>
    <t>cg15983026</t>
  </si>
  <si>
    <t>cg15986671</t>
  </si>
  <si>
    <t>cg15987732</t>
  </si>
  <si>
    <t>cg15990828</t>
  </si>
  <si>
    <t>cg15992648</t>
  </si>
  <si>
    <t>cg15997773</t>
  </si>
  <si>
    <t>cg15999067</t>
  </si>
  <si>
    <t>cg16000702</t>
  </si>
  <si>
    <t>cg16006415</t>
  </si>
  <si>
    <t>cg16008979</t>
  </si>
  <si>
    <t>cg16012478</t>
  </si>
  <si>
    <t>cg16024950</t>
  </si>
  <si>
    <t>cg16028599</t>
  </si>
  <si>
    <t>cg16030538</t>
  </si>
  <si>
    <t>cg16033780</t>
  </si>
  <si>
    <t>cg16034458</t>
  </si>
  <si>
    <t>cg16035633</t>
  </si>
  <si>
    <t>cg16035735</t>
  </si>
  <si>
    <t>cg16037806</t>
  </si>
  <si>
    <t>cg16037896</t>
  </si>
  <si>
    <t>cg16038003</t>
  </si>
  <si>
    <t>cg16039374</t>
  </si>
  <si>
    <t>cg16045823</t>
  </si>
  <si>
    <t>cg16055334</t>
  </si>
  <si>
    <t>cg16056849</t>
  </si>
  <si>
    <t>cg16058485</t>
  </si>
  <si>
    <t>cg16062856</t>
  </si>
  <si>
    <t>cg16063989</t>
  </si>
  <si>
    <t>cg16064586</t>
  </si>
  <si>
    <t>cg16072754</t>
  </si>
  <si>
    <t>cg16073236</t>
  </si>
  <si>
    <t>cg16078938</t>
  </si>
  <si>
    <t>cg16079645</t>
  </si>
  <si>
    <t>cg16080450</t>
  </si>
  <si>
    <t>cg16098921</t>
  </si>
  <si>
    <t>cg16101213</t>
  </si>
  <si>
    <t>cg16106080</t>
  </si>
  <si>
    <t>cg16107105</t>
  </si>
  <si>
    <t>cg16110788</t>
  </si>
  <si>
    <t>cg16111259</t>
  </si>
  <si>
    <t>cg16111488</t>
  </si>
  <si>
    <t>cg16112248</t>
  </si>
  <si>
    <t>cg16114651</t>
  </si>
  <si>
    <t>cg16115440</t>
  </si>
  <si>
    <t>cg16121641</t>
  </si>
  <si>
    <t>cg16127845</t>
  </si>
  <si>
    <t>cg16130019</t>
  </si>
  <si>
    <t>cg16130600</t>
  </si>
  <si>
    <t>cg16141056</t>
  </si>
  <si>
    <t>cg16147880</t>
  </si>
  <si>
    <t>cg16149007</t>
  </si>
  <si>
    <t>cg16150661</t>
  </si>
  <si>
    <t>cg16155175</t>
  </si>
  <si>
    <t>cg16166368</t>
  </si>
  <si>
    <t>cg16168668</t>
  </si>
  <si>
    <t>cg16172408</t>
  </si>
  <si>
    <t>cg16172864</t>
  </si>
  <si>
    <t>cg16177250</t>
  </si>
  <si>
    <t>cg16182302</t>
  </si>
  <si>
    <t>cg16185125</t>
  </si>
  <si>
    <t>cg16190225</t>
  </si>
  <si>
    <t>cg16195430</t>
  </si>
  <si>
    <t>cg16196175</t>
  </si>
  <si>
    <t>cg16198851</t>
  </si>
  <si>
    <t>cg16205214</t>
  </si>
  <si>
    <t>cg16206324</t>
  </si>
  <si>
    <t>cg16211174</t>
  </si>
  <si>
    <t>cg16212453</t>
  </si>
  <si>
    <t>cg16215071</t>
  </si>
  <si>
    <t>cg16215387</t>
  </si>
  <si>
    <t>cg16216674</t>
  </si>
  <si>
    <t>cg16218204</t>
  </si>
  <si>
    <t>cg16218254</t>
  </si>
  <si>
    <t>cg16220402</t>
  </si>
  <si>
    <t>cg16222367</t>
  </si>
  <si>
    <t>cg16222581</t>
  </si>
  <si>
    <t>cg16237545</t>
  </si>
  <si>
    <t>cg16238026</t>
  </si>
  <si>
    <t>cg16238796</t>
  </si>
  <si>
    <t>cg16241648</t>
  </si>
  <si>
    <t>cg16243079</t>
  </si>
  <si>
    <t>cg16243546</t>
  </si>
  <si>
    <t>cg16245431</t>
  </si>
  <si>
    <t>cg16248756</t>
  </si>
  <si>
    <t>cg16248926</t>
  </si>
  <si>
    <t>cg16249010</t>
  </si>
  <si>
    <t>cg16250177</t>
  </si>
  <si>
    <t>cg16251232</t>
  </si>
  <si>
    <t>cg16253412</t>
  </si>
  <si>
    <t>cg16253634</t>
  </si>
  <si>
    <t>cg16254309</t>
  </si>
  <si>
    <t>cg16255280</t>
  </si>
  <si>
    <t>cg16255541</t>
  </si>
  <si>
    <t>cg16257655</t>
  </si>
  <si>
    <t>cg16260298</t>
  </si>
  <si>
    <t>cg16261619</t>
  </si>
  <si>
    <t>cg16267374</t>
  </si>
  <si>
    <t>cg16270500</t>
  </si>
  <si>
    <t>cg16270819</t>
  </si>
  <si>
    <t>cg16275678</t>
  </si>
  <si>
    <t>cg16275882</t>
  </si>
  <si>
    <t>cg16277885</t>
  </si>
  <si>
    <t>cg16279909</t>
  </si>
  <si>
    <t>cg16284684</t>
  </si>
  <si>
    <t>cg16287679</t>
  </si>
  <si>
    <t>cg16291657</t>
  </si>
  <si>
    <t>cg16304656</t>
  </si>
  <si>
    <t>cg16306633</t>
  </si>
  <si>
    <t>cg16313026</t>
  </si>
  <si>
    <t>cg16314851</t>
  </si>
  <si>
    <t>cg16316507</t>
  </si>
  <si>
    <t>cg16321266</t>
  </si>
  <si>
    <t>cg16321846</t>
  </si>
  <si>
    <t>cg16322406</t>
  </si>
  <si>
    <t>cg16326134</t>
  </si>
  <si>
    <t>cg16326998</t>
  </si>
  <si>
    <t>cg16328820</t>
  </si>
  <si>
    <t>cg16329896</t>
  </si>
  <si>
    <t>cg16333561</t>
  </si>
  <si>
    <t>cg16334869</t>
  </si>
  <si>
    <t>cg16336120</t>
  </si>
  <si>
    <t>cg16338100</t>
  </si>
  <si>
    <t>cg16339286</t>
  </si>
  <si>
    <t>cg16339560</t>
  </si>
  <si>
    <t>cg16341945</t>
  </si>
  <si>
    <t>cg16344173</t>
  </si>
  <si>
    <t>cg16349612</t>
  </si>
  <si>
    <t>cg16349656</t>
  </si>
  <si>
    <t>cg16356456</t>
  </si>
  <si>
    <t>cg16357344</t>
  </si>
  <si>
    <t>cg16359985</t>
  </si>
  <si>
    <t>cg16360432</t>
  </si>
  <si>
    <t>cg16362141</t>
  </si>
  <si>
    <t>cg16362592</t>
  </si>
  <si>
    <t>cg16363154</t>
  </si>
  <si>
    <t>cg16369366</t>
  </si>
  <si>
    <t>cg16369987</t>
  </si>
  <si>
    <t>cg16370537</t>
  </si>
  <si>
    <t>cg16373229</t>
  </si>
  <si>
    <t>cg16377609</t>
  </si>
  <si>
    <t>cg16378520</t>
  </si>
  <si>
    <t>cg16382077</t>
  </si>
  <si>
    <t>cg16389386</t>
  </si>
  <si>
    <t>cg16391151</t>
  </si>
  <si>
    <t>cg16391242</t>
  </si>
  <si>
    <t>cg16391646</t>
  </si>
  <si>
    <t>cg16391727</t>
  </si>
  <si>
    <t>cg16392729</t>
  </si>
  <si>
    <t>cg16394646</t>
  </si>
  <si>
    <t>cg16396223</t>
  </si>
  <si>
    <t>cg16397852</t>
  </si>
  <si>
    <t>cg16402875</t>
  </si>
  <si>
    <t>cg16404364</t>
  </si>
  <si>
    <t>cg16405235</t>
  </si>
  <si>
    <t>cg16407998</t>
  </si>
  <si>
    <t>cg16409368</t>
  </si>
  <si>
    <t>cg16409970</t>
  </si>
  <si>
    <t>cg16415856</t>
  </si>
  <si>
    <t>cg16419361</t>
  </si>
  <si>
    <t>cg16419421</t>
  </si>
  <si>
    <t>cg16420354</t>
  </si>
  <si>
    <t>cg16429505</t>
  </si>
  <si>
    <t>cg16430880</t>
  </si>
  <si>
    <t>cg16431810</t>
  </si>
  <si>
    <t>cg16433771</t>
  </si>
  <si>
    <t>cg16434681</t>
  </si>
  <si>
    <t>cg16436235</t>
  </si>
  <si>
    <t>cg16443009</t>
  </si>
  <si>
    <t>cg16446288</t>
  </si>
  <si>
    <t>cg16447012</t>
  </si>
  <si>
    <t>cg16448636</t>
  </si>
  <si>
    <t>cg16454130</t>
  </si>
  <si>
    <t>cg16456172</t>
  </si>
  <si>
    <t>cg16459265</t>
  </si>
  <si>
    <t>cg16459391</t>
  </si>
  <si>
    <t>cg16462075</t>
  </si>
  <si>
    <t>cg16466303</t>
  </si>
  <si>
    <t>cg16466635</t>
  </si>
  <si>
    <t>cg16466750</t>
  </si>
  <si>
    <t>cg16476940</t>
  </si>
  <si>
    <t>cg16477744</t>
  </si>
  <si>
    <t>cg16481332</t>
  </si>
  <si>
    <t>cg16483326</t>
  </si>
  <si>
    <t>cg16486501</t>
  </si>
  <si>
    <t>cg16488098</t>
  </si>
  <si>
    <t>cg16489192</t>
  </si>
  <si>
    <t>cg16489360</t>
  </si>
  <si>
    <t>cg16492735</t>
  </si>
  <si>
    <t>cg16492851</t>
  </si>
  <si>
    <t>cg16493874</t>
  </si>
  <si>
    <t>cg16494058</t>
  </si>
  <si>
    <t>cg16495016</t>
  </si>
  <si>
    <t>cg16497323</t>
  </si>
  <si>
    <t>cg16509710</t>
  </si>
  <si>
    <t>cg16511994</t>
  </si>
  <si>
    <t>cg16514843</t>
  </si>
  <si>
    <t>cg16517543</t>
  </si>
  <si>
    <t>cg16518590</t>
  </si>
  <si>
    <t>cg16518614</t>
  </si>
  <si>
    <t>cg16527334</t>
  </si>
  <si>
    <t>cg16527469</t>
  </si>
  <si>
    <t>cg16528186</t>
  </si>
  <si>
    <t>cg16532952</t>
  </si>
  <si>
    <t>cg16535352</t>
  </si>
  <si>
    <t>cg16535493</t>
  </si>
  <si>
    <t>cg16538359</t>
  </si>
  <si>
    <t>cg16539433</t>
  </si>
  <si>
    <t>cg16540704</t>
  </si>
  <si>
    <t>cg16546511</t>
  </si>
  <si>
    <t>cg16546882</t>
  </si>
  <si>
    <t>cg16553024</t>
  </si>
  <si>
    <t>cg16553052</t>
  </si>
  <si>
    <t>cg16553574</t>
  </si>
  <si>
    <t>cg16555537</t>
  </si>
  <si>
    <t>cg16555818</t>
  </si>
  <si>
    <t>cg16558485</t>
  </si>
  <si>
    <t>cg16560679</t>
  </si>
  <si>
    <t>cg16561155</t>
  </si>
  <si>
    <t>cg16561657</t>
  </si>
  <si>
    <t>cg16562603</t>
  </si>
  <si>
    <t>cg16562776</t>
  </si>
  <si>
    <t>cg16563180</t>
  </si>
  <si>
    <t>cg16564894</t>
  </si>
  <si>
    <t>cg16567157</t>
  </si>
  <si>
    <t>cg16568782</t>
  </si>
  <si>
    <t>cg16569650</t>
  </si>
  <si>
    <t>cg16578828</t>
  </si>
  <si>
    <t>cg16584911</t>
  </si>
  <si>
    <t>cg16586442</t>
  </si>
  <si>
    <t>cg16589260</t>
  </si>
  <si>
    <t>cg16595458</t>
  </si>
  <si>
    <t>cg16601832</t>
  </si>
  <si>
    <t>cg16606195</t>
  </si>
  <si>
    <t>cg16608407</t>
  </si>
  <si>
    <t>cg16609021</t>
  </si>
  <si>
    <t>cg16616348</t>
  </si>
  <si>
    <t>cg16617817</t>
  </si>
  <si>
    <t>cg16627596</t>
  </si>
  <si>
    <t>cg16628205</t>
  </si>
  <si>
    <t>cg16639138</t>
  </si>
  <si>
    <t>cg16639195</t>
  </si>
  <si>
    <t>cg16639880</t>
  </si>
  <si>
    <t>cg16646726</t>
  </si>
  <si>
    <t>cg16650896</t>
  </si>
  <si>
    <t>cg16657340</t>
  </si>
  <si>
    <t>cg16658579</t>
  </si>
  <si>
    <t>cg16668896</t>
  </si>
  <si>
    <t>cg16671988</t>
  </si>
  <si>
    <t>cg16674020</t>
  </si>
  <si>
    <t>cg16676413</t>
  </si>
  <si>
    <t>cg16680451</t>
  </si>
  <si>
    <t>cg16681239</t>
  </si>
  <si>
    <t>cg16683741</t>
  </si>
  <si>
    <t>cg16684939</t>
  </si>
  <si>
    <t>cg16686273</t>
  </si>
  <si>
    <t>cg16690859</t>
  </si>
  <si>
    <t>cg16694011</t>
  </si>
  <si>
    <t>cg16694664</t>
  </si>
  <si>
    <t>cg16697004</t>
  </si>
  <si>
    <t>cg16698679</t>
  </si>
  <si>
    <t>cg16703934</t>
  </si>
  <si>
    <t>cg16706751</t>
  </si>
  <si>
    <t>cg16706813</t>
  </si>
  <si>
    <t>cg16708835</t>
  </si>
  <si>
    <t>cg16709734</t>
  </si>
  <si>
    <t>cg16711733</t>
  </si>
  <si>
    <t>cg16714154</t>
  </si>
  <si>
    <t>cg16716608</t>
  </si>
  <si>
    <t>cg16721265</t>
  </si>
  <si>
    <t>cg16722118</t>
  </si>
  <si>
    <t>cg16725642</t>
  </si>
  <si>
    <t>cg16727916</t>
  </si>
  <si>
    <t>cg16729714</t>
  </si>
  <si>
    <t>cg16729899</t>
  </si>
  <si>
    <t>cg16735384</t>
  </si>
  <si>
    <t>cg16735495</t>
  </si>
  <si>
    <t>cg16736279</t>
  </si>
  <si>
    <t>cg16736989</t>
  </si>
  <si>
    <t>cg16738846</t>
  </si>
  <si>
    <t>cg16739194</t>
  </si>
  <si>
    <t>cg16740802</t>
  </si>
  <si>
    <t>cg16743785</t>
  </si>
  <si>
    <t>cg16744186</t>
  </si>
  <si>
    <t>cg16746471</t>
  </si>
  <si>
    <t>cg16748524</t>
  </si>
  <si>
    <t>cg16751451</t>
  </si>
  <si>
    <t>cg16752583</t>
  </si>
  <si>
    <t>cg16758800</t>
  </si>
  <si>
    <t>cg16762300</t>
  </si>
  <si>
    <t>cg16769489</t>
  </si>
  <si>
    <t>cg16769982</t>
  </si>
  <si>
    <t>cg16770054</t>
  </si>
  <si>
    <t>cg16771406</t>
  </si>
  <si>
    <t>cg16772035</t>
  </si>
  <si>
    <t>cg16772533</t>
  </si>
  <si>
    <t>cg16772998</t>
  </si>
  <si>
    <t>cg16782493</t>
  </si>
  <si>
    <t>cg16784174</t>
  </si>
  <si>
    <t>cg16788137</t>
  </si>
  <si>
    <t>cg16794017</t>
  </si>
  <si>
    <t>cg16796848</t>
  </si>
  <si>
    <t>cg16797751</t>
  </si>
  <si>
    <t>cg16797901</t>
  </si>
  <si>
    <t>cg16800461</t>
  </si>
  <si>
    <t>cg16801613</t>
  </si>
  <si>
    <t>cg16801720</t>
  </si>
  <si>
    <t>cg16803044</t>
  </si>
  <si>
    <t>cg16803520</t>
  </si>
  <si>
    <t>cg16803837</t>
  </si>
  <si>
    <t>cg16810068</t>
  </si>
  <si>
    <t>cg16810272</t>
  </si>
  <si>
    <t>cg16810343</t>
  </si>
  <si>
    <t>cg16811558</t>
  </si>
  <si>
    <t>cg16811875</t>
  </si>
  <si>
    <t>cg16814861</t>
  </si>
  <si>
    <t>cg16822777</t>
  </si>
  <si>
    <t>cg16826947</t>
  </si>
  <si>
    <t>cg16829042</t>
  </si>
  <si>
    <t>cg16830861</t>
  </si>
  <si>
    <t>cg16844053</t>
  </si>
  <si>
    <t>cg16844292</t>
  </si>
  <si>
    <t>cg16846503</t>
  </si>
  <si>
    <t>cg16857181</t>
  </si>
  <si>
    <t>cg16857771</t>
  </si>
  <si>
    <t>cg16866485</t>
  </si>
  <si>
    <t>cg16867817</t>
  </si>
  <si>
    <t>cg16868298</t>
  </si>
  <si>
    <t>cg16872560</t>
  </si>
  <si>
    <t>cg16874077</t>
  </si>
  <si>
    <t>cg16875500</t>
  </si>
  <si>
    <t>cg16876790</t>
  </si>
  <si>
    <t>cg16880946</t>
  </si>
  <si>
    <t>cg16881209</t>
  </si>
  <si>
    <t>cg16888547</t>
  </si>
  <si>
    <t>cg16890298</t>
  </si>
  <si>
    <t>cg16892812</t>
  </si>
  <si>
    <t>cg16893028</t>
  </si>
  <si>
    <t>cg16893861</t>
  </si>
  <si>
    <t>cg16902863</t>
  </si>
  <si>
    <t>cg16903225</t>
  </si>
  <si>
    <t>cg16904636</t>
  </si>
  <si>
    <t>cg16906086</t>
  </si>
  <si>
    <t>cg16910042</t>
  </si>
  <si>
    <t>cg16910830</t>
  </si>
  <si>
    <t>cg16910911</t>
  </si>
  <si>
    <t>cg16913789</t>
  </si>
  <si>
    <t>cg16914123</t>
  </si>
  <si>
    <t>cg16914425</t>
  </si>
  <si>
    <t>cg16914953</t>
  </si>
  <si>
    <t>cg16917537</t>
  </si>
  <si>
    <t>cg16918529</t>
  </si>
  <si>
    <t>cg16919771</t>
  </si>
  <si>
    <t>cg16920620</t>
  </si>
  <si>
    <t>cg16921727</t>
  </si>
  <si>
    <t>cg16926310</t>
  </si>
  <si>
    <t>cg16928878</t>
  </si>
  <si>
    <t>cg16937735</t>
  </si>
  <si>
    <t>cg16956218</t>
  </si>
  <si>
    <t>cg16956232</t>
  </si>
  <si>
    <t>cg16960396</t>
  </si>
  <si>
    <t>cg16960402</t>
  </si>
  <si>
    <t>cg16964025</t>
  </si>
  <si>
    <t>cg16967722</t>
  </si>
  <si>
    <t>cg16974190</t>
  </si>
  <si>
    <t>cg16975053</t>
  </si>
  <si>
    <t>cg16982435</t>
  </si>
  <si>
    <t>cg16983916</t>
  </si>
  <si>
    <t>cg16985708</t>
  </si>
  <si>
    <t>cg16989867</t>
  </si>
  <si>
    <t>cg16992870</t>
  </si>
  <si>
    <t>cg16992960</t>
  </si>
  <si>
    <t>cg16993754</t>
  </si>
  <si>
    <t>cg16994097</t>
  </si>
  <si>
    <t>cg16995768</t>
  </si>
  <si>
    <t>cg16998016</t>
  </si>
  <si>
    <t>cg17001464</t>
  </si>
  <si>
    <t>cg17001868</t>
  </si>
  <si>
    <t>cg17004711</t>
  </si>
  <si>
    <t>cg17006281</t>
  </si>
  <si>
    <t>cg17006315</t>
  </si>
  <si>
    <t>cg17008978</t>
  </si>
  <si>
    <t>cg17012154</t>
  </si>
  <si>
    <t>cg17014186</t>
  </si>
  <si>
    <t>cg17017617</t>
  </si>
  <si>
    <t>cg17020337</t>
  </si>
  <si>
    <t>cg17022244</t>
  </si>
  <si>
    <t>cg17022393</t>
  </si>
  <si>
    <t>cg17022727</t>
  </si>
  <si>
    <t>cg17025892</t>
  </si>
  <si>
    <t>cg17040068</t>
  </si>
  <si>
    <t>cg17040483</t>
  </si>
  <si>
    <t>cg17046577</t>
  </si>
  <si>
    <t>cg17046855</t>
  </si>
  <si>
    <t>cg17047515</t>
  </si>
  <si>
    <t>cg17047659</t>
  </si>
  <si>
    <t>cg17052266</t>
  </si>
  <si>
    <t>cg17052926</t>
  </si>
  <si>
    <t>cg17054360</t>
  </si>
  <si>
    <t>cg17062938</t>
  </si>
  <si>
    <t>cg17069650</t>
  </si>
  <si>
    <t>cg17079325</t>
  </si>
  <si>
    <t>cg17085710</t>
  </si>
  <si>
    <t>cg17086205</t>
  </si>
  <si>
    <t>cg17093684</t>
  </si>
  <si>
    <t>cg17099931</t>
  </si>
  <si>
    <t>cg17099954</t>
  </si>
  <si>
    <t>cg17100616</t>
  </si>
  <si>
    <t>cg17102199</t>
  </si>
  <si>
    <t>cg17102910</t>
  </si>
  <si>
    <t>cg17112404</t>
  </si>
  <si>
    <t>cg17113124</t>
  </si>
  <si>
    <t>cg17115737</t>
  </si>
  <si>
    <t>cg17120143</t>
  </si>
  <si>
    <t>cg17126622</t>
  </si>
  <si>
    <t>cg17126941</t>
  </si>
  <si>
    <t>cg17128256</t>
  </si>
  <si>
    <t>cg17128505</t>
  </si>
  <si>
    <t>cg17130815</t>
  </si>
  <si>
    <t>cg17136255</t>
  </si>
  <si>
    <t>cg17140815</t>
  </si>
  <si>
    <t>cg17141969</t>
  </si>
  <si>
    <t>cg17147579</t>
  </si>
  <si>
    <t>cg17148755</t>
  </si>
  <si>
    <t>cg17150663</t>
  </si>
  <si>
    <t>cg17152869</t>
  </si>
  <si>
    <t>cg17152989</t>
  </si>
  <si>
    <t>cg17155417</t>
  </si>
  <si>
    <t>cg17158941</t>
  </si>
  <si>
    <t>cg17161266</t>
  </si>
  <si>
    <t>cg17162319</t>
  </si>
  <si>
    <t>cg17163760</t>
  </si>
  <si>
    <t>cg17167790</t>
  </si>
  <si>
    <t>cg17168103</t>
  </si>
  <si>
    <t>cg17169397</t>
  </si>
  <si>
    <t>cg17173451</t>
  </si>
  <si>
    <t>cg17174775</t>
  </si>
  <si>
    <t>cg17175136</t>
  </si>
  <si>
    <t>cg17179570</t>
  </si>
  <si>
    <t>cg17184370</t>
  </si>
  <si>
    <t>cg17185029</t>
  </si>
  <si>
    <t>cg17185068</t>
  </si>
  <si>
    <t>cg17188901</t>
  </si>
  <si>
    <t>cg17190891</t>
  </si>
  <si>
    <t>cg17192599</t>
  </si>
  <si>
    <t>cg17194182</t>
  </si>
  <si>
    <t>cg17198017</t>
  </si>
  <si>
    <t>cg17199010</t>
  </si>
  <si>
    <t>cg17199800</t>
  </si>
  <si>
    <t>cg17200919</t>
  </si>
  <si>
    <t>cg17202717</t>
  </si>
  <si>
    <t>cg17204129</t>
  </si>
  <si>
    <t>cg17206583</t>
  </si>
  <si>
    <t>cg17207545</t>
  </si>
  <si>
    <t>cg17207746</t>
  </si>
  <si>
    <t>cg17209612</t>
  </si>
  <si>
    <t>cg17212685</t>
  </si>
  <si>
    <t>cg17212813</t>
  </si>
  <si>
    <t>cg17213713</t>
  </si>
  <si>
    <t>cg17217017</t>
  </si>
  <si>
    <t>cg17221095</t>
  </si>
  <si>
    <t>cg17226584</t>
  </si>
  <si>
    <t>cg17228698</t>
  </si>
  <si>
    <t>cg17230535</t>
  </si>
  <si>
    <t>cg17237603</t>
  </si>
  <si>
    <t>cg17240725</t>
  </si>
  <si>
    <t>cg17242362</t>
  </si>
  <si>
    <t>cg17254176</t>
  </si>
  <si>
    <t>cg17254384</t>
  </si>
  <si>
    <t>cg17255108</t>
  </si>
  <si>
    <t>cg17263965</t>
  </si>
  <si>
    <t>cg17264513</t>
  </si>
  <si>
    <t>cg17267737</t>
  </si>
  <si>
    <t>cg17270497</t>
  </si>
  <si>
    <t>cg17275624</t>
  </si>
  <si>
    <t>cg17278355</t>
  </si>
  <si>
    <t>cg17278447</t>
  </si>
  <si>
    <t>cg17278453</t>
  </si>
  <si>
    <t>cg17279839</t>
  </si>
  <si>
    <t>cg17279887</t>
  </si>
  <si>
    <t>cg17284137</t>
  </si>
  <si>
    <t>cg17284553</t>
  </si>
  <si>
    <t>cg17286476</t>
  </si>
  <si>
    <t>cg17287122</t>
  </si>
  <si>
    <t>cg17287605</t>
  </si>
  <si>
    <t>cg17303922</t>
  </si>
  <si>
    <t>cg17304025</t>
  </si>
  <si>
    <t>cg17304553</t>
  </si>
  <si>
    <t>cg17305368</t>
  </si>
  <si>
    <t>cg17306661</t>
  </si>
  <si>
    <t>cg17306686</t>
  </si>
  <si>
    <t>cg17309904</t>
  </si>
  <si>
    <t>cg17311587</t>
  </si>
  <si>
    <t>cg17314545</t>
  </si>
  <si>
    <t>cg17315247</t>
  </si>
  <si>
    <t>cg17316096</t>
  </si>
  <si>
    <t>cg17319788</t>
  </si>
  <si>
    <t>cg17321668</t>
  </si>
  <si>
    <t>cg17322774</t>
  </si>
  <si>
    <t>cg17325771</t>
  </si>
  <si>
    <t>cg17328052</t>
  </si>
  <si>
    <t>cg17328716</t>
  </si>
  <si>
    <t>cg17330251</t>
  </si>
  <si>
    <t>cg17333291</t>
  </si>
  <si>
    <t>cg17337874</t>
  </si>
  <si>
    <t>cg17338299</t>
  </si>
  <si>
    <t>cg17339147</t>
  </si>
  <si>
    <t>cg17341174</t>
  </si>
  <si>
    <t>cg17342360</t>
  </si>
  <si>
    <t>cg17344420</t>
  </si>
  <si>
    <t>cg17347593</t>
  </si>
  <si>
    <t>cg17349352</t>
  </si>
  <si>
    <t>cg17349632</t>
  </si>
  <si>
    <t>cg17350006</t>
  </si>
  <si>
    <t>cg17353721</t>
  </si>
  <si>
    <t>cg17356112</t>
  </si>
  <si>
    <t>cg17358899</t>
  </si>
  <si>
    <t>cg17359198</t>
  </si>
  <si>
    <t>cg17361163</t>
  </si>
  <si>
    <t>cg17365250</t>
  </si>
  <si>
    <t>cg17365335</t>
  </si>
  <si>
    <t>cg17372841</t>
  </si>
  <si>
    <t>cg17374727</t>
  </si>
  <si>
    <t>cg17375049</t>
  </si>
  <si>
    <t>cg17376415</t>
  </si>
  <si>
    <t>cg17381426</t>
  </si>
  <si>
    <t>cg17382888</t>
  </si>
  <si>
    <t>cg17384733</t>
  </si>
  <si>
    <t>cg17385268</t>
  </si>
  <si>
    <t>cg17385469</t>
  </si>
  <si>
    <t>cg17389988</t>
  </si>
  <si>
    <t>cg17392950</t>
  </si>
  <si>
    <t>cg17396222</t>
  </si>
  <si>
    <t>cg17398057</t>
  </si>
  <si>
    <t>cg17400235</t>
  </si>
  <si>
    <t>cg17402094</t>
  </si>
  <si>
    <t>cg17402325</t>
  </si>
  <si>
    <t>cg17405908</t>
  </si>
  <si>
    <t>cg17406148</t>
  </si>
  <si>
    <t>cg17410603</t>
  </si>
  <si>
    <t>cg17412351</t>
  </si>
  <si>
    <t>cg17417584</t>
  </si>
  <si>
    <t>cg17427002</t>
  </si>
  <si>
    <t>cg17428593</t>
  </si>
  <si>
    <t>cg17432857</t>
  </si>
  <si>
    <t>cg17437939</t>
  </si>
  <si>
    <t>cg17438155</t>
  </si>
  <si>
    <t>cg17438849</t>
  </si>
  <si>
    <t>cg17440987</t>
  </si>
  <si>
    <t>cg17442155</t>
  </si>
  <si>
    <t>cg17442482</t>
  </si>
  <si>
    <t>cg17447514</t>
  </si>
  <si>
    <t>cg17449086</t>
  </si>
  <si>
    <t>cg17449465</t>
  </si>
  <si>
    <t>cg17450930</t>
  </si>
  <si>
    <t>cg17454234</t>
  </si>
  <si>
    <t>cg17457637</t>
  </si>
  <si>
    <t>cg17458486</t>
  </si>
  <si>
    <t>cg17463145</t>
  </si>
  <si>
    <t>cg17466346</t>
  </si>
  <si>
    <t>cg17466748</t>
  </si>
  <si>
    <t>cg17469039</t>
  </si>
  <si>
    <t>cg17469978</t>
  </si>
  <si>
    <t>cg17472610</t>
  </si>
  <si>
    <t>cg17475110</t>
  </si>
  <si>
    <t>cg17483198</t>
  </si>
  <si>
    <t>cg17483792</t>
  </si>
  <si>
    <t>cg17494772</t>
  </si>
  <si>
    <t>cg17497176</t>
  </si>
  <si>
    <t>cg17498476</t>
  </si>
  <si>
    <t>cg17500321</t>
  </si>
  <si>
    <t>cg17508434</t>
  </si>
  <si>
    <t>cg17510758</t>
  </si>
  <si>
    <t>cg17511532</t>
  </si>
  <si>
    <t>cg17515753</t>
  </si>
  <si>
    <t>cg17515932</t>
  </si>
  <si>
    <t>cg17518962</t>
  </si>
  <si>
    <t>cg17522983</t>
  </si>
  <si>
    <t>cg17528334</t>
  </si>
  <si>
    <t>cg17533232</t>
  </si>
  <si>
    <t>cg17533477</t>
  </si>
  <si>
    <t>cg17539479</t>
  </si>
  <si>
    <t>cg17541142</t>
  </si>
  <si>
    <t>cg17541715</t>
  </si>
  <si>
    <t>cg17544952</t>
  </si>
  <si>
    <t>cg17545334</t>
  </si>
  <si>
    <t>cg17545933</t>
  </si>
  <si>
    <t>cg17546469</t>
  </si>
  <si>
    <t>cg17548881</t>
  </si>
  <si>
    <t>cg17549927</t>
  </si>
  <si>
    <t>cg17550566</t>
  </si>
  <si>
    <t>cg17552471</t>
  </si>
  <si>
    <t>cg17557160</t>
  </si>
  <si>
    <t>cg17561435</t>
  </si>
  <si>
    <t>cg17563229</t>
  </si>
  <si>
    <t>cg17564529</t>
  </si>
  <si>
    <t>cg17565215</t>
  </si>
  <si>
    <t>cg17568409</t>
  </si>
  <si>
    <t>cg17582698</t>
  </si>
  <si>
    <t>cg17583077</t>
  </si>
  <si>
    <t>cg17587993</t>
  </si>
  <si>
    <t>cg17588585</t>
  </si>
  <si>
    <t>cg17588800</t>
  </si>
  <si>
    <t>cg17591595</t>
  </si>
  <si>
    <t>cg17593936</t>
  </si>
  <si>
    <t>cg17594592</t>
  </si>
  <si>
    <t>cg17597901</t>
  </si>
  <si>
    <t>cg17602444</t>
  </si>
  <si>
    <t>cg17603988</t>
  </si>
  <si>
    <t>cg17608706</t>
  </si>
  <si>
    <t>cg17609050</t>
  </si>
  <si>
    <t>cg17609887</t>
  </si>
  <si>
    <t>cg17611951</t>
  </si>
  <si>
    <t>cg17613710</t>
  </si>
  <si>
    <t>cg17616554</t>
  </si>
  <si>
    <t>cg17618194</t>
  </si>
  <si>
    <t>cg17619347</t>
  </si>
  <si>
    <t>cg17620414</t>
  </si>
  <si>
    <t>cg17621913</t>
  </si>
  <si>
    <t>cg17627973</t>
  </si>
  <si>
    <t>cg17631894</t>
  </si>
  <si>
    <t>cg17640893</t>
  </si>
  <si>
    <t>cg17642941</t>
  </si>
  <si>
    <t>cg17643598</t>
  </si>
  <si>
    <t>cg17650397</t>
  </si>
  <si>
    <t>cg17652600</t>
  </si>
  <si>
    <t>cg17654107</t>
  </si>
  <si>
    <t>cg17654217</t>
  </si>
  <si>
    <t>cg17658976</t>
  </si>
  <si>
    <t>cg17659271</t>
  </si>
  <si>
    <t>cg17661206</t>
  </si>
  <si>
    <t>cg17668163</t>
  </si>
  <si>
    <t>cg17677032</t>
  </si>
  <si>
    <t>cg17677112</t>
  </si>
  <si>
    <t>cg17683774</t>
  </si>
  <si>
    <t>cg17690263</t>
  </si>
  <si>
    <t>cg17690970</t>
  </si>
  <si>
    <t>cg17692259</t>
  </si>
  <si>
    <t>cg17692792</t>
  </si>
  <si>
    <t>cg17694409</t>
  </si>
  <si>
    <t>cg17695010</t>
  </si>
  <si>
    <t>cg17695560</t>
  </si>
  <si>
    <t>cg17701991</t>
  </si>
  <si>
    <t>cg17702518</t>
  </si>
  <si>
    <t>cg17703629</t>
  </si>
  <si>
    <t>cg17704189</t>
  </si>
  <si>
    <t>cg17710536</t>
  </si>
  <si>
    <t>cg17713912</t>
  </si>
  <si>
    <t>cg17715896</t>
  </si>
  <si>
    <t>cg17719337</t>
  </si>
  <si>
    <t>cg17722002</t>
  </si>
  <si>
    <t>cg17722435</t>
  </si>
  <si>
    <t>cg17731261</t>
  </si>
  <si>
    <t>cg17732646</t>
  </si>
  <si>
    <t>cg17732894</t>
  </si>
  <si>
    <t>cg17734946</t>
  </si>
  <si>
    <t>cg17744375</t>
  </si>
  <si>
    <t>cg17744825</t>
  </si>
  <si>
    <t>cg17745210</t>
  </si>
  <si>
    <t>cg17754680</t>
  </si>
  <si>
    <t>cg17762631</t>
  </si>
  <si>
    <t>cg17764549</t>
  </si>
  <si>
    <t>cg17765885</t>
  </si>
  <si>
    <t>cg17766707</t>
  </si>
  <si>
    <t>cg17773000</t>
  </si>
  <si>
    <t>cg17774233</t>
  </si>
  <si>
    <t>cg17787108</t>
  </si>
  <si>
    <t>cg17790928</t>
  </si>
  <si>
    <t>cg17791867</t>
  </si>
  <si>
    <t>cg17799033</t>
  </si>
  <si>
    <t>cg17800708</t>
  </si>
  <si>
    <t>cg17804401</t>
  </si>
  <si>
    <t>cg17805089</t>
  </si>
  <si>
    <t>cg17806059</t>
  </si>
  <si>
    <t>cg17806224</t>
  </si>
  <si>
    <t>cg17808183</t>
  </si>
  <si>
    <t>cg17809181</t>
  </si>
  <si>
    <t>cg17814047</t>
  </si>
  <si>
    <t>cg17814717</t>
  </si>
  <si>
    <t>cg17818220</t>
  </si>
  <si>
    <t>cg17819489</t>
  </si>
  <si>
    <t>cg17822807</t>
  </si>
  <si>
    <t>cg17825100</t>
  </si>
  <si>
    <t>cg17825709</t>
  </si>
  <si>
    <t>cg17827670</t>
  </si>
  <si>
    <t>cg17830204</t>
  </si>
  <si>
    <t>cg17830515</t>
  </si>
  <si>
    <t>cg17831277</t>
  </si>
  <si>
    <t>cg17831826</t>
  </si>
  <si>
    <t>cg17832029</t>
  </si>
  <si>
    <t>cg17832858</t>
  </si>
  <si>
    <t>cg17835614</t>
  </si>
  <si>
    <t>cg17836316</t>
  </si>
  <si>
    <t>cg17836693</t>
  </si>
  <si>
    <t>cg17837572</t>
  </si>
  <si>
    <t>cg17841992</t>
  </si>
  <si>
    <t>cg17843376</t>
  </si>
  <si>
    <t>cg17854265</t>
  </si>
  <si>
    <t>cg17858880</t>
  </si>
  <si>
    <t>cg17872999</t>
  </si>
  <si>
    <t>cg17881037</t>
  </si>
  <si>
    <t>cg17881945</t>
  </si>
  <si>
    <t>cg17882580</t>
  </si>
  <si>
    <t>cg17883223</t>
  </si>
  <si>
    <t>cg17884026</t>
  </si>
  <si>
    <t>cg17884698</t>
  </si>
  <si>
    <t>cg17885062</t>
  </si>
  <si>
    <t>cg17885446</t>
  </si>
  <si>
    <t>cg17889682</t>
  </si>
  <si>
    <t>cg17890778</t>
  </si>
  <si>
    <t>cg17892069</t>
  </si>
  <si>
    <t>cg17893108</t>
  </si>
  <si>
    <t>cg17893767</t>
  </si>
  <si>
    <t>cg17897518</t>
  </si>
  <si>
    <t>cg17906105</t>
  </si>
  <si>
    <t>cg17907525</t>
  </si>
  <si>
    <t>cg17915189</t>
  </si>
  <si>
    <t>cg17916951</t>
  </si>
  <si>
    <t>cg17919020</t>
  </si>
  <si>
    <t>cg17922226</t>
  </si>
  <si>
    <t>cg17923316</t>
  </si>
  <si>
    <t>cg17923358</t>
  </si>
  <si>
    <t>cg17927917</t>
  </si>
  <si>
    <t>cg17931641</t>
  </si>
  <si>
    <t>cg17937564</t>
  </si>
  <si>
    <t>cg17942785</t>
  </si>
  <si>
    <t>cg17946043</t>
  </si>
  <si>
    <t>cg17947765</t>
  </si>
  <si>
    <t>cg17950095</t>
  </si>
  <si>
    <t>cg17950348</t>
  </si>
  <si>
    <t>cg17958763</t>
  </si>
  <si>
    <t>cg17960556</t>
  </si>
  <si>
    <t>cg17960934</t>
  </si>
  <si>
    <t>cg17963456</t>
  </si>
  <si>
    <t>cg17965684</t>
  </si>
  <si>
    <t>cg17967304</t>
  </si>
  <si>
    <t>cg17974145</t>
  </si>
  <si>
    <t>cg17977099</t>
  </si>
  <si>
    <t>cg17984956</t>
  </si>
  <si>
    <t>cg17995495</t>
  </si>
  <si>
    <t>cg17996401</t>
  </si>
  <si>
    <t>cg17996757</t>
  </si>
  <si>
    <t>cg17998566</t>
  </si>
  <si>
    <t>cg18004545</t>
  </si>
  <si>
    <t>cg18005261</t>
  </si>
  <si>
    <t>cg18006769</t>
  </si>
  <si>
    <t>cg18008034</t>
  </si>
  <si>
    <t>cg18008487</t>
  </si>
  <si>
    <t>cg18011078</t>
  </si>
  <si>
    <t>cg18015677</t>
  </si>
  <si>
    <t>cg18018828</t>
  </si>
  <si>
    <t>cg18021623</t>
  </si>
  <si>
    <t>cg18023036</t>
  </si>
  <si>
    <t>cg18024793</t>
  </si>
  <si>
    <t>cg18025558</t>
  </si>
  <si>
    <t>cg18031021</t>
  </si>
  <si>
    <t>cg18032014</t>
  </si>
  <si>
    <t>cg18036573</t>
  </si>
  <si>
    <t>cg18036998</t>
  </si>
  <si>
    <t>cg18041893</t>
  </si>
  <si>
    <t>cg18044113</t>
  </si>
  <si>
    <t>cg18044562</t>
  </si>
  <si>
    <t>cg18045685</t>
  </si>
  <si>
    <t>cg18046464</t>
  </si>
  <si>
    <t>cg18047684</t>
  </si>
  <si>
    <t>cg18064714</t>
  </si>
  <si>
    <t>cg18065982</t>
  </si>
  <si>
    <t>cg18071865</t>
  </si>
  <si>
    <t>cg18074834</t>
  </si>
  <si>
    <t>cg18075666</t>
  </si>
  <si>
    <t>cg18080604</t>
  </si>
  <si>
    <t>cg18081818</t>
  </si>
  <si>
    <t>cg18091615</t>
  </si>
  <si>
    <t>cg18100653</t>
  </si>
  <si>
    <t>cg18100830</t>
  </si>
  <si>
    <t>cg18106668</t>
  </si>
  <si>
    <t>cg18107623</t>
  </si>
  <si>
    <t>cg18109289</t>
  </si>
  <si>
    <t>cg18112863</t>
  </si>
  <si>
    <t>cg18113734</t>
  </si>
  <si>
    <t>cg18114173</t>
  </si>
  <si>
    <t>cg18114313</t>
  </si>
  <si>
    <t>cg18119803</t>
  </si>
  <si>
    <t>cg18124764</t>
  </si>
  <si>
    <t>cg18125957</t>
  </si>
  <si>
    <t>cg18138202</t>
  </si>
  <si>
    <t>cg18139273</t>
  </si>
  <si>
    <t>cg18139769</t>
  </si>
  <si>
    <t>cg18152517</t>
  </si>
  <si>
    <t>cg18153624</t>
  </si>
  <si>
    <t>cg18154270</t>
  </si>
  <si>
    <t>cg18156135</t>
  </si>
  <si>
    <t>cg18157522</t>
  </si>
  <si>
    <t>cg18158419</t>
  </si>
  <si>
    <t>cg18161670</t>
  </si>
  <si>
    <t>cg18168249</t>
  </si>
  <si>
    <t>cg18170071</t>
  </si>
  <si>
    <t>cg18178595</t>
  </si>
  <si>
    <t>cg18181034</t>
  </si>
  <si>
    <t>cg18181161</t>
  </si>
  <si>
    <t>cg18183706</t>
  </si>
  <si>
    <t>cg18185149</t>
  </si>
  <si>
    <t>cg18187581</t>
  </si>
  <si>
    <t>cg18190515</t>
  </si>
  <si>
    <t>cg18205668</t>
  </si>
  <si>
    <t>cg18206768</t>
  </si>
  <si>
    <t>cg18207308</t>
  </si>
  <si>
    <t>cg18218752</t>
  </si>
  <si>
    <t>cg18219226</t>
  </si>
  <si>
    <t>cg18219432</t>
  </si>
  <si>
    <t>cg18221429</t>
  </si>
  <si>
    <t>cg18222853</t>
  </si>
  <si>
    <t>cg18225311</t>
  </si>
  <si>
    <t>cg18227995</t>
  </si>
  <si>
    <t>cg18231184</t>
  </si>
  <si>
    <t>cg18237446</t>
  </si>
  <si>
    <t>cg18238763</t>
  </si>
  <si>
    <t>cg18239858</t>
  </si>
  <si>
    <t>cg18241094</t>
  </si>
  <si>
    <t>cg18241387</t>
  </si>
  <si>
    <t>cg18241635</t>
  </si>
  <si>
    <t>cg18243072</t>
  </si>
  <si>
    <t>cg18243598</t>
  </si>
  <si>
    <t>cg18245160</t>
  </si>
  <si>
    <t>cg18245230</t>
  </si>
  <si>
    <t>cg18245976</t>
  </si>
  <si>
    <t>cg18250135</t>
  </si>
  <si>
    <t>cg18251035</t>
  </si>
  <si>
    <t>cg18251389</t>
  </si>
  <si>
    <t>cg18259487</t>
  </si>
  <si>
    <t>cg18262051</t>
  </si>
  <si>
    <t>cg18265426</t>
  </si>
  <si>
    <t>cg18268948</t>
  </si>
  <si>
    <t>cg18271789</t>
  </si>
  <si>
    <t>cg18272543</t>
  </si>
  <si>
    <t>cg18273181</t>
  </si>
  <si>
    <t>cg18273278</t>
  </si>
  <si>
    <t>cg18273464</t>
  </si>
  <si>
    <t>cg18275467</t>
  </si>
  <si>
    <t>cg18279776</t>
  </si>
  <si>
    <t>cg18282617</t>
  </si>
  <si>
    <t>cg18285788</t>
  </si>
  <si>
    <t>cg18291664</t>
  </si>
  <si>
    <t>cg18296036</t>
  </si>
  <si>
    <t>cg18297960</t>
  </si>
  <si>
    <t>cg18301410</t>
  </si>
  <si>
    <t>cg18302629</t>
  </si>
  <si>
    <t>cg18307978</t>
  </si>
  <si>
    <t>cg18317724</t>
  </si>
  <si>
    <t>cg18321354</t>
  </si>
  <si>
    <t>cg18323749</t>
  </si>
  <si>
    <t>cg18325315</t>
  </si>
  <si>
    <t>cg18326610</t>
  </si>
  <si>
    <t>cg18327157</t>
  </si>
  <si>
    <t>cg18329349</t>
  </si>
  <si>
    <t>cg18331909</t>
  </si>
  <si>
    <t>cg18332229</t>
  </si>
  <si>
    <t>cg18344212</t>
  </si>
  <si>
    <t>cg18346544</t>
  </si>
  <si>
    <t>cg18356170</t>
  </si>
  <si>
    <t>cg18356276</t>
  </si>
  <si>
    <t>cg18359782</t>
  </si>
  <si>
    <t>cg18370764</t>
  </si>
  <si>
    <t>cg18371428</t>
  </si>
  <si>
    <t>cg18372960</t>
  </si>
  <si>
    <t>cg18377014</t>
  </si>
  <si>
    <t>cg18378883</t>
  </si>
  <si>
    <t>cg18387198</t>
  </si>
  <si>
    <t>cg18391099</t>
  </si>
  <si>
    <t>cg18392045</t>
  </si>
  <si>
    <t>cg18392494</t>
  </si>
  <si>
    <t>cg18395809</t>
  </si>
  <si>
    <t>cg18397523</t>
  </si>
  <si>
    <t>cg18401301</t>
  </si>
  <si>
    <t>cg18403220</t>
  </si>
  <si>
    <t>cg18407955</t>
  </si>
  <si>
    <t>cg18410945</t>
  </si>
  <si>
    <t>cg18411055</t>
  </si>
  <si>
    <t>cg18415510</t>
  </si>
  <si>
    <t>cg18415822</t>
  </si>
  <si>
    <t>cg18416251</t>
  </si>
  <si>
    <t>cg18416881</t>
  </si>
  <si>
    <t>cg18418242</t>
  </si>
  <si>
    <t>cg18420868</t>
  </si>
  <si>
    <t>cg18422172</t>
  </si>
  <si>
    <t>cg18424470</t>
  </si>
  <si>
    <t>cg18425087</t>
  </si>
  <si>
    <t>cg18425653</t>
  </si>
  <si>
    <t>cg18428217</t>
  </si>
  <si>
    <t>cg18432145</t>
  </si>
  <si>
    <t>cg18436984</t>
  </si>
  <si>
    <t>cg18438300</t>
  </si>
  <si>
    <t>cg18438319</t>
  </si>
  <si>
    <t>cg18439339</t>
  </si>
  <si>
    <t>cg18439810</t>
  </si>
  <si>
    <t>cg18443486</t>
  </si>
  <si>
    <t>cg18444099</t>
  </si>
  <si>
    <t>cg18446472</t>
  </si>
  <si>
    <t>cg18447402</t>
  </si>
  <si>
    <t>cg18449052</t>
  </si>
  <si>
    <t>cg18449345</t>
  </si>
  <si>
    <t>cg18450319</t>
  </si>
  <si>
    <t>cg18454760</t>
  </si>
  <si>
    <t>cg18454990</t>
  </si>
  <si>
    <t>cg18463876</t>
  </si>
  <si>
    <t>cg18465962</t>
  </si>
  <si>
    <t>cg18467645</t>
  </si>
  <si>
    <t>cg18476993</t>
  </si>
  <si>
    <t>cg18477664</t>
  </si>
  <si>
    <t>cg18477666</t>
  </si>
  <si>
    <t>cg18478531</t>
  </si>
  <si>
    <t>cg18484166</t>
  </si>
  <si>
    <t>cg18485114</t>
  </si>
  <si>
    <t>cg18491230</t>
  </si>
  <si>
    <t>cg18493430</t>
  </si>
  <si>
    <t>cg18495781</t>
  </si>
  <si>
    <t>cg18495884</t>
  </si>
  <si>
    <t>cg18496108</t>
  </si>
  <si>
    <t>cg18500431</t>
  </si>
  <si>
    <t>cg18503078</t>
  </si>
  <si>
    <t>cg18505401</t>
  </si>
  <si>
    <t>cg18511007</t>
  </si>
  <si>
    <t>cg18522715</t>
  </si>
  <si>
    <t>cg18523666</t>
  </si>
  <si>
    <t>cg18527241</t>
  </si>
  <si>
    <t>cg18528853</t>
  </si>
  <si>
    <t>cg18531954</t>
  </si>
  <si>
    <t>cg18532190</t>
  </si>
  <si>
    <t>cg18534176</t>
  </si>
  <si>
    <t>cg18534836</t>
  </si>
  <si>
    <t>cg18537063</t>
  </si>
  <si>
    <t>cg18540529</t>
  </si>
  <si>
    <t>cg18541211</t>
  </si>
  <si>
    <t>cg18542546</t>
  </si>
  <si>
    <t>cg18547284</t>
  </si>
  <si>
    <t>cg18555142</t>
  </si>
  <si>
    <t>cg18557149</t>
  </si>
  <si>
    <t>cg18557185</t>
  </si>
  <si>
    <t>cg18558455</t>
  </si>
  <si>
    <t>cg18563899</t>
  </si>
  <si>
    <t>cg18565130</t>
  </si>
  <si>
    <t>cg18566911</t>
  </si>
  <si>
    <t>cg18568570</t>
  </si>
  <si>
    <t>cg18570997</t>
  </si>
  <si>
    <t>cg18571792</t>
  </si>
  <si>
    <t>cg18577231</t>
  </si>
  <si>
    <t>cg18579879</t>
  </si>
  <si>
    <t>cg18581929</t>
  </si>
  <si>
    <t>cg18583276</t>
  </si>
  <si>
    <t>cg18584424</t>
  </si>
  <si>
    <t>cg18589526</t>
  </si>
  <si>
    <t>cg18589624</t>
  </si>
  <si>
    <t>cg18596010</t>
  </si>
  <si>
    <t>cg18597031</t>
  </si>
  <si>
    <t>cg18601426</t>
  </si>
  <si>
    <t>cg18604182</t>
  </si>
  <si>
    <t>cg18606843</t>
  </si>
  <si>
    <t>cg18607470</t>
  </si>
  <si>
    <t>cg18608610</t>
  </si>
  <si>
    <t>cg18609343</t>
  </si>
  <si>
    <t>cg18612044</t>
  </si>
  <si>
    <t>cg18613834</t>
  </si>
  <si>
    <t>cg18614025</t>
  </si>
  <si>
    <t>cg18616558</t>
  </si>
  <si>
    <t>cg18617808</t>
  </si>
  <si>
    <t>cg18619616</t>
  </si>
  <si>
    <t>cg18622075</t>
  </si>
  <si>
    <t>cg18628367</t>
  </si>
  <si>
    <t>cg18629514</t>
  </si>
  <si>
    <t>cg18632527</t>
  </si>
  <si>
    <t>cg18632634</t>
  </si>
  <si>
    <t>cg18633471</t>
  </si>
  <si>
    <t>cg18634506</t>
  </si>
  <si>
    <t>cg18636829</t>
  </si>
  <si>
    <t>cg18638118</t>
  </si>
  <si>
    <t>cg18639374</t>
  </si>
  <si>
    <t>cg18642425</t>
  </si>
  <si>
    <t>cg18642835</t>
  </si>
  <si>
    <t>cg18652043</t>
  </si>
  <si>
    <t>cg18655782</t>
  </si>
  <si>
    <t>cg18655915</t>
  </si>
  <si>
    <t>cg18663341</t>
  </si>
  <si>
    <t>cg18664596</t>
  </si>
  <si>
    <t>cg18664915</t>
  </si>
  <si>
    <t>cg18666454</t>
  </si>
  <si>
    <t>cg18670235</t>
  </si>
  <si>
    <t>cg18681464</t>
  </si>
  <si>
    <t>cg18683586</t>
  </si>
  <si>
    <t>cg18683606</t>
  </si>
  <si>
    <t>cg18684641</t>
  </si>
  <si>
    <t>cg18685071</t>
  </si>
  <si>
    <t>cg18686655</t>
  </si>
  <si>
    <t>cg18686937</t>
  </si>
  <si>
    <t>cg18691434</t>
  </si>
  <si>
    <t>cg18693346</t>
  </si>
  <si>
    <t>cg18694418</t>
  </si>
  <si>
    <t>cg18695259</t>
  </si>
  <si>
    <t>cg18696692</t>
  </si>
  <si>
    <t>cg18707952</t>
  </si>
  <si>
    <t>cg18709737</t>
  </si>
  <si>
    <t>cg18711921</t>
  </si>
  <si>
    <t>cg18725544</t>
  </si>
  <si>
    <t>cg18728760</t>
  </si>
  <si>
    <t>cg18730318</t>
  </si>
  <si>
    <t>cg18734433</t>
  </si>
  <si>
    <t>cg18734591</t>
  </si>
  <si>
    <t>cg18738058</t>
  </si>
  <si>
    <t>cg18742207</t>
  </si>
  <si>
    <t>cg18744360</t>
  </si>
  <si>
    <t>cg18745131</t>
  </si>
  <si>
    <t>cg18747104</t>
  </si>
  <si>
    <t>cg18753440</t>
  </si>
  <si>
    <t>cg18753594</t>
  </si>
  <si>
    <t>cg18755230</t>
  </si>
  <si>
    <t>cg18760317</t>
  </si>
  <si>
    <t>cg18760587</t>
  </si>
  <si>
    <t>cg18762795</t>
  </si>
  <si>
    <t>cg18764358</t>
  </si>
  <si>
    <t>cg18766685</t>
  </si>
  <si>
    <t>cg18769353</t>
  </si>
  <si>
    <t>cg18769909</t>
  </si>
  <si>
    <t>cg18782651</t>
  </si>
  <si>
    <t>cg18783886</t>
  </si>
  <si>
    <t>cg18784903</t>
  </si>
  <si>
    <t>cg18789869</t>
  </si>
  <si>
    <t>cg18790852</t>
  </si>
  <si>
    <t>cg18791205</t>
  </si>
  <si>
    <t>cg18791223</t>
  </si>
  <si>
    <t>cg18792170</t>
  </si>
  <si>
    <t>cg18798750</t>
  </si>
  <si>
    <t>cg18805066</t>
  </si>
  <si>
    <t>cg18806707</t>
  </si>
  <si>
    <t>cg18809076</t>
  </si>
  <si>
    <t>cg18813322</t>
  </si>
  <si>
    <t>cg18814174</t>
  </si>
  <si>
    <t>cg18814929</t>
  </si>
  <si>
    <t>cg18817158</t>
  </si>
  <si>
    <t>cg18825427</t>
  </si>
  <si>
    <t>cg18826598</t>
  </si>
  <si>
    <t>cg18827566</t>
  </si>
  <si>
    <t>cg18833559</t>
  </si>
  <si>
    <t>cg18833928</t>
  </si>
  <si>
    <t>cg18838059</t>
  </si>
  <si>
    <t>cg18838257</t>
  </si>
  <si>
    <t>cg18840151</t>
  </si>
  <si>
    <t>cg18844118</t>
  </si>
  <si>
    <t>cg18844331</t>
  </si>
  <si>
    <t>cg18848222</t>
  </si>
  <si>
    <t>cg18849847</t>
  </si>
  <si>
    <t>cg18850427</t>
  </si>
  <si>
    <t>cg18851071</t>
  </si>
  <si>
    <t>cg18852817</t>
  </si>
  <si>
    <t>cg18856214</t>
  </si>
  <si>
    <t>cg18856614</t>
  </si>
  <si>
    <t>cg18856632</t>
  </si>
  <si>
    <t>cg18873166</t>
  </si>
  <si>
    <t>cg18873386</t>
  </si>
  <si>
    <t>cg18873686</t>
  </si>
  <si>
    <t>cg18874294</t>
  </si>
  <si>
    <t>cg18884741</t>
  </si>
  <si>
    <t>cg18885392</t>
  </si>
  <si>
    <t>cg18887107</t>
  </si>
  <si>
    <t>cg18887230</t>
  </si>
  <si>
    <t>cg18889973</t>
  </si>
  <si>
    <t>cg18892485</t>
  </si>
  <si>
    <t>cg18893098</t>
  </si>
  <si>
    <t>cg18894198</t>
  </si>
  <si>
    <t>cg18898185</t>
  </si>
  <si>
    <t>cg18898992</t>
  </si>
  <si>
    <t>cg18912574</t>
  </si>
  <si>
    <t>cg18913923</t>
  </si>
  <si>
    <t>cg18924229</t>
  </si>
  <si>
    <t>cg18933685</t>
  </si>
  <si>
    <t>cg18934443</t>
  </si>
  <si>
    <t>cg18936502</t>
  </si>
  <si>
    <t>cg18938534</t>
  </si>
  <si>
    <t>cg18944087</t>
  </si>
  <si>
    <t>cg18947550</t>
  </si>
  <si>
    <t>cg18951543</t>
  </si>
  <si>
    <t>cg18952683</t>
  </si>
  <si>
    <t>cg18959139</t>
  </si>
  <si>
    <t>cg18961546</t>
  </si>
  <si>
    <t>cg18964630</t>
  </si>
  <si>
    <t>cg18965179</t>
  </si>
  <si>
    <t>cg18966819</t>
  </si>
  <si>
    <t>cg18967180</t>
  </si>
  <si>
    <t>cg18967846</t>
  </si>
  <si>
    <t>cg18976177</t>
  </si>
  <si>
    <t>cg18977999</t>
  </si>
  <si>
    <t>cg18978493</t>
  </si>
  <si>
    <t>cg18984900</t>
  </si>
  <si>
    <t>cg18985994</t>
  </si>
  <si>
    <t>cg18986967</t>
  </si>
  <si>
    <t>cg18990588</t>
  </si>
  <si>
    <t>cg18991862</t>
  </si>
  <si>
    <t>cg18997129</t>
  </si>
  <si>
    <t>cg18998543</t>
  </si>
  <si>
    <t>cg19013522</t>
  </si>
  <si>
    <t>cg19013611</t>
  </si>
  <si>
    <t>cg19014623</t>
  </si>
  <si>
    <t>cg19014792</t>
  </si>
  <si>
    <t>cg19015909</t>
  </si>
  <si>
    <t>cg19015997</t>
  </si>
  <si>
    <t>cg19019380</t>
  </si>
  <si>
    <t>cg19023700</t>
  </si>
  <si>
    <t>cg19027884</t>
  </si>
  <si>
    <t>cg19031429</t>
  </si>
  <si>
    <t>cg19035075</t>
  </si>
  <si>
    <t>cg19037304</t>
  </si>
  <si>
    <t>cg19037652</t>
  </si>
  <si>
    <t>cg19042950</t>
  </si>
  <si>
    <t>cg19043969</t>
  </si>
  <si>
    <t>cg19044696</t>
  </si>
  <si>
    <t>cg19045437</t>
  </si>
  <si>
    <t>cg19046783</t>
  </si>
  <si>
    <t>cg19048371</t>
  </si>
  <si>
    <t>cg19052547</t>
  </si>
  <si>
    <t>cg19053223</t>
  </si>
  <si>
    <t>cg19053686</t>
  </si>
  <si>
    <t>cg19056687</t>
  </si>
  <si>
    <t>cg19061632</t>
  </si>
  <si>
    <t>cg19062098</t>
  </si>
  <si>
    <t>cg19062258</t>
  </si>
  <si>
    <t>cg19064846</t>
  </si>
  <si>
    <t>cg19071544</t>
  </si>
  <si>
    <t>cg19071627</t>
  </si>
  <si>
    <t>cg19071989</t>
  </si>
  <si>
    <t>cg19080839</t>
  </si>
  <si>
    <t>cg19081450</t>
  </si>
  <si>
    <t>cg19083626</t>
  </si>
  <si>
    <t>cg19087971</t>
  </si>
  <si>
    <t>cg19096571</t>
  </si>
  <si>
    <t>cg19097150</t>
  </si>
  <si>
    <t>cg19097494</t>
  </si>
  <si>
    <t>cg19099843</t>
  </si>
  <si>
    <t>cg19101630</t>
  </si>
  <si>
    <t>cg19103169</t>
  </si>
  <si>
    <t>cg19107055</t>
  </si>
  <si>
    <t>cg19107595</t>
  </si>
  <si>
    <t>cg19107641</t>
  </si>
  <si>
    <t>cg19111265</t>
  </si>
  <si>
    <t>cg19115610</t>
  </si>
  <si>
    <t>cg19124424</t>
  </si>
  <si>
    <t>cg19125584</t>
  </si>
  <si>
    <t>cg19128364</t>
  </si>
  <si>
    <t>cg19130630</t>
  </si>
  <si>
    <t>cg19130645</t>
  </si>
  <si>
    <t>cg19133875</t>
  </si>
  <si>
    <t>cg19140834</t>
  </si>
  <si>
    <t>cg19145858</t>
  </si>
  <si>
    <t>cg19146587</t>
  </si>
  <si>
    <t>cg19149522</t>
  </si>
  <si>
    <t>cg19151665</t>
  </si>
  <si>
    <t>cg19155391</t>
  </si>
  <si>
    <t>cg19161053</t>
  </si>
  <si>
    <t>cg19162075</t>
  </si>
  <si>
    <t>cg19166347</t>
  </si>
  <si>
    <t>cg19170930</t>
  </si>
  <si>
    <t>cg19175725</t>
  </si>
  <si>
    <t>cg19193956</t>
  </si>
  <si>
    <t>cg19194405</t>
  </si>
  <si>
    <t>cg19196466</t>
  </si>
  <si>
    <t>cg19196826</t>
  </si>
  <si>
    <t>cg19198568</t>
  </si>
  <si>
    <t>cg19208749</t>
  </si>
  <si>
    <t>cg19212224</t>
  </si>
  <si>
    <t>cg19212465</t>
  </si>
  <si>
    <t>cg19216624</t>
  </si>
  <si>
    <t>cg19219624</t>
  </si>
  <si>
    <t>cg19224047</t>
  </si>
  <si>
    <t>cg19228034</t>
  </si>
  <si>
    <t>cg19229215</t>
  </si>
  <si>
    <t>cg19230787</t>
  </si>
  <si>
    <t>cg19231180</t>
  </si>
  <si>
    <t>cg19237600</t>
  </si>
  <si>
    <t>cg19239692</t>
  </si>
  <si>
    <t>cg19240483</t>
  </si>
  <si>
    <t>cg19243252</t>
  </si>
  <si>
    <t>cg19243691</t>
  </si>
  <si>
    <t>cg19244553</t>
  </si>
  <si>
    <t>cg19249874</t>
  </si>
  <si>
    <t>cg19254152</t>
  </si>
  <si>
    <t>cg19256125</t>
  </si>
  <si>
    <t>cg19256675</t>
  </si>
  <si>
    <t>cg19259179</t>
  </si>
  <si>
    <t>cg19260663</t>
  </si>
  <si>
    <t>cg19262371</t>
  </si>
  <si>
    <t>cg19265546</t>
  </si>
  <si>
    <t>cg19265600</t>
  </si>
  <si>
    <t>cg19265919</t>
  </si>
  <si>
    <t>cg19266014</t>
  </si>
  <si>
    <t>cg19268017</t>
  </si>
  <si>
    <t>cg19270887</t>
  </si>
  <si>
    <t>cg19271753</t>
  </si>
  <si>
    <t>cg19289969</t>
  </si>
  <si>
    <t>cg19292712</t>
  </si>
  <si>
    <t>cg19297245</t>
  </si>
  <si>
    <t>cg19310167</t>
  </si>
  <si>
    <t>cg19310340</t>
  </si>
  <si>
    <t>cg19311253</t>
  </si>
  <si>
    <t>cg19317433</t>
  </si>
  <si>
    <t>cg19317517</t>
  </si>
  <si>
    <t>cg19327137</t>
  </si>
  <si>
    <t>cg19333739</t>
  </si>
  <si>
    <t>cg19334350</t>
  </si>
  <si>
    <t>cg19335195</t>
  </si>
  <si>
    <t>cg19337854</t>
  </si>
  <si>
    <t>cg19340455</t>
  </si>
  <si>
    <t>cg19341901</t>
  </si>
  <si>
    <t>cg19341945</t>
  </si>
  <si>
    <t>cg19344322</t>
  </si>
  <si>
    <t>cg19346941</t>
  </si>
  <si>
    <t>cg19348272</t>
  </si>
  <si>
    <t>cg19363471</t>
  </si>
  <si>
    <t>cg19363607</t>
  </si>
  <si>
    <t>cg19363669</t>
  </si>
  <si>
    <t>cg19365810</t>
  </si>
  <si>
    <t>cg19369262</t>
  </si>
  <si>
    <t>cg19369606</t>
  </si>
  <si>
    <t>cg19370980</t>
  </si>
  <si>
    <t>cg19377014</t>
  </si>
  <si>
    <t>cg19377250</t>
  </si>
  <si>
    <t>cg19381814</t>
  </si>
  <si>
    <t>cg19381819</t>
  </si>
  <si>
    <t>cg19382191</t>
  </si>
  <si>
    <t>cg19387936</t>
  </si>
  <si>
    <t>cg19389953</t>
  </si>
  <si>
    <t>cg19391667</t>
  </si>
  <si>
    <t>cg19392396</t>
  </si>
  <si>
    <t>cg19393233</t>
  </si>
  <si>
    <t>cg19398196</t>
  </si>
  <si>
    <t>cg19404207</t>
  </si>
  <si>
    <t>cg19407454</t>
  </si>
  <si>
    <t>cg19412295</t>
  </si>
  <si>
    <t>cg19414360</t>
  </si>
  <si>
    <t>cg19414780</t>
  </si>
  <si>
    <t>cg19418190</t>
  </si>
  <si>
    <t>cg19420101</t>
  </si>
  <si>
    <t>cg19425554</t>
  </si>
  <si>
    <t>cg19425969</t>
  </si>
  <si>
    <t>cg19426050</t>
  </si>
  <si>
    <t>cg19426277</t>
  </si>
  <si>
    <t>cg19428573</t>
  </si>
  <si>
    <t>cg19428939</t>
  </si>
  <si>
    <t>cg19432993</t>
  </si>
  <si>
    <t>cg19434087</t>
  </si>
  <si>
    <t>cg19445335</t>
  </si>
  <si>
    <t>cg19447636</t>
  </si>
  <si>
    <t>cg19453818</t>
  </si>
  <si>
    <t>cg19460453</t>
  </si>
  <si>
    <t>cg19463183</t>
  </si>
  <si>
    <t>cg19465374</t>
  </si>
  <si>
    <t>cg19466037</t>
  </si>
  <si>
    <t>cg19469297</t>
  </si>
  <si>
    <t>cg19470459</t>
  </si>
  <si>
    <t>cg19475224</t>
  </si>
  <si>
    <t>cg19478057</t>
  </si>
  <si>
    <t>cg19478298</t>
  </si>
  <si>
    <t>cg19478983</t>
  </si>
  <si>
    <t>cg19480385</t>
  </si>
  <si>
    <t>cg19488093</t>
  </si>
  <si>
    <t>cg19497702</t>
  </si>
  <si>
    <t>cg19498319</t>
  </si>
  <si>
    <t>cg19499709</t>
  </si>
  <si>
    <t>cg19500766</t>
  </si>
  <si>
    <t>cg19501108</t>
  </si>
  <si>
    <t>cg19502841</t>
  </si>
  <si>
    <t>cg19507725</t>
  </si>
  <si>
    <t>cg19509988</t>
  </si>
  <si>
    <t>cg19513987</t>
  </si>
  <si>
    <t>cg19514381</t>
  </si>
  <si>
    <t>cg19518388</t>
  </si>
  <si>
    <t>cg19519911</t>
  </si>
  <si>
    <t>cg19521075</t>
  </si>
  <si>
    <t>cg19521511</t>
  </si>
  <si>
    <t>cg19523667</t>
  </si>
  <si>
    <t>cg19529675</t>
  </si>
  <si>
    <t>cg19532731</t>
  </si>
  <si>
    <t>cg19535073</t>
  </si>
  <si>
    <t>cg19535242</t>
  </si>
  <si>
    <t>cg19543017</t>
  </si>
  <si>
    <t>cg19543348</t>
  </si>
  <si>
    <t>cg19544459</t>
  </si>
  <si>
    <t>cg19548738</t>
  </si>
  <si>
    <t>cg19549391</t>
  </si>
  <si>
    <t>cg19553910</t>
  </si>
  <si>
    <t>cg19559124</t>
  </si>
  <si>
    <t>cg19560710</t>
  </si>
  <si>
    <t>cg19567735</t>
  </si>
  <si>
    <t>cg19567740</t>
  </si>
  <si>
    <t>cg19569340</t>
  </si>
  <si>
    <t>cg19570161</t>
  </si>
  <si>
    <t>cg19584649</t>
  </si>
  <si>
    <t>cg19586288</t>
  </si>
  <si>
    <t>cg19591077</t>
  </si>
  <si>
    <t>cg19593229</t>
  </si>
  <si>
    <t>cg19595886</t>
  </si>
  <si>
    <t>cg19598293</t>
  </si>
  <si>
    <t>cg19604323</t>
  </si>
  <si>
    <t>cg19615228</t>
  </si>
  <si>
    <t>cg19617217</t>
  </si>
  <si>
    <t>cg19617672</t>
  </si>
  <si>
    <t>cg19619414</t>
  </si>
  <si>
    <t>cg19621008</t>
  </si>
  <si>
    <t>cg19624318</t>
  </si>
  <si>
    <t>cg19630629</t>
  </si>
  <si>
    <t>cg19632026</t>
  </si>
  <si>
    <t>cg19639135</t>
  </si>
  <si>
    <t>cg19639831</t>
  </si>
  <si>
    <t>cg19641644</t>
  </si>
  <si>
    <t>cg19655952</t>
  </si>
  <si>
    <t>cg19658268</t>
  </si>
  <si>
    <t>cg19658444</t>
  </si>
  <si>
    <t>cg19661819</t>
  </si>
  <si>
    <t>cg19663284</t>
  </si>
  <si>
    <t>cg19663555</t>
  </si>
  <si>
    <t>cg19665696</t>
  </si>
  <si>
    <t>cg19672329</t>
  </si>
  <si>
    <t>cg19677683</t>
  </si>
  <si>
    <t>cg19678561</t>
  </si>
  <si>
    <t>cg19680441</t>
  </si>
  <si>
    <t>cg19683188</t>
  </si>
  <si>
    <t>cg19685567</t>
  </si>
  <si>
    <t>cg19689368</t>
  </si>
  <si>
    <t>cg19689679</t>
  </si>
  <si>
    <t>cg19690853</t>
  </si>
  <si>
    <t>cg19691505</t>
  </si>
  <si>
    <t>cg19698668</t>
  </si>
  <si>
    <t>cg19699056</t>
  </si>
  <si>
    <t>cg19701531</t>
  </si>
  <si>
    <t>cg19705159</t>
  </si>
  <si>
    <t>cg19705346</t>
  </si>
  <si>
    <t>cg19706515</t>
  </si>
  <si>
    <t>cg19706795</t>
  </si>
  <si>
    <t>cg19711949</t>
  </si>
  <si>
    <t>cg19713140</t>
  </si>
  <si>
    <t>cg19714062</t>
  </si>
  <si>
    <t>cg19714749</t>
  </si>
  <si>
    <t>cg19717492</t>
  </si>
  <si>
    <t>cg19719915</t>
  </si>
  <si>
    <t>cg19722041</t>
  </si>
  <si>
    <t>cg19722748</t>
  </si>
  <si>
    <t>cg19722814</t>
  </si>
  <si>
    <t>cg19723715</t>
  </si>
  <si>
    <t>cg19728601</t>
  </si>
  <si>
    <t>cg19728978</t>
  </si>
  <si>
    <t>cg19732052</t>
  </si>
  <si>
    <t>cg19732903</t>
  </si>
  <si>
    <t>cg19734188</t>
  </si>
  <si>
    <t>cg19734222</t>
  </si>
  <si>
    <t>cg19735045</t>
  </si>
  <si>
    <t>cg19736397</t>
  </si>
  <si>
    <t>cg19743721</t>
  </si>
  <si>
    <t>cg19744326</t>
  </si>
  <si>
    <t>cg19746375</t>
  </si>
  <si>
    <t>cg19752855</t>
  </si>
  <si>
    <t>cg19759064</t>
  </si>
  <si>
    <t>cg19764295</t>
  </si>
  <si>
    <t>cg19765378</t>
  </si>
  <si>
    <t>cg19766178</t>
  </si>
  <si>
    <t>cg19772723</t>
  </si>
  <si>
    <t>cg19772754</t>
  </si>
  <si>
    <t>cg19772938</t>
  </si>
  <si>
    <t>cg19774365</t>
  </si>
  <si>
    <t>cg19781251</t>
  </si>
  <si>
    <t>cg19783291</t>
  </si>
  <si>
    <t>cg19783626</t>
  </si>
  <si>
    <t>cg19798735</t>
  </si>
  <si>
    <t>cg19799702</t>
  </si>
  <si>
    <t>cg19802368</t>
  </si>
  <si>
    <t>cg19807537</t>
  </si>
  <si>
    <t>cg19809988</t>
  </si>
  <si>
    <t>cg19812944</t>
  </si>
  <si>
    <t>cg19816107</t>
  </si>
  <si>
    <t>cg19828791</t>
  </si>
  <si>
    <t>cg19829477</t>
  </si>
  <si>
    <t>cg19831077</t>
  </si>
  <si>
    <t>cg19837112</t>
  </si>
  <si>
    <t>cg19843429</t>
  </si>
  <si>
    <t>cg19854900</t>
  </si>
  <si>
    <t>cg19856897</t>
  </si>
  <si>
    <t>cg19861697</t>
  </si>
  <si>
    <t>cg19874047</t>
  </si>
  <si>
    <t>cg19874314</t>
  </si>
  <si>
    <t>cg19878138</t>
  </si>
  <si>
    <t>cg19884634</t>
  </si>
  <si>
    <t>cg19888684</t>
  </si>
  <si>
    <t>cg19892210</t>
  </si>
  <si>
    <t>cg19894728</t>
  </si>
  <si>
    <t>cg19897017</t>
  </si>
  <si>
    <t>cg19897172</t>
  </si>
  <si>
    <t>cg19907968</t>
  </si>
  <si>
    <t>cg19908611</t>
  </si>
  <si>
    <t>cg19910201</t>
  </si>
  <si>
    <t>cg19939124</t>
  </si>
  <si>
    <t>cg19942305</t>
  </si>
  <si>
    <t>cg19952015</t>
  </si>
  <si>
    <t>cg19955956</t>
  </si>
  <si>
    <t>cg19956866</t>
  </si>
  <si>
    <t>cg19956914</t>
  </si>
  <si>
    <t>cg19958057</t>
  </si>
  <si>
    <t>cg19960827</t>
  </si>
  <si>
    <t>cg19962750</t>
  </si>
  <si>
    <t>cg19964811</t>
  </si>
  <si>
    <t>cg19968179</t>
  </si>
  <si>
    <t>cg19970200</t>
  </si>
  <si>
    <t>cg19972223</t>
  </si>
  <si>
    <t>cg19972822</t>
  </si>
  <si>
    <t>cg19974428</t>
  </si>
  <si>
    <t>cg19977494</t>
  </si>
  <si>
    <t>cg19978416</t>
  </si>
  <si>
    <t>cg19988637</t>
  </si>
  <si>
    <t>cg19988671</t>
  </si>
  <si>
    <t>cg19993224</t>
  </si>
  <si>
    <t>cg20000107</t>
  </si>
  <si>
    <t>cg20000866</t>
  </si>
  <si>
    <t>cg20002248</t>
  </si>
  <si>
    <t>cg20017891</t>
  </si>
  <si>
    <t>cg20019546</t>
  </si>
  <si>
    <t>cg20022578</t>
  </si>
  <si>
    <t>cg20023356</t>
  </si>
  <si>
    <t>cg20025238</t>
  </si>
  <si>
    <t>cg20025824</t>
  </si>
  <si>
    <t>cg20029449</t>
  </si>
  <si>
    <t>cg20030934</t>
  </si>
  <si>
    <t>cg20031845</t>
  </si>
  <si>
    <t>cg20037088</t>
  </si>
  <si>
    <t>cg20037968</t>
  </si>
  <si>
    <t>cg20041612</t>
  </si>
  <si>
    <t>cg20041873</t>
  </si>
  <si>
    <t>cg20047235</t>
  </si>
  <si>
    <t>cg20048529</t>
  </si>
  <si>
    <t>cg20054412</t>
  </si>
  <si>
    <t>cg20061873</t>
  </si>
  <si>
    <t>cg20062492</t>
  </si>
  <si>
    <t>cg20063728</t>
  </si>
  <si>
    <t>cg20064455</t>
  </si>
  <si>
    <t>cg20064905</t>
  </si>
  <si>
    <t>cg20066716</t>
  </si>
  <si>
    <t>cg20066782</t>
  </si>
  <si>
    <t>cg20067334</t>
  </si>
  <si>
    <t>cg20070933</t>
  </si>
  <si>
    <t>cg20071949</t>
  </si>
  <si>
    <t>cg20080624</t>
  </si>
  <si>
    <t>cg20082779</t>
  </si>
  <si>
    <t>cg20087093</t>
  </si>
  <si>
    <t>cg20095831</t>
  </si>
  <si>
    <t>cg20099458</t>
  </si>
  <si>
    <t>cg20099511</t>
  </si>
  <si>
    <t>cg20101066</t>
  </si>
  <si>
    <t>cg20101870</t>
  </si>
  <si>
    <t>cg20108872</t>
  </si>
  <si>
    <t>cg20109936</t>
  </si>
  <si>
    <t>cg20110742</t>
  </si>
  <si>
    <t>cg20115597</t>
  </si>
  <si>
    <t>cg20116468</t>
  </si>
  <si>
    <t>cg20117519</t>
  </si>
  <si>
    <t>cg20119106</t>
  </si>
  <si>
    <t>cg20119798</t>
  </si>
  <si>
    <t>cg20121142</t>
  </si>
  <si>
    <t>cg20122518</t>
  </si>
  <si>
    <t>cg20125331</t>
  </si>
  <si>
    <t>cg20135307</t>
  </si>
  <si>
    <t>cg20142972</t>
  </si>
  <si>
    <t>cg20148994</t>
  </si>
  <si>
    <t>cg20151879</t>
  </si>
  <si>
    <t>cg20159885</t>
  </si>
  <si>
    <t>cg20165946</t>
  </si>
  <si>
    <t>cg20166931</t>
  </si>
  <si>
    <t>cg20167679</t>
  </si>
  <si>
    <t>cg20171559</t>
  </si>
  <si>
    <t>cg20172885</t>
  </si>
  <si>
    <t>cg20173637</t>
  </si>
  <si>
    <t>cg20174893</t>
  </si>
  <si>
    <t>cg20176648</t>
  </si>
  <si>
    <t>cg20177507</t>
  </si>
  <si>
    <t>cg20180843</t>
  </si>
  <si>
    <t>cg20181323</t>
  </si>
  <si>
    <t>cg20185615</t>
  </si>
  <si>
    <t>cg20200553</t>
  </si>
  <si>
    <t>cg20200811</t>
  </si>
  <si>
    <t>cg20210449</t>
  </si>
  <si>
    <t>cg20215007</t>
  </si>
  <si>
    <t>cg20219894</t>
  </si>
  <si>
    <t>cg20220755</t>
  </si>
  <si>
    <t>cg20224991</t>
  </si>
  <si>
    <t>cg20226122</t>
  </si>
  <si>
    <t>cg20235871</t>
  </si>
  <si>
    <t>cg20239604</t>
  </si>
  <si>
    <t>cg20240531</t>
  </si>
  <si>
    <t>cg20242392</t>
  </si>
  <si>
    <t>cg20250426</t>
  </si>
  <si>
    <t>cg20253542</t>
  </si>
  <si>
    <t>cg20259398</t>
  </si>
  <si>
    <t>cg20262306</t>
  </si>
  <si>
    <t>cg20262683</t>
  </si>
  <si>
    <t>cg20262738</t>
  </si>
  <si>
    <t>cg20265043</t>
  </si>
  <si>
    <t>cg20268039</t>
  </si>
  <si>
    <t>cg20268208</t>
  </si>
  <si>
    <t>cg20269607</t>
  </si>
  <si>
    <t>cg20276677</t>
  </si>
  <si>
    <t>cg20276772</t>
  </si>
  <si>
    <t>cg20288892</t>
  </si>
  <si>
    <t>cg20293594</t>
  </si>
  <si>
    <t>cg20295702</t>
  </si>
  <si>
    <t>cg20297423</t>
  </si>
  <si>
    <t>cg20297638</t>
  </si>
  <si>
    <t>cg20301980</t>
  </si>
  <si>
    <t>cg20308403</t>
  </si>
  <si>
    <t>cg20309371</t>
  </si>
  <si>
    <t>cg20311601</t>
  </si>
  <si>
    <t>cg20312484</t>
  </si>
  <si>
    <t>cg20314490</t>
  </si>
  <si>
    <t>cg20316549</t>
  </si>
  <si>
    <t>cg20318272</t>
  </si>
  <si>
    <t>cg20320158</t>
  </si>
  <si>
    <t>cg20324491</t>
  </si>
  <si>
    <t>cg20325032</t>
  </si>
  <si>
    <t>cg20332503</t>
  </si>
  <si>
    <t>cg20332725</t>
  </si>
  <si>
    <t>cg20336341</t>
  </si>
  <si>
    <t>cg20337384</t>
  </si>
  <si>
    <t>cg20337903</t>
  </si>
  <si>
    <t>cg20341985</t>
  </si>
  <si>
    <t>cg20346826</t>
  </si>
  <si>
    <t>cg20347101</t>
  </si>
  <si>
    <t>cg20347666</t>
  </si>
  <si>
    <t>cg20347882</t>
  </si>
  <si>
    <t>cg20349598</t>
  </si>
  <si>
    <t>cg20349812</t>
  </si>
  <si>
    <t>cg20351904</t>
  </si>
  <si>
    <t>cg20352798</t>
  </si>
  <si>
    <t>cg20355735</t>
  </si>
  <si>
    <t>cg20359426</t>
  </si>
  <si>
    <t>cg20363699</t>
  </si>
  <si>
    <t>cg20372230</t>
  </si>
  <si>
    <t>cg20380768</t>
  </si>
  <si>
    <t>cg20383347</t>
  </si>
  <si>
    <t>cg20387347</t>
  </si>
  <si>
    <t>cg20389981</t>
  </si>
  <si>
    <t>cg20391126</t>
  </si>
  <si>
    <t>cg20399720</t>
  </si>
  <si>
    <t>cg20399871</t>
  </si>
  <si>
    <t>cg20420433</t>
  </si>
  <si>
    <t>cg20421509</t>
  </si>
  <si>
    <t>cg20424803</t>
  </si>
  <si>
    <t>cg20426729</t>
  </si>
  <si>
    <t>cg20427144</t>
  </si>
  <si>
    <t>cg20428685</t>
  </si>
  <si>
    <t>cg20431080</t>
  </si>
  <si>
    <t>cg20438404</t>
  </si>
  <si>
    <t>cg20441130</t>
  </si>
  <si>
    <t>cg20441701</t>
  </si>
  <si>
    <t>cg20446833</t>
  </si>
  <si>
    <t>cg20448594</t>
  </si>
  <si>
    <t>cg20452975</t>
  </si>
  <si>
    <t>cg20456055</t>
  </si>
  <si>
    <t>cg20457523</t>
  </si>
  <si>
    <t>cg20457891</t>
  </si>
  <si>
    <t>cg20460101</t>
  </si>
  <si>
    <t>cg20464580</t>
  </si>
  <si>
    <t>cg20469680</t>
  </si>
  <si>
    <t>cg20474924</t>
  </si>
  <si>
    <t>cg20475884</t>
  </si>
  <si>
    <t>cg20485191</t>
  </si>
  <si>
    <t>cg20485874</t>
  </si>
  <si>
    <t>cg20497212</t>
  </si>
  <si>
    <t>cg20498685</t>
  </si>
  <si>
    <t>cg20498962</t>
  </si>
  <si>
    <t>cg20499825</t>
  </si>
  <si>
    <t>cg20500081</t>
  </si>
  <si>
    <t>cg20502039</t>
  </si>
  <si>
    <t>cg20502215</t>
  </si>
  <si>
    <t>cg20502376</t>
  </si>
  <si>
    <t>cg20511815</t>
  </si>
  <si>
    <t>cg20513548</t>
  </si>
  <si>
    <t>cg20516262</t>
  </si>
  <si>
    <t>cg20518511</t>
  </si>
  <si>
    <t>cg20518651</t>
  </si>
  <si>
    <t>cg20521696</t>
  </si>
  <si>
    <t>cg20528787</t>
  </si>
  <si>
    <t>cg20530835</t>
  </si>
  <si>
    <t>cg20534694</t>
  </si>
  <si>
    <t>cg20534702</t>
  </si>
  <si>
    <t>cg20541376</t>
  </si>
  <si>
    <t>cg20544263</t>
  </si>
  <si>
    <t>cg20545224</t>
  </si>
  <si>
    <t>cg20546279</t>
  </si>
  <si>
    <t>cg20552487</t>
  </si>
  <si>
    <t>cg20554353</t>
  </si>
  <si>
    <t>cg20561100</t>
  </si>
  <si>
    <t>cg20564496</t>
  </si>
  <si>
    <t>cg20564703</t>
  </si>
  <si>
    <t>cg20574732</t>
  </si>
  <si>
    <t>cg20578612</t>
  </si>
  <si>
    <t>cg20583615</t>
  </si>
  <si>
    <t>cg20587945</t>
  </si>
  <si>
    <t>cg20592700</t>
  </si>
  <si>
    <t>cg20593887</t>
  </si>
  <si>
    <t>cg20595205</t>
  </si>
  <si>
    <t>cg20597403</t>
  </si>
  <si>
    <t>cg20599066</t>
  </si>
  <si>
    <t>cg20603821</t>
  </si>
  <si>
    <t>cg20606662</t>
  </si>
  <si>
    <t>cg20629068</t>
  </si>
  <si>
    <t>cg20633959</t>
  </si>
  <si>
    <t>cg20637647</t>
  </si>
  <si>
    <t>cg20637800</t>
  </si>
  <si>
    <t>cg20641675</t>
  </si>
  <si>
    <t>cg20642018</t>
  </si>
  <si>
    <t>cg20642712</t>
  </si>
  <si>
    <t>cg20646556</t>
  </si>
  <si>
    <t>cg20646995</t>
  </si>
  <si>
    <t>cg20647137</t>
  </si>
  <si>
    <t>cg20647257</t>
  </si>
  <si>
    <t>cg20648979</t>
  </si>
  <si>
    <t>cg20650683</t>
  </si>
  <si>
    <t>cg20653955</t>
  </si>
  <si>
    <t>cg20655099</t>
  </si>
  <si>
    <t>cg20656566</t>
  </si>
  <si>
    <t>cg20662985</t>
  </si>
  <si>
    <t>cg20663219</t>
  </si>
  <si>
    <t>cg20665157</t>
  </si>
  <si>
    <t>cg20665259</t>
  </si>
  <si>
    <t>cg20667964</t>
  </si>
  <si>
    <t>cg20671790</t>
  </si>
  <si>
    <t>cg20672245</t>
  </si>
  <si>
    <t>cg20673767</t>
  </si>
  <si>
    <t>cg20680284</t>
  </si>
  <si>
    <t>cg20682895</t>
  </si>
  <si>
    <t>cg20688289</t>
  </si>
  <si>
    <t>cg20689661</t>
  </si>
  <si>
    <t>cg20698769</t>
  </si>
  <si>
    <t>cg20703290</t>
  </si>
  <si>
    <t>cg20705893</t>
  </si>
  <si>
    <t>cg20706536</t>
  </si>
  <si>
    <t>cg20706621</t>
  </si>
  <si>
    <t>cg20706768</t>
  </si>
  <si>
    <t>cg20711030</t>
  </si>
  <si>
    <t>cg20712426</t>
  </si>
  <si>
    <t>cg20712980</t>
  </si>
  <si>
    <t>cg20716058</t>
  </si>
  <si>
    <t>cg20717798</t>
  </si>
  <si>
    <t>cg20723844</t>
  </si>
  <si>
    <t>cg20726070</t>
  </si>
  <si>
    <t>cg20734154</t>
  </si>
  <si>
    <t>cg20734982</t>
  </si>
  <si>
    <t>cg20735365</t>
  </si>
  <si>
    <t>cg20740028</t>
  </si>
  <si>
    <t>cg20740249</t>
  </si>
  <si>
    <t>cg20741105</t>
  </si>
  <si>
    <t>cg20743391</t>
  </si>
  <si>
    <t>cg20743544</t>
  </si>
  <si>
    <t>cg20743628</t>
  </si>
  <si>
    <t>cg20745684</t>
  </si>
  <si>
    <t>cg20747380</t>
  </si>
  <si>
    <t>cg20747462</t>
  </si>
  <si>
    <t>cg20748065</t>
  </si>
  <si>
    <t>cg20750319</t>
  </si>
  <si>
    <t>cg20760883</t>
  </si>
  <si>
    <t>cg20762137</t>
  </si>
  <si>
    <t>cg20763594</t>
  </si>
  <si>
    <t>cg20764033</t>
  </si>
  <si>
    <t>cg20764575</t>
  </si>
  <si>
    <t>cg20764780</t>
  </si>
  <si>
    <t>cg20770006</t>
  </si>
  <si>
    <t>cg20770498</t>
  </si>
  <si>
    <t>cg20777796</t>
  </si>
  <si>
    <t>cg20778547</t>
  </si>
  <si>
    <t>cg20778684</t>
  </si>
  <si>
    <t>cg20779917</t>
  </si>
  <si>
    <t>cg20782724</t>
  </si>
  <si>
    <t>cg20784591</t>
  </si>
  <si>
    <t>cg20795023</t>
  </si>
  <si>
    <t>cg20797106</t>
  </si>
  <si>
    <t>cg20798412</t>
  </si>
  <si>
    <t>cg20801476</t>
  </si>
  <si>
    <t>cg20801778</t>
  </si>
  <si>
    <t>cg20807701</t>
  </si>
  <si>
    <t>cg20808693</t>
  </si>
  <si>
    <t>cg20809036</t>
  </si>
  <si>
    <t>cg20810125</t>
  </si>
  <si>
    <t>cg20811456</t>
  </si>
  <si>
    <t>cg20812117</t>
  </si>
  <si>
    <t>cg20812675</t>
  </si>
  <si>
    <t>cg20816493</t>
  </si>
  <si>
    <t>cg20817131</t>
  </si>
  <si>
    <t>cg20819769</t>
  </si>
  <si>
    <t>cg20821466</t>
  </si>
  <si>
    <t>cg20826151</t>
  </si>
  <si>
    <t>cg20826277</t>
  </si>
  <si>
    <t>cg20829683</t>
  </si>
  <si>
    <t>cg20829967</t>
  </si>
  <si>
    <t>cg20830514</t>
  </si>
  <si>
    <t>cg20830573</t>
  </si>
  <si>
    <t>cg20830848</t>
  </si>
  <si>
    <t>cg20833128</t>
  </si>
  <si>
    <t>cg20836212</t>
  </si>
  <si>
    <t>cg20838009</t>
  </si>
  <si>
    <t>cg20838631</t>
  </si>
  <si>
    <t>cg20840416</t>
  </si>
  <si>
    <t>cg20842326</t>
  </si>
  <si>
    <t>cg20845858</t>
  </si>
  <si>
    <t>cg20848619</t>
  </si>
  <si>
    <t>cg20848988</t>
  </si>
  <si>
    <t>cg20849893</t>
  </si>
  <si>
    <t>cg20850023</t>
  </si>
  <si>
    <t>cg20867603</t>
  </si>
  <si>
    <t>cg20869844</t>
  </si>
  <si>
    <t>cg20870668</t>
  </si>
  <si>
    <t>cg20873686</t>
  </si>
  <si>
    <t>cg20875919</t>
  </si>
  <si>
    <t>cg20876466</t>
  </si>
  <si>
    <t>cg20879601</t>
  </si>
  <si>
    <t>cg20882837</t>
  </si>
  <si>
    <t>cg20885342</t>
  </si>
  <si>
    <t>cg20891917</t>
  </si>
  <si>
    <t>cg20896342</t>
  </si>
  <si>
    <t>cg20899053</t>
  </si>
  <si>
    <t>cg20899718</t>
  </si>
  <si>
    <t>cg20900829</t>
  </si>
  <si>
    <t>cg20904013</t>
  </si>
  <si>
    <t>cg20905460</t>
  </si>
  <si>
    <t>cg20916804</t>
  </si>
  <si>
    <t>cg20917077</t>
  </si>
  <si>
    <t>cg20927119</t>
  </si>
  <si>
    <t>cg20932718</t>
  </si>
  <si>
    <t>cg20934096</t>
  </si>
  <si>
    <t>cg20935057</t>
  </si>
  <si>
    <t>cg20935553</t>
  </si>
  <si>
    <t>cg20942223</t>
  </si>
  <si>
    <t>cg20943339</t>
  </si>
  <si>
    <t>cg20943353</t>
  </si>
  <si>
    <t>cg20947553</t>
  </si>
  <si>
    <t>cg20949383</t>
  </si>
  <si>
    <t>cg20949644</t>
  </si>
  <si>
    <t>cg20950646</t>
  </si>
  <si>
    <t>cg20951255</t>
  </si>
  <si>
    <t>cg20956366</t>
  </si>
  <si>
    <t>cg20963550</t>
  </si>
  <si>
    <t>cg20964021</t>
  </si>
  <si>
    <t>cg20972917</t>
  </si>
  <si>
    <t>cg20974724</t>
  </si>
  <si>
    <t>cg20984904</t>
  </si>
  <si>
    <t>cg20985067</t>
  </si>
  <si>
    <t>cg20987323</t>
  </si>
  <si>
    <t>cg20987938</t>
  </si>
  <si>
    <t>cg20991801</t>
  </si>
  <si>
    <t>cg20995450</t>
  </si>
  <si>
    <t>cg20996682</t>
  </si>
  <si>
    <t>cg20997268</t>
  </si>
  <si>
    <t>cg20998127</t>
  </si>
  <si>
    <t>cg21005154</t>
  </si>
  <si>
    <t>cg21005410</t>
  </si>
  <si>
    <t>cg21006425</t>
  </si>
  <si>
    <t>cg21007852</t>
  </si>
  <si>
    <t>cg21009420</t>
  </si>
  <si>
    <t>cg21014529</t>
  </si>
  <si>
    <t>cg21022364</t>
  </si>
  <si>
    <t>cg21022732</t>
  </si>
  <si>
    <t>cg21024611</t>
  </si>
  <si>
    <t>cg21026078</t>
  </si>
  <si>
    <t>cg21027035</t>
  </si>
  <si>
    <t>cg21027052</t>
  </si>
  <si>
    <t>cg21028671</t>
  </si>
  <si>
    <t>cg21030116</t>
  </si>
  <si>
    <t>cg21041127</t>
  </si>
  <si>
    <t>cg21041594</t>
  </si>
  <si>
    <t>cg21048168</t>
  </si>
  <si>
    <t>cg21048501</t>
  </si>
  <si>
    <t>cg21051046</t>
  </si>
  <si>
    <t>cg21053365</t>
  </si>
  <si>
    <t>cg21053748</t>
  </si>
  <si>
    <t>cg21055948</t>
  </si>
  <si>
    <t>cg21055978</t>
  </si>
  <si>
    <t>cg21060429</t>
  </si>
  <si>
    <t>cg21063500</t>
  </si>
  <si>
    <t>cg21070846</t>
  </si>
  <si>
    <t>cg21074350</t>
  </si>
  <si>
    <t>cg21075261</t>
  </si>
  <si>
    <t>cg21076424</t>
  </si>
  <si>
    <t>cg21082782</t>
  </si>
  <si>
    <t>cg21086503</t>
  </si>
  <si>
    <t>cg21095395</t>
  </si>
  <si>
    <t>cg21096457</t>
  </si>
  <si>
    <t>cg21101226</t>
  </si>
  <si>
    <t>cg21101308</t>
  </si>
  <si>
    <t>cg21101743</t>
  </si>
  <si>
    <t>cg21103316</t>
  </si>
  <si>
    <t>cg21104363</t>
  </si>
  <si>
    <t>cg21108361</t>
  </si>
  <si>
    <t>cg21113846</t>
  </si>
  <si>
    <t>cg21115346</t>
  </si>
  <si>
    <t>cg21115527</t>
  </si>
  <si>
    <t>cg21120678</t>
  </si>
  <si>
    <t>cg21120786</t>
  </si>
  <si>
    <t>cg21123509</t>
  </si>
  <si>
    <t>cg21126453</t>
  </si>
  <si>
    <t>cg21127729</t>
  </si>
  <si>
    <t>cg21129531</t>
  </si>
  <si>
    <t>cg21130998</t>
  </si>
  <si>
    <t>cg21133261</t>
  </si>
  <si>
    <t>cg21134096</t>
  </si>
  <si>
    <t>cg21134501</t>
  </si>
  <si>
    <t>cg21136491</t>
  </si>
  <si>
    <t>cg21139485</t>
  </si>
  <si>
    <t>cg21144589</t>
  </si>
  <si>
    <t>cg21145551</t>
  </si>
  <si>
    <t>cg21154876</t>
  </si>
  <si>
    <t>cg21159370</t>
  </si>
  <si>
    <t>cg21160357</t>
  </si>
  <si>
    <t>cg21160363</t>
  </si>
  <si>
    <t>cg21161492</t>
  </si>
  <si>
    <t>cg21162828</t>
  </si>
  <si>
    <t>cg21172377</t>
  </si>
  <si>
    <t>cg21178979</t>
  </si>
  <si>
    <t>cg21179088</t>
  </si>
  <si>
    <t>cg21180201</t>
  </si>
  <si>
    <t>cg21181989</t>
  </si>
  <si>
    <t>cg21186955</t>
  </si>
  <si>
    <t>cg21188037</t>
  </si>
  <si>
    <t>cg21192091</t>
  </si>
  <si>
    <t>cg21193175</t>
  </si>
  <si>
    <t>cg21202732</t>
  </si>
  <si>
    <t>cg21202740</t>
  </si>
  <si>
    <t>cg21206217</t>
  </si>
  <si>
    <t>cg21208107</t>
  </si>
  <si>
    <t>cg21209022</t>
  </si>
  <si>
    <t>cg21210409</t>
  </si>
  <si>
    <t>cg21212956</t>
  </si>
  <si>
    <t>cg21217886</t>
  </si>
  <si>
    <t>cg21230435</t>
  </si>
  <si>
    <t>cg21231189</t>
  </si>
  <si>
    <t>cg21232935</t>
  </si>
  <si>
    <t>cg21236860</t>
  </si>
  <si>
    <t>cg21250978</t>
  </si>
  <si>
    <t>cg21251563</t>
  </si>
  <si>
    <t>cg21252523</t>
  </si>
  <si>
    <t>cg21254135</t>
  </si>
  <si>
    <t>cg21255128</t>
  </si>
  <si>
    <t>cg21255641</t>
  </si>
  <si>
    <t>cg21258697</t>
  </si>
  <si>
    <t>cg21265783</t>
  </si>
  <si>
    <t>cg21283302</t>
  </si>
  <si>
    <t>cg21289191</t>
  </si>
  <si>
    <t>cg21291881</t>
  </si>
  <si>
    <t>cg21293811</t>
  </si>
  <si>
    <t>cg21294616</t>
  </si>
  <si>
    <t>cg21303428</t>
  </si>
  <si>
    <t>cg21303682</t>
  </si>
  <si>
    <t>cg21309049</t>
  </si>
  <si>
    <t>cg21321248</t>
  </si>
  <si>
    <t>cg21323106</t>
  </si>
  <si>
    <t>cg21328651</t>
  </si>
  <si>
    <t>cg21332334</t>
  </si>
  <si>
    <t>cg21338479</t>
  </si>
  <si>
    <t>cg21339533</t>
  </si>
  <si>
    <t>cg21341645</t>
  </si>
  <si>
    <t>cg21349901</t>
  </si>
  <si>
    <t>cg21351241</t>
  </si>
  <si>
    <t>cg21355619</t>
  </si>
  <si>
    <t>cg21355793</t>
  </si>
  <si>
    <t>cg21363377</t>
  </si>
  <si>
    <t>cg21364020</t>
  </si>
  <si>
    <t>cg21364559</t>
  </si>
  <si>
    <t>cg21367783</t>
  </si>
  <si>
    <t>cg21367972</t>
  </si>
  <si>
    <t>cg21370481</t>
  </si>
  <si>
    <t>cg21375490</t>
  </si>
  <si>
    <t>cg21377860</t>
  </si>
  <si>
    <t>cg21379546</t>
  </si>
  <si>
    <t>cg21380084</t>
  </si>
  <si>
    <t>cg21383341</t>
  </si>
  <si>
    <t>cg21384854</t>
  </si>
  <si>
    <t>cg21389309</t>
  </si>
  <si>
    <t>cg21399198</t>
  </si>
  <si>
    <t>cg21399385</t>
  </si>
  <si>
    <t>cg21403330</t>
  </si>
  <si>
    <t>cg21406967</t>
  </si>
  <si>
    <t>cg21408624</t>
  </si>
  <si>
    <t>cg21408763</t>
  </si>
  <si>
    <t>cg21409449</t>
  </si>
  <si>
    <t>cg21417259</t>
  </si>
  <si>
    <t>cg21421984</t>
  </si>
  <si>
    <t>cg21422834</t>
  </si>
  <si>
    <t>cg21423724</t>
  </si>
  <si>
    <t>cg21424940</t>
  </si>
  <si>
    <t>cg21433125</t>
  </si>
  <si>
    <t>cg21437766</t>
  </si>
  <si>
    <t>cg21438382</t>
  </si>
  <si>
    <t>cg21439129</t>
  </si>
  <si>
    <t>cg21439880</t>
  </si>
  <si>
    <t>cg21448875</t>
  </si>
  <si>
    <t>cg21449170</t>
  </si>
  <si>
    <t>cg21452652</t>
  </si>
  <si>
    <t>cg21459739</t>
  </si>
  <si>
    <t>cg21459816</t>
  </si>
  <si>
    <t>cg21460729</t>
  </si>
  <si>
    <t>cg21461649</t>
  </si>
  <si>
    <t>cg21463518</t>
  </si>
  <si>
    <t>cg21463790</t>
  </si>
  <si>
    <t>cg21466107</t>
  </si>
  <si>
    <t>cg21467197</t>
  </si>
  <si>
    <t>cg21480740</t>
  </si>
  <si>
    <t>cg21482659</t>
  </si>
  <si>
    <t>cg21483820</t>
  </si>
  <si>
    <t>cg21489991</t>
  </si>
  <si>
    <t>cg21491201</t>
  </si>
  <si>
    <t>cg21498160</t>
  </si>
  <si>
    <t>cg21499949</t>
  </si>
  <si>
    <t>cg21501195</t>
  </si>
  <si>
    <t>cg21503834</t>
  </si>
  <si>
    <t>cg21504093</t>
  </si>
  <si>
    <t>cg21507109</t>
  </si>
  <si>
    <t>cg21513757</t>
  </si>
  <si>
    <t>cg21516287</t>
  </si>
  <si>
    <t>cg21517389</t>
  </si>
  <si>
    <t>cg21519944</t>
  </si>
  <si>
    <t>cg21521758</t>
  </si>
  <si>
    <t>cg21525314</t>
  </si>
  <si>
    <t>cg21526150</t>
  </si>
  <si>
    <t>cg21526773</t>
  </si>
  <si>
    <t>cg21529699</t>
  </si>
  <si>
    <t>cg21530649</t>
  </si>
  <si>
    <t>cg21531604</t>
  </si>
  <si>
    <t>cg21531654</t>
  </si>
  <si>
    <t>cg21532236</t>
  </si>
  <si>
    <t>cg21537623</t>
  </si>
  <si>
    <t>cg21538259</t>
  </si>
  <si>
    <t>cg21543346</t>
  </si>
  <si>
    <t>cg21544121</t>
  </si>
  <si>
    <t>cg21545003</t>
  </si>
  <si>
    <t>cg21545390</t>
  </si>
  <si>
    <t>cg21547118</t>
  </si>
  <si>
    <t>cg21557180</t>
  </si>
  <si>
    <t>cg21564128</t>
  </si>
  <si>
    <t>cg21572621</t>
  </si>
  <si>
    <t>cg21574752</t>
  </si>
  <si>
    <t>cg21577356</t>
  </si>
  <si>
    <t>cg21577626</t>
  </si>
  <si>
    <t>cg21579556</t>
  </si>
  <si>
    <t>cg21579710</t>
  </si>
  <si>
    <t>cg21580350</t>
  </si>
  <si>
    <t>cg21582785</t>
  </si>
  <si>
    <t>cg21586203</t>
  </si>
  <si>
    <t>cg21586865</t>
  </si>
  <si>
    <t>cg21587319</t>
  </si>
  <si>
    <t>cg21587477</t>
  </si>
  <si>
    <t>cg21593345</t>
  </si>
  <si>
    <t>cg21597649</t>
  </si>
  <si>
    <t>cg21601585</t>
  </si>
  <si>
    <t>cg21606777</t>
  </si>
  <si>
    <t>cg21606923</t>
  </si>
  <si>
    <t>cg21607965</t>
  </si>
  <si>
    <t>cg21608519</t>
  </si>
  <si>
    <t>cg21618501</t>
  </si>
  <si>
    <t>cg21619637</t>
  </si>
  <si>
    <t>cg21630370</t>
  </si>
  <si>
    <t>cg21631904</t>
  </si>
  <si>
    <t>cg21633143</t>
  </si>
  <si>
    <t>cg21633901</t>
  </si>
  <si>
    <t>cg21637172</t>
  </si>
  <si>
    <t>cg21640865</t>
  </si>
  <si>
    <t>cg21641458</t>
  </si>
  <si>
    <t>cg21643217</t>
  </si>
  <si>
    <t>cg21645848</t>
  </si>
  <si>
    <t>cg21646060</t>
  </si>
  <si>
    <t>cg21647114</t>
  </si>
  <si>
    <t>cg21647170</t>
  </si>
  <si>
    <t>cg21652531</t>
  </si>
  <si>
    <t>cg21656801</t>
  </si>
  <si>
    <t>cg21660826</t>
  </si>
  <si>
    <t>cg21661022</t>
  </si>
  <si>
    <t>cg21663536</t>
  </si>
  <si>
    <t>cg21667116</t>
  </si>
  <si>
    <t>cg21670396</t>
  </si>
  <si>
    <t>cg21681109</t>
  </si>
  <si>
    <t>cg21682399</t>
  </si>
  <si>
    <t>cg21684654</t>
  </si>
  <si>
    <t>cg21684676</t>
  </si>
  <si>
    <t>cg21686577</t>
  </si>
  <si>
    <t>cg21690675</t>
  </si>
  <si>
    <t>cg21694349</t>
  </si>
  <si>
    <t>cg21699330</t>
  </si>
  <si>
    <t>cg21700772</t>
  </si>
  <si>
    <t>cg21700774</t>
  </si>
  <si>
    <t>cg21706701</t>
  </si>
  <si>
    <t>cg21713424</t>
  </si>
  <si>
    <t>cg21724044</t>
  </si>
  <si>
    <t>cg21724654</t>
  </si>
  <si>
    <t>cg21733013</t>
  </si>
  <si>
    <t>cg21733560</t>
  </si>
  <si>
    <t>cg21736205</t>
  </si>
  <si>
    <t>cg21737698</t>
  </si>
  <si>
    <t>cg21746887</t>
  </si>
  <si>
    <t>cg21747818</t>
  </si>
  <si>
    <t>cg21748317</t>
  </si>
  <si>
    <t>cg21749556</t>
  </si>
  <si>
    <t>cg21750107</t>
  </si>
  <si>
    <t>cg21752637</t>
  </si>
  <si>
    <t>cg21754854</t>
  </si>
  <si>
    <t>cg21760040</t>
  </si>
  <si>
    <t>cg21761811</t>
  </si>
  <si>
    <t>cg21762695</t>
  </si>
  <si>
    <t>cg21764632</t>
  </si>
  <si>
    <t>cg21764708</t>
  </si>
  <si>
    <t>cg21767034</t>
  </si>
  <si>
    <t>cg21768835</t>
  </si>
  <si>
    <t>cg21769820</t>
  </si>
  <si>
    <t>cg21771834</t>
  </si>
  <si>
    <t>cg21773142</t>
  </si>
  <si>
    <t>cg21776286</t>
  </si>
  <si>
    <t>cg21779301</t>
  </si>
  <si>
    <t>cg21780600</t>
  </si>
  <si>
    <t>cg21782357</t>
  </si>
  <si>
    <t>cg21783183</t>
  </si>
  <si>
    <t>cg21783223</t>
  </si>
  <si>
    <t>cg21784940</t>
  </si>
  <si>
    <t>cg21785034</t>
  </si>
  <si>
    <t>cg21785750</t>
  </si>
  <si>
    <t>cg21786957</t>
  </si>
  <si>
    <t>cg21787489</t>
  </si>
  <si>
    <t>cg21787516</t>
  </si>
  <si>
    <t>cg21796443</t>
  </si>
  <si>
    <t>cg21804273</t>
  </si>
  <si>
    <t>cg21804814</t>
  </si>
  <si>
    <t>cg21805969</t>
  </si>
  <si>
    <t>cg21810604</t>
  </si>
  <si>
    <t>cg21811549</t>
  </si>
  <si>
    <t>cg21814583</t>
  </si>
  <si>
    <t>cg21815882</t>
  </si>
  <si>
    <t>cg21824300</t>
  </si>
  <si>
    <t>cg21828951</t>
  </si>
  <si>
    <t>cg21840908</t>
  </si>
  <si>
    <t>cg21841024</t>
  </si>
  <si>
    <t>cg21843195</t>
  </si>
  <si>
    <t>cg21843627</t>
  </si>
  <si>
    <t>cg21844005</t>
  </si>
  <si>
    <t>cg21845794</t>
  </si>
  <si>
    <t>cg21847267</t>
  </si>
  <si>
    <t>cg21851956</t>
  </si>
  <si>
    <t>cg21852589</t>
  </si>
  <si>
    <t>cg21852842</t>
  </si>
  <si>
    <t>cg21852992</t>
  </si>
  <si>
    <t>cg21853542</t>
  </si>
  <si>
    <t>cg21857843</t>
  </si>
  <si>
    <t>cg21859880</t>
  </si>
  <si>
    <t>cg21873567</t>
  </si>
  <si>
    <t>cg21880328</t>
  </si>
  <si>
    <t>cg21882563</t>
  </si>
  <si>
    <t>cg21883765</t>
  </si>
  <si>
    <t>cg21884372</t>
  </si>
  <si>
    <t>cg21885231</t>
  </si>
  <si>
    <t>cg21887345</t>
  </si>
  <si>
    <t>cg21890025</t>
  </si>
  <si>
    <t>cg21890850</t>
  </si>
  <si>
    <t>cg21897367</t>
  </si>
  <si>
    <t>cg21898343</t>
  </si>
  <si>
    <t>cg21899612</t>
  </si>
  <si>
    <t>cg21900928</t>
  </si>
  <si>
    <t>cg21902160</t>
  </si>
  <si>
    <t>cg21905711</t>
  </si>
  <si>
    <t>cg21906830</t>
  </si>
  <si>
    <t>cg21911851</t>
  </si>
  <si>
    <t>cg21912938</t>
  </si>
  <si>
    <t>cg21914526</t>
  </si>
  <si>
    <t>cg21922419</t>
  </si>
  <si>
    <t>cg21927420</t>
  </si>
  <si>
    <t>cg21932452</t>
  </si>
  <si>
    <t>cg21932542</t>
  </si>
  <si>
    <t>cg21935175</t>
  </si>
  <si>
    <t>cg21939482</t>
  </si>
  <si>
    <t>cg21940640</t>
  </si>
  <si>
    <t>cg21942546</t>
  </si>
  <si>
    <t>cg21945930</t>
  </si>
  <si>
    <t>cg21948027</t>
  </si>
  <si>
    <t>cg21952686</t>
  </si>
  <si>
    <t>cg21961852</t>
  </si>
  <si>
    <t>cg21964637</t>
  </si>
  <si>
    <t>cg21972431</t>
  </si>
  <si>
    <t>cg21974766</t>
  </si>
  <si>
    <t>cg21982420</t>
  </si>
  <si>
    <t>cg21983151</t>
  </si>
  <si>
    <t>cg21986035</t>
  </si>
  <si>
    <t>cg21987356</t>
  </si>
  <si>
    <t>cg21987390</t>
  </si>
  <si>
    <t>cg21995931</t>
  </si>
  <si>
    <t>cg21999726</t>
  </si>
  <si>
    <t>cg22000692</t>
  </si>
  <si>
    <t>cg22002101</t>
  </si>
  <si>
    <t>cg22005393</t>
  </si>
  <si>
    <t>cg22007110</t>
  </si>
  <si>
    <t>cg22011804</t>
  </si>
  <si>
    <t>cg22013564</t>
  </si>
  <si>
    <t>cg22024117</t>
  </si>
  <si>
    <t>cg22025233</t>
  </si>
  <si>
    <t>cg22030483</t>
  </si>
  <si>
    <t>cg22032894</t>
  </si>
  <si>
    <t>cg22033936</t>
  </si>
  <si>
    <t>cg22037919</t>
  </si>
  <si>
    <t>cg22044951</t>
  </si>
  <si>
    <t>cg22051370</t>
  </si>
  <si>
    <t>cg22051964</t>
  </si>
  <si>
    <t>cg22055397</t>
  </si>
  <si>
    <t>cg22056595</t>
  </si>
  <si>
    <t>cg22056759</t>
  </si>
  <si>
    <t>cg22064390</t>
  </si>
  <si>
    <t>cg22065500</t>
  </si>
  <si>
    <t>cg22069262</t>
  </si>
  <si>
    <t>cg22077988</t>
  </si>
  <si>
    <t>cg22083335</t>
  </si>
  <si>
    <t>cg22083798</t>
  </si>
  <si>
    <t>cg22087209</t>
  </si>
  <si>
    <t>cg22087953</t>
  </si>
  <si>
    <t>cg22101977</t>
  </si>
  <si>
    <t>cg22103219</t>
  </si>
  <si>
    <t>cg22104371</t>
  </si>
  <si>
    <t>cg22105495</t>
  </si>
  <si>
    <t>cg22107476</t>
  </si>
  <si>
    <t>cg22108567</t>
  </si>
  <si>
    <t>cg22108980</t>
  </si>
  <si>
    <t>cg22111043</t>
  </si>
  <si>
    <t>cg22114991</t>
  </si>
  <si>
    <t>cg22115436</t>
  </si>
  <si>
    <t>cg22120345</t>
  </si>
  <si>
    <t>cg22120367</t>
  </si>
  <si>
    <t>cg22124221</t>
  </si>
  <si>
    <t>cg22124564</t>
  </si>
  <si>
    <t>cg22125569</t>
  </si>
  <si>
    <t>cg22126032</t>
  </si>
  <si>
    <t>cg22126440</t>
  </si>
  <si>
    <t>cg22127703</t>
  </si>
  <si>
    <t>cg22133552</t>
  </si>
  <si>
    <t>cg22133882</t>
  </si>
  <si>
    <t>cg22133949</t>
  </si>
  <si>
    <t>cg22136038</t>
  </si>
  <si>
    <t>cg22138096</t>
  </si>
  <si>
    <t>cg22141315</t>
  </si>
  <si>
    <t>cg22143809</t>
  </si>
  <si>
    <t>cg22144125</t>
  </si>
  <si>
    <t>cg22147827</t>
  </si>
  <si>
    <t>cg22152931</t>
  </si>
  <si>
    <t>cg22158923</t>
  </si>
  <si>
    <t>cg22159058</t>
  </si>
  <si>
    <t>cg22159946</t>
  </si>
  <si>
    <t>cg22160595</t>
  </si>
  <si>
    <t>cg22160769</t>
  </si>
  <si>
    <t>cg22161706</t>
  </si>
  <si>
    <t>cg22167839</t>
  </si>
  <si>
    <t>cg22167893</t>
  </si>
  <si>
    <t>cg22168222</t>
  </si>
  <si>
    <t>cg22168525</t>
  </si>
  <si>
    <t>cg22169427</t>
  </si>
  <si>
    <t>cg22171145</t>
  </si>
  <si>
    <t>cg22171829</t>
  </si>
  <si>
    <t>cg22172724</t>
  </si>
  <si>
    <t>cg22176954</t>
  </si>
  <si>
    <t>cg22185378</t>
  </si>
  <si>
    <t>cg22186263</t>
  </si>
  <si>
    <t>cg22189544</t>
  </si>
  <si>
    <t>cg22199651</t>
  </si>
  <si>
    <t>cg22202234</t>
  </si>
  <si>
    <t>cg22208435</t>
  </si>
  <si>
    <t>cg22209441</t>
  </si>
  <si>
    <t>cg22213837</t>
  </si>
  <si>
    <t>cg22216157</t>
  </si>
  <si>
    <t>cg22218709</t>
  </si>
  <si>
    <t>cg22219876</t>
  </si>
  <si>
    <t>cg22226532</t>
  </si>
  <si>
    <t>cg22228754</t>
  </si>
  <si>
    <t>cg22229114</t>
  </si>
  <si>
    <t>cg22230167</t>
  </si>
  <si>
    <t>cg22232048</t>
  </si>
  <si>
    <t>cg22233189</t>
  </si>
  <si>
    <t>cg22233230</t>
  </si>
  <si>
    <t>cg22234154</t>
  </si>
  <si>
    <t>cg22234630</t>
  </si>
  <si>
    <t>cg22240520</t>
  </si>
  <si>
    <t>cg22240800</t>
  </si>
  <si>
    <t>cg22244135</t>
  </si>
  <si>
    <t>cg22245752</t>
  </si>
  <si>
    <t>cg22247250</t>
  </si>
  <si>
    <t>cg22249754</t>
  </si>
  <si>
    <t>cg22273955</t>
  </si>
  <si>
    <t>cg22274662</t>
  </si>
  <si>
    <t>cg22277106</t>
  </si>
  <si>
    <t>cg22283115</t>
  </si>
  <si>
    <t>cg22284975</t>
  </si>
  <si>
    <t>cg22288637</t>
  </si>
  <si>
    <t>cg22289815</t>
  </si>
  <si>
    <t>cg22290893</t>
  </si>
  <si>
    <t>cg22295983</t>
  </si>
  <si>
    <t>cg22296103</t>
  </si>
  <si>
    <t>cg22298208</t>
  </si>
  <si>
    <t>cg22301154</t>
  </si>
  <si>
    <t>cg22302111</t>
  </si>
  <si>
    <t>cg22303909</t>
  </si>
  <si>
    <t>cg22308746</t>
  </si>
  <si>
    <t>cg22308970</t>
  </si>
  <si>
    <t>cg22309923</t>
  </si>
  <si>
    <t>cg22321318</t>
  </si>
  <si>
    <t>cg22324358</t>
  </si>
  <si>
    <t>cg22324696</t>
  </si>
  <si>
    <t>cg22325059</t>
  </si>
  <si>
    <t>cg22326929</t>
  </si>
  <si>
    <t>cg22327338</t>
  </si>
  <si>
    <t>cg22327527</t>
  </si>
  <si>
    <t>cg22331138</t>
  </si>
  <si>
    <t>cg22337375</t>
  </si>
  <si>
    <t>cg22340526</t>
  </si>
  <si>
    <t>cg22340644</t>
  </si>
  <si>
    <t>cg22348299</t>
  </si>
  <si>
    <t>cg22348713</t>
  </si>
  <si>
    <t>cg22352772</t>
  </si>
  <si>
    <t>cg22362802</t>
  </si>
  <si>
    <t>cg22365446</t>
  </si>
  <si>
    <t>cg22372849</t>
  </si>
  <si>
    <t>cg22374237</t>
  </si>
  <si>
    <t>cg22376661</t>
  </si>
  <si>
    <t>cg22377237</t>
  </si>
  <si>
    <t>cg22377978</t>
  </si>
  <si>
    <t>cg22383831</t>
  </si>
  <si>
    <t>cg22385579</t>
  </si>
  <si>
    <t>cg22387174</t>
  </si>
  <si>
    <t>cg22387519</t>
  </si>
  <si>
    <t>cg22392876</t>
  </si>
  <si>
    <t>cg22394119</t>
  </si>
  <si>
    <t>cg22395765</t>
  </si>
  <si>
    <t>cg22396409</t>
  </si>
  <si>
    <t>cg22396663</t>
  </si>
  <si>
    <t>cg22402224</t>
  </si>
  <si>
    <t>cg22403266</t>
  </si>
  <si>
    <t>cg22407942</t>
  </si>
  <si>
    <t>cg22413749</t>
  </si>
  <si>
    <t>cg22417613</t>
  </si>
  <si>
    <t>cg22418737</t>
  </si>
  <si>
    <t>cg22419455</t>
  </si>
  <si>
    <t>cg22420044</t>
  </si>
  <si>
    <t>cg22425096</t>
  </si>
  <si>
    <t>cg22428147</t>
  </si>
  <si>
    <t>cg22431309</t>
  </si>
  <si>
    <t>cg22437161</t>
  </si>
  <si>
    <t>cg22439641</t>
  </si>
  <si>
    <t>cg22442090</t>
  </si>
  <si>
    <t>cg22443510</t>
  </si>
  <si>
    <t>cg22444983</t>
  </si>
  <si>
    <t>cg22453033</t>
  </si>
  <si>
    <t>cg22455271</t>
  </si>
  <si>
    <t>cg22455527</t>
  </si>
  <si>
    <t>cg22459051</t>
  </si>
  <si>
    <t>cg22460204</t>
  </si>
  <si>
    <t>cg22466400</t>
  </si>
  <si>
    <t>cg22466550</t>
  </si>
  <si>
    <t>cg22468258</t>
  </si>
  <si>
    <t>cg22471517</t>
  </si>
  <si>
    <t>cg22476295</t>
  </si>
  <si>
    <t>cg22480109</t>
  </si>
  <si>
    <t>cg22482235</t>
  </si>
  <si>
    <t>cg22484737</t>
  </si>
  <si>
    <t>cg22488067</t>
  </si>
  <si>
    <t>cg22488583</t>
  </si>
  <si>
    <t>cg22488857</t>
  </si>
  <si>
    <t>cg22493042</t>
  </si>
  <si>
    <t>cg22493358</t>
  </si>
  <si>
    <t>cg22493616</t>
  </si>
  <si>
    <t>cg22498251</t>
  </si>
  <si>
    <t>cg22499348</t>
  </si>
  <si>
    <t>cg22500280</t>
  </si>
  <si>
    <t>cg22501483</t>
  </si>
  <si>
    <t>cg22503116</t>
  </si>
  <si>
    <t>cg22510396</t>
  </si>
  <si>
    <t>cg22511633</t>
  </si>
  <si>
    <t>cg22512208</t>
  </si>
  <si>
    <t>cg22513396</t>
  </si>
  <si>
    <t>cg22517844</t>
  </si>
  <si>
    <t>cg22518769</t>
  </si>
  <si>
    <t>cg22519356</t>
  </si>
  <si>
    <t>cg22519571</t>
  </si>
  <si>
    <t>cg22521539</t>
  </si>
  <si>
    <t>cg22523050</t>
  </si>
  <si>
    <t>cg22525688</t>
  </si>
  <si>
    <t>cg22526696</t>
  </si>
  <si>
    <t>cg22531685</t>
  </si>
  <si>
    <t>cg22537081</t>
  </si>
  <si>
    <t>cg22537597</t>
  </si>
  <si>
    <t>cg22538323</t>
  </si>
  <si>
    <t>cg22541520</t>
  </si>
  <si>
    <t>cg22544881</t>
  </si>
  <si>
    <t>cg22550943</t>
  </si>
  <si>
    <t>cg22551250</t>
  </si>
  <si>
    <t>cg22552684</t>
  </si>
  <si>
    <t>cg22553641</t>
  </si>
  <si>
    <t>cg22556554</t>
  </si>
  <si>
    <t>cg22558061</t>
  </si>
  <si>
    <t>cg22560952</t>
  </si>
  <si>
    <t>cg22575043</t>
  </si>
  <si>
    <t>cg22575656</t>
  </si>
  <si>
    <t>cg22576033</t>
  </si>
  <si>
    <t>cg22578425</t>
  </si>
  <si>
    <t>cg22579218</t>
  </si>
  <si>
    <t>cg22579504</t>
  </si>
  <si>
    <t>cg22581364</t>
  </si>
  <si>
    <t>cg22581896</t>
  </si>
  <si>
    <t>cg22584435</t>
  </si>
  <si>
    <t>cg22584802</t>
  </si>
  <si>
    <t>cg22586324</t>
  </si>
  <si>
    <t>cg22586569</t>
  </si>
  <si>
    <t>cg22588445</t>
  </si>
  <si>
    <t>cg22589161</t>
  </si>
  <si>
    <t>cg22599005</t>
  </si>
  <si>
    <t>cg22610018</t>
  </si>
  <si>
    <t>cg22614265</t>
  </si>
  <si>
    <t>cg22614400</t>
  </si>
  <si>
    <t>cg22615330</t>
  </si>
  <si>
    <t>cg22619759</t>
  </si>
  <si>
    <t>cg22621310</t>
  </si>
  <si>
    <t>cg22621652</t>
  </si>
  <si>
    <t>cg22629208</t>
  </si>
  <si>
    <t>cg22636840</t>
  </si>
  <si>
    <t>cg22638766</t>
  </si>
  <si>
    <t>cg22640847</t>
  </si>
  <si>
    <t>cg22643259</t>
  </si>
  <si>
    <t>cg22645574</t>
  </si>
  <si>
    <t>cg22647092</t>
  </si>
  <si>
    <t>cg22648375</t>
  </si>
  <si>
    <t>cg22649800</t>
  </si>
  <si>
    <t>cg22650458</t>
  </si>
  <si>
    <t>cg22656964</t>
  </si>
  <si>
    <t>cg22661330</t>
  </si>
  <si>
    <t>cg22667436</t>
  </si>
  <si>
    <t>cg22679120</t>
  </si>
  <si>
    <t>cg22684968</t>
  </si>
  <si>
    <t>cg22691319</t>
  </si>
  <si>
    <t>cg22691333</t>
  </si>
  <si>
    <t>cg22691824</t>
  </si>
  <si>
    <t>cg22693458</t>
  </si>
  <si>
    <t>cg22693978</t>
  </si>
  <si>
    <t>cg22695084</t>
  </si>
  <si>
    <t>cg22695986</t>
  </si>
  <si>
    <t>cg22702741</t>
  </si>
  <si>
    <t>cg22703520</t>
  </si>
  <si>
    <t>cg22705386</t>
  </si>
  <si>
    <t>cg22715788</t>
  </si>
  <si>
    <t>cg22719878</t>
  </si>
  <si>
    <t>cg22727965</t>
  </si>
  <si>
    <t>cg22729543</t>
  </si>
  <si>
    <t>cg22733133</t>
  </si>
  <si>
    <t>cg22733608</t>
  </si>
  <si>
    <t>cg22744480</t>
  </si>
  <si>
    <t>cg22747650</t>
  </si>
  <si>
    <t>cg22750243</t>
  </si>
  <si>
    <t>cg22761619</t>
  </si>
  <si>
    <t>cg22772300</t>
  </si>
  <si>
    <t>cg22772747</t>
  </si>
  <si>
    <t>cg22772930</t>
  </si>
  <si>
    <t>cg22774829</t>
  </si>
  <si>
    <t>cg22778435</t>
  </si>
  <si>
    <t>cg22784023</t>
  </si>
  <si>
    <t>cg22785672</t>
  </si>
  <si>
    <t>cg22786811</t>
  </si>
  <si>
    <t>cg22787151</t>
  </si>
  <si>
    <t>cg22787816</t>
  </si>
  <si>
    <t>cg22789065</t>
  </si>
  <si>
    <t>cg22795123</t>
  </si>
  <si>
    <t>cg22795470</t>
  </si>
  <si>
    <t>cg22796265</t>
  </si>
  <si>
    <t>cg22799321</t>
  </si>
  <si>
    <t>cg22799656</t>
  </si>
  <si>
    <t>cg22799757</t>
  </si>
  <si>
    <t>cg22799850</t>
  </si>
  <si>
    <t>cg22800581</t>
  </si>
  <si>
    <t>cg22800631</t>
  </si>
  <si>
    <t>cg22801819</t>
  </si>
  <si>
    <t>cg22801866</t>
  </si>
  <si>
    <t>cg22802739</t>
  </si>
  <si>
    <t>cg22805517</t>
  </si>
  <si>
    <t>cg22812874</t>
  </si>
  <si>
    <t>cg22813798</t>
  </si>
  <si>
    <t>cg22821554</t>
  </si>
  <si>
    <t>cg22823038</t>
  </si>
  <si>
    <t>cg22824450</t>
  </si>
  <si>
    <t>cg22825644</t>
  </si>
  <si>
    <t>cg22825780</t>
  </si>
  <si>
    <t>cg22826141</t>
  </si>
  <si>
    <t>cg22844849</t>
  </si>
  <si>
    <t>cg22846826</t>
  </si>
  <si>
    <t>cg22847190</t>
  </si>
  <si>
    <t>cg22849526</t>
  </si>
  <si>
    <t>cg22858169</t>
  </si>
  <si>
    <t>cg22859370</t>
  </si>
  <si>
    <t>cg22860780</t>
  </si>
  <si>
    <t>cg22861587</t>
  </si>
  <si>
    <t>cg22862441</t>
  </si>
  <si>
    <t>cg22862635</t>
  </si>
  <si>
    <t>cg22863637</t>
  </si>
  <si>
    <t>cg22865769</t>
  </si>
  <si>
    <t>cg22870295</t>
  </si>
  <si>
    <t>cg22870373</t>
  </si>
  <si>
    <t>cg22870609</t>
  </si>
  <si>
    <t>cg22874188</t>
  </si>
  <si>
    <t>cg22879191</t>
  </si>
  <si>
    <t>cg22879689</t>
  </si>
  <si>
    <t>cg22881834</t>
  </si>
  <si>
    <t>cg22885540</t>
  </si>
  <si>
    <t>cg22891003</t>
  </si>
  <si>
    <t>cg22893248</t>
  </si>
  <si>
    <t>cg22894276</t>
  </si>
  <si>
    <t>cg22896873</t>
  </si>
  <si>
    <t>cg22897795</t>
  </si>
  <si>
    <t>cg22901664</t>
  </si>
  <si>
    <t>cg22902289</t>
  </si>
  <si>
    <t>cg22906224</t>
  </si>
  <si>
    <t>cg22924867</t>
  </si>
  <si>
    <t>cg22932819</t>
  </si>
  <si>
    <t>cg22933769</t>
  </si>
  <si>
    <t>cg22936561</t>
  </si>
  <si>
    <t>cg22939733</t>
  </si>
  <si>
    <t>cg22940031</t>
  </si>
  <si>
    <t>cg22949229</t>
  </si>
  <si>
    <t>cg22959159</t>
  </si>
  <si>
    <t>cg22959894</t>
  </si>
  <si>
    <t>cg22960187</t>
  </si>
  <si>
    <t>cg22960901</t>
  </si>
  <si>
    <t>cg22963629</t>
  </si>
  <si>
    <t>cg22966391</t>
  </si>
  <si>
    <t>cg22967140</t>
  </si>
  <si>
    <t>cg22970003</t>
  </si>
  <si>
    <t>cg22972055</t>
  </si>
  <si>
    <t>cg22979093</t>
  </si>
  <si>
    <t>cg22982703</t>
  </si>
  <si>
    <t>cg22989995</t>
  </si>
  <si>
    <t>cg22990820</t>
  </si>
  <si>
    <t>cg22994830</t>
  </si>
  <si>
    <t>cg22994849</t>
  </si>
  <si>
    <t>cg22997113</t>
  </si>
  <si>
    <t>cg22997617</t>
  </si>
  <si>
    <t>cg22998324</t>
  </si>
  <si>
    <t>cg22999427</t>
  </si>
  <si>
    <t>cg23001930</t>
  </si>
  <si>
    <t>cg23002316</t>
  </si>
  <si>
    <t>cg23004960</t>
  </si>
  <si>
    <t>cg23006394</t>
  </si>
  <si>
    <t>cg23009067</t>
  </si>
  <si>
    <t>cg23015468</t>
  </si>
  <si>
    <t>cg23016257</t>
  </si>
  <si>
    <t>cg23017574</t>
  </si>
  <si>
    <t>cg23018117</t>
  </si>
  <si>
    <t>cg23022819</t>
  </si>
  <si>
    <t>cg23025654</t>
  </si>
  <si>
    <t>cg23026754</t>
  </si>
  <si>
    <t>cg23033749</t>
  </si>
  <si>
    <t>cg23043143</t>
  </si>
  <si>
    <t>cg23043230</t>
  </si>
  <si>
    <t>cg23043780</t>
  </si>
  <si>
    <t>cg23045991</t>
  </si>
  <si>
    <t>cg23047992</t>
  </si>
  <si>
    <t>cg23052527</t>
  </si>
  <si>
    <t>cg23054426</t>
  </si>
  <si>
    <t>cg23055674</t>
  </si>
  <si>
    <t>cg23055772</t>
  </si>
  <si>
    <t>cg23056437</t>
  </si>
  <si>
    <t>cg23057192</t>
  </si>
  <si>
    <t>cg23058447</t>
  </si>
  <si>
    <t>cg23058543</t>
  </si>
  <si>
    <t>cg23058673</t>
  </si>
  <si>
    <t>cg23062810</t>
  </si>
  <si>
    <t>cg23063913</t>
  </si>
  <si>
    <t>cg23064516</t>
  </si>
  <si>
    <t>cg23066879</t>
  </si>
  <si>
    <t>cg23068772</t>
  </si>
  <si>
    <t>cg23073879</t>
  </si>
  <si>
    <t>cg23074979</t>
  </si>
  <si>
    <t>cg23075337</t>
  </si>
  <si>
    <t>cg23081781</t>
  </si>
  <si>
    <t>cg23090159</t>
  </si>
  <si>
    <t>cg23093589</t>
  </si>
  <si>
    <t>cg23096020</t>
  </si>
  <si>
    <t>cg23096644</t>
  </si>
  <si>
    <t>cg23100590</t>
  </si>
  <si>
    <t>cg23104539</t>
  </si>
  <si>
    <t>cg23111246</t>
  </si>
  <si>
    <t>cg23112745</t>
  </si>
  <si>
    <t>cg23113115</t>
  </si>
  <si>
    <t>cg23117316</t>
  </si>
  <si>
    <t>cg23118549</t>
  </si>
  <si>
    <t>cg23118637</t>
  </si>
  <si>
    <t>cg23121777</t>
  </si>
  <si>
    <t>cg23123165</t>
  </si>
  <si>
    <t>cg23124325</t>
  </si>
  <si>
    <t>cg23124695</t>
  </si>
  <si>
    <t>cg23129613</t>
  </si>
  <si>
    <t>cg23141855</t>
  </si>
  <si>
    <t>cg23144473</t>
  </si>
  <si>
    <t>cg23146534</t>
  </si>
  <si>
    <t>cg23147443</t>
  </si>
  <si>
    <t>cg23150499</t>
  </si>
  <si>
    <t>cg23151024</t>
  </si>
  <si>
    <t>cg23156962</t>
  </si>
  <si>
    <t>cg23158103</t>
  </si>
  <si>
    <t>cg23162571</t>
  </si>
  <si>
    <t>cg23167506</t>
  </si>
  <si>
    <t>cg23175281</t>
  </si>
  <si>
    <t>cg23176237</t>
  </si>
  <si>
    <t>cg23184070</t>
  </si>
  <si>
    <t>cg23184226</t>
  </si>
  <si>
    <t>cg23185751</t>
  </si>
  <si>
    <t>cg23187255</t>
  </si>
  <si>
    <t>cg23187316</t>
  </si>
  <si>
    <t>cg23190268</t>
  </si>
  <si>
    <t>cg23190719</t>
  </si>
  <si>
    <t>cg23192873</t>
  </si>
  <si>
    <t>cg23194690</t>
  </si>
  <si>
    <t>cg23195619</t>
  </si>
  <si>
    <t>cg23203730</t>
  </si>
  <si>
    <t>cg23206851</t>
  </si>
  <si>
    <t>cg23208717</t>
  </si>
  <si>
    <t>cg23213696</t>
  </si>
  <si>
    <t>cg23214285</t>
  </si>
  <si>
    <t>cg23214464</t>
  </si>
  <si>
    <t>cg23216015</t>
  </si>
  <si>
    <t>cg23219720</t>
  </si>
  <si>
    <t>cg23220435</t>
  </si>
  <si>
    <t>cg23221013</t>
  </si>
  <si>
    <t>cg23221230</t>
  </si>
  <si>
    <t>cg23221651</t>
  </si>
  <si>
    <t>cg23222740</t>
  </si>
  <si>
    <t>cg23224128</t>
  </si>
  <si>
    <t>cg23228491</t>
  </si>
  <si>
    <t>cg23230176</t>
  </si>
  <si>
    <t>cg23239396</t>
  </si>
  <si>
    <t>cg23242017</t>
  </si>
  <si>
    <t>cg23242489</t>
  </si>
  <si>
    <t>cg23243400</t>
  </si>
  <si>
    <t>cg23243994</t>
  </si>
  <si>
    <t>cg23249868</t>
  </si>
  <si>
    <t>cg23251858</t>
  </si>
  <si>
    <t>cg23257859</t>
  </si>
  <si>
    <t>cg23261233</t>
  </si>
  <si>
    <t>cg23265009</t>
  </si>
  <si>
    <t>cg23266533</t>
  </si>
  <si>
    <t>cg23270617</t>
  </si>
  <si>
    <t>cg23271606</t>
  </si>
  <si>
    <t>cg23271831</t>
  </si>
  <si>
    <t>cg23273758</t>
  </si>
  <si>
    <t>cg23281417</t>
  </si>
  <si>
    <t>cg23283875</t>
  </si>
  <si>
    <t>cg23285573</t>
  </si>
  <si>
    <t>cg23289197</t>
  </si>
  <si>
    <t>cg23289941</t>
  </si>
  <si>
    <t>cg23296572</t>
  </si>
  <si>
    <t>cg23298596</t>
  </si>
  <si>
    <t>cg23303070</t>
  </si>
  <si>
    <t>cg23304165</t>
  </si>
  <si>
    <t>cg23307858</t>
  </si>
  <si>
    <t>cg23310290</t>
  </si>
  <si>
    <t>cg23311258</t>
  </si>
  <si>
    <t>cg23317683</t>
  </si>
  <si>
    <t>cg23318967</t>
  </si>
  <si>
    <t>cg23320834</t>
  </si>
  <si>
    <t>cg23322114</t>
  </si>
  <si>
    <t>cg23324824</t>
  </si>
  <si>
    <t>cg23325230</t>
  </si>
  <si>
    <t>cg23326197</t>
  </si>
  <si>
    <t>cg23338773</t>
  </si>
  <si>
    <t>cg23338922</t>
  </si>
  <si>
    <t>cg23339363</t>
  </si>
  <si>
    <t>cg23342755</t>
  </si>
  <si>
    <t>cg23342787</t>
  </si>
  <si>
    <t>cg23344220</t>
  </si>
  <si>
    <t>cg23345697</t>
  </si>
  <si>
    <t>cg23346622</t>
  </si>
  <si>
    <t>cg23348723</t>
  </si>
  <si>
    <t>cg23349326</t>
  </si>
  <si>
    <t>cg23351327</t>
  </si>
  <si>
    <t>cg23352885</t>
  </si>
  <si>
    <t>cg23358479</t>
  </si>
  <si>
    <t>cg23363754</t>
  </si>
  <si>
    <t>cg23364266</t>
  </si>
  <si>
    <t>cg23365392</t>
  </si>
  <si>
    <t>cg23367351</t>
  </si>
  <si>
    <t>cg23367851</t>
  </si>
  <si>
    <t>cg23370883</t>
  </si>
  <si>
    <t>cg23371350</t>
  </si>
  <si>
    <t>cg23372092</t>
  </si>
  <si>
    <t>cg23375968</t>
  </si>
  <si>
    <t>cg23378565</t>
  </si>
  <si>
    <t>cg23380307</t>
  </si>
  <si>
    <t>cg23381646</t>
  </si>
  <si>
    <t>cg23384615</t>
  </si>
  <si>
    <t>cg23385718</t>
  </si>
  <si>
    <t>cg23388451</t>
  </si>
  <si>
    <t>cg23393242</t>
  </si>
  <si>
    <t>cg23393892</t>
  </si>
  <si>
    <t>cg23397023</t>
  </si>
  <si>
    <t>cg23397909</t>
  </si>
  <si>
    <t>cg23398560</t>
  </si>
  <si>
    <t>cg23399222</t>
  </si>
  <si>
    <t>cg23402769</t>
  </si>
  <si>
    <t>cg23404435</t>
  </si>
  <si>
    <t>cg23405351</t>
  </si>
  <si>
    <t>cg23411876</t>
  </si>
  <si>
    <t>cg23413697</t>
  </si>
  <si>
    <t>cg23417171</t>
  </si>
  <si>
    <t>cg23421560</t>
  </si>
  <si>
    <t>cg23422044</t>
  </si>
  <si>
    <t>cg23424136</t>
  </si>
  <si>
    <t>cg23424766</t>
  </si>
  <si>
    <t>cg23426473</t>
  </si>
  <si>
    <t>cg23428445</t>
  </si>
  <si>
    <t>cg23432345</t>
  </si>
  <si>
    <t>cg23432795</t>
  </si>
  <si>
    <t>cg23434459</t>
  </si>
  <si>
    <t>cg23436746</t>
  </si>
  <si>
    <t>cg23436918</t>
  </si>
  <si>
    <t>cg23438298</t>
  </si>
  <si>
    <t>cg23439458</t>
  </si>
  <si>
    <t>cg23445772</t>
  </si>
  <si>
    <t>cg23448390</t>
  </si>
  <si>
    <t>cg23449659</t>
  </si>
  <si>
    <t>cg23451063</t>
  </si>
  <si>
    <t>cg23451291</t>
  </si>
  <si>
    <t>cg23451424</t>
  </si>
  <si>
    <t>cg23451821</t>
  </si>
  <si>
    <t>cg23453466</t>
  </si>
  <si>
    <t>cg23454289</t>
  </si>
  <si>
    <t>cg23454797</t>
  </si>
  <si>
    <t>cg23455837</t>
  </si>
  <si>
    <t>cg23472261</t>
  </si>
  <si>
    <t>cg23472714</t>
  </si>
  <si>
    <t>cg23475618</t>
  </si>
  <si>
    <t>cg23475963</t>
  </si>
  <si>
    <t>cg23476065</t>
  </si>
  <si>
    <t>cg23484249</t>
  </si>
  <si>
    <t>cg23485591</t>
  </si>
  <si>
    <t>cg23488190</t>
  </si>
  <si>
    <t>cg23490407</t>
  </si>
  <si>
    <t>cg23494167</t>
  </si>
  <si>
    <t>cg23495031</t>
  </si>
  <si>
    <t>cg23498771</t>
  </si>
  <si>
    <t>cg23501439</t>
  </si>
  <si>
    <t>cg23510131</t>
  </si>
  <si>
    <t>cg23510807</t>
  </si>
  <si>
    <t>cg23513211</t>
  </si>
  <si>
    <t>cg23514936</t>
  </si>
  <si>
    <t>cg23516002</t>
  </si>
  <si>
    <t>cg23516370</t>
  </si>
  <si>
    <t>cg23523019</t>
  </si>
  <si>
    <t>cg23523765</t>
  </si>
  <si>
    <t>cg23524191</t>
  </si>
  <si>
    <t>cg23530707</t>
  </si>
  <si>
    <t>cg23532927</t>
  </si>
  <si>
    <t>cg23533927</t>
  </si>
  <si>
    <t>cg23534345</t>
  </si>
  <si>
    <t>cg23537419</t>
  </si>
  <si>
    <t>cg23544566</t>
  </si>
  <si>
    <t>cg23545793</t>
  </si>
  <si>
    <t>cg23549117</t>
  </si>
  <si>
    <t>cg23563099</t>
  </si>
  <si>
    <t>cg23564939</t>
  </si>
  <si>
    <t>cg23566468</t>
  </si>
  <si>
    <t>cg23568324</t>
  </si>
  <si>
    <t>cg23587176</t>
  </si>
  <si>
    <t>cg23588206</t>
  </si>
  <si>
    <t>cg23590202</t>
  </si>
  <si>
    <t>cg23594114</t>
  </si>
  <si>
    <t>cg23595601</t>
  </si>
  <si>
    <t>cg23598360</t>
  </si>
  <si>
    <t>cg23602489</t>
  </si>
  <si>
    <t>cg23602974</t>
  </si>
  <si>
    <t>cg23603376</t>
  </si>
  <si>
    <t>cg23604683</t>
  </si>
  <si>
    <t>cg23605961</t>
  </si>
  <si>
    <t>cg23607077</t>
  </si>
  <si>
    <t>cg23609150</t>
  </si>
  <si>
    <t>cg23610064</t>
  </si>
  <si>
    <t>cg23612484</t>
  </si>
  <si>
    <t>cg23613836</t>
  </si>
  <si>
    <t>cg23616524</t>
  </si>
  <si>
    <t>cg23616741</t>
  </si>
  <si>
    <t>cg23618638</t>
  </si>
  <si>
    <t>cg23621013</t>
  </si>
  <si>
    <t>cg23623803</t>
  </si>
  <si>
    <t>cg23624016</t>
  </si>
  <si>
    <t>cg23627057</t>
  </si>
  <si>
    <t>cg23629998</t>
  </si>
  <si>
    <t>cg23630593</t>
  </si>
  <si>
    <t>cg23634928</t>
  </si>
  <si>
    <t>cg23638725</t>
  </si>
  <si>
    <t>cg23639541</t>
  </si>
  <si>
    <t>cg23639917</t>
  </si>
  <si>
    <t>cg23640092</t>
  </si>
  <si>
    <t>cg23646343</t>
  </si>
  <si>
    <t>cg23647157</t>
  </si>
  <si>
    <t>cg23655769</t>
  </si>
  <si>
    <t>cg23666844</t>
  </si>
  <si>
    <t>cg23667602</t>
  </si>
  <si>
    <t>cg23667916</t>
  </si>
  <si>
    <t>cg23668257</t>
  </si>
  <si>
    <t>cg23670365</t>
  </si>
  <si>
    <t>cg23671082</t>
  </si>
  <si>
    <t>cg23671792</t>
  </si>
  <si>
    <t>cg23676798</t>
  </si>
  <si>
    <t>cg23677570</t>
  </si>
  <si>
    <t>cg23677657</t>
  </si>
  <si>
    <t>cg23684218</t>
  </si>
  <si>
    <t>cg23686014</t>
  </si>
  <si>
    <t>cg23688713</t>
  </si>
  <si>
    <t>cg23690350</t>
  </si>
  <si>
    <t>cg23696119</t>
  </si>
  <si>
    <t>cg23696214</t>
  </si>
  <si>
    <t>cg23697861</t>
  </si>
  <si>
    <t>cg23700778</t>
  </si>
  <si>
    <t>cg23701184</t>
  </si>
  <si>
    <t>cg23703687</t>
  </si>
  <si>
    <t>cg23704936</t>
  </si>
  <si>
    <t>cg23705098</t>
  </si>
  <si>
    <t>cg23708361</t>
  </si>
  <si>
    <t>cg23711939</t>
  </si>
  <si>
    <t>cg23715104</t>
  </si>
  <si>
    <t>cg23719342</t>
  </si>
  <si>
    <t>cg23719508</t>
  </si>
  <si>
    <t>cg23719877</t>
  </si>
  <si>
    <t>cg23721242</t>
  </si>
  <si>
    <t>cg23723486</t>
  </si>
  <si>
    <t>cg23723933</t>
  </si>
  <si>
    <t>cg23731991</t>
  </si>
  <si>
    <t>cg23733845</t>
  </si>
  <si>
    <t>cg23734234</t>
  </si>
  <si>
    <t>cg23740473</t>
  </si>
  <si>
    <t>cg23747675</t>
  </si>
  <si>
    <t>cg23747967</t>
  </si>
  <si>
    <t>cg23749029</t>
  </si>
  <si>
    <t>cg23749760</t>
  </si>
  <si>
    <t>cg23752007</t>
  </si>
  <si>
    <t>cg23753947</t>
  </si>
  <si>
    <t>cg23756768</t>
  </si>
  <si>
    <t>cg23757489</t>
  </si>
  <si>
    <t>cg23759826</t>
  </si>
  <si>
    <t>cg23759831</t>
  </si>
  <si>
    <t>cg23765086</t>
  </si>
  <si>
    <t>cg23765633</t>
  </si>
  <si>
    <t>cg23768816</t>
  </si>
  <si>
    <t>cg23772205</t>
  </si>
  <si>
    <t>cg23773252</t>
  </si>
  <si>
    <t>cg23773809</t>
  </si>
  <si>
    <t>cg23785043</t>
  </si>
  <si>
    <t>cg23785771</t>
  </si>
  <si>
    <t>cg23786580</t>
  </si>
  <si>
    <t>cg23795429</t>
  </si>
  <si>
    <t>cg23796130</t>
  </si>
  <si>
    <t>cg23798544</t>
  </si>
  <si>
    <t>cg23801272</t>
  </si>
  <si>
    <t>cg23808337</t>
  </si>
  <si>
    <t>cg23822045</t>
  </si>
  <si>
    <t>cg23831536</t>
  </si>
  <si>
    <t>cg23831574</t>
  </si>
  <si>
    <t>cg23832388</t>
  </si>
  <si>
    <t>cg23835476</t>
  </si>
  <si>
    <t>cg23835783</t>
  </si>
  <si>
    <t>cg23836542</t>
  </si>
  <si>
    <t>cg23839136</t>
  </si>
  <si>
    <t>cg23841288</t>
  </si>
  <si>
    <t>cg23859078</t>
  </si>
  <si>
    <t>cg23859303</t>
  </si>
  <si>
    <t>cg23860451</t>
  </si>
  <si>
    <t>cg23863797</t>
  </si>
  <si>
    <t>cg23863891</t>
  </si>
  <si>
    <t>cg23870762</t>
  </si>
  <si>
    <t>cg23873200</t>
  </si>
  <si>
    <t>cg23873406</t>
  </si>
  <si>
    <t>cg23877720</t>
  </si>
  <si>
    <t>cg23884358</t>
  </si>
  <si>
    <t>cg23886101</t>
  </si>
  <si>
    <t>cg23886378</t>
  </si>
  <si>
    <t>cg23886424</t>
  </si>
  <si>
    <t>cg23887345</t>
  </si>
  <si>
    <t>cg23892439</t>
  </si>
  <si>
    <t>cg23893997</t>
  </si>
  <si>
    <t>cg23895495</t>
  </si>
  <si>
    <t>cg23896514</t>
  </si>
  <si>
    <t>cg23903035</t>
  </si>
  <si>
    <t>cg23903252</t>
  </si>
  <si>
    <t>cg23903603</t>
  </si>
  <si>
    <t>cg23903701</t>
  </si>
  <si>
    <t>cg23929194</t>
  </si>
  <si>
    <t>cg23930683</t>
  </si>
  <si>
    <t>cg23932711</t>
  </si>
  <si>
    <t>cg23933095</t>
  </si>
  <si>
    <t>cg23935300</t>
  </si>
  <si>
    <t>cg23936747</t>
  </si>
  <si>
    <t>cg23941963</t>
  </si>
  <si>
    <t>cg23947450</t>
  </si>
  <si>
    <t>cg23951861</t>
  </si>
  <si>
    <t>cg23954880</t>
  </si>
  <si>
    <t>cg23969884</t>
  </si>
  <si>
    <t>cg23975887</t>
  </si>
  <si>
    <t>cg23976336</t>
  </si>
  <si>
    <t>cg23983510</t>
  </si>
  <si>
    <t>cg23986143</t>
  </si>
  <si>
    <t>cg23997168</t>
  </si>
  <si>
    <t>cg23997477</t>
  </si>
  <si>
    <t>cg23998071</t>
  </si>
  <si>
    <t>cg24001445</t>
  </si>
  <si>
    <t>cg24001514</t>
  </si>
  <si>
    <t>cg24002494</t>
  </si>
  <si>
    <t>cg24004367</t>
  </si>
  <si>
    <t>cg24004478</t>
  </si>
  <si>
    <t>cg24005500</t>
  </si>
  <si>
    <t>cg24011260</t>
  </si>
  <si>
    <t>cg24013954</t>
  </si>
  <si>
    <t>cg24020650</t>
  </si>
  <si>
    <t>cg24022656</t>
  </si>
  <si>
    <t>cg24023157</t>
  </si>
  <si>
    <t>cg24024660</t>
  </si>
  <si>
    <t>cg24025721</t>
  </si>
  <si>
    <t>cg24027780</t>
  </si>
  <si>
    <t>cg24030425</t>
  </si>
  <si>
    <t>cg24032393</t>
  </si>
  <si>
    <t>cg24035035</t>
  </si>
  <si>
    <t>cg24038192</t>
  </si>
  <si>
    <t>cg24039393</t>
  </si>
  <si>
    <t>cg24045212</t>
  </si>
  <si>
    <t>cg24046305</t>
  </si>
  <si>
    <t>cg24049154</t>
  </si>
  <si>
    <t>cg24050716</t>
  </si>
  <si>
    <t>cg24052359</t>
  </si>
  <si>
    <t>cg24054668</t>
  </si>
  <si>
    <t>cg24059115</t>
  </si>
  <si>
    <t>cg24060938</t>
  </si>
  <si>
    <t>cg24067046</t>
  </si>
  <si>
    <t>cg24068372</t>
  </si>
  <si>
    <t>cg24072927</t>
  </si>
  <si>
    <t>cg24073080</t>
  </si>
  <si>
    <t>cg24077501</t>
  </si>
  <si>
    <t>cg24077770</t>
  </si>
  <si>
    <t>cg24079811</t>
  </si>
  <si>
    <t>cg24080086</t>
  </si>
  <si>
    <t>cg24084681</t>
  </si>
  <si>
    <t>cg24097436</t>
  </si>
  <si>
    <t>cg24097460</t>
  </si>
  <si>
    <t>cg24098927</t>
  </si>
  <si>
    <t>cg24107270</t>
  </si>
  <si>
    <t>cg24109116</t>
  </si>
  <si>
    <t>cg24109934</t>
  </si>
  <si>
    <t>cg24110540</t>
  </si>
  <si>
    <t>cg24111955</t>
  </si>
  <si>
    <t>cg24112733</t>
  </si>
  <si>
    <t>cg24113505</t>
  </si>
  <si>
    <t>cg24116779</t>
  </si>
  <si>
    <t>cg24118130</t>
  </si>
  <si>
    <t>cg24119612</t>
  </si>
  <si>
    <t>cg24123124</t>
  </si>
  <si>
    <t>cg24124330</t>
  </si>
  <si>
    <t>cg24126180</t>
  </si>
  <si>
    <t>cg24133106</t>
  </si>
  <si>
    <t>cg24133569</t>
  </si>
  <si>
    <t>cg24134880</t>
  </si>
  <si>
    <t>cg24136780</t>
  </si>
  <si>
    <t>cg24137710</t>
  </si>
  <si>
    <t>cg24143701</t>
  </si>
  <si>
    <t>cg24155748</t>
  </si>
  <si>
    <t>cg24161018</t>
  </si>
  <si>
    <t>cg24161286</t>
  </si>
  <si>
    <t>cg24161647</t>
  </si>
  <si>
    <t>cg24172278</t>
  </si>
  <si>
    <t>cg24172570</t>
  </si>
  <si>
    <t>cg24174959</t>
  </si>
  <si>
    <t>cg24175777</t>
  </si>
  <si>
    <t>cg24182300</t>
  </si>
  <si>
    <t>cg24182468</t>
  </si>
  <si>
    <t>cg24183566</t>
  </si>
  <si>
    <t>cg24183958</t>
  </si>
  <si>
    <t>cg24185785</t>
  </si>
  <si>
    <t>cg24187758</t>
  </si>
  <si>
    <t>cg24188919</t>
  </si>
  <si>
    <t>cg24191264</t>
  </si>
  <si>
    <t>cg24192569</t>
  </si>
  <si>
    <t>cg24197303</t>
  </si>
  <si>
    <t>cg24197567</t>
  </si>
  <si>
    <t>cg24198944</t>
  </si>
  <si>
    <t>cg24205633</t>
  </si>
  <si>
    <t>cg24207108</t>
  </si>
  <si>
    <t>cg24207616</t>
  </si>
  <si>
    <t>cg24212267</t>
  </si>
  <si>
    <t>cg24222995</t>
  </si>
  <si>
    <t>cg24224501</t>
  </si>
  <si>
    <t>cg24225281</t>
  </si>
  <si>
    <t>cg24228819</t>
  </si>
  <si>
    <t>cg24237500</t>
  </si>
  <si>
    <t>cg24240349</t>
  </si>
  <si>
    <t>cg24241410</t>
  </si>
  <si>
    <t>cg24241429</t>
  </si>
  <si>
    <t>cg24242194</t>
  </si>
  <si>
    <t>cg24247132</t>
  </si>
  <si>
    <t>cg24249248</t>
  </si>
  <si>
    <t>cg24249791</t>
  </si>
  <si>
    <t>cg24254488</t>
  </si>
  <si>
    <t>cg24257168</t>
  </si>
  <si>
    <t>cg24258098</t>
  </si>
  <si>
    <t>cg24265806</t>
  </si>
  <si>
    <t>cg24271718</t>
  </si>
  <si>
    <t>cg24272697</t>
  </si>
  <si>
    <t>cg24274438</t>
  </si>
  <si>
    <t>cg24275087</t>
  </si>
  <si>
    <t>cg24277791</t>
  </si>
  <si>
    <t>cg24284741</t>
  </si>
  <si>
    <t>cg24284838</t>
  </si>
  <si>
    <t>cg24285543</t>
  </si>
  <si>
    <t>cg24286200</t>
  </si>
  <si>
    <t>cg24286414</t>
  </si>
  <si>
    <t>cg24287189</t>
  </si>
  <si>
    <t>cg24287648</t>
  </si>
  <si>
    <t>cg24291718</t>
  </si>
  <si>
    <t>cg24294950</t>
  </si>
  <si>
    <t>cg24295423</t>
  </si>
  <si>
    <t>cg24300154</t>
  </si>
  <si>
    <t>cg24306278</t>
  </si>
  <si>
    <t>cg24306397</t>
  </si>
  <si>
    <t>cg24308389</t>
  </si>
  <si>
    <t>cg24310431</t>
  </si>
  <si>
    <t>cg24311485</t>
  </si>
  <si>
    <t>cg24312390</t>
  </si>
  <si>
    <t>cg24315188</t>
  </si>
  <si>
    <t>cg24335793</t>
  </si>
  <si>
    <t>cg24342377</t>
  </si>
  <si>
    <t>cg24344214</t>
  </si>
  <si>
    <t>cg24344981</t>
  </si>
  <si>
    <t>cg24345260</t>
  </si>
  <si>
    <t>cg24351649</t>
  </si>
  <si>
    <t>cg24360871</t>
  </si>
  <si>
    <t>cg24361086</t>
  </si>
  <si>
    <t>cg24361385</t>
  </si>
  <si>
    <t>cg24366105</t>
  </si>
  <si>
    <t>cg24375364</t>
  </si>
  <si>
    <t>cg24381682</t>
  </si>
  <si>
    <t>cg24384519</t>
  </si>
  <si>
    <t>cg24384918</t>
  </si>
  <si>
    <t>cg24392299</t>
  </si>
  <si>
    <t>cg24392646</t>
  </si>
  <si>
    <t>cg24393714</t>
  </si>
  <si>
    <t>cg24394414</t>
  </si>
  <si>
    <t>cg24395016</t>
  </si>
  <si>
    <t>cg24395307</t>
  </si>
  <si>
    <t>cg24397884</t>
  </si>
  <si>
    <t>cg24400517</t>
  </si>
  <si>
    <t>cg24403305</t>
  </si>
  <si>
    <t>cg24404329</t>
  </si>
  <si>
    <t>cg24404943</t>
  </si>
  <si>
    <t>cg24405174</t>
  </si>
  <si>
    <t>cg24405270</t>
  </si>
  <si>
    <t>cg24418298</t>
  </si>
  <si>
    <t>cg24418393</t>
  </si>
  <si>
    <t>cg24423782</t>
  </si>
  <si>
    <t>cg24424745</t>
  </si>
  <si>
    <t>cg24426405</t>
  </si>
  <si>
    <t>cg24430703</t>
  </si>
  <si>
    <t>cg24435879</t>
  </si>
  <si>
    <t>cg24440468</t>
  </si>
  <si>
    <t>cg24441899</t>
  </si>
  <si>
    <t>cg24441903</t>
  </si>
  <si>
    <t>cg24442254</t>
  </si>
  <si>
    <t>cg24448245</t>
  </si>
  <si>
    <t>cg24448259</t>
  </si>
  <si>
    <t>cg24450365</t>
  </si>
  <si>
    <t>cg24452303</t>
  </si>
  <si>
    <t>cg24452602</t>
  </si>
  <si>
    <t>cg24455683</t>
  </si>
  <si>
    <t>cg24469729</t>
  </si>
  <si>
    <t>cg24474409</t>
  </si>
  <si>
    <t>cg24478387</t>
  </si>
  <si>
    <t>cg24485490</t>
  </si>
  <si>
    <t>cg24490909</t>
  </si>
  <si>
    <t>cg24491618</t>
  </si>
  <si>
    <t>cg24491907</t>
  </si>
  <si>
    <t>cg24496317</t>
  </si>
  <si>
    <t>cg24499411</t>
  </si>
  <si>
    <t>cg24504854</t>
  </si>
  <si>
    <t>cg24506706</t>
  </si>
  <si>
    <t>cg24507519</t>
  </si>
  <si>
    <t>cg24510397</t>
  </si>
  <si>
    <t>cg24512685</t>
  </si>
  <si>
    <t>cg24528693</t>
  </si>
  <si>
    <t>cg24529280</t>
  </si>
  <si>
    <t>cg24531009</t>
  </si>
  <si>
    <t>cg24531401</t>
  </si>
  <si>
    <t>cg24531520</t>
  </si>
  <si>
    <t>cg24539923</t>
  </si>
  <si>
    <t>cg24542725</t>
  </si>
  <si>
    <t>cg24546984</t>
  </si>
  <si>
    <t>cg24554054</t>
  </si>
  <si>
    <t>cg24555656</t>
  </si>
  <si>
    <t>cg24559796</t>
  </si>
  <si>
    <t>cg24567600</t>
  </si>
  <si>
    <t>cg24567694</t>
  </si>
  <si>
    <t>cg24568116</t>
  </si>
  <si>
    <t>cg24568150</t>
  </si>
  <si>
    <t>cg24570541</t>
  </si>
  <si>
    <t>cg24570706</t>
  </si>
  <si>
    <t>cg24575234</t>
  </si>
  <si>
    <t>cg24575275</t>
  </si>
  <si>
    <t>cg24577389</t>
  </si>
  <si>
    <t>cg24579534</t>
  </si>
  <si>
    <t>cg24579930</t>
  </si>
  <si>
    <t>cg24585714</t>
  </si>
  <si>
    <t>cg24589977</t>
  </si>
  <si>
    <t>cg24602869</t>
  </si>
  <si>
    <t>cg24606273</t>
  </si>
  <si>
    <t>cg24614218</t>
  </si>
  <si>
    <t>cg24616382</t>
  </si>
  <si>
    <t>cg24616828</t>
  </si>
  <si>
    <t>cg24617914</t>
  </si>
  <si>
    <t>cg24618723</t>
  </si>
  <si>
    <t>cg24620592</t>
  </si>
  <si>
    <t>cg24621354</t>
  </si>
  <si>
    <t>cg24621684</t>
  </si>
  <si>
    <t>cg24623608</t>
  </si>
  <si>
    <t>cg24624586</t>
  </si>
  <si>
    <t>cg24624901</t>
  </si>
  <si>
    <t>cg24630057</t>
  </si>
  <si>
    <t>cg24633312</t>
  </si>
  <si>
    <t>cg24641027</t>
  </si>
  <si>
    <t>cg24641201</t>
  </si>
  <si>
    <t>cg24642844</t>
  </si>
  <si>
    <t>cg24643393</t>
  </si>
  <si>
    <t>cg24645671</t>
  </si>
  <si>
    <t>cg24646841</t>
  </si>
  <si>
    <t>cg24648061</t>
  </si>
  <si>
    <t>cg24648337</t>
  </si>
  <si>
    <t>cg24650262</t>
  </si>
  <si>
    <t>cg24650353</t>
  </si>
  <si>
    <t>cg24655669</t>
  </si>
  <si>
    <t>cg24658867</t>
  </si>
  <si>
    <t>cg24663003</t>
  </si>
  <si>
    <t>cg24664672</t>
  </si>
  <si>
    <t>cg24688143</t>
  </si>
  <si>
    <t>cg24695890</t>
  </si>
  <si>
    <t>cg24697501</t>
  </si>
  <si>
    <t>cg24700760</t>
  </si>
  <si>
    <t>cg24701780</t>
  </si>
  <si>
    <t>cg24701985</t>
  </si>
  <si>
    <t>cg24702341</t>
  </si>
  <si>
    <t>cg24703706</t>
  </si>
  <si>
    <t>cg24706522</t>
  </si>
  <si>
    <t>cg24706966</t>
  </si>
  <si>
    <t>cg24707311</t>
  </si>
  <si>
    <t>cg24707416</t>
  </si>
  <si>
    <t>cg24722619</t>
  </si>
  <si>
    <t>cg24723373</t>
  </si>
  <si>
    <t>cg24727130</t>
  </si>
  <si>
    <t>cg24727343</t>
  </si>
  <si>
    <t>cg24727620</t>
  </si>
  <si>
    <t>cg24734301</t>
  </si>
  <si>
    <t>cg24734735</t>
  </si>
  <si>
    <t>cg24735210</t>
  </si>
  <si>
    <t>cg24735460</t>
  </si>
  <si>
    <t>cg24743283</t>
  </si>
  <si>
    <t>cg24744500</t>
  </si>
  <si>
    <t>cg24745895</t>
  </si>
  <si>
    <t>cg24746594</t>
  </si>
  <si>
    <t>cg24746838</t>
  </si>
  <si>
    <t>cg24755910</t>
  </si>
  <si>
    <t>cg24757553</t>
  </si>
  <si>
    <t>cg24764279</t>
  </si>
  <si>
    <t>cg24772240</t>
  </si>
  <si>
    <t>cg24774340</t>
  </si>
  <si>
    <t>cg24776411</t>
  </si>
  <si>
    <t>cg24776471</t>
  </si>
  <si>
    <t>cg24787238</t>
  </si>
  <si>
    <t>cg24790706</t>
  </si>
  <si>
    <t>cg24791380</t>
  </si>
  <si>
    <t>cg24793300</t>
  </si>
  <si>
    <t>cg24794881</t>
  </si>
  <si>
    <t>cg24796726</t>
  </si>
  <si>
    <t>cg24797830</t>
  </si>
  <si>
    <t>cg24798540</t>
  </si>
  <si>
    <t>cg24799175</t>
  </si>
  <si>
    <t>cg24799863</t>
  </si>
  <si>
    <t>cg24801123</t>
  </si>
  <si>
    <t>cg24801587</t>
  </si>
  <si>
    <t>cg24803391</t>
  </si>
  <si>
    <t>cg24805239</t>
  </si>
  <si>
    <t>cg24806371</t>
  </si>
  <si>
    <t>cg24808111</t>
  </si>
  <si>
    <t>cg24808966</t>
  </si>
  <si>
    <t>cg24824371</t>
  </si>
  <si>
    <t>cg24824703</t>
  </si>
  <si>
    <t>cg24825974</t>
  </si>
  <si>
    <t>cg24829430</t>
  </si>
  <si>
    <t>cg24830241</t>
  </si>
  <si>
    <t>cg24844785</t>
  </si>
  <si>
    <t>cg24845274</t>
  </si>
  <si>
    <t>cg24853724</t>
  </si>
  <si>
    <t>cg24854681</t>
  </si>
  <si>
    <t>cg24858207</t>
  </si>
  <si>
    <t>cg24859593</t>
  </si>
  <si>
    <t>cg24861585</t>
  </si>
  <si>
    <t>cg24862443</t>
  </si>
  <si>
    <t>cg24862627</t>
  </si>
  <si>
    <t>cg24866491</t>
  </si>
  <si>
    <t>cg24872838</t>
  </si>
  <si>
    <t>cg24872851</t>
  </si>
  <si>
    <t>cg24885794</t>
  </si>
  <si>
    <t>cg24887139</t>
  </si>
  <si>
    <t>cg24896109</t>
  </si>
  <si>
    <t>cg24899806</t>
  </si>
  <si>
    <t>cg24901098</t>
  </si>
  <si>
    <t>cg24904103</t>
  </si>
  <si>
    <t>cg24911837</t>
  </si>
  <si>
    <t>cg24915717</t>
  </si>
  <si>
    <t>cg24921013</t>
  </si>
  <si>
    <t>cg24921614</t>
  </si>
  <si>
    <t>cg24928901</t>
  </si>
  <si>
    <t>cg24929514</t>
  </si>
  <si>
    <t>cg24929847</t>
  </si>
  <si>
    <t>cg24929938</t>
  </si>
  <si>
    <t>cg24932686</t>
  </si>
  <si>
    <t>cg24933709</t>
  </si>
  <si>
    <t>cg24937126</t>
  </si>
  <si>
    <t>cg24939194</t>
  </si>
  <si>
    <t>cg24941195</t>
  </si>
  <si>
    <t>cg24953179</t>
  </si>
  <si>
    <t>cg24954661</t>
  </si>
  <si>
    <t>cg24956109</t>
  </si>
  <si>
    <t>cg24956866</t>
  </si>
  <si>
    <t>cg24960149</t>
  </si>
  <si>
    <t>cg24962684</t>
  </si>
  <si>
    <t>cg24969022</t>
  </si>
  <si>
    <t>cg24974009</t>
  </si>
  <si>
    <t>cg24975986</t>
  </si>
  <si>
    <t>cg24977055</t>
  </si>
  <si>
    <t>cg24979495</t>
  </si>
  <si>
    <t>cg24980583</t>
  </si>
  <si>
    <t>cg24986544</t>
  </si>
  <si>
    <t>cg24986615</t>
  </si>
  <si>
    <t>cg24988178</t>
  </si>
  <si>
    <t>cg24988255</t>
  </si>
  <si>
    <t>cg24995381</t>
  </si>
  <si>
    <t>cg24997916</t>
  </si>
  <si>
    <t>cg25002968</t>
  </si>
  <si>
    <t>cg25006079</t>
  </si>
  <si>
    <t>cg25007683</t>
  </si>
  <si>
    <t>cg25009327</t>
  </si>
  <si>
    <t>cg25011577</t>
  </si>
  <si>
    <t>cg25016364</t>
  </si>
  <si>
    <t>cg25023684</t>
  </si>
  <si>
    <t>cg25027584</t>
  </si>
  <si>
    <t>cg25028542</t>
  </si>
  <si>
    <t>cg25039158</t>
  </si>
  <si>
    <t>cg25041735</t>
  </si>
  <si>
    <t>cg25045630</t>
  </si>
  <si>
    <t>cg25051111</t>
  </si>
  <si>
    <t>cg25051805</t>
  </si>
  <si>
    <t>cg25063631</t>
  </si>
  <si>
    <t>cg25065239</t>
  </si>
  <si>
    <t>cg25075684</t>
  </si>
  <si>
    <t>cg25075794</t>
  </si>
  <si>
    <t>cg25076459</t>
  </si>
  <si>
    <t>cg25077733</t>
  </si>
  <si>
    <t>cg25106791</t>
  </si>
  <si>
    <t>cg25120425</t>
  </si>
  <si>
    <t>cg25121513</t>
  </si>
  <si>
    <t>cg25121589</t>
  </si>
  <si>
    <t>cg25124476</t>
  </si>
  <si>
    <t>cg25126090</t>
  </si>
  <si>
    <t>cg25127444</t>
  </si>
  <si>
    <t>cg25128194</t>
  </si>
  <si>
    <t>cg25128781</t>
  </si>
  <si>
    <t>cg25130728</t>
  </si>
  <si>
    <t>cg25133376</t>
  </si>
  <si>
    <t>cg25135084</t>
  </si>
  <si>
    <t>cg25136644</t>
  </si>
  <si>
    <t>cg25137110</t>
  </si>
  <si>
    <t>cg25137309</t>
  </si>
  <si>
    <t>cg25140795</t>
  </si>
  <si>
    <t>cg25143162</t>
  </si>
  <si>
    <t>cg25143609</t>
  </si>
  <si>
    <t>cg25143746</t>
  </si>
  <si>
    <t>cg25144558</t>
  </si>
  <si>
    <t>cg25148306</t>
  </si>
  <si>
    <t>cg25149251</t>
  </si>
  <si>
    <t>cg25149888</t>
  </si>
  <si>
    <t>cg25161512</t>
  </si>
  <si>
    <t>cg25161868</t>
  </si>
  <si>
    <t>cg25171118</t>
  </si>
  <si>
    <t>cg25171348</t>
  </si>
  <si>
    <t>cg25171389</t>
  </si>
  <si>
    <t>cg25172279</t>
  </si>
  <si>
    <t>cg25176823</t>
  </si>
  <si>
    <t>cg25184038</t>
  </si>
  <si>
    <t>cg25184724</t>
  </si>
  <si>
    <t>cg25193073</t>
  </si>
  <si>
    <t>cg25193384</t>
  </si>
  <si>
    <t>cg25195987</t>
  </si>
  <si>
    <t>cg25203351</t>
  </si>
  <si>
    <t>cg25209017</t>
  </si>
  <si>
    <t>cg25210884</t>
  </si>
  <si>
    <t>cg25214902</t>
  </si>
  <si>
    <t>cg25215170</t>
  </si>
  <si>
    <t>cg25224090</t>
  </si>
  <si>
    <t>cg25225232</t>
  </si>
  <si>
    <t>cg25225693</t>
  </si>
  <si>
    <t>cg25228870</t>
  </si>
  <si>
    <t>cg25235205</t>
  </si>
  <si>
    <t>cg25239767</t>
  </si>
  <si>
    <t>cg25241964</t>
  </si>
  <si>
    <t>cg25251635</t>
  </si>
  <si>
    <t>cg25256715</t>
  </si>
  <si>
    <t>cg25259479</t>
  </si>
  <si>
    <t>cg25260543</t>
  </si>
  <si>
    <t>cg25261191</t>
  </si>
  <si>
    <t>cg25262866</t>
  </si>
  <si>
    <t>cg25266895</t>
  </si>
  <si>
    <t>cg25267863</t>
  </si>
  <si>
    <t>cg25274750</t>
  </si>
  <si>
    <t>cg25277638</t>
  </si>
  <si>
    <t>cg25277707</t>
  </si>
  <si>
    <t>cg25279100</t>
  </si>
  <si>
    <t>cg25282783</t>
  </si>
  <si>
    <t>cg25288660</t>
  </si>
  <si>
    <t>cg25294752</t>
  </si>
  <si>
    <t>cg25296938</t>
  </si>
  <si>
    <t>cg25300386</t>
  </si>
  <si>
    <t>cg25300390</t>
  </si>
  <si>
    <t>cg25302888</t>
  </si>
  <si>
    <t>cg25303427</t>
  </si>
  <si>
    <t>cg25308878</t>
  </si>
  <si>
    <t>cg25311271</t>
  </si>
  <si>
    <t>cg25311278</t>
  </si>
  <si>
    <t>cg25316484</t>
  </si>
  <si>
    <t>cg25318189</t>
  </si>
  <si>
    <t>cg25318712</t>
  </si>
  <si>
    <t>cg25322847</t>
  </si>
  <si>
    <t>cg25323444</t>
  </si>
  <si>
    <t>cg25325710</t>
  </si>
  <si>
    <t>cg25326856</t>
  </si>
  <si>
    <t>cg25332918</t>
  </si>
  <si>
    <t>cg25333529</t>
  </si>
  <si>
    <t>cg25335440</t>
  </si>
  <si>
    <t>cg25337691</t>
  </si>
  <si>
    <t>cg25343388</t>
  </si>
  <si>
    <t>cg25343838</t>
  </si>
  <si>
    <t>cg25345520</t>
  </si>
  <si>
    <t>cg25348323</t>
  </si>
  <si>
    <t>cg25352924</t>
  </si>
  <si>
    <t>cg25359908</t>
  </si>
  <si>
    <t>cg25360485</t>
  </si>
  <si>
    <t>cg25363607</t>
  </si>
  <si>
    <t>cg25377206</t>
  </si>
  <si>
    <t>cg25386534</t>
  </si>
  <si>
    <t>cg25387685</t>
  </si>
  <si>
    <t>cg25389947</t>
  </si>
  <si>
    <t>cg25390165</t>
  </si>
  <si>
    <t>cg25393792</t>
  </si>
  <si>
    <t>cg25395505</t>
  </si>
  <si>
    <t>cg25397280</t>
  </si>
  <si>
    <t>cg25397818</t>
  </si>
  <si>
    <t>cg25397849</t>
  </si>
  <si>
    <t>cg25398044</t>
  </si>
  <si>
    <t>cg25402112</t>
  </si>
  <si>
    <t>cg25402422</t>
  </si>
  <si>
    <t>cg25402818</t>
  </si>
  <si>
    <t>cg25403298</t>
  </si>
  <si>
    <t>cg25403488</t>
  </si>
  <si>
    <t>cg25403974</t>
  </si>
  <si>
    <t>cg25404233</t>
  </si>
  <si>
    <t>cg25404650</t>
  </si>
  <si>
    <t>cg25404758</t>
  </si>
  <si>
    <t>cg25407198</t>
  </si>
  <si>
    <t>cg25408620</t>
  </si>
  <si>
    <t>cg25411699</t>
  </si>
  <si>
    <t>cg25413347</t>
  </si>
  <si>
    <t>cg25418945</t>
  </si>
  <si>
    <t>cg25421092</t>
  </si>
  <si>
    <t>cg25422992</t>
  </si>
  <si>
    <t>cg25427625</t>
  </si>
  <si>
    <t>cg25428297</t>
  </si>
  <si>
    <t>cg25428423</t>
  </si>
  <si>
    <t>cg25435643</t>
  </si>
  <si>
    <t>cg25441200</t>
  </si>
  <si>
    <t>cg25444339</t>
  </si>
  <si>
    <t>cg25445431</t>
  </si>
  <si>
    <t>cg25447241</t>
  </si>
  <si>
    <t>cg25449283</t>
  </si>
  <si>
    <t>cg25449441</t>
  </si>
  <si>
    <t>cg25449655</t>
  </si>
  <si>
    <t>cg25452361</t>
  </si>
  <si>
    <t>cg25454110</t>
  </si>
  <si>
    <t>cg25456249</t>
  </si>
  <si>
    <t>cg25461267</t>
  </si>
  <si>
    <t>cg25471923</t>
  </si>
  <si>
    <t>cg25472882</t>
  </si>
  <si>
    <t>cg25473596</t>
  </si>
  <si>
    <t>cg25481201</t>
  </si>
  <si>
    <t>cg25481630</t>
  </si>
  <si>
    <t>cg25484338</t>
  </si>
  <si>
    <t>cg25489413</t>
  </si>
  <si>
    <t>cg25492350</t>
  </si>
  <si>
    <t>cg25495613</t>
  </si>
  <si>
    <t>cg25496947</t>
  </si>
  <si>
    <t>cg25507226</t>
  </si>
  <si>
    <t>cg25507767</t>
  </si>
  <si>
    <t>cg25509184</t>
  </si>
  <si>
    <t>cg25510838</t>
  </si>
  <si>
    <t>cg25516822</t>
  </si>
  <si>
    <t>cg25516823</t>
  </si>
  <si>
    <t>cg25520440</t>
  </si>
  <si>
    <t>cg25522738</t>
  </si>
  <si>
    <t>cg25523580</t>
  </si>
  <si>
    <t>cg25524350</t>
  </si>
  <si>
    <t>cg25528143</t>
  </si>
  <si>
    <t>cg25533096</t>
  </si>
  <si>
    <t>cg25544461</t>
  </si>
  <si>
    <t>cg25548834</t>
  </si>
  <si>
    <t>cg25550468</t>
  </si>
  <si>
    <t>cg25554744</t>
  </si>
  <si>
    <t>cg25556330</t>
  </si>
  <si>
    <t>cg25556607</t>
  </si>
  <si>
    <t>cg25559322</t>
  </si>
  <si>
    <t>cg25565476</t>
  </si>
  <si>
    <t>cg25568500</t>
  </si>
  <si>
    <t>cg25570453</t>
  </si>
  <si>
    <t>cg25572105</t>
  </si>
  <si>
    <t>cg25573368</t>
  </si>
  <si>
    <t>cg25573884</t>
  </si>
  <si>
    <t>cg25577090</t>
  </si>
  <si>
    <t>cg25588935</t>
  </si>
  <si>
    <t>cg25591451</t>
  </si>
  <si>
    <t>cg25592353</t>
  </si>
  <si>
    <t>cg25593309</t>
  </si>
  <si>
    <t>cg25593565</t>
  </si>
  <si>
    <t>cg25596006</t>
  </si>
  <si>
    <t>cg25600902</t>
  </si>
  <si>
    <t>cg25608490</t>
  </si>
  <si>
    <t>cg25610200</t>
  </si>
  <si>
    <t>cg25610234</t>
  </si>
  <si>
    <t>cg25612754</t>
  </si>
  <si>
    <t>cg25619312</t>
  </si>
  <si>
    <t>cg25620356</t>
  </si>
  <si>
    <t>cg25634017</t>
  </si>
  <si>
    <t>cg25643253</t>
  </si>
  <si>
    <t>cg25644174</t>
  </si>
  <si>
    <t>cg25644224</t>
  </si>
  <si>
    <t>cg25650811</t>
  </si>
  <si>
    <t>cg25651422</t>
  </si>
  <si>
    <t>cg25652701</t>
  </si>
  <si>
    <t>cg25653341</t>
  </si>
  <si>
    <t>cg25654697</t>
  </si>
  <si>
    <t>cg25662414</t>
  </si>
  <si>
    <t>cg25664034</t>
  </si>
  <si>
    <t>cg25666919</t>
  </si>
  <si>
    <t>cg25667283</t>
  </si>
  <si>
    <t>cg25678015</t>
  </si>
  <si>
    <t>cg25678088</t>
  </si>
  <si>
    <t>cg25680486</t>
  </si>
  <si>
    <t>cg25680865</t>
  </si>
  <si>
    <t>cg25682903</t>
  </si>
  <si>
    <t>cg25683101</t>
  </si>
  <si>
    <t>cg25688483</t>
  </si>
  <si>
    <t>cg25689525</t>
  </si>
  <si>
    <t>cg25703534</t>
  </si>
  <si>
    <t>cg25708069</t>
  </si>
  <si>
    <t>cg25709314</t>
  </si>
  <si>
    <t>cg25710357</t>
  </si>
  <si>
    <t>cg25714381</t>
  </si>
  <si>
    <t>cg25714956</t>
  </si>
  <si>
    <t>cg25715964</t>
  </si>
  <si>
    <t>cg25717239</t>
  </si>
  <si>
    <t>cg25721257</t>
  </si>
  <si>
    <t>cg25724260</t>
  </si>
  <si>
    <t>cg25728362</t>
  </si>
  <si>
    <t>cg25730804</t>
  </si>
  <si>
    <t>cg25735076</t>
  </si>
  <si>
    <t>cg25736145</t>
  </si>
  <si>
    <t>cg25740250</t>
  </si>
  <si>
    <t>cg25741731</t>
  </si>
  <si>
    <t>cg25743243</t>
  </si>
  <si>
    <t>cg25747190</t>
  </si>
  <si>
    <t>cg25747783</t>
  </si>
  <si>
    <t>cg25748357</t>
  </si>
  <si>
    <t>cg25748521</t>
  </si>
  <si>
    <t>cg25750380</t>
  </si>
  <si>
    <t>cg25750688</t>
  </si>
  <si>
    <t>cg25762580</t>
  </si>
  <si>
    <t>cg25769590</t>
  </si>
  <si>
    <t>cg25770169</t>
  </si>
  <si>
    <t>cg25770411</t>
  </si>
  <si>
    <t>cg25775832</t>
  </si>
  <si>
    <t>cg25776856</t>
  </si>
  <si>
    <t>cg25778497</t>
  </si>
  <si>
    <t>cg25780543</t>
  </si>
  <si>
    <t>cg25782293</t>
  </si>
  <si>
    <t>cg25786436</t>
  </si>
  <si>
    <t>cg25786651</t>
  </si>
  <si>
    <t>cg25787131</t>
  </si>
  <si>
    <t>cg25789201</t>
  </si>
  <si>
    <t>cg25792367</t>
  </si>
  <si>
    <t>cg25795398</t>
  </si>
  <si>
    <t>cg25797164</t>
  </si>
  <si>
    <t>cg25797912</t>
  </si>
  <si>
    <t>cg25803918</t>
  </si>
  <si>
    <t>cg25805770</t>
  </si>
  <si>
    <t>cg25807061</t>
  </si>
  <si>
    <t>cg25814293</t>
  </si>
  <si>
    <t>cg25817927</t>
  </si>
  <si>
    <t>cg25819027</t>
  </si>
  <si>
    <t>cg25819602</t>
  </si>
  <si>
    <t>cg25820223</t>
  </si>
  <si>
    <t>cg25821143</t>
  </si>
  <si>
    <t>cg25823373</t>
  </si>
  <si>
    <t>cg25826546</t>
  </si>
  <si>
    <t>cg25832123</t>
  </si>
  <si>
    <t>cg25835019</t>
  </si>
  <si>
    <t>cg25840173</t>
  </si>
  <si>
    <t>cg25841675</t>
  </si>
  <si>
    <t>cg25846290</t>
  </si>
  <si>
    <t>cg25856090</t>
  </si>
  <si>
    <t>cg25859099</t>
  </si>
  <si>
    <t>cg25864762</t>
  </si>
  <si>
    <t>cg25866738</t>
  </si>
  <si>
    <t>cg25872281</t>
  </si>
  <si>
    <t>cg25878057</t>
  </si>
  <si>
    <t>cg25879118</t>
  </si>
  <si>
    <t>cg25879142</t>
  </si>
  <si>
    <t>cg25880344</t>
  </si>
  <si>
    <t>cg25889944</t>
  </si>
  <si>
    <t>cg25893679</t>
  </si>
  <si>
    <t>cg25896734</t>
  </si>
  <si>
    <t>cg25898784</t>
  </si>
  <si>
    <t>cg25899922</t>
  </si>
  <si>
    <t>cg25899952</t>
  </si>
  <si>
    <t>cg25900995</t>
  </si>
  <si>
    <t>cg25901381</t>
  </si>
  <si>
    <t>cg25906770</t>
  </si>
  <si>
    <t>cg25910261</t>
  </si>
  <si>
    <t>cg25919098</t>
  </si>
  <si>
    <t>cg25919797</t>
  </si>
  <si>
    <t>cg25919948</t>
  </si>
  <si>
    <t>cg25920630</t>
  </si>
  <si>
    <t>cg25922125</t>
  </si>
  <si>
    <t>cg25927687</t>
  </si>
  <si>
    <t>cg25930591</t>
  </si>
  <si>
    <t>cg25934268</t>
  </si>
  <si>
    <t>cg25936815</t>
  </si>
  <si>
    <t>cg25941154</t>
  </si>
  <si>
    <t>cg25941299</t>
  </si>
  <si>
    <t>cg25949550</t>
  </si>
  <si>
    <t>cg25952581</t>
  </si>
  <si>
    <t>cg25954642</t>
  </si>
  <si>
    <t>cg25962218</t>
  </si>
  <si>
    <t>cg25962657</t>
  </si>
  <si>
    <t>cg25963505</t>
  </si>
  <si>
    <t>cg25966908</t>
  </si>
  <si>
    <t>cg25967897</t>
  </si>
  <si>
    <t>cg25967957</t>
  </si>
  <si>
    <t>cg25968394</t>
  </si>
  <si>
    <t>cg25968876</t>
  </si>
  <si>
    <t>cg25974476</t>
  </si>
  <si>
    <t>cg25975369</t>
  </si>
  <si>
    <t>cg25975382</t>
  </si>
  <si>
    <t>cg25975690</t>
  </si>
  <si>
    <t>cg25982920</t>
  </si>
  <si>
    <t>cg25990230</t>
  </si>
  <si>
    <t>cg26000462</t>
  </si>
  <si>
    <t>cg26003993</t>
  </si>
  <si>
    <t>cg26010879</t>
  </si>
  <si>
    <t>cg26012061</t>
  </si>
  <si>
    <t>cg26022821</t>
  </si>
  <si>
    <t>cg26023204</t>
  </si>
  <si>
    <t>cg26023912</t>
  </si>
  <si>
    <t>cg26024206</t>
  </si>
  <si>
    <t>cg26032198</t>
  </si>
  <si>
    <t>cg26033466</t>
  </si>
  <si>
    <t>cg26035201</t>
  </si>
  <si>
    <t>cg26047940</t>
  </si>
  <si>
    <t>cg26050906</t>
  </si>
  <si>
    <t>cg26053786</t>
  </si>
  <si>
    <t>cg26055082</t>
  </si>
  <si>
    <t>cg26057765</t>
  </si>
  <si>
    <t>cg26061357</t>
  </si>
  <si>
    <t>cg26061674</t>
  </si>
  <si>
    <t>cg26063874</t>
  </si>
  <si>
    <t>cg26065247</t>
  </si>
  <si>
    <t>cg26066560</t>
  </si>
  <si>
    <t>cg26069745</t>
  </si>
  <si>
    <t>cg26074723</t>
  </si>
  <si>
    <t>cg26075259</t>
  </si>
  <si>
    <t>cg26084511</t>
  </si>
  <si>
    <t>cg26085328</t>
  </si>
  <si>
    <t>cg26091965</t>
  </si>
  <si>
    <t>cg26100986</t>
  </si>
  <si>
    <t>cg26102801</t>
  </si>
  <si>
    <t>cg26104093</t>
  </si>
  <si>
    <t>cg26106118</t>
  </si>
  <si>
    <t>cg26106590</t>
  </si>
  <si>
    <t>cg26107538</t>
  </si>
  <si>
    <t>cg26112929</t>
  </si>
  <si>
    <t>cg26118637</t>
  </si>
  <si>
    <t>cg26118713</t>
  </si>
  <si>
    <t>cg26119731</t>
  </si>
  <si>
    <t>cg26122963</t>
  </si>
  <si>
    <t>cg26127197</t>
  </si>
  <si>
    <t>cg26130384</t>
  </si>
  <si>
    <t>cg26130645</t>
  </si>
  <si>
    <t>cg26132462</t>
  </si>
  <si>
    <t>cg26136399</t>
  </si>
  <si>
    <t>cg26138202</t>
  </si>
  <si>
    <t>cg26140240</t>
  </si>
  <si>
    <t>cg26141626</t>
  </si>
  <si>
    <t>cg26144265</t>
  </si>
  <si>
    <t>cg26152388</t>
  </si>
  <si>
    <t>cg26158710</t>
  </si>
  <si>
    <t>cg26159205</t>
  </si>
  <si>
    <t>cg26159601</t>
  </si>
  <si>
    <t>cg26160086</t>
  </si>
  <si>
    <t>cg26160626</t>
  </si>
  <si>
    <t>cg26163537</t>
  </si>
  <si>
    <t>cg26173946</t>
  </si>
  <si>
    <t>cg26174329</t>
  </si>
  <si>
    <t>cg26192748</t>
  </si>
  <si>
    <t>cg26192828</t>
  </si>
  <si>
    <t>cg26193418</t>
  </si>
  <si>
    <t>cg26194794</t>
  </si>
  <si>
    <t>cg26195168</t>
  </si>
  <si>
    <t>cg26204417</t>
  </si>
  <si>
    <t>cg26209005</t>
  </si>
  <si>
    <t>cg26209990</t>
  </si>
  <si>
    <t>cg26213224</t>
  </si>
  <si>
    <t>cg26221293</t>
  </si>
  <si>
    <t>cg26224725</t>
  </si>
  <si>
    <t>cg26226139</t>
  </si>
  <si>
    <t>cg26232282</t>
  </si>
  <si>
    <t>cg26233218</t>
  </si>
  <si>
    <t>cg26234081</t>
  </si>
  <si>
    <t>cg26234658</t>
  </si>
  <si>
    <t>cg26234885</t>
  </si>
  <si>
    <t>cg26235080</t>
  </si>
  <si>
    <t>cg26245607</t>
  </si>
  <si>
    <t>cg26246289</t>
  </si>
  <si>
    <t>cg26255089</t>
  </si>
  <si>
    <t>cg26259610</t>
  </si>
  <si>
    <t>cg26260033</t>
  </si>
  <si>
    <t>cg26262573</t>
  </si>
  <si>
    <t>cg26268565</t>
  </si>
  <si>
    <t>cg26268843</t>
  </si>
  <si>
    <t>cg26277197</t>
  </si>
  <si>
    <t>cg26277398</t>
  </si>
  <si>
    <t>cg26278103</t>
  </si>
  <si>
    <t>cg26278457</t>
  </si>
  <si>
    <t>cg26279082</t>
  </si>
  <si>
    <t>cg26282283</t>
  </si>
  <si>
    <t>cg26283713</t>
  </si>
  <si>
    <t>cg26283963</t>
  </si>
  <si>
    <t>cg26295921</t>
  </si>
  <si>
    <t>cg26296781</t>
  </si>
  <si>
    <t>cg26297005</t>
  </si>
  <si>
    <t>cg26307266</t>
  </si>
  <si>
    <t>cg26309303</t>
  </si>
  <si>
    <t>cg26310285</t>
  </si>
  <si>
    <t>cg26312150</t>
  </si>
  <si>
    <t>cg26316023</t>
  </si>
  <si>
    <t>cg26317888</t>
  </si>
  <si>
    <t>cg26321153</t>
  </si>
  <si>
    <t>cg26321670</t>
  </si>
  <si>
    <t>cg26337123</t>
  </si>
  <si>
    <t>cg26337390</t>
  </si>
  <si>
    <t>cg26339348</t>
  </si>
  <si>
    <t>cg26349773</t>
  </si>
  <si>
    <t>cg26351468</t>
  </si>
  <si>
    <t>cg26352718</t>
  </si>
  <si>
    <t>cg26352726</t>
  </si>
  <si>
    <t>cg26358246</t>
  </si>
  <si>
    <t>cg26371512</t>
  </si>
  <si>
    <t>cg26385222</t>
  </si>
  <si>
    <t>cg26386449</t>
  </si>
  <si>
    <t>cg26389638</t>
  </si>
  <si>
    <t>cg26389871</t>
  </si>
  <si>
    <t>cg26390214</t>
  </si>
  <si>
    <t>cg26394233</t>
  </si>
  <si>
    <t>cg26399411</t>
  </si>
  <si>
    <t>cg26400325</t>
  </si>
  <si>
    <t>cg26401172</t>
  </si>
  <si>
    <t>cg26403241</t>
  </si>
  <si>
    <t>cg26407309</t>
  </si>
  <si>
    <t>cg26407811</t>
  </si>
  <si>
    <t>cg26409494</t>
  </si>
  <si>
    <t>cg26411436</t>
  </si>
  <si>
    <t>cg26412434</t>
  </si>
  <si>
    <t>cg26415393</t>
  </si>
  <si>
    <t>cg26422861</t>
  </si>
  <si>
    <t>cg26423160</t>
  </si>
  <si>
    <t>cg26425691</t>
  </si>
  <si>
    <t>cg26425766</t>
  </si>
  <si>
    <t>cg26426162</t>
  </si>
  <si>
    <t>cg26426488</t>
  </si>
  <si>
    <t>cg26428889</t>
  </si>
  <si>
    <t>cg26429636</t>
  </si>
  <si>
    <t>cg26433034</t>
  </si>
  <si>
    <t>cg26433975</t>
  </si>
  <si>
    <t>cg26434048</t>
  </si>
  <si>
    <t>cg26442210</t>
  </si>
  <si>
    <t>cg26442764</t>
  </si>
  <si>
    <t>cg26444741</t>
  </si>
  <si>
    <t>cg26445928</t>
  </si>
  <si>
    <t>cg26449836</t>
  </si>
  <si>
    <t>cg26458452</t>
  </si>
  <si>
    <t>cg26460483</t>
  </si>
  <si>
    <t>cg26461009</t>
  </si>
  <si>
    <t>cg26462130</t>
  </si>
  <si>
    <t>cg26463173</t>
  </si>
  <si>
    <t>cg26464439</t>
  </si>
  <si>
    <t>cg26464446</t>
  </si>
  <si>
    <t>cg26465987</t>
  </si>
  <si>
    <t>cg26471020</t>
  </si>
  <si>
    <t>cg26471121</t>
  </si>
  <si>
    <t>cg26472973</t>
  </si>
  <si>
    <t>cg26475742</t>
  </si>
  <si>
    <t>cg26482626</t>
  </si>
  <si>
    <t>cg26503018</t>
  </si>
  <si>
    <t>cg26511321</t>
  </si>
  <si>
    <t>cg26511386</t>
  </si>
  <si>
    <t>cg26512254</t>
  </si>
  <si>
    <t>cg26515926</t>
  </si>
  <si>
    <t>cg26520120</t>
  </si>
  <si>
    <t>cg26526397</t>
  </si>
  <si>
    <t>cg26526709</t>
  </si>
  <si>
    <t>cg26527913</t>
  </si>
  <si>
    <t>cg26530061</t>
  </si>
  <si>
    <t>cg26533595</t>
  </si>
  <si>
    <t>cg26536863</t>
  </si>
  <si>
    <t>cg26540410</t>
  </si>
  <si>
    <t>cg26542254</t>
  </si>
  <si>
    <t>cg26546105</t>
  </si>
  <si>
    <t>cg26548077</t>
  </si>
  <si>
    <t>cg26548834</t>
  </si>
  <si>
    <t>cg26550874</t>
  </si>
  <si>
    <t>cg26552030</t>
  </si>
  <si>
    <t>cg26552477</t>
  </si>
  <si>
    <t>cg26552859</t>
  </si>
  <si>
    <t>cg26553682</t>
  </si>
  <si>
    <t>cg26560895</t>
  </si>
  <si>
    <t>cg26560928</t>
  </si>
  <si>
    <t>cg26565406</t>
  </si>
  <si>
    <t>cg26565544</t>
  </si>
  <si>
    <t>cg26565848</t>
  </si>
  <si>
    <t>cg26566660</t>
  </si>
  <si>
    <t>cg26568722</t>
  </si>
  <si>
    <t>cg26571009</t>
  </si>
  <si>
    <t>cg26572901</t>
  </si>
  <si>
    <t>cg26575389</t>
  </si>
  <si>
    <t>cg26576047</t>
  </si>
  <si>
    <t>cg26579491</t>
  </si>
  <si>
    <t>cg26582784</t>
  </si>
  <si>
    <t>cg26582829</t>
  </si>
  <si>
    <t>cg26584120</t>
  </si>
  <si>
    <t>cg26585868</t>
  </si>
  <si>
    <t>cg26586508</t>
  </si>
  <si>
    <t>cg26589448</t>
  </si>
  <si>
    <t>cg26591364</t>
  </si>
  <si>
    <t>cg26593262</t>
  </si>
  <si>
    <t>cg26594775</t>
  </si>
  <si>
    <t>cg26595520</t>
  </si>
  <si>
    <t>cg26596719</t>
  </si>
  <si>
    <t>cg26603629</t>
  </si>
  <si>
    <t>cg26611765</t>
  </si>
  <si>
    <t>cg26616347</t>
  </si>
  <si>
    <t>cg26617364</t>
  </si>
  <si>
    <t>cg26618703</t>
  </si>
  <si>
    <t>cg26619035</t>
  </si>
  <si>
    <t>cg26621408</t>
  </si>
  <si>
    <t>cg26622211</t>
  </si>
  <si>
    <t>cg26627486</t>
  </si>
  <si>
    <t>cg26628847</t>
  </si>
  <si>
    <t>cg26635467</t>
  </si>
  <si>
    <t>cg26636869</t>
  </si>
  <si>
    <t>cg26640467</t>
  </si>
  <si>
    <t>cg26642844</t>
  </si>
  <si>
    <t>cg26647135</t>
  </si>
  <si>
    <t>cg26650651</t>
  </si>
  <si>
    <t>cg26651830</t>
  </si>
  <si>
    <t>cg26654827</t>
  </si>
  <si>
    <t>cg26659349</t>
  </si>
  <si>
    <t>cg26662512</t>
  </si>
  <si>
    <t>cg26666735</t>
  </si>
  <si>
    <t>cg26668276</t>
  </si>
  <si>
    <t>cg26669717</t>
  </si>
  <si>
    <t>cg26670626</t>
  </si>
  <si>
    <t>cg26670636</t>
  </si>
  <si>
    <t>cg26672672</t>
  </si>
  <si>
    <t>cg26673980</t>
  </si>
  <si>
    <t>cg26675289</t>
  </si>
  <si>
    <t>cg26675654</t>
  </si>
  <si>
    <t>cg26680675</t>
  </si>
  <si>
    <t>cg26682517</t>
  </si>
  <si>
    <t>cg26686366</t>
  </si>
  <si>
    <t>cg26687305</t>
  </si>
  <si>
    <t>cg26697320</t>
  </si>
  <si>
    <t>cg26699757</t>
  </si>
  <si>
    <t>cg26706676</t>
  </si>
  <si>
    <t>cg26708123</t>
  </si>
  <si>
    <t>cg26708559</t>
  </si>
  <si>
    <t>cg26716323</t>
  </si>
  <si>
    <t>cg26720010</t>
  </si>
  <si>
    <t>cg26723707</t>
  </si>
  <si>
    <t>cg26733444</t>
  </si>
  <si>
    <t>cg26733975</t>
  </si>
  <si>
    <t>cg26739691</t>
  </si>
  <si>
    <t>cg26739865</t>
  </si>
  <si>
    <t>cg26744081</t>
  </si>
  <si>
    <t>cg26744375</t>
  </si>
  <si>
    <t>cg26744859</t>
  </si>
  <si>
    <t>cg26748694</t>
  </si>
  <si>
    <t>cg26748945</t>
  </si>
  <si>
    <t>cg26756862</t>
  </si>
  <si>
    <t>cg26757388</t>
  </si>
  <si>
    <t>cg26759552</t>
  </si>
  <si>
    <t>cg26765385</t>
  </si>
  <si>
    <t>cg26768703</t>
  </si>
  <si>
    <t>cg26773342</t>
  </si>
  <si>
    <t>cg26774312</t>
  </si>
  <si>
    <t>cg26777475</t>
  </si>
  <si>
    <t>cg26779676</t>
  </si>
  <si>
    <t>cg26780915</t>
  </si>
  <si>
    <t>cg26790897</t>
  </si>
  <si>
    <t>cg26800802</t>
  </si>
  <si>
    <t>cg26802119</t>
  </si>
  <si>
    <t>cg26802256</t>
  </si>
  <si>
    <t>cg26802830</t>
  </si>
  <si>
    <t>cg26806603</t>
  </si>
  <si>
    <t>cg26815802</t>
  </si>
  <si>
    <t>cg26819916</t>
  </si>
  <si>
    <t>cg26826350</t>
  </si>
  <si>
    <t>cg26826704</t>
  </si>
  <si>
    <t>cg26828601</t>
  </si>
  <si>
    <t>cg26830654</t>
  </si>
  <si>
    <t>cg26833096</t>
  </si>
  <si>
    <t>cg26840889</t>
  </si>
  <si>
    <t>cg26856388</t>
  </si>
  <si>
    <t>cg26860459</t>
  </si>
  <si>
    <t>cg26860855</t>
  </si>
  <si>
    <t>cg26874753</t>
  </si>
  <si>
    <t>cg26874764</t>
  </si>
  <si>
    <t>cg26875135</t>
  </si>
  <si>
    <t>cg26889928</t>
  </si>
  <si>
    <t>cg26911611</t>
  </si>
  <si>
    <t>cg26912131</t>
  </si>
  <si>
    <t>cg26914004</t>
  </si>
  <si>
    <t>cg26915336</t>
  </si>
  <si>
    <t>cg26915370</t>
  </si>
  <si>
    <t>cg26916297</t>
  </si>
  <si>
    <t>cg26916862</t>
  </si>
  <si>
    <t>cg26917745</t>
  </si>
  <si>
    <t>cg26918117</t>
  </si>
  <si>
    <t>cg26923410</t>
  </si>
  <si>
    <t>cg26927516</t>
  </si>
  <si>
    <t>cg26931296</t>
  </si>
  <si>
    <t>cg26932364</t>
  </si>
  <si>
    <t>cg26934214</t>
  </si>
  <si>
    <t>cg26935219</t>
  </si>
  <si>
    <t>cg26938153</t>
  </si>
  <si>
    <t>cg26938695</t>
  </si>
  <si>
    <t>cg26942275</t>
  </si>
  <si>
    <t>cg26942532</t>
  </si>
  <si>
    <t>cg26942930</t>
  </si>
  <si>
    <t>cg26945725</t>
  </si>
  <si>
    <t>cg26949393</t>
  </si>
  <si>
    <t>cg26957150</t>
  </si>
  <si>
    <t>cg26960083</t>
  </si>
  <si>
    <t>cg26965151</t>
  </si>
  <si>
    <t>cg26965639</t>
  </si>
  <si>
    <t>cg26967186</t>
  </si>
  <si>
    <t>cg26970242</t>
  </si>
  <si>
    <t>cg26971308</t>
  </si>
  <si>
    <t>cg26975086</t>
  </si>
  <si>
    <t>cg26975193</t>
  </si>
  <si>
    <t>cg26975609</t>
  </si>
  <si>
    <t>cg26976888</t>
  </si>
  <si>
    <t>cg26979473</t>
  </si>
  <si>
    <t>cg26981966</t>
  </si>
  <si>
    <t>cg26982386</t>
  </si>
  <si>
    <t>cg26983907</t>
  </si>
  <si>
    <t>cg26984626</t>
  </si>
  <si>
    <t>cg26985686</t>
  </si>
  <si>
    <t>cg26986541</t>
  </si>
  <si>
    <t>cg26988213</t>
  </si>
  <si>
    <t>cg26988331</t>
  </si>
  <si>
    <t>cg26990406</t>
  </si>
  <si>
    <t>cg26993105</t>
  </si>
  <si>
    <t>cg26997085</t>
  </si>
  <si>
    <t>cg27001184</t>
  </si>
  <si>
    <t>cg27002556</t>
  </si>
  <si>
    <t>cg27006764</t>
  </si>
  <si>
    <t>cg27006914</t>
  </si>
  <si>
    <t>cg27007358</t>
  </si>
  <si>
    <t>cg27013914</t>
  </si>
  <si>
    <t>cg27014435</t>
  </si>
  <si>
    <t>cg27016494</t>
  </si>
  <si>
    <t>cg27018005</t>
  </si>
  <si>
    <t>cg27019250</t>
  </si>
  <si>
    <t>cg27021327</t>
  </si>
  <si>
    <t>cg27024852</t>
  </si>
  <si>
    <t>cg27025320</t>
  </si>
  <si>
    <t>cg27032965</t>
  </si>
  <si>
    <t>cg27033231</t>
  </si>
  <si>
    <t>cg27041868</t>
  </si>
  <si>
    <t>cg27043453</t>
  </si>
  <si>
    <t>cg27048140</t>
  </si>
  <si>
    <t>cg27049201</t>
  </si>
  <si>
    <t>cg27062215</t>
  </si>
  <si>
    <t>cg27062644</t>
  </si>
  <si>
    <t>cg27062924</t>
  </si>
  <si>
    <t>cg27068619</t>
  </si>
  <si>
    <t>cg27068757</t>
  </si>
  <si>
    <t>cg27070808</t>
  </si>
  <si>
    <t>cg27079118</t>
  </si>
  <si>
    <t>cg27084028</t>
  </si>
  <si>
    <t>cg27086308</t>
  </si>
  <si>
    <t>cg27089973</t>
  </si>
  <si>
    <t>cg27098620</t>
  </si>
  <si>
    <t>cg27099497</t>
  </si>
  <si>
    <t>cg27109741</t>
  </si>
  <si>
    <t>cg27109989</t>
  </si>
  <si>
    <t>cg27110491</t>
  </si>
  <si>
    <t>cg27118231</t>
  </si>
  <si>
    <t>cg27139064</t>
  </si>
  <si>
    <t>cg27148193</t>
  </si>
  <si>
    <t>cg27148529</t>
  </si>
  <si>
    <t>cg27149924</t>
  </si>
  <si>
    <t>cg27151303</t>
  </si>
  <si>
    <t>cg27152128</t>
  </si>
  <si>
    <t>cg27152133</t>
  </si>
  <si>
    <t>cg27154660</t>
  </si>
  <si>
    <t>cg27156041</t>
  </si>
  <si>
    <t>cg27157122</t>
  </si>
  <si>
    <t>cg27157482</t>
  </si>
  <si>
    <t>cg27160537</t>
  </si>
  <si>
    <t>cg27160578</t>
  </si>
  <si>
    <t>cg27165456</t>
  </si>
  <si>
    <t>cg27165922</t>
  </si>
  <si>
    <t>cg27168114</t>
  </si>
  <si>
    <t>cg27177058</t>
  </si>
  <si>
    <t>cg27179002</t>
  </si>
  <si>
    <t>cg27179571</t>
  </si>
  <si>
    <t>cg27181468</t>
  </si>
  <si>
    <t>cg27182527</t>
  </si>
  <si>
    <t>cg27183007</t>
  </si>
  <si>
    <t>cg27184438</t>
  </si>
  <si>
    <t>cg27186323</t>
  </si>
  <si>
    <t>cg27186851</t>
  </si>
  <si>
    <t>cg27187541</t>
  </si>
  <si>
    <t>cg27189465</t>
  </si>
  <si>
    <t>cg27189723</t>
  </si>
  <si>
    <t>cg27192635</t>
  </si>
  <si>
    <t>cg27194152</t>
  </si>
  <si>
    <t>cg27195917</t>
  </si>
  <si>
    <t>cg27202641</t>
  </si>
  <si>
    <t>cg27209175</t>
  </si>
  <si>
    <t>cg27212520</t>
  </si>
  <si>
    <t>cg27219276</t>
  </si>
  <si>
    <t>cg27220968</t>
  </si>
  <si>
    <t>cg27221338</t>
  </si>
  <si>
    <t>cg27221674</t>
  </si>
  <si>
    <t>cg27223272</t>
  </si>
  <si>
    <t>cg27227281</t>
  </si>
  <si>
    <t>cg27229251</t>
  </si>
  <si>
    <t>cg27230044</t>
  </si>
  <si>
    <t>cg27230959</t>
  </si>
  <si>
    <t>cg27235726</t>
  </si>
  <si>
    <t>cg27241639</t>
  </si>
  <si>
    <t>cg27242945</t>
  </si>
  <si>
    <t>cg27246938</t>
  </si>
  <si>
    <t>cg27247782</t>
  </si>
  <si>
    <t>cg27253814</t>
  </si>
  <si>
    <t>cg27257291</t>
  </si>
  <si>
    <t>cg27268717</t>
  </si>
  <si>
    <t>cg27269790</t>
  </si>
  <si>
    <t>cg27270684</t>
  </si>
  <si>
    <t>cg27274446</t>
  </si>
  <si>
    <t>cg27275553</t>
  </si>
  <si>
    <t>cg27282206</t>
  </si>
  <si>
    <t>cg27287840</t>
  </si>
  <si>
    <t>cg27299047</t>
  </si>
  <si>
    <t>cg27308682</t>
  </si>
  <si>
    <t>cg27312203</t>
  </si>
  <si>
    <t>cg27317919</t>
  </si>
  <si>
    <t>cg27321079</t>
  </si>
  <si>
    <t>cg27322103</t>
  </si>
  <si>
    <t>cg27325833</t>
  </si>
  <si>
    <t>cg27332489</t>
  </si>
  <si>
    <t>cg27334919</t>
  </si>
  <si>
    <t>cg27337540</t>
  </si>
  <si>
    <t>cg27342333</t>
  </si>
  <si>
    <t>cg27342559</t>
  </si>
  <si>
    <t>cg27349345</t>
  </si>
  <si>
    <t>cg27352136</t>
  </si>
  <si>
    <t>cg27367526</t>
  </si>
  <si>
    <t>cg27369641</t>
  </si>
  <si>
    <t>cg27375561</t>
  </si>
  <si>
    <t>cg27376617</t>
  </si>
  <si>
    <t>cg27377339</t>
  </si>
  <si>
    <t>cg27378486</t>
  </si>
  <si>
    <t>cg27381557</t>
  </si>
  <si>
    <t>cg27385193</t>
  </si>
  <si>
    <t>cg27391334</t>
  </si>
  <si>
    <t>cg27394114</t>
  </si>
  <si>
    <t>cg27395226</t>
  </si>
  <si>
    <t>cg27396824</t>
  </si>
  <si>
    <t>cg27402091</t>
  </si>
  <si>
    <t>cg27402949</t>
  </si>
  <si>
    <t>cg27410756</t>
  </si>
  <si>
    <t>cg27411746</t>
  </si>
  <si>
    <t>cg27417537</t>
  </si>
  <si>
    <t>cg27417677</t>
  </si>
  <si>
    <t>cg27422345</t>
  </si>
  <si>
    <t>cg27422556</t>
  </si>
  <si>
    <t>cg27425193</t>
  </si>
  <si>
    <t>cg27426220</t>
  </si>
  <si>
    <t>cg27426882</t>
  </si>
  <si>
    <t>cg27429258</t>
  </si>
  <si>
    <t>cg27433759</t>
  </si>
  <si>
    <t>cg27434954</t>
  </si>
  <si>
    <t>cg27436603</t>
  </si>
  <si>
    <t>cg27440594</t>
  </si>
  <si>
    <t>cg27443265</t>
  </si>
  <si>
    <t>cg27447599</t>
  </si>
  <si>
    <t>cg27448110</t>
  </si>
  <si>
    <t>cg27451484</t>
  </si>
  <si>
    <t>cg27451843</t>
  </si>
  <si>
    <t>cg27452341</t>
  </si>
  <si>
    <t>cg27452670</t>
  </si>
  <si>
    <t>cg27455578</t>
  </si>
  <si>
    <t>cg27456945</t>
  </si>
  <si>
    <t>cg27459381</t>
  </si>
  <si>
    <t>cg27460056</t>
  </si>
  <si>
    <t>cg27460715</t>
  </si>
  <si>
    <t>cg27464490</t>
  </si>
  <si>
    <t>cg27482690</t>
  </si>
  <si>
    <t>cg27482848</t>
  </si>
  <si>
    <t>cg27482856</t>
  </si>
  <si>
    <t>cg27483342</t>
  </si>
  <si>
    <t>cg27483739</t>
  </si>
  <si>
    <t>cg27483791</t>
  </si>
  <si>
    <t>cg27484512</t>
  </si>
  <si>
    <t>cg27487796</t>
  </si>
  <si>
    <t>cg27488279</t>
  </si>
  <si>
    <t>cg27492286</t>
  </si>
  <si>
    <t>cg27492458</t>
  </si>
  <si>
    <t>cg27493336</t>
  </si>
  <si>
    <t>cg27494497</t>
  </si>
  <si>
    <t>cg27495964</t>
  </si>
  <si>
    <t>cg27496267</t>
  </si>
  <si>
    <t>cg27496570</t>
  </si>
  <si>
    <t>cg27497928</t>
  </si>
  <si>
    <t>cg27499813</t>
  </si>
  <si>
    <t>cg27506280</t>
  </si>
  <si>
    <t>cg27507700</t>
  </si>
  <si>
    <t>cg27508071</t>
  </si>
  <si>
    <t>cg27508180</t>
  </si>
  <si>
    <t>cg27508551</t>
  </si>
  <si>
    <t>cg27508620</t>
  </si>
  <si>
    <t>cg27511599</t>
  </si>
  <si>
    <t>cg27516404</t>
  </si>
  <si>
    <t>cg27518977</t>
  </si>
  <si>
    <t>cg27519869</t>
  </si>
  <si>
    <t>cg27527018</t>
  </si>
  <si>
    <t>cg27528351</t>
  </si>
  <si>
    <t>cg27530388</t>
  </si>
  <si>
    <t>cg27531356</t>
  </si>
  <si>
    <t>cg27532318</t>
  </si>
  <si>
    <t>cg27533119</t>
  </si>
  <si>
    <t>cg27534828</t>
  </si>
  <si>
    <t>cg27535538</t>
  </si>
  <si>
    <t>cg27539527</t>
  </si>
  <si>
    <t>cg27542828</t>
  </si>
  <si>
    <t>cg27548142</t>
  </si>
  <si>
    <t>cg27550060</t>
  </si>
  <si>
    <t>cg27552912</t>
  </si>
  <si>
    <t>cg27553486</t>
  </si>
  <si>
    <t>cg27553708</t>
  </si>
  <si>
    <t>cg27562010</t>
  </si>
  <si>
    <t>cg27562431</t>
  </si>
  <si>
    <t>cg27562948</t>
  </si>
  <si>
    <t>cg27573591</t>
  </si>
  <si>
    <t>cg27574739</t>
  </si>
  <si>
    <t>cg27574991</t>
  </si>
  <si>
    <t>cg27585376</t>
  </si>
  <si>
    <t>cg27594583</t>
  </si>
  <si>
    <t>cg27599129</t>
  </si>
  <si>
    <t>cg27600265</t>
  </si>
  <si>
    <t>cg27603796</t>
  </si>
  <si>
    <t>cg27607584</t>
  </si>
  <si>
    <t>cg27608981</t>
  </si>
  <si>
    <t>cg27613174</t>
  </si>
  <si>
    <t>cg27616595</t>
  </si>
  <si>
    <t>cg27618305</t>
  </si>
  <si>
    <t>cg27620174</t>
  </si>
  <si>
    <t>cg27620317</t>
  </si>
  <si>
    <t>cg27621129</t>
  </si>
  <si>
    <t>cg27624684</t>
  </si>
  <si>
    <t>cg27626102</t>
  </si>
  <si>
    <t>cg27626299</t>
  </si>
  <si>
    <t>cg27628312</t>
  </si>
  <si>
    <t>cg27629384</t>
  </si>
  <si>
    <t>cg27630274</t>
  </si>
  <si>
    <t>cg27632621</t>
  </si>
  <si>
    <t>cg27636740</t>
  </si>
  <si>
    <t>cg27640234</t>
  </si>
  <si>
    <t>cg27641018</t>
  </si>
  <si>
    <t>cg27641072</t>
  </si>
  <si>
    <t>cg27643890</t>
  </si>
  <si>
    <t>cg27651035</t>
  </si>
  <si>
    <t>cg27651243</t>
  </si>
  <si>
    <t>cg27656074</t>
  </si>
  <si>
    <t>cg27657926</t>
  </si>
  <si>
    <t>cg27658048</t>
  </si>
  <si>
    <t>cg27660099</t>
  </si>
  <si>
    <t>cg27665018</t>
  </si>
  <si>
    <t>cg27665659</t>
  </si>
  <si>
    <t>ch.7.8314F</t>
  </si>
  <si>
    <t>ch.7.84780R</t>
  </si>
  <si>
    <t>ch.7.135065R</t>
  </si>
  <si>
    <t>ch.7.285380F</t>
  </si>
  <si>
    <t>ch.7.313144R</t>
  </si>
  <si>
    <t>ch.7.10564690F</t>
  </si>
  <si>
    <t>ch.7.453032F</t>
  </si>
  <si>
    <t>ch.7.23291137F</t>
  </si>
  <si>
    <t>ch.7.647988F</t>
  </si>
  <si>
    <t>ch.7.33727552F</t>
  </si>
  <si>
    <t>ch.7.924839R</t>
  </si>
  <si>
    <t>ch.7.41324965F</t>
  </si>
  <si>
    <t>ch.7.44221780F</t>
  </si>
  <si>
    <t>ch.7.45985950F</t>
  </si>
  <si>
    <t>ch.7.50621990F</t>
  </si>
  <si>
    <t>ch.7.1171004F</t>
  </si>
  <si>
    <t>ch.7.52501384F</t>
  </si>
  <si>
    <t>ch.7.53629068R</t>
  </si>
  <si>
    <t>ch.7.1253220F</t>
  </si>
  <si>
    <t>ch.7.1628533R</t>
  </si>
  <si>
    <t>ch.7.1667959R</t>
  </si>
  <si>
    <t>ch.7.83866664R</t>
  </si>
  <si>
    <t>ch.7.86067222R</t>
  </si>
  <si>
    <t>ch.7.87722890F</t>
  </si>
  <si>
    <t>ch.7.88141140F</t>
  </si>
  <si>
    <t>ch.7.2186304R</t>
  </si>
  <si>
    <t>ch.7.109945386F</t>
  </si>
  <si>
    <t>ch.7.2371643F</t>
  </si>
  <si>
    <t>ch.7.114165642F</t>
  </si>
  <si>
    <t>ch.7.2535718F</t>
  </si>
  <si>
    <t>ch.7.121610422F</t>
  </si>
  <si>
    <t>ch.7.122480889F</t>
  </si>
  <si>
    <t>ch.7.130936447R</t>
  </si>
  <si>
    <t>ch.7.134603089F</t>
  </si>
  <si>
    <t>ch.7.137529584R</t>
  </si>
  <si>
    <t>ch.7.137597056R</t>
  </si>
  <si>
    <t>ch.7.2897584R</t>
  </si>
  <si>
    <t>ch.7.2986028F</t>
  </si>
  <si>
    <t>ch.7.3038064F</t>
  </si>
  <si>
    <t>ch.7.149841082R</t>
  </si>
  <si>
    <t>ch.7.3189261R</t>
  </si>
  <si>
    <t>ch.7.3356624R</t>
  </si>
  <si>
    <t>cg00000321</t>
  </si>
  <si>
    <t>cg00000948</t>
  </si>
  <si>
    <t>cg00001099</t>
  </si>
  <si>
    <t>cg00002190</t>
  </si>
  <si>
    <t>cg00002224</t>
  </si>
  <si>
    <t>cg00004996</t>
  </si>
  <si>
    <t>cg00005622</t>
  </si>
  <si>
    <t>cg00008695</t>
  </si>
  <si>
    <t>cg00010266</t>
  </si>
  <si>
    <t>cg00013451</t>
  </si>
  <si>
    <t>cg00017362</t>
  </si>
  <si>
    <t>cg00021855</t>
  </si>
  <si>
    <t>cg00031722</t>
  </si>
  <si>
    <t>cg00041898</t>
  </si>
  <si>
    <t>cg00044505</t>
  </si>
  <si>
    <t>cg00045061</t>
  </si>
  <si>
    <t>cg00045118</t>
  </si>
  <si>
    <t>cg00052385</t>
  </si>
  <si>
    <t>cg00053916</t>
  </si>
  <si>
    <t>cg00056202</t>
  </si>
  <si>
    <t>cg00057317</t>
  </si>
  <si>
    <t>cg00061150</t>
  </si>
  <si>
    <t>cg00065088</t>
  </si>
  <si>
    <t>cg00072957</t>
  </si>
  <si>
    <t>cg00074818</t>
  </si>
  <si>
    <t>cg00078857</t>
  </si>
  <si>
    <t>cg00084202</t>
  </si>
  <si>
    <t>cg00085416</t>
  </si>
  <si>
    <t>cg00088007</t>
  </si>
  <si>
    <t>cg00090261</t>
  </si>
  <si>
    <t>cg00093815</t>
  </si>
  <si>
    <t>cg00102439</t>
  </si>
  <si>
    <t>cg00112187</t>
  </si>
  <si>
    <t>cg00114478</t>
  </si>
  <si>
    <t>cg00115954</t>
  </si>
  <si>
    <t>cg00116305</t>
  </si>
  <si>
    <t>cg00116418</t>
  </si>
  <si>
    <t>cg00117018</t>
  </si>
  <si>
    <t>cg00117913</t>
  </si>
  <si>
    <t>cg00122406</t>
  </si>
  <si>
    <t>cg00123906</t>
  </si>
  <si>
    <t>cg00124004</t>
  </si>
  <si>
    <t>cg00128812</t>
  </si>
  <si>
    <t>cg00129273</t>
  </si>
  <si>
    <t>cg00130866</t>
  </si>
  <si>
    <t>cg00131244</t>
  </si>
  <si>
    <t>cg00131261</t>
  </si>
  <si>
    <t>cg00131691</t>
  </si>
  <si>
    <t>cg00138766</t>
  </si>
  <si>
    <t>cg00143220</t>
  </si>
  <si>
    <t>cg00148926</t>
  </si>
  <si>
    <t>cg00151250</t>
  </si>
  <si>
    <t>cg00154455</t>
  </si>
  <si>
    <t>cg00155167</t>
  </si>
  <si>
    <t>cg00155882</t>
  </si>
  <si>
    <t>cg00156669</t>
  </si>
  <si>
    <t>cg00159503</t>
  </si>
  <si>
    <t>cg00159873</t>
  </si>
  <si>
    <t>cg00160302</t>
  </si>
  <si>
    <t>cg00160368</t>
  </si>
  <si>
    <t>cg00161683</t>
  </si>
  <si>
    <t>cg00163859</t>
  </si>
  <si>
    <t>cg00167820</t>
  </si>
  <si>
    <t>cg00173063</t>
  </si>
  <si>
    <t>cg00174421</t>
  </si>
  <si>
    <t>cg00175844</t>
  </si>
  <si>
    <t>cg00176210</t>
  </si>
  <si>
    <t>cg00176584</t>
  </si>
  <si>
    <t>cg00177923</t>
  </si>
  <si>
    <t>cg00178249</t>
  </si>
  <si>
    <t>cg00178429</t>
  </si>
  <si>
    <t>cg00179423</t>
  </si>
  <si>
    <t>cg00184394</t>
  </si>
  <si>
    <t>cg00186701</t>
  </si>
  <si>
    <t>cg00188547</t>
  </si>
  <si>
    <t>cg00189220</t>
  </si>
  <si>
    <t>cg00190034</t>
  </si>
  <si>
    <t>cg00191853</t>
  </si>
  <si>
    <t>cg00207280</t>
  </si>
  <si>
    <t>cg00216523</t>
  </si>
  <si>
    <t>cg00217442</t>
  </si>
  <si>
    <t>cg00220113</t>
  </si>
  <si>
    <t>cg00225196</t>
  </si>
  <si>
    <t>cg00238815</t>
  </si>
  <si>
    <t>cg00241638</t>
  </si>
  <si>
    <t>cg00245613</t>
  </si>
  <si>
    <t>cg00245850</t>
  </si>
  <si>
    <t>cg00250525</t>
  </si>
  <si>
    <t>cg00251824</t>
  </si>
  <si>
    <t>cg00253228</t>
  </si>
  <si>
    <t>cg00254470</t>
  </si>
  <si>
    <t>cg00254556</t>
  </si>
  <si>
    <t>cg00255726</t>
  </si>
  <si>
    <t>cg00258136</t>
  </si>
  <si>
    <t>cg00258597</t>
  </si>
  <si>
    <t>cg00259549</t>
  </si>
  <si>
    <t>cg00264419</t>
  </si>
  <si>
    <t>cg00266009</t>
  </si>
  <si>
    <t>cg00269606</t>
  </si>
  <si>
    <t>cg00274357</t>
  </si>
  <si>
    <t>cg00281725</t>
  </si>
  <si>
    <t>cg00284386</t>
  </si>
  <si>
    <t>cg00284708</t>
  </si>
  <si>
    <t>cg00286119</t>
  </si>
  <si>
    <t>cg00286986</t>
  </si>
  <si>
    <t>cg00298796</t>
  </si>
  <si>
    <t>cg00300750</t>
  </si>
  <si>
    <t>cg00301660</t>
  </si>
  <si>
    <t>cg00303982</t>
  </si>
  <si>
    <t>cg00306350</t>
  </si>
  <si>
    <t>cg00308361</t>
  </si>
  <si>
    <t>cg00311984</t>
  </si>
  <si>
    <t>cg00313297</t>
  </si>
  <si>
    <t>cg00314368</t>
  </si>
  <si>
    <t>cg00314750</t>
  </si>
  <si>
    <t>cg00315056</t>
  </si>
  <si>
    <t>cg00316921</t>
  </si>
  <si>
    <t>cg00318347</t>
  </si>
  <si>
    <t>cg00319774</t>
  </si>
  <si>
    <t>cg00320597</t>
  </si>
  <si>
    <t>cg00321901</t>
  </si>
  <si>
    <t>cg00325968</t>
  </si>
  <si>
    <t>cg00326813</t>
  </si>
  <si>
    <t>cg00327524</t>
  </si>
  <si>
    <t>cg00327697</t>
  </si>
  <si>
    <t>cg00328075</t>
  </si>
  <si>
    <t>cg00328219</t>
  </si>
  <si>
    <t>cg00328284</t>
  </si>
  <si>
    <t>cg00328720</t>
  </si>
  <si>
    <t>cg00329447</t>
  </si>
  <si>
    <t>cg00332850</t>
  </si>
  <si>
    <t>cg00337090</t>
  </si>
  <si>
    <t>cg00337440</t>
  </si>
  <si>
    <t>cg00338685</t>
  </si>
  <si>
    <t>cg00339913</t>
  </si>
  <si>
    <t>cg00347369</t>
  </si>
  <si>
    <t>cg00347824</t>
  </si>
  <si>
    <t>cg00349948</t>
  </si>
  <si>
    <t>cg00354863</t>
  </si>
  <si>
    <t>cg00355802</t>
  </si>
  <si>
    <t>cg00359590</t>
  </si>
  <si>
    <t>cg00364747</t>
  </si>
  <si>
    <t>cg00367515</t>
  </si>
  <si>
    <t>cg00372375</t>
  </si>
  <si>
    <t>cg00373114</t>
  </si>
  <si>
    <t>cg00373245</t>
  </si>
  <si>
    <t>cg00375031</t>
  </si>
  <si>
    <t>cg00377497</t>
  </si>
  <si>
    <t>cg00390735</t>
  </si>
  <si>
    <t>cg00394180</t>
  </si>
  <si>
    <t>cg00397910</t>
  </si>
  <si>
    <t>cg00398130</t>
  </si>
  <si>
    <t>cg00400221</t>
  </si>
  <si>
    <t>cg00405484</t>
  </si>
  <si>
    <t>cg00405554</t>
  </si>
  <si>
    <t>cg00406489</t>
  </si>
  <si>
    <t>cg00410600</t>
  </si>
  <si>
    <t>cg00410990</t>
  </si>
  <si>
    <t>cg00415011</t>
  </si>
  <si>
    <t>cg00420715</t>
  </si>
  <si>
    <t>cg00421144</t>
  </si>
  <si>
    <t>cg00422978</t>
  </si>
  <si>
    <t>cg00424572</t>
  </si>
  <si>
    <t>cg00434575</t>
  </si>
  <si>
    <t>cg00442814</t>
  </si>
  <si>
    <t>cg00446414</t>
  </si>
  <si>
    <t>cg00446803</t>
  </si>
  <si>
    <t>cg00447574</t>
  </si>
  <si>
    <t>cg00448191</t>
  </si>
  <si>
    <t>cg00459913</t>
  </si>
  <si>
    <t>cg00459975</t>
  </si>
  <si>
    <t>cg00461685</t>
  </si>
  <si>
    <t>cg00464788</t>
  </si>
  <si>
    <t>cg00467904</t>
  </si>
  <si>
    <t>cg00468380</t>
  </si>
  <si>
    <t>cg00468400</t>
  </si>
  <si>
    <t>cg00473045</t>
  </si>
  <si>
    <t>cg00474031</t>
  </si>
  <si>
    <t>cg00476317</t>
  </si>
  <si>
    <t>cg00484532</t>
  </si>
  <si>
    <t>cg00487506</t>
  </si>
  <si>
    <t>cg00490606</t>
  </si>
  <si>
    <t>cg00491021</t>
  </si>
  <si>
    <t>cg00499248</t>
  </si>
  <si>
    <t>cg00503998</t>
  </si>
  <si>
    <t>cg00510502</t>
  </si>
  <si>
    <t>cg00510870</t>
  </si>
  <si>
    <t>cg00521239</t>
  </si>
  <si>
    <t>cg00522276</t>
  </si>
  <si>
    <t>cg00525044</t>
  </si>
  <si>
    <t>cg00527552</t>
  </si>
  <si>
    <t>cg00528902</t>
  </si>
  <si>
    <t>cg00533182</t>
  </si>
  <si>
    <t>cg00541476</t>
  </si>
  <si>
    <t>cg00550725</t>
  </si>
  <si>
    <t>cg00553195</t>
  </si>
  <si>
    <t>cg00555600</t>
  </si>
  <si>
    <t>cg00555695</t>
  </si>
  <si>
    <t>cg00556052</t>
  </si>
  <si>
    <t>cg00559444</t>
  </si>
  <si>
    <t>cg00560584</t>
  </si>
  <si>
    <t>cg00564524</t>
  </si>
  <si>
    <t>cg00565786</t>
  </si>
  <si>
    <t>cg00568044</t>
  </si>
  <si>
    <t>cg00569813</t>
  </si>
  <si>
    <t>cg00571033</t>
  </si>
  <si>
    <t>cg00577488</t>
  </si>
  <si>
    <t>cg00579531</t>
  </si>
  <si>
    <t>cg00582628</t>
  </si>
  <si>
    <t>cg00583001</t>
  </si>
  <si>
    <t>cg00583551</t>
  </si>
  <si>
    <t>cg00585116</t>
  </si>
  <si>
    <t>cg00585714</t>
  </si>
  <si>
    <t>cg00586367</t>
  </si>
  <si>
    <t>cg00588920</t>
  </si>
  <si>
    <t>cg00590869</t>
  </si>
  <si>
    <t>cg00595237</t>
  </si>
  <si>
    <t>cg00597931</t>
  </si>
  <si>
    <t>cg00598912</t>
  </si>
  <si>
    <t>cg00599393</t>
  </si>
  <si>
    <t>cg00601751</t>
  </si>
  <si>
    <t>cg00603617</t>
  </si>
  <si>
    <t>cg00606642</t>
  </si>
  <si>
    <t>cg00609424</t>
  </si>
  <si>
    <t>cg00613284</t>
  </si>
  <si>
    <t>cg00621826</t>
  </si>
  <si>
    <t>cg00624879</t>
  </si>
  <si>
    <t>cg00632466</t>
  </si>
  <si>
    <t>cg00633473</t>
  </si>
  <si>
    <t>cg00634653</t>
  </si>
  <si>
    <t>cg00634665</t>
  </si>
  <si>
    <t>cg00635521</t>
  </si>
  <si>
    <t>cg00639143</t>
  </si>
  <si>
    <t>cg00641828</t>
  </si>
  <si>
    <t>cg00641933</t>
  </si>
  <si>
    <t>cg00642970</t>
  </si>
  <si>
    <t>cg00647106</t>
  </si>
  <si>
    <t>cg00654448</t>
  </si>
  <si>
    <t>cg00658161</t>
  </si>
  <si>
    <t>cg00661018</t>
  </si>
  <si>
    <t>cg00662122</t>
  </si>
  <si>
    <t>cg00664093</t>
  </si>
  <si>
    <t>cg00664222</t>
  </si>
  <si>
    <t>cg00667680</t>
  </si>
  <si>
    <t>cg00672445</t>
  </si>
  <si>
    <t>cg00672936</t>
  </si>
  <si>
    <t>cg00673730</t>
  </si>
  <si>
    <t>cg00677685</t>
  </si>
  <si>
    <t>cg00677708</t>
  </si>
  <si>
    <t>cg00678361</t>
  </si>
  <si>
    <t>cg00686169</t>
  </si>
  <si>
    <t>cg00688941</t>
  </si>
  <si>
    <t>cg00693884</t>
  </si>
  <si>
    <t>cg00695558</t>
  </si>
  <si>
    <t>cg00696685</t>
  </si>
  <si>
    <t>cg00697125</t>
  </si>
  <si>
    <t>cg00697642</t>
  </si>
  <si>
    <t>cg00697658</t>
  </si>
  <si>
    <t>cg00703513</t>
  </si>
  <si>
    <t>cg00709393</t>
  </si>
  <si>
    <t>cg00713066</t>
  </si>
  <si>
    <t>cg00713411</t>
  </si>
  <si>
    <t>cg00713567</t>
  </si>
  <si>
    <t>cg00713972</t>
  </si>
  <si>
    <t>cg00715122</t>
  </si>
  <si>
    <t>cg00716390</t>
  </si>
  <si>
    <t>cg00718107</t>
  </si>
  <si>
    <t>cg00718444</t>
  </si>
  <si>
    <t>cg00718883</t>
  </si>
  <si>
    <t>cg00719143</t>
  </si>
  <si>
    <t>cg00720822</t>
  </si>
  <si>
    <t>cg00721703</t>
  </si>
  <si>
    <t>cg00721800</t>
  </si>
  <si>
    <t>cg00721947</t>
  </si>
  <si>
    <t>cg00725401</t>
  </si>
  <si>
    <t>cg00726871</t>
  </si>
  <si>
    <t>cg00729699</t>
  </si>
  <si>
    <t>cg00732232</t>
  </si>
  <si>
    <t>cg00736681</t>
  </si>
  <si>
    <t>cg00736984</t>
  </si>
  <si>
    <t>cg00750917</t>
  </si>
  <si>
    <t>cg00755448</t>
  </si>
  <si>
    <t>cg00765127</t>
  </si>
  <si>
    <t>cg00766368</t>
  </si>
  <si>
    <t>cg00767977</t>
  </si>
  <si>
    <t>cg00769240</t>
  </si>
  <si>
    <t>cg00772775</t>
  </si>
  <si>
    <t>cg00776166</t>
  </si>
  <si>
    <t>cg00780456</t>
  </si>
  <si>
    <t>cg00780520</t>
  </si>
  <si>
    <t>cg00782057</t>
  </si>
  <si>
    <t>cg00782124</t>
  </si>
  <si>
    <t>cg00783104</t>
  </si>
  <si>
    <t>cg00783409</t>
  </si>
  <si>
    <t>cg00789328</t>
  </si>
  <si>
    <t>cg00790020</t>
  </si>
  <si>
    <t>cg00792687</t>
  </si>
  <si>
    <t>cg00797142</t>
  </si>
  <si>
    <t>cg00816544</t>
  </si>
  <si>
    <t>cg00818493</t>
  </si>
  <si>
    <t>cg00825031</t>
  </si>
  <si>
    <t>cg00825317</t>
  </si>
  <si>
    <t>cg00827176</t>
  </si>
  <si>
    <t>cg00831735</t>
  </si>
  <si>
    <t>cg00832105</t>
  </si>
  <si>
    <t>cg00835249</t>
  </si>
  <si>
    <t>cg00839333</t>
  </si>
  <si>
    <t>cg00845765</t>
  </si>
  <si>
    <t>cg00849052</t>
  </si>
  <si>
    <t>cg00857326</t>
  </si>
  <si>
    <t>cg00867889</t>
  </si>
  <si>
    <t>cg00868476</t>
  </si>
  <si>
    <t>cg00870242</t>
  </si>
  <si>
    <t>cg00873037</t>
  </si>
  <si>
    <t>cg00884068</t>
  </si>
  <si>
    <t>cg00887902</t>
  </si>
  <si>
    <t>cg00896540</t>
  </si>
  <si>
    <t>cg00901161</t>
  </si>
  <si>
    <t>cg00902636</t>
  </si>
  <si>
    <t>cg00904138</t>
  </si>
  <si>
    <t>cg00905417</t>
  </si>
  <si>
    <t>cg00909646</t>
  </si>
  <si>
    <t>cg00910972</t>
  </si>
  <si>
    <t>cg00912427</t>
  </si>
  <si>
    <t>cg00920139</t>
  </si>
  <si>
    <t>cg00920892</t>
  </si>
  <si>
    <t>cg00920938</t>
  </si>
  <si>
    <t>cg00923880</t>
  </si>
  <si>
    <t>cg00924265</t>
  </si>
  <si>
    <t>cg00924425</t>
  </si>
  <si>
    <t>cg00926238</t>
  </si>
  <si>
    <t>cg00928580</t>
  </si>
  <si>
    <t>cg00930309</t>
  </si>
  <si>
    <t>cg00930833</t>
  </si>
  <si>
    <t>cg00931558</t>
  </si>
  <si>
    <t>cg00931944</t>
  </si>
  <si>
    <t>cg00934120</t>
  </si>
  <si>
    <t>cg00936146</t>
  </si>
  <si>
    <t>cg00937330</t>
  </si>
  <si>
    <t>cg00940280</t>
  </si>
  <si>
    <t>cg00940546</t>
  </si>
  <si>
    <t>cg00941010</t>
  </si>
  <si>
    <t>cg00952516</t>
  </si>
  <si>
    <t>cg00952642</t>
  </si>
  <si>
    <t>cg00952822</t>
  </si>
  <si>
    <t>cg00977696</t>
  </si>
  <si>
    <t>cg00978855</t>
  </si>
  <si>
    <t>cg00987379</t>
  </si>
  <si>
    <t>cg00990377</t>
  </si>
  <si>
    <t>cg00990769</t>
  </si>
  <si>
    <t>cg00994323</t>
  </si>
  <si>
    <t>cg00994643</t>
  </si>
  <si>
    <t>cg00995582</t>
  </si>
  <si>
    <t>cg00996588</t>
  </si>
  <si>
    <t>cg00997604</t>
  </si>
  <si>
    <t>cg00998132</t>
  </si>
  <si>
    <t>cg01000365</t>
  </si>
  <si>
    <t>cg01012082</t>
  </si>
  <si>
    <t>cg01012439</t>
  </si>
  <si>
    <t>cg01013890</t>
  </si>
  <si>
    <t>cg01014113</t>
  </si>
  <si>
    <t>cg01020421</t>
  </si>
  <si>
    <t>cg01022370</t>
  </si>
  <si>
    <t>cg01023827</t>
  </si>
  <si>
    <t>cg01029867</t>
  </si>
  <si>
    <t>cg01031400</t>
  </si>
  <si>
    <t>cg01034973</t>
  </si>
  <si>
    <t>cg01038484</t>
  </si>
  <si>
    <t>cg01039898</t>
  </si>
  <si>
    <t>cg01042334</t>
  </si>
  <si>
    <t>cg01043076</t>
  </si>
  <si>
    <t>cg01043583</t>
  </si>
  <si>
    <t>cg01048372</t>
  </si>
  <si>
    <t>cg01049274</t>
  </si>
  <si>
    <t>cg01053087</t>
  </si>
  <si>
    <t>cg01065828</t>
  </si>
  <si>
    <t>cg01069210</t>
  </si>
  <si>
    <t>cg01073837</t>
  </si>
  <si>
    <t>cg01074584</t>
  </si>
  <si>
    <t>cg01076035</t>
  </si>
  <si>
    <t>cg01082168</t>
  </si>
  <si>
    <t>cg01086978</t>
  </si>
  <si>
    <t>cg01092561</t>
  </si>
  <si>
    <t>cg01093391</t>
  </si>
  <si>
    <t>cg01094748</t>
  </si>
  <si>
    <t>cg01098320</t>
  </si>
  <si>
    <t>cg01099220</t>
  </si>
  <si>
    <t>cg01121892</t>
  </si>
  <si>
    <t>cg01124961</t>
  </si>
  <si>
    <t>cg01133433</t>
  </si>
  <si>
    <t>cg01136458</t>
  </si>
  <si>
    <t>cg01136606</t>
  </si>
  <si>
    <t>cg01141645</t>
  </si>
  <si>
    <t>cg01142693</t>
  </si>
  <si>
    <t>cg01142735</t>
  </si>
  <si>
    <t>cg01143764</t>
  </si>
  <si>
    <t>cg01144965</t>
  </si>
  <si>
    <t>cg01151821</t>
  </si>
  <si>
    <t>cg01154241</t>
  </si>
  <si>
    <t>cg01154272</t>
  </si>
  <si>
    <t>cg01164584</t>
  </si>
  <si>
    <t>cg01166253</t>
  </si>
  <si>
    <t>cg01171885</t>
  </si>
  <si>
    <t>cg01172183</t>
  </si>
  <si>
    <t>cg01182865</t>
  </si>
  <si>
    <t>cg01190317</t>
  </si>
  <si>
    <t>cg01193217</t>
  </si>
  <si>
    <t>cg01197613</t>
  </si>
  <si>
    <t>cg01203549</t>
  </si>
  <si>
    <t>cg01209566</t>
  </si>
  <si>
    <t>cg01209934</t>
  </si>
  <si>
    <t>cg01211283</t>
  </si>
  <si>
    <t>cg01225788</t>
  </si>
  <si>
    <t>cg01228685</t>
  </si>
  <si>
    <t>cg01231009</t>
  </si>
  <si>
    <t>cg01237315</t>
  </si>
  <si>
    <t>cg01237887</t>
  </si>
  <si>
    <t>cg01238991</t>
  </si>
  <si>
    <t>cg01239928</t>
  </si>
  <si>
    <t>cg01245191</t>
  </si>
  <si>
    <t>cg01245966</t>
  </si>
  <si>
    <t>cg01250001</t>
  </si>
  <si>
    <t>cg01250699</t>
  </si>
  <si>
    <t>cg01261252</t>
  </si>
  <si>
    <t>cg01262208</t>
  </si>
  <si>
    <t>cg01273802</t>
  </si>
  <si>
    <t>cg01287592</t>
  </si>
  <si>
    <t>cg01288167</t>
  </si>
  <si>
    <t>cg01291398</t>
  </si>
  <si>
    <t>cg01295203</t>
  </si>
  <si>
    <t>cg01296360</t>
  </si>
  <si>
    <t>cg01297896</t>
  </si>
  <si>
    <t>cg01301541</t>
  </si>
  <si>
    <t>cg01312546</t>
  </si>
  <si>
    <t>cg01333706</t>
  </si>
  <si>
    <t>cg01334437</t>
  </si>
  <si>
    <t>cg01336781</t>
  </si>
  <si>
    <t>cg01339484</t>
  </si>
  <si>
    <t>cg01354572</t>
  </si>
  <si>
    <t>cg01355932</t>
  </si>
  <si>
    <t>cg01357771</t>
  </si>
  <si>
    <t>cg01359236</t>
  </si>
  <si>
    <t>cg01362754</t>
  </si>
  <si>
    <t>cg01366085</t>
  </si>
  <si>
    <t>cg01366454</t>
  </si>
  <si>
    <t>cg01377006</t>
  </si>
  <si>
    <t>cg01383082</t>
  </si>
  <si>
    <t>cg01384495</t>
  </si>
  <si>
    <t>cg01385052</t>
  </si>
  <si>
    <t>cg01386493</t>
  </si>
  <si>
    <t>cg01388243</t>
  </si>
  <si>
    <t>cg01392307</t>
  </si>
  <si>
    <t>cg01396832</t>
  </si>
  <si>
    <t>cg01402045</t>
  </si>
  <si>
    <t>cg01403246</t>
  </si>
  <si>
    <t>cg01405242</t>
  </si>
  <si>
    <t>cg01405761</t>
  </si>
  <si>
    <t>cg01407244</t>
  </si>
  <si>
    <t>cg01410472</t>
  </si>
  <si>
    <t>cg01413249</t>
  </si>
  <si>
    <t>cg01418291</t>
  </si>
  <si>
    <t>cg01419713</t>
  </si>
  <si>
    <t>cg01419991</t>
  </si>
  <si>
    <t>cg01429979</t>
  </si>
  <si>
    <t>cg01439248</t>
  </si>
  <si>
    <t>cg01441025</t>
  </si>
  <si>
    <t>cg01449144</t>
  </si>
  <si>
    <t>cg01453551</t>
  </si>
  <si>
    <t>cg01454752</t>
  </si>
  <si>
    <t>cg01457883</t>
  </si>
  <si>
    <t>cg01458356</t>
  </si>
  <si>
    <t>cg01463154</t>
  </si>
  <si>
    <t>cg01466771</t>
  </si>
  <si>
    <t>cg01467209</t>
  </si>
  <si>
    <t>cg01467592</t>
  </si>
  <si>
    <t>cg01467789</t>
  </si>
  <si>
    <t>cg01482645</t>
  </si>
  <si>
    <t>cg01486219</t>
  </si>
  <si>
    <t>cg01489032</t>
  </si>
  <si>
    <t>cg01490094</t>
  </si>
  <si>
    <t>cg01494348</t>
  </si>
  <si>
    <t>cg01499546</t>
  </si>
  <si>
    <t>cg01509065</t>
  </si>
  <si>
    <t>cg01513060</t>
  </si>
  <si>
    <t>cg01517025</t>
  </si>
  <si>
    <t>cg01517740</t>
  </si>
  <si>
    <t>cg01519063</t>
  </si>
  <si>
    <t>cg01519238</t>
  </si>
  <si>
    <t>cg01532187</t>
  </si>
  <si>
    <t>cg01532694</t>
  </si>
  <si>
    <t>cg01532946</t>
  </si>
  <si>
    <t>cg01535726</t>
  </si>
  <si>
    <t>cg01542423</t>
  </si>
  <si>
    <t>cg01542486</t>
  </si>
  <si>
    <t>cg01558037</t>
  </si>
  <si>
    <t>cg01563663</t>
  </si>
  <si>
    <t>cg01566999</t>
  </si>
  <si>
    <t>cg01567853</t>
  </si>
  <si>
    <t>cg01568998</t>
  </si>
  <si>
    <t>cg01569173</t>
  </si>
  <si>
    <t>cg01579370</t>
  </si>
  <si>
    <t>cg01580181</t>
  </si>
  <si>
    <t>cg01580655</t>
  </si>
  <si>
    <t>cg01581084</t>
  </si>
  <si>
    <t>cg01583099</t>
  </si>
  <si>
    <t>cg01583134</t>
  </si>
  <si>
    <t>cg01585069</t>
  </si>
  <si>
    <t>cg01587454</t>
  </si>
  <si>
    <t>cg01588250</t>
  </si>
  <si>
    <t>cg01588438</t>
  </si>
  <si>
    <t>cg01590314</t>
  </si>
  <si>
    <t>cg01590439</t>
  </si>
  <si>
    <t>cg01591416</t>
  </si>
  <si>
    <t>cg01593808</t>
  </si>
  <si>
    <t>cg01595666</t>
  </si>
  <si>
    <t>cg01601443</t>
  </si>
  <si>
    <t>cg01606878</t>
  </si>
  <si>
    <t>cg01607897</t>
  </si>
  <si>
    <t>cg01609705</t>
  </si>
  <si>
    <t>cg01613189</t>
  </si>
  <si>
    <t>cg01629722</t>
  </si>
  <si>
    <t>cg01632240</t>
  </si>
  <si>
    <t>cg01640150</t>
  </si>
  <si>
    <t>cg01643628</t>
  </si>
  <si>
    <t>cg01643997</t>
  </si>
  <si>
    <t>cg01644798</t>
  </si>
  <si>
    <t>cg01646718</t>
  </si>
  <si>
    <t>cg01647693</t>
  </si>
  <si>
    <t>cg01648861</t>
  </si>
  <si>
    <t>cg01651710</t>
  </si>
  <si>
    <t>cg01656244</t>
  </si>
  <si>
    <t>cg01658277</t>
  </si>
  <si>
    <t>cg01659279</t>
  </si>
  <si>
    <t>cg01663551</t>
  </si>
  <si>
    <t>cg01664039</t>
  </si>
  <si>
    <t>cg01664267</t>
  </si>
  <si>
    <t>cg01664925</t>
  </si>
  <si>
    <t>cg01666716</t>
  </si>
  <si>
    <t>cg01670306</t>
  </si>
  <si>
    <t>cg01670896</t>
  </si>
  <si>
    <t>cg01673418</t>
  </si>
  <si>
    <t>cg01673674</t>
  </si>
  <si>
    <t>cg01673994</t>
  </si>
  <si>
    <t>cg01675241</t>
  </si>
  <si>
    <t>cg01675955</t>
  </si>
  <si>
    <t>cg01678292</t>
  </si>
  <si>
    <t>cg01683000</t>
  </si>
  <si>
    <t>cg01688141</t>
  </si>
  <si>
    <t>cg01691696</t>
  </si>
  <si>
    <t>cg01691710</t>
  </si>
  <si>
    <t>cg01691768</t>
  </si>
  <si>
    <t>cg01694527</t>
  </si>
  <si>
    <t>cg01702356</t>
  </si>
  <si>
    <t>cg01706263</t>
  </si>
  <si>
    <t>cg01716084</t>
  </si>
  <si>
    <t>cg01716419</t>
  </si>
  <si>
    <t>cg01716975</t>
  </si>
  <si>
    <t>cg01717150</t>
  </si>
  <si>
    <t>cg01720991</t>
  </si>
  <si>
    <t>cg01729403</t>
  </si>
  <si>
    <t>cg01730857</t>
  </si>
  <si>
    <t>cg01740146</t>
  </si>
  <si>
    <t>cg01743501</t>
  </si>
  <si>
    <t>cg01749436</t>
  </si>
  <si>
    <t>cg01749651</t>
  </si>
  <si>
    <t>cg01751917</t>
  </si>
  <si>
    <t>cg01753359</t>
  </si>
  <si>
    <t>cg01753788</t>
  </si>
  <si>
    <t>cg01754037</t>
  </si>
  <si>
    <t>cg01755924</t>
  </si>
  <si>
    <t>cg01757586</t>
  </si>
  <si>
    <t>cg01758022</t>
  </si>
  <si>
    <t>cg01760876</t>
  </si>
  <si>
    <t>cg01765152</t>
  </si>
  <si>
    <t>cg01768960</t>
  </si>
  <si>
    <t>cg01769521</t>
  </si>
  <si>
    <t>cg01770362</t>
  </si>
  <si>
    <t>cg01771479</t>
  </si>
  <si>
    <t>cg01774159</t>
  </si>
  <si>
    <t>cg01775523</t>
  </si>
  <si>
    <t>cg01779740</t>
  </si>
  <si>
    <t>cg01779882</t>
  </si>
  <si>
    <t>cg01780107</t>
  </si>
  <si>
    <t>cg01783554</t>
  </si>
  <si>
    <t>cg01784220</t>
  </si>
  <si>
    <t>cg01785359</t>
  </si>
  <si>
    <t>cg01787552</t>
  </si>
  <si>
    <t>cg01790346</t>
  </si>
  <si>
    <t>cg01790577</t>
  </si>
  <si>
    <t>cg01793320</t>
  </si>
  <si>
    <t>cg01793387</t>
  </si>
  <si>
    <t>cg01794676</t>
  </si>
  <si>
    <t>cg01794812</t>
  </si>
  <si>
    <t>cg01798806</t>
  </si>
  <si>
    <t>cg01801603</t>
  </si>
  <si>
    <t>cg01803771</t>
  </si>
  <si>
    <t>cg01803948</t>
  </si>
  <si>
    <t>cg01811037</t>
  </si>
  <si>
    <t>cg01815167</t>
  </si>
  <si>
    <t>cg01818860</t>
  </si>
  <si>
    <t>cg01822187</t>
  </si>
  <si>
    <t>cg01824603</t>
  </si>
  <si>
    <t>cg01824969</t>
  </si>
  <si>
    <t>cg01828911</t>
  </si>
  <si>
    <t>cg01829829</t>
  </si>
  <si>
    <t>cg01838497</t>
  </si>
  <si>
    <t>cg01857802</t>
  </si>
  <si>
    <t>cg01859312</t>
  </si>
  <si>
    <t>cg01862311</t>
  </si>
  <si>
    <t>cg01862641</t>
  </si>
  <si>
    <t>cg01863013</t>
  </si>
  <si>
    <t>cg01863081</t>
  </si>
  <si>
    <t>cg01866330</t>
  </si>
  <si>
    <t>cg01869698</t>
  </si>
  <si>
    <t>cg01869955</t>
  </si>
  <si>
    <t>cg01874183</t>
  </si>
  <si>
    <t>cg01874863</t>
  </si>
  <si>
    <t>cg01880541</t>
  </si>
  <si>
    <t>cg01885080</t>
  </si>
  <si>
    <t>cg01887995</t>
  </si>
  <si>
    <t>cg01892689</t>
  </si>
  <si>
    <t>cg01894631</t>
  </si>
  <si>
    <t>cg01899154</t>
  </si>
  <si>
    <t>cg01911386</t>
  </si>
  <si>
    <t>cg01915822</t>
  </si>
  <si>
    <t>cg01916918</t>
  </si>
  <si>
    <t>cg01917069</t>
  </si>
  <si>
    <t>cg01917932</t>
  </si>
  <si>
    <t>cg01919204</t>
  </si>
  <si>
    <t>cg01923473</t>
  </si>
  <si>
    <t>cg01924868</t>
  </si>
  <si>
    <t>cg01937650</t>
  </si>
  <si>
    <t>cg01940297</t>
  </si>
  <si>
    <t>cg01942003</t>
  </si>
  <si>
    <t>cg01949498</t>
  </si>
  <si>
    <t>cg01949798</t>
  </si>
  <si>
    <t>cg01950192</t>
  </si>
  <si>
    <t>cg01951477</t>
  </si>
  <si>
    <t>cg01952458</t>
  </si>
  <si>
    <t>cg01956158</t>
  </si>
  <si>
    <t>cg01957088</t>
  </si>
  <si>
    <t>cg01957585</t>
  </si>
  <si>
    <t>cg01958481</t>
  </si>
  <si>
    <t>cg01966459</t>
  </si>
  <si>
    <t>cg01967741</t>
  </si>
  <si>
    <t>cg01968242</t>
  </si>
  <si>
    <t>cg01975786</t>
  </si>
  <si>
    <t>cg01976921</t>
  </si>
  <si>
    <t>cg01977082</t>
  </si>
  <si>
    <t>cg01978246</t>
  </si>
  <si>
    <t>cg01981445</t>
  </si>
  <si>
    <t>cg01981727</t>
  </si>
  <si>
    <t>cg01990611</t>
  </si>
  <si>
    <t>cg02005909</t>
  </si>
  <si>
    <t>cg02010682</t>
  </si>
  <si>
    <t>cg02010752</t>
  </si>
  <si>
    <t>cg02015439</t>
  </si>
  <si>
    <t>cg02018681</t>
  </si>
  <si>
    <t>cg02049210</t>
  </si>
  <si>
    <t>cg02049232</t>
  </si>
  <si>
    <t>cg02049938</t>
  </si>
  <si>
    <t>cg02059849</t>
  </si>
  <si>
    <t>cg02070857</t>
  </si>
  <si>
    <t>cg02079420</t>
  </si>
  <si>
    <t>cg02080319</t>
  </si>
  <si>
    <t>cg02085660</t>
  </si>
  <si>
    <t>cg02085701</t>
  </si>
  <si>
    <t>cg02086839</t>
  </si>
  <si>
    <t>cg02092975</t>
  </si>
  <si>
    <t>cg02095498</t>
  </si>
  <si>
    <t>cg02095946</t>
  </si>
  <si>
    <t>cg02103294</t>
  </si>
  <si>
    <t>cg02106941</t>
  </si>
  <si>
    <t>cg02108130</t>
  </si>
  <si>
    <t>cg02109073</t>
  </si>
  <si>
    <t>cg02115041</t>
  </si>
  <si>
    <t>cg02126477</t>
  </si>
  <si>
    <t>cg02127589</t>
  </si>
  <si>
    <t>cg02128053</t>
  </si>
  <si>
    <t>cg02128959</t>
  </si>
  <si>
    <t>cg02130613</t>
  </si>
  <si>
    <t>cg02130905</t>
  </si>
  <si>
    <t>cg02133234</t>
  </si>
  <si>
    <t>cg02133716</t>
  </si>
  <si>
    <t>cg02138124</t>
  </si>
  <si>
    <t>cg02141358</t>
  </si>
  <si>
    <t>cg02141940</t>
  </si>
  <si>
    <t>cg02142995</t>
  </si>
  <si>
    <t>cg02143496</t>
  </si>
  <si>
    <t>cg02143988</t>
  </si>
  <si>
    <t>cg02145916</t>
  </si>
  <si>
    <t>cg02145931</t>
  </si>
  <si>
    <t>cg02146026</t>
  </si>
  <si>
    <t>cg02146032</t>
  </si>
  <si>
    <t>cg02148352</t>
  </si>
  <si>
    <t>cg02148562</t>
  </si>
  <si>
    <t>cg02151711</t>
  </si>
  <si>
    <t>cg02152091</t>
  </si>
  <si>
    <t>cg02154186</t>
  </si>
  <si>
    <t>cg02154585</t>
  </si>
  <si>
    <t>cg02157224</t>
  </si>
  <si>
    <t>cg02159094</t>
  </si>
  <si>
    <t>cg02159999</t>
  </si>
  <si>
    <t>cg02160684</t>
  </si>
  <si>
    <t>cg02161761</t>
  </si>
  <si>
    <t>cg02168442</t>
  </si>
  <si>
    <t>cg02174634</t>
  </si>
  <si>
    <t>cg02180907</t>
  </si>
  <si>
    <t>cg02181143</t>
  </si>
  <si>
    <t>cg02182795</t>
  </si>
  <si>
    <t>cg02183676</t>
  </si>
  <si>
    <t>cg02183903</t>
  </si>
  <si>
    <t>cg02187844</t>
  </si>
  <si>
    <t>cg02190454</t>
  </si>
  <si>
    <t>cg02204148</t>
  </si>
  <si>
    <t>cg02209998</t>
  </si>
  <si>
    <t>cg02222728</t>
  </si>
  <si>
    <t>cg02225004</t>
  </si>
  <si>
    <t>cg02226645</t>
  </si>
  <si>
    <t>cg02226871</t>
  </si>
  <si>
    <t>cg02229095</t>
  </si>
  <si>
    <t>cg02230089</t>
  </si>
  <si>
    <t>cg02230133</t>
  </si>
  <si>
    <t>cg02231197</t>
  </si>
  <si>
    <t>cg02231909</t>
  </si>
  <si>
    <t>cg02242004</t>
  </si>
  <si>
    <t>cg02243522</t>
  </si>
  <si>
    <t>cg02245794</t>
  </si>
  <si>
    <t>cg02246640</t>
  </si>
  <si>
    <t>cg02250400</t>
  </si>
  <si>
    <t>cg02251349</t>
  </si>
  <si>
    <t>cg02254885</t>
  </si>
  <si>
    <t>cg02279147</t>
  </si>
  <si>
    <t>cg02297967</t>
  </si>
  <si>
    <t>cg02299020</t>
  </si>
  <si>
    <t>cg02302730</t>
  </si>
  <si>
    <t>cg02309752</t>
  </si>
  <si>
    <t>cg02310286</t>
  </si>
  <si>
    <t>cg02315271</t>
  </si>
  <si>
    <t>cg02319733</t>
  </si>
  <si>
    <t>cg02324835</t>
  </si>
  <si>
    <t>cg02326949</t>
  </si>
  <si>
    <t>cg02337897</t>
  </si>
  <si>
    <t>cg02345321</t>
  </si>
  <si>
    <t>cg02345613</t>
  </si>
  <si>
    <t>cg02357755</t>
  </si>
  <si>
    <t>cg02363655</t>
  </si>
  <si>
    <t>cg02364855</t>
  </si>
  <si>
    <t>cg02370877</t>
  </si>
  <si>
    <t>cg02372856</t>
  </si>
  <si>
    <t>cg02381539</t>
  </si>
  <si>
    <t>cg02382109</t>
  </si>
  <si>
    <t>cg02386604</t>
  </si>
  <si>
    <t>cg02387744</t>
  </si>
  <si>
    <t>cg02388150</t>
  </si>
  <si>
    <t>cg02389064</t>
  </si>
  <si>
    <t>cg02389590</t>
  </si>
  <si>
    <t>cg02389682</t>
  </si>
  <si>
    <t>cg02390278</t>
  </si>
  <si>
    <t>cg02390569</t>
  </si>
  <si>
    <t>cg02393097</t>
  </si>
  <si>
    <t>cg02396865</t>
  </si>
  <si>
    <t>cg02397571</t>
  </si>
  <si>
    <t>cg02399008</t>
  </si>
  <si>
    <t>cg02399048</t>
  </si>
  <si>
    <t>cg02399745</t>
  </si>
  <si>
    <t>cg02409878</t>
  </si>
  <si>
    <t>cg02410887</t>
  </si>
  <si>
    <t>cg02416510</t>
  </si>
  <si>
    <t>cg02422627</t>
  </si>
  <si>
    <t>cg02434428</t>
  </si>
  <si>
    <t>cg02450959</t>
  </si>
  <si>
    <t>cg02458152</t>
  </si>
  <si>
    <t>cg02465761</t>
  </si>
  <si>
    <t>cg02467602</t>
  </si>
  <si>
    <t>cg02467735</t>
  </si>
  <si>
    <t>cg02470287</t>
  </si>
  <si>
    <t>cg02471183</t>
  </si>
  <si>
    <t>cg02471486</t>
  </si>
  <si>
    <t>cg02471507</t>
  </si>
  <si>
    <t>cg02475374</t>
  </si>
  <si>
    <t>cg02478907</t>
  </si>
  <si>
    <t>cg02479022</t>
  </si>
  <si>
    <t>cg02480772</t>
  </si>
  <si>
    <t>cg02486421</t>
  </si>
  <si>
    <t>cg02490516</t>
  </si>
  <si>
    <t>cg02490907</t>
  </si>
  <si>
    <t>cg02498268</t>
  </si>
  <si>
    <t>cg02501086</t>
  </si>
  <si>
    <t>cg02503970</t>
  </si>
  <si>
    <t>cg02508881</t>
  </si>
  <si>
    <t>cg02509086</t>
  </si>
  <si>
    <t>cg02509825</t>
  </si>
  <si>
    <t>cg02516513</t>
  </si>
  <si>
    <t>cg02517342</t>
  </si>
  <si>
    <t>cg02519415</t>
  </si>
  <si>
    <t>cg02520399</t>
  </si>
  <si>
    <t>cg02525997</t>
  </si>
  <si>
    <t>cg02527252</t>
  </si>
  <si>
    <t>cg02528189</t>
  </si>
  <si>
    <t>cg02529685</t>
  </si>
  <si>
    <t>cg02530407</t>
  </si>
  <si>
    <t>cg02530860</t>
  </si>
  <si>
    <t>cg02540304</t>
  </si>
  <si>
    <t>cg02546828</t>
  </si>
  <si>
    <t>cg02553489</t>
  </si>
  <si>
    <t>cg02555152</t>
  </si>
  <si>
    <t>cg02555944</t>
  </si>
  <si>
    <t>cg02569333</t>
  </si>
  <si>
    <t>cg02569740</t>
  </si>
  <si>
    <t>cg02571201</t>
  </si>
  <si>
    <t>cg02574175</t>
  </si>
  <si>
    <t>cg02576440</t>
  </si>
  <si>
    <t>cg02583091</t>
  </si>
  <si>
    <t>cg02584520</t>
  </si>
  <si>
    <t>cg02590295</t>
  </si>
  <si>
    <t>cg02595263</t>
  </si>
  <si>
    <t>cg02601352</t>
  </si>
  <si>
    <t>cg02601489</t>
  </si>
  <si>
    <t>cg02609144</t>
  </si>
  <si>
    <t>cg02617560</t>
  </si>
  <si>
    <t>cg02621020</t>
  </si>
  <si>
    <t>cg02623050</t>
  </si>
  <si>
    <t>cg02623114</t>
  </si>
  <si>
    <t>cg02625638</t>
  </si>
  <si>
    <t>cg02626012</t>
  </si>
  <si>
    <t>cg02628923</t>
  </si>
  <si>
    <t>cg02636596</t>
  </si>
  <si>
    <t>cg02639634</t>
  </si>
  <si>
    <t>cg02640497</t>
  </si>
  <si>
    <t>cg02640558</t>
  </si>
  <si>
    <t>cg02641539</t>
  </si>
  <si>
    <t>cg02643110</t>
  </si>
  <si>
    <t>cg02645302</t>
  </si>
  <si>
    <t>cg02647591</t>
  </si>
  <si>
    <t>cg02649613</t>
  </si>
  <si>
    <t>cg02666119</t>
  </si>
  <si>
    <t>cg02666287</t>
  </si>
  <si>
    <t>cg02669656</t>
  </si>
  <si>
    <t>cg02675353</t>
  </si>
  <si>
    <t>cg02676479</t>
  </si>
  <si>
    <t>cg02679028</t>
  </si>
  <si>
    <t>cg02680669</t>
  </si>
  <si>
    <t>cg02692410</t>
  </si>
  <si>
    <t>cg02695292</t>
  </si>
  <si>
    <t>cg02695628</t>
  </si>
  <si>
    <t>cg02696274</t>
  </si>
  <si>
    <t>cg02698708</t>
  </si>
  <si>
    <t>cg02707869</t>
  </si>
  <si>
    <t>cg02709139</t>
  </si>
  <si>
    <t>cg02713153</t>
  </si>
  <si>
    <t>cg02715239</t>
  </si>
  <si>
    <t>cg02715629</t>
  </si>
  <si>
    <t>cg02723063</t>
  </si>
  <si>
    <t>cg02724490</t>
  </si>
  <si>
    <t>cg02725872</t>
  </si>
  <si>
    <t>cg02726121</t>
  </si>
  <si>
    <t>cg02729086</t>
  </si>
  <si>
    <t>cg02735071</t>
  </si>
  <si>
    <t>cg02735682</t>
  </si>
  <si>
    <t>cg02739708</t>
  </si>
  <si>
    <t>cg02741544</t>
  </si>
  <si>
    <t>cg02745262</t>
  </si>
  <si>
    <t>cg02745822</t>
  </si>
  <si>
    <t>cg02761376</t>
  </si>
  <si>
    <t>cg02771117</t>
  </si>
  <si>
    <t>cg02771336</t>
  </si>
  <si>
    <t>cg02779564</t>
  </si>
  <si>
    <t>cg02784328</t>
  </si>
  <si>
    <t>cg02785561</t>
  </si>
  <si>
    <t>cg02788718</t>
  </si>
  <si>
    <t>cg02789870</t>
  </si>
  <si>
    <t>cg02794695</t>
  </si>
  <si>
    <t>cg02835343</t>
  </si>
  <si>
    <t>cg02835742</t>
  </si>
  <si>
    <t>cg02837301</t>
  </si>
  <si>
    <t>cg02839896</t>
  </si>
  <si>
    <t>cg02842496</t>
  </si>
  <si>
    <t>cg02845528</t>
  </si>
  <si>
    <t>cg02848072</t>
  </si>
  <si>
    <t>cg02850815</t>
  </si>
  <si>
    <t>cg02851167</t>
  </si>
  <si>
    <t>cg02860255</t>
  </si>
  <si>
    <t>cg02868338</t>
  </si>
  <si>
    <t>cg02873427</t>
  </si>
  <si>
    <t>cg02881186</t>
  </si>
  <si>
    <t>cg02882487</t>
  </si>
  <si>
    <t>cg02886549</t>
  </si>
  <si>
    <t>cg02887248</t>
  </si>
  <si>
    <t>cg02888990</t>
  </si>
  <si>
    <t>cg02892925</t>
  </si>
  <si>
    <t>cg02894896</t>
  </si>
  <si>
    <t>cg02895394</t>
  </si>
  <si>
    <t>cg02896757</t>
  </si>
  <si>
    <t>cg02898412</t>
  </si>
  <si>
    <t>cg02898665</t>
  </si>
  <si>
    <t>cg02900034</t>
  </si>
  <si>
    <t>cg02901843</t>
  </si>
  <si>
    <t>cg02906476</t>
  </si>
  <si>
    <t>cg02910793</t>
  </si>
  <si>
    <t>cg02911270</t>
  </si>
  <si>
    <t>cg02913553</t>
  </si>
  <si>
    <t>cg02915215</t>
  </si>
  <si>
    <t>cg02917210</t>
  </si>
  <si>
    <t>cg02919422</t>
  </si>
  <si>
    <t>cg02923021</t>
  </si>
  <si>
    <t>cg02923831</t>
  </si>
  <si>
    <t>cg02928029</t>
  </si>
  <si>
    <t>cg02931907</t>
  </si>
  <si>
    <t>cg02932355</t>
  </si>
  <si>
    <t>cg02935780</t>
  </si>
  <si>
    <t>cg02937548</t>
  </si>
  <si>
    <t>cg02942845</t>
  </si>
  <si>
    <t>cg02951514</t>
  </si>
  <si>
    <t>cg02952828</t>
  </si>
  <si>
    <t>cg02964031</t>
  </si>
  <si>
    <t>cg02969380</t>
  </si>
  <si>
    <t>cg02973680</t>
  </si>
  <si>
    <t>cg02979703</t>
  </si>
  <si>
    <t>cg02980055</t>
  </si>
  <si>
    <t>cg02980621</t>
  </si>
  <si>
    <t>cg02981620</t>
  </si>
  <si>
    <t>cg02982690</t>
  </si>
  <si>
    <t>cg02982745</t>
  </si>
  <si>
    <t>cg02985959</t>
  </si>
  <si>
    <t>cg02986960</t>
  </si>
  <si>
    <t>cg02994009</t>
  </si>
  <si>
    <t>cg03002834</t>
  </si>
  <si>
    <t>cg03006654</t>
  </si>
  <si>
    <t>cg03008241</t>
  </si>
  <si>
    <t>cg03012544</t>
  </si>
  <si>
    <t>cg03015942</t>
  </si>
  <si>
    <t>cg03021802</t>
  </si>
  <si>
    <t>cg03024587</t>
  </si>
  <si>
    <t>cg03029255</t>
  </si>
  <si>
    <t>cg03058664</t>
  </si>
  <si>
    <t>cg03059247</t>
  </si>
  <si>
    <t>cg03060802</t>
  </si>
  <si>
    <t>cg03065641</t>
  </si>
  <si>
    <t>cg03066812</t>
  </si>
  <si>
    <t>cg03068637</t>
  </si>
  <si>
    <t>cg03068843</t>
  </si>
  <si>
    <t>cg03071924</t>
  </si>
  <si>
    <t>cg03072082</t>
  </si>
  <si>
    <t>cg03080147</t>
  </si>
  <si>
    <t>cg03083517</t>
  </si>
  <si>
    <t>cg03084648</t>
  </si>
  <si>
    <t>cg03089725</t>
  </si>
  <si>
    <t>cg03089940</t>
  </si>
  <si>
    <t>cg03092615</t>
  </si>
  <si>
    <t>cg03102442</t>
  </si>
  <si>
    <t>cg03120091</t>
  </si>
  <si>
    <t>cg03125531</t>
  </si>
  <si>
    <t>cg03126821</t>
  </si>
  <si>
    <t>cg03127416</t>
  </si>
  <si>
    <t>cg03128890</t>
  </si>
  <si>
    <t>cg03134051</t>
  </si>
  <si>
    <t>cg03135983</t>
  </si>
  <si>
    <t>cg03137071</t>
  </si>
  <si>
    <t>cg03137566</t>
  </si>
  <si>
    <t>cg03139840</t>
  </si>
  <si>
    <t>cg03140883</t>
  </si>
  <si>
    <t>cg03144215</t>
  </si>
  <si>
    <t>cg03144357</t>
  </si>
  <si>
    <t>cg03144848</t>
  </si>
  <si>
    <t>cg03145322</t>
  </si>
  <si>
    <t>cg03150515</t>
  </si>
  <si>
    <t>cg03157027</t>
  </si>
  <si>
    <t>cg03167883</t>
  </si>
  <si>
    <t>cg03181328</t>
  </si>
  <si>
    <t>cg03184441</t>
  </si>
  <si>
    <t>cg03184452</t>
  </si>
  <si>
    <t>cg03185622</t>
  </si>
  <si>
    <t>cg03186333</t>
  </si>
  <si>
    <t>cg03186436</t>
  </si>
  <si>
    <t>cg03186975</t>
  </si>
  <si>
    <t>cg03188390</t>
  </si>
  <si>
    <t>cg03189237</t>
  </si>
  <si>
    <t>cg03200105</t>
  </si>
  <si>
    <t>cg03206569</t>
  </si>
  <si>
    <t>cg03206741</t>
  </si>
  <si>
    <t>cg03215152</t>
  </si>
  <si>
    <t>cg03218396</t>
  </si>
  <si>
    <t>cg03220670</t>
  </si>
  <si>
    <t>cg03221776</t>
  </si>
  <si>
    <t>cg03226203</t>
  </si>
  <si>
    <t>cg03229959</t>
  </si>
  <si>
    <t>cg03231596</t>
  </si>
  <si>
    <t>cg03233885</t>
  </si>
  <si>
    <t>cg03240966</t>
  </si>
  <si>
    <t>cg03243135</t>
  </si>
  <si>
    <t>cg03243902</t>
  </si>
  <si>
    <t>cg03244560</t>
  </si>
  <si>
    <t>cg03245271</t>
  </si>
  <si>
    <t>cg03245733</t>
  </si>
  <si>
    <t>cg03258495</t>
  </si>
  <si>
    <t>cg03262601</t>
  </si>
  <si>
    <t>cg03265268</t>
  </si>
  <si>
    <t>cg03273057</t>
  </si>
  <si>
    <t>cg03273315</t>
  </si>
  <si>
    <t>cg03274021</t>
  </si>
  <si>
    <t>cg03274800</t>
  </si>
  <si>
    <t>cg03276479</t>
  </si>
  <si>
    <t>cg03277455</t>
  </si>
  <si>
    <t>cg03280622</t>
  </si>
  <si>
    <t>cg03282105</t>
  </si>
  <si>
    <t>cg03284554</t>
  </si>
  <si>
    <t>cg03284866</t>
  </si>
  <si>
    <t>cg03293015</t>
  </si>
  <si>
    <t>cg03301862</t>
  </si>
  <si>
    <t>cg03305840</t>
  </si>
  <si>
    <t>cg03316587</t>
  </si>
  <si>
    <t>cg03318906</t>
  </si>
  <si>
    <t>cg03325664</t>
  </si>
  <si>
    <t>cg03326128</t>
  </si>
  <si>
    <t>cg03330484</t>
  </si>
  <si>
    <t>cg03330485</t>
  </si>
  <si>
    <t>cg03330710</t>
  </si>
  <si>
    <t>cg03334130</t>
  </si>
  <si>
    <t>cg03335386</t>
  </si>
  <si>
    <t>cg03340303</t>
  </si>
  <si>
    <t>cg03344027</t>
  </si>
  <si>
    <t>cg03345925</t>
  </si>
  <si>
    <t>cg03346041</t>
  </si>
  <si>
    <t>cg03346806</t>
  </si>
  <si>
    <t>cg03347966</t>
  </si>
  <si>
    <t>cg03348397</t>
  </si>
  <si>
    <t>cg03349241</t>
  </si>
  <si>
    <t>cg03354047</t>
  </si>
  <si>
    <t>cg03358506</t>
  </si>
  <si>
    <t>cg03363242</t>
  </si>
  <si>
    <t>cg03367493</t>
  </si>
  <si>
    <t>cg03371609</t>
  </si>
  <si>
    <t>cg03374695</t>
  </si>
  <si>
    <t>cg03380773</t>
  </si>
  <si>
    <t>cg03385272</t>
  </si>
  <si>
    <t>cg03385495</t>
  </si>
  <si>
    <t>cg03388786</t>
  </si>
  <si>
    <t>cg03392960</t>
  </si>
  <si>
    <t>cg03399933</t>
  </si>
  <si>
    <t>cg03400695</t>
  </si>
  <si>
    <t>cg03405983</t>
  </si>
  <si>
    <t>cg03411742</t>
  </si>
  <si>
    <t>cg03412310</t>
  </si>
  <si>
    <t>cg03417055</t>
  </si>
  <si>
    <t>cg03430526</t>
  </si>
  <si>
    <t>cg03430846</t>
  </si>
  <si>
    <t>cg03434509</t>
  </si>
  <si>
    <t>cg03437605</t>
  </si>
  <si>
    <t>cg03438558</t>
  </si>
  <si>
    <t>cg03441171</t>
  </si>
  <si>
    <t>cg03453469</t>
  </si>
  <si>
    <t>cg03453890</t>
  </si>
  <si>
    <t>cg03458763</t>
  </si>
  <si>
    <t>cg03460603</t>
  </si>
  <si>
    <t>cg03461430</t>
  </si>
  <si>
    <t>cg03463818</t>
  </si>
  <si>
    <t>cg03464232</t>
  </si>
  <si>
    <t>cg03465280</t>
  </si>
  <si>
    <t>cg03470159</t>
  </si>
  <si>
    <t>cg03475245</t>
  </si>
  <si>
    <t>cg03475285</t>
  </si>
  <si>
    <t>cg03479527</t>
  </si>
  <si>
    <t>cg03481855</t>
  </si>
  <si>
    <t>cg03483142</t>
  </si>
  <si>
    <t>cg03485669</t>
  </si>
  <si>
    <t>cg03490378</t>
  </si>
  <si>
    <t>cg03494797</t>
  </si>
  <si>
    <t>cg03494825</t>
  </si>
  <si>
    <t>cg03498895</t>
  </si>
  <si>
    <t>cg03506216</t>
  </si>
  <si>
    <t>cg03508666</t>
  </si>
  <si>
    <t>cg03511266</t>
  </si>
  <si>
    <t>cg03512076</t>
  </si>
  <si>
    <t>cg03515927</t>
  </si>
  <si>
    <t>cg03521600</t>
  </si>
  <si>
    <t>cg03521774</t>
  </si>
  <si>
    <t>cg03523685</t>
  </si>
  <si>
    <t>cg03531754</t>
  </si>
  <si>
    <t>cg03533109</t>
  </si>
  <si>
    <t>cg03533519</t>
  </si>
  <si>
    <t>cg03535101</t>
  </si>
  <si>
    <t>cg03535933</t>
  </si>
  <si>
    <t>cg03536846</t>
  </si>
  <si>
    <t>cg03546668</t>
  </si>
  <si>
    <t>cg03547086</t>
  </si>
  <si>
    <t>cg03547517</t>
  </si>
  <si>
    <t>cg03547905</t>
  </si>
  <si>
    <t>cg03549240</t>
  </si>
  <si>
    <t>cg03551401</t>
  </si>
  <si>
    <t>cg03554221</t>
  </si>
  <si>
    <t>cg03554283</t>
  </si>
  <si>
    <t>cg03555836</t>
  </si>
  <si>
    <t>cg03569524</t>
  </si>
  <si>
    <t>cg03569564</t>
  </si>
  <si>
    <t>cg03571145</t>
  </si>
  <si>
    <t>cg03572859</t>
  </si>
  <si>
    <t>cg03585211</t>
  </si>
  <si>
    <t>cg03587597</t>
  </si>
  <si>
    <t>cg03588769</t>
  </si>
  <si>
    <t>cg03589230</t>
  </si>
  <si>
    <t>cg03589898</t>
  </si>
  <si>
    <t>cg03592763</t>
  </si>
  <si>
    <t>cg03594044</t>
  </si>
  <si>
    <t>cg03595881</t>
  </si>
  <si>
    <t>cg03596181</t>
  </si>
  <si>
    <t>cg03603593</t>
  </si>
  <si>
    <t>cg03612092</t>
  </si>
  <si>
    <t>cg03612649</t>
  </si>
  <si>
    <t>cg03613433</t>
  </si>
  <si>
    <t>cg03613618</t>
  </si>
  <si>
    <t>cg03616827</t>
  </si>
  <si>
    <t>cg03617420</t>
  </si>
  <si>
    <t>cg03628820</t>
  </si>
  <si>
    <t>cg03630615</t>
  </si>
  <si>
    <t>cg03633268</t>
  </si>
  <si>
    <t>cg03636657</t>
  </si>
  <si>
    <t>cg03650233</t>
  </si>
  <si>
    <t>cg03651608</t>
  </si>
  <si>
    <t>cg03654169</t>
  </si>
  <si>
    <t>cg03659851</t>
  </si>
  <si>
    <t>cg03660723</t>
  </si>
  <si>
    <t>cg03664800</t>
  </si>
  <si>
    <t>cg03667317</t>
  </si>
  <si>
    <t>cg03670238</t>
  </si>
  <si>
    <t>cg03691530</t>
  </si>
  <si>
    <t>cg03694403</t>
  </si>
  <si>
    <t>cg03694713</t>
  </si>
  <si>
    <t>cg03698681</t>
  </si>
  <si>
    <t>cg03699469</t>
  </si>
  <si>
    <t>cg03701425</t>
  </si>
  <si>
    <t>cg03705571</t>
  </si>
  <si>
    <t>cg03718353</t>
  </si>
  <si>
    <t>cg03719092</t>
  </si>
  <si>
    <t>cg03720745</t>
  </si>
  <si>
    <t>cg03720887</t>
  </si>
  <si>
    <t>cg03722185</t>
  </si>
  <si>
    <t>cg03732295</t>
  </si>
  <si>
    <t>cg03739470</t>
  </si>
  <si>
    <t>cg03740261</t>
  </si>
  <si>
    <t>cg03741653</t>
  </si>
  <si>
    <t>cg03746834</t>
  </si>
  <si>
    <t>cg03749016</t>
  </si>
  <si>
    <t>cg03750034</t>
  </si>
  <si>
    <t>cg03753942</t>
  </si>
  <si>
    <t>cg03755522</t>
  </si>
  <si>
    <t>cg03757730</t>
  </si>
  <si>
    <t>cg03759824</t>
  </si>
  <si>
    <t>cg03762802</t>
  </si>
  <si>
    <t>cg03767653</t>
  </si>
  <si>
    <t>cg03773782</t>
  </si>
  <si>
    <t>cg03776432</t>
  </si>
  <si>
    <t>cg03780851</t>
  </si>
  <si>
    <t>cg03790427</t>
  </si>
  <si>
    <t>cg03795071</t>
  </si>
  <si>
    <t>cg03796543</t>
  </si>
  <si>
    <t>cg03802231</t>
  </si>
  <si>
    <t>cg03803002</t>
  </si>
  <si>
    <t>cg03803210</t>
  </si>
  <si>
    <t>cg03805769</t>
  </si>
  <si>
    <t>cg03813905</t>
  </si>
  <si>
    <t>cg03821987</t>
  </si>
  <si>
    <t>cg03843542</t>
  </si>
  <si>
    <t>cg03843972</t>
  </si>
  <si>
    <t>cg03852276</t>
  </si>
  <si>
    <t>cg03870862</t>
  </si>
  <si>
    <t>cg03888365</t>
  </si>
  <si>
    <t>cg03891330</t>
  </si>
  <si>
    <t>cg03894796</t>
  </si>
  <si>
    <t>cg03896611</t>
  </si>
  <si>
    <t>cg03896940</t>
  </si>
  <si>
    <t>cg03897897</t>
  </si>
  <si>
    <t>cg03899229</t>
  </si>
  <si>
    <t>cg03900378</t>
  </si>
  <si>
    <t>cg03909983</t>
  </si>
  <si>
    <t>cg03912094</t>
  </si>
  <si>
    <t>cg03915989</t>
  </si>
  <si>
    <t>cg03918288</t>
  </si>
  <si>
    <t>cg03918756</t>
  </si>
  <si>
    <t>cg03919781</t>
  </si>
  <si>
    <t>cg03919980</t>
  </si>
  <si>
    <t>cg03922423</t>
  </si>
  <si>
    <t>cg03925072</t>
  </si>
  <si>
    <t>cg03925970</t>
  </si>
  <si>
    <t>cg03929366</t>
  </si>
  <si>
    <t>cg03935381</t>
  </si>
  <si>
    <t>cg03949978</t>
  </si>
  <si>
    <t>cg03952984</t>
  </si>
  <si>
    <t>cg03957095</t>
  </si>
  <si>
    <t>cg03959515</t>
  </si>
  <si>
    <t>cg03960326</t>
  </si>
  <si>
    <t>cg03964343</t>
  </si>
  <si>
    <t>cg03973663</t>
  </si>
  <si>
    <t>cg03977089</t>
  </si>
  <si>
    <t>cg03979754</t>
  </si>
  <si>
    <t>cg03995337</t>
  </si>
  <si>
    <t>cg03998605</t>
  </si>
  <si>
    <t>cg04001090</t>
  </si>
  <si>
    <t>cg04004861</t>
  </si>
  <si>
    <t>cg04009492</t>
  </si>
  <si>
    <t>cg04013090</t>
  </si>
  <si>
    <t>cg04015522</t>
  </si>
  <si>
    <t>cg04022019</t>
  </si>
  <si>
    <t>cg04022108</t>
  </si>
  <si>
    <t>cg04025550</t>
  </si>
  <si>
    <t>cg04027411</t>
  </si>
  <si>
    <t>cg04028606</t>
  </si>
  <si>
    <t>cg04032181</t>
  </si>
  <si>
    <t>cg04034846</t>
  </si>
  <si>
    <t>cg04035553</t>
  </si>
  <si>
    <t>cg04040861</t>
  </si>
  <si>
    <t>cg04041283</t>
  </si>
  <si>
    <t>cg04045234</t>
  </si>
  <si>
    <t>cg04046704</t>
  </si>
  <si>
    <t>cg04049008</t>
  </si>
  <si>
    <t>cg04051571</t>
  </si>
  <si>
    <t>cg04052100</t>
  </si>
  <si>
    <t>cg04053163</t>
  </si>
  <si>
    <t>cg04057858</t>
  </si>
  <si>
    <t>cg04058153</t>
  </si>
  <si>
    <t>cg04061197</t>
  </si>
  <si>
    <t>cg04064160</t>
  </si>
  <si>
    <t>cg04064407</t>
  </si>
  <si>
    <t>cg04065603</t>
  </si>
  <si>
    <t>cg04065867</t>
  </si>
  <si>
    <t>cg04066400</t>
  </si>
  <si>
    <t>cg04066472</t>
  </si>
  <si>
    <t>cg04083965</t>
  </si>
  <si>
    <t>cg04091109</t>
  </si>
  <si>
    <t>cg04091927</t>
  </si>
  <si>
    <t>cg04100307</t>
  </si>
  <si>
    <t>cg04101874</t>
  </si>
  <si>
    <t>cg04103837</t>
  </si>
  <si>
    <t>cg04104463</t>
  </si>
  <si>
    <t>cg04107679</t>
  </si>
  <si>
    <t>cg04120766</t>
  </si>
  <si>
    <t>cg04124987</t>
  </si>
  <si>
    <t>cg04126956</t>
  </si>
  <si>
    <t>cg04127342</t>
  </si>
  <si>
    <t>cg04128945</t>
  </si>
  <si>
    <t>cg04130433</t>
  </si>
  <si>
    <t>cg04132007</t>
  </si>
  <si>
    <t>cg04132540</t>
  </si>
  <si>
    <t>cg04134031</t>
  </si>
  <si>
    <t>cg04134048</t>
  </si>
  <si>
    <t>cg04140297</t>
  </si>
  <si>
    <t>cg04141627</t>
  </si>
  <si>
    <t>cg04146982</t>
  </si>
  <si>
    <t>cg04147940</t>
  </si>
  <si>
    <t>cg04149585</t>
  </si>
  <si>
    <t>cg04149897</t>
  </si>
  <si>
    <t>cg04150639</t>
  </si>
  <si>
    <t>cg04151839</t>
  </si>
  <si>
    <t>cg04153489</t>
  </si>
  <si>
    <t>cg04156219</t>
  </si>
  <si>
    <t>cg04160749</t>
  </si>
  <si>
    <t>cg04165188</t>
  </si>
  <si>
    <t>cg04167595</t>
  </si>
  <si>
    <t>cg04172771</t>
  </si>
  <si>
    <t>cg04174124</t>
  </si>
  <si>
    <t>cg04188397</t>
  </si>
  <si>
    <t>cg04206967</t>
  </si>
  <si>
    <t>cg04207142</t>
  </si>
  <si>
    <t>cg04208996</t>
  </si>
  <si>
    <t>cg04214878</t>
  </si>
  <si>
    <t>cg04217082</t>
  </si>
  <si>
    <t>cg04217808</t>
  </si>
  <si>
    <t>cg04218418</t>
  </si>
  <si>
    <t>cg04223445</t>
  </si>
  <si>
    <t>cg04223844</t>
  </si>
  <si>
    <t>cg04225551</t>
  </si>
  <si>
    <t>cg04227278</t>
  </si>
  <si>
    <t>cg04229238</t>
  </si>
  <si>
    <t>cg04230869</t>
  </si>
  <si>
    <t>cg04232466</t>
  </si>
  <si>
    <t>cg04232586</t>
  </si>
  <si>
    <t>cg04234070</t>
  </si>
  <si>
    <t>cg04237288</t>
  </si>
  <si>
    <t>cg04237663</t>
  </si>
  <si>
    <t>cg04239843</t>
  </si>
  <si>
    <t>cg04247508</t>
  </si>
  <si>
    <t>cg04249541</t>
  </si>
  <si>
    <t>cg04249769</t>
  </si>
  <si>
    <t>cg04252558</t>
  </si>
  <si>
    <t>cg04253913</t>
  </si>
  <si>
    <t>cg04255391</t>
  </si>
  <si>
    <t>cg04255616</t>
  </si>
  <si>
    <t>cg04259001</t>
  </si>
  <si>
    <t>cg04262938</t>
  </si>
  <si>
    <t>cg04263511</t>
  </si>
  <si>
    <t>cg04264103</t>
  </si>
  <si>
    <t>cg04267082</t>
  </si>
  <si>
    <t>cg04268373</t>
  </si>
  <si>
    <t>cg04271218</t>
  </si>
  <si>
    <t>cg04272355</t>
  </si>
  <si>
    <t>cg04273299</t>
  </si>
  <si>
    <t>cg04285652</t>
  </si>
  <si>
    <t>cg04293180</t>
  </si>
  <si>
    <t>cg04302570</t>
  </si>
  <si>
    <t>cg04307561</t>
  </si>
  <si>
    <t>cg04309350</t>
  </si>
  <si>
    <t>cg04311964</t>
  </si>
  <si>
    <t>cg04317883</t>
  </si>
  <si>
    <t>cg04318006</t>
  </si>
  <si>
    <t>cg04338863</t>
  </si>
  <si>
    <t>cg04340918</t>
  </si>
  <si>
    <t>cg04341324</t>
  </si>
  <si>
    <t>cg04363768</t>
  </si>
  <si>
    <t>cg04365123</t>
  </si>
  <si>
    <t>cg04366687</t>
  </si>
  <si>
    <t>cg04367680</t>
  </si>
  <si>
    <t>cg04372120</t>
  </si>
  <si>
    <t>cg04372675</t>
  </si>
  <si>
    <t>cg04374813</t>
  </si>
  <si>
    <t>cg04392715</t>
  </si>
  <si>
    <t>cg04393391</t>
  </si>
  <si>
    <t>cg04395718</t>
  </si>
  <si>
    <t>cg04400337</t>
  </si>
  <si>
    <t>cg04404240</t>
  </si>
  <si>
    <t>cg04410091</t>
  </si>
  <si>
    <t>cg04413872</t>
  </si>
  <si>
    <t>cg04418492</t>
  </si>
  <si>
    <t>cg04422625</t>
  </si>
  <si>
    <t>cg04425201</t>
  </si>
  <si>
    <t>cg04434896</t>
  </si>
  <si>
    <t>cg04436528</t>
  </si>
  <si>
    <t>cg04440325</t>
  </si>
  <si>
    <t>cg04441815</t>
  </si>
  <si>
    <t>cg04447123</t>
  </si>
  <si>
    <t>cg04449953</t>
  </si>
  <si>
    <t>cg04456861</t>
  </si>
  <si>
    <t>cg04458139</t>
  </si>
  <si>
    <t>cg04458368</t>
  </si>
  <si>
    <t>cg04458510</t>
  </si>
  <si>
    <t>cg04464219</t>
  </si>
  <si>
    <t>cg04466549</t>
  </si>
  <si>
    <t>cg04468380</t>
  </si>
  <si>
    <t>cg04471045</t>
  </si>
  <si>
    <t>cg04473912</t>
  </si>
  <si>
    <t>cg04489740</t>
  </si>
  <si>
    <t>cg04491064</t>
  </si>
  <si>
    <t>cg04491321</t>
  </si>
  <si>
    <t>cg04496906</t>
  </si>
  <si>
    <t>cg04498023</t>
  </si>
  <si>
    <t>cg04500632</t>
  </si>
  <si>
    <t>cg04502852</t>
  </si>
  <si>
    <t>cg04503171</t>
  </si>
  <si>
    <t>cg04504715</t>
  </si>
  <si>
    <t>cg04515567</t>
  </si>
  <si>
    <t>cg04517258</t>
  </si>
  <si>
    <t>cg04517323</t>
  </si>
  <si>
    <t>cg04517738</t>
  </si>
  <si>
    <t>cg04520078</t>
  </si>
  <si>
    <t>cg04521675</t>
  </si>
  <si>
    <t>cg04522498</t>
  </si>
  <si>
    <t>cg04528054</t>
  </si>
  <si>
    <t>cg04532707</t>
  </si>
  <si>
    <t>cg04541228</t>
  </si>
  <si>
    <t>cg04548483</t>
  </si>
  <si>
    <t>cg04549460</t>
  </si>
  <si>
    <t>cg04552766</t>
  </si>
  <si>
    <t>cg04553559</t>
  </si>
  <si>
    <t>cg04559604</t>
  </si>
  <si>
    <t>cg04559779</t>
  </si>
  <si>
    <t>cg04562391</t>
  </si>
  <si>
    <t>cg04563438</t>
  </si>
  <si>
    <t>cg04565547</t>
  </si>
  <si>
    <t>cg04565640</t>
  </si>
  <si>
    <t>cg04568264</t>
  </si>
  <si>
    <t>cg04569055</t>
  </si>
  <si>
    <t>cg04573959</t>
  </si>
  <si>
    <t>cg04575467</t>
  </si>
  <si>
    <t>cg04591709</t>
  </si>
  <si>
    <t>cg04598121</t>
  </si>
  <si>
    <t>cg04610985</t>
  </si>
  <si>
    <t>cg04618078</t>
  </si>
  <si>
    <t>cg04618219</t>
  </si>
  <si>
    <t>cg04618607</t>
  </si>
  <si>
    <t>cg04620291</t>
  </si>
  <si>
    <t>cg04620418</t>
  </si>
  <si>
    <t>cg04621866</t>
  </si>
  <si>
    <t>cg04624413</t>
  </si>
  <si>
    <t>cg04640109</t>
  </si>
  <si>
    <t>cg04650834</t>
  </si>
  <si>
    <t>cg04651548</t>
  </si>
  <si>
    <t>cg04654363</t>
  </si>
  <si>
    <t>cg04655278</t>
  </si>
  <si>
    <t>cg04663870</t>
  </si>
  <si>
    <t>cg04674956</t>
  </si>
  <si>
    <t>cg04675946</t>
  </si>
  <si>
    <t>cg04678462</t>
  </si>
  <si>
    <t>cg04680162</t>
  </si>
  <si>
    <t>cg04681849</t>
  </si>
  <si>
    <t>cg04682911</t>
  </si>
  <si>
    <t>cg04683149</t>
  </si>
  <si>
    <t>cg04685163</t>
  </si>
  <si>
    <t>cg04685302</t>
  </si>
  <si>
    <t>cg04685442</t>
  </si>
  <si>
    <t>cg04687241</t>
  </si>
  <si>
    <t>cg04687486</t>
  </si>
  <si>
    <t>cg04690729</t>
  </si>
  <si>
    <t>cg04694725</t>
  </si>
  <si>
    <t>cg04703844</t>
  </si>
  <si>
    <t>cg04717143</t>
  </si>
  <si>
    <t>cg04720865</t>
  </si>
  <si>
    <t>cg04724477</t>
  </si>
  <si>
    <t>cg04729070</t>
  </si>
  <si>
    <t>cg04744713</t>
  </si>
  <si>
    <t>cg04746089</t>
  </si>
  <si>
    <t>cg04751549</t>
  </si>
  <si>
    <t>cg04756252</t>
  </si>
  <si>
    <t>cg04757492</t>
  </si>
  <si>
    <t>cg04761198</t>
  </si>
  <si>
    <t>cg04764300</t>
  </si>
  <si>
    <t>cg04775941</t>
  </si>
  <si>
    <t>cg04788722</t>
  </si>
  <si>
    <t>cg04790755</t>
  </si>
  <si>
    <t>cg04796498</t>
  </si>
  <si>
    <t>cg04803798</t>
  </si>
  <si>
    <t>cg04803944</t>
  </si>
  <si>
    <t>cg04804094</t>
  </si>
  <si>
    <t>cg04804543</t>
  </si>
  <si>
    <t>cg04815626</t>
  </si>
  <si>
    <t>cg04821793</t>
  </si>
  <si>
    <t>cg04833152</t>
  </si>
  <si>
    <t>cg04835995</t>
  </si>
  <si>
    <t>cg04838988</t>
  </si>
  <si>
    <t>cg04842038</t>
  </si>
  <si>
    <t>cg04843087</t>
  </si>
  <si>
    <t>cg04843168</t>
  </si>
  <si>
    <t>cg04844714</t>
  </si>
  <si>
    <t>cg04845579</t>
  </si>
  <si>
    <t>cg04846156</t>
  </si>
  <si>
    <t>cg04848137</t>
  </si>
  <si>
    <t>cg04849470</t>
  </si>
  <si>
    <t>cg04849842</t>
  </si>
  <si>
    <t>cg04854342</t>
  </si>
  <si>
    <t>cg04854911</t>
  </si>
  <si>
    <t>cg04856096</t>
  </si>
  <si>
    <t>cg04868238</t>
  </si>
  <si>
    <t>cg04870415</t>
  </si>
  <si>
    <t>cg04879378</t>
  </si>
  <si>
    <t>cg04880278</t>
  </si>
  <si>
    <t>cg04889181</t>
  </si>
  <si>
    <t>cg04890934</t>
  </si>
  <si>
    <t>cg04893119</t>
  </si>
  <si>
    <t>cg04893741</t>
  </si>
  <si>
    <t>cg04895581</t>
  </si>
  <si>
    <t>cg04898035</t>
  </si>
  <si>
    <t>cg04902930</t>
  </si>
  <si>
    <t>cg04904932</t>
  </si>
  <si>
    <t>cg04905210</t>
  </si>
  <si>
    <t>cg04905644</t>
  </si>
  <si>
    <t>cg04910277</t>
  </si>
  <si>
    <t>cg04914126</t>
  </si>
  <si>
    <t>cg04927313</t>
  </si>
  <si>
    <t>cg04927725</t>
  </si>
  <si>
    <t>cg04927957</t>
  </si>
  <si>
    <t>cg04929736</t>
  </si>
  <si>
    <t>cg04943741</t>
  </si>
  <si>
    <t>cg04950361</t>
  </si>
  <si>
    <t>cg04950789</t>
  </si>
  <si>
    <t>cg04958191</t>
  </si>
  <si>
    <t>cg04966191</t>
  </si>
  <si>
    <t>cg04966255</t>
  </si>
  <si>
    <t>cg04966825</t>
  </si>
  <si>
    <t>cg04986675</t>
  </si>
  <si>
    <t>cg05003890</t>
  </si>
  <si>
    <t>cg05003908</t>
  </si>
  <si>
    <t>cg05012516</t>
  </si>
  <si>
    <t>cg05012709</t>
  </si>
  <si>
    <t>cg05017276</t>
  </si>
  <si>
    <t>cg05019854</t>
  </si>
  <si>
    <t>cg05020125</t>
  </si>
  <si>
    <t>cg05021638</t>
  </si>
  <si>
    <t>cg05022059</t>
  </si>
  <si>
    <t>cg05023214</t>
  </si>
  <si>
    <t>cg05026033</t>
  </si>
  <si>
    <t>cg05026393</t>
  </si>
  <si>
    <t>cg05027079</t>
  </si>
  <si>
    <t>cg05029148</t>
  </si>
  <si>
    <t>cg05029558</t>
  </si>
  <si>
    <t>cg05033749</t>
  </si>
  <si>
    <t>cg05037105</t>
  </si>
  <si>
    <t>cg05037544</t>
  </si>
  <si>
    <t>cg05037806</t>
  </si>
  <si>
    <t>cg05038436</t>
  </si>
  <si>
    <t>cg05040429</t>
  </si>
  <si>
    <t>cg05041294</t>
  </si>
  <si>
    <t>cg05042439</t>
  </si>
  <si>
    <t>cg05043349</t>
  </si>
  <si>
    <t>cg05044961</t>
  </si>
  <si>
    <t>cg05048685</t>
  </si>
  <si>
    <t>cg05048922</t>
  </si>
  <si>
    <t>cg05051152</t>
  </si>
  <si>
    <t>cg05053829</t>
  </si>
  <si>
    <t>cg05072100</t>
  </si>
  <si>
    <t>cg05073386</t>
  </si>
  <si>
    <t>cg05076730</t>
  </si>
  <si>
    <t>cg05077122</t>
  </si>
  <si>
    <t>cg05080966</t>
  </si>
  <si>
    <t>cg05081514</t>
  </si>
  <si>
    <t>cg05087842</t>
  </si>
  <si>
    <t>cg05102651</t>
  </si>
  <si>
    <t>cg05104993</t>
  </si>
  <si>
    <t>cg05105646</t>
  </si>
  <si>
    <t>cg05113558</t>
  </si>
  <si>
    <t>cg05129295</t>
  </si>
  <si>
    <t>cg05130482</t>
  </si>
  <si>
    <t>cg05136956</t>
  </si>
  <si>
    <t>cg05140937</t>
  </si>
  <si>
    <t>cg05141026</t>
  </si>
  <si>
    <t>cg05143954</t>
  </si>
  <si>
    <t>cg05155131</t>
  </si>
  <si>
    <t>cg05170863</t>
  </si>
  <si>
    <t>cg05176051</t>
  </si>
  <si>
    <t>cg05176958</t>
  </si>
  <si>
    <t>cg05178234</t>
  </si>
  <si>
    <t>cg05179045</t>
  </si>
  <si>
    <t>cg05185040</t>
  </si>
  <si>
    <t>cg05191264</t>
  </si>
  <si>
    <t>cg05193211</t>
  </si>
  <si>
    <t>cg05193470</t>
  </si>
  <si>
    <t>cg05196487</t>
  </si>
  <si>
    <t>cg05202073</t>
  </si>
  <si>
    <t>cg05210904</t>
  </si>
  <si>
    <t>cg05224922</t>
  </si>
  <si>
    <t>cg05229355</t>
  </si>
  <si>
    <t>cg05232067</t>
  </si>
  <si>
    <t>cg05234151</t>
  </si>
  <si>
    <t>cg05234958</t>
  </si>
  <si>
    <t>cg05236677</t>
  </si>
  <si>
    <t>cg05237114</t>
  </si>
  <si>
    <t>cg05238782</t>
  </si>
  <si>
    <t>cg05245794</t>
  </si>
  <si>
    <t>cg05247391</t>
  </si>
  <si>
    <t>cg05250042</t>
  </si>
  <si>
    <t>cg05254590</t>
  </si>
  <si>
    <t>cg05258489</t>
  </si>
  <si>
    <t>cg05266843</t>
  </si>
  <si>
    <t>cg05269845</t>
  </si>
  <si>
    <t>cg05270752</t>
  </si>
  <si>
    <t>cg05276226</t>
  </si>
  <si>
    <t>cg05279866</t>
  </si>
  <si>
    <t>cg05284652</t>
  </si>
  <si>
    <t>cg05293738</t>
  </si>
  <si>
    <t>cg05293775</t>
  </si>
  <si>
    <t>cg05294431</t>
  </si>
  <si>
    <t>cg05305970</t>
  </si>
  <si>
    <t>cg05310249</t>
  </si>
  <si>
    <t>cg05313129</t>
  </si>
  <si>
    <t>cg05313153</t>
  </si>
  <si>
    <t>cg05314271</t>
  </si>
  <si>
    <t>cg05314679</t>
  </si>
  <si>
    <t>cg05315865</t>
  </si>
  <si>
    <t>cg05316065</t>
  </si>
  <si>
    <t>cg05318516</t>
  </si>
  <si>
    <t>cg05320382</t>
  </si>
  <si>
    <t>cg05320424</t>
  </si>
  <si>
    <t>cg05321307</t>
  </si>
  <si>
    <t>cg05323683</t>
  </si>
  <si>
    <t>cg05354556</t>
  </si>
  <si>
    <t>cg05365525</t>
  </si>
  <si>
    <t>cg05365729</t>
  </si>
  <si>
    <t>cg05367885</t>
  </si>
  <si>
    <t>cg05370861</t>
  </si>
  <si>
    <t>cg05371576</t>
  </si>
  <si>
    <t>cg05373457</t>
  </si>
  <si>
    <t>cg05377754</t>
  </si>
  <si>
    <t>cg05400811</t>
  </si>
  <si>
    <t>cg05412333</t>
  </si>
  <si>
    <t>cg05412531</t>
  </si>
  <si>
    <t>cg05412843</t>
  </si>
  <si>
    <t>cg05415840</t>
  </si>
  <si>
    <t>cg05416055</t>
  </si>
  <si>
    <t>cg05416777</t>
  </si>
  <si>
    <t>cg05418938</t>
  </si>
  <si>
    <t>cg05419198</t>
  </si>
  <si>
    <t>cg05421528</t>
  </si>
  <si>
    <t>cg05421564</t>
  </si>
  <si>
    <t>cg05422836</t>
  </si>
  <si>
    <t>cg05422990</t>
  </si>
  <si>
    <t>cg05427488</t>
  </si>
  <si>
    <t>cg05440218</t>
  </si>
  <si>
    <t>cg05447833</t>
  </si>
  <si>
    <t>cg05453820</t>
  </si>
  <si>
    <t>cg05455720</t>
  </si>
  <si>
    <t>cg05455747</t>
  </si>
  <si>
    <t>cg05455971</t>
  </si>
  <si>
    <t>cg05457903</t>
  </si>
  <si>
    <t>cg05458429</t>
  </si>
  <si>
    <t>cg05459517</t>
  </si>
  <si>
    <t>cg05460571</t>
  </si>
  <si>
    <t>cg05473447</t>
  </si>
  <si>
    <t>cg05474726</t>
  </si>
  <si>
    <t>cg05479662</t>
  </si>
  <si>
    <t>cg05486260</t>
  </si>
  <si>
    <t>cg05488778</t>
  </si>
  <si>
    <t>cg05498866</t>
  </si>
  <si>
    <t>cg05511722</t>
  </si>
  <si>
    <t>cg05520465</t>
  </si>
  <si>
    <t>cg05524387</t>
  </si>
  <si>
    <t>cg05538980</t>
  </si>
  <si>
    <t>cg05552035</t>
  </si>
  <si>
    <t>cg05554906</t>
  </si>
  <si>
    <t>cg05569086</t>
  </si>
  <si>
    <t>cg05570314</t>
  </si>
  <si>
    <t>cg05570682</t>
  </si>
  <si>
    <t>cg05573997</t>
  </si>
  <si>
    <t>cg05574324</t>
  </si>
  <si>
    <t>cg05576828</t>
  </si>
  <si>
    <t>cg05576992</t>
  </si>
  <si>
    <t>cg05577278</t>
  </si>
  <si>
    <t>cg05577437</t>
  </si>
  <si>
    <t>cg05580991</t>
  </si>
  <si>
    <t>cg05584855</t>
  </si>
  <si>
    <t>cg05586662</t>
  </si>
  <si>
    <t>cg05587171</t>
  </si>
  <si>
    <t>cg05591716</t>
  </si>
  <si>
    <t>cg05596199</t>
  </si>
  <si>
    <t>cg05604720</t>
  </si>
  <si>
    <t>cg05616965</t>
  </si>
  <si>
    <t>cg05621259</t>
  </si>
  <si>
    <t>cg05624564</t>
  </si>
  <si>
    <t>cg05631737</t>
  </si>
  <si>
    <t>cg05637265</t>
  </si>
  <si>
    <t>cg05638250</t>
  </si>
  <si>
    <t>cg05642426</t>
  </si>
  <si>
    <t>cg05643464</t>
  </si>
  <si>
    <t>cg05645982</t>
  </si>
  <si>
    <t>cg05647005</t>
  </si>
  <si>
    <t>cg05648367</t>
  </si>
  <si>
    <t>cg05650680</t>
  </si>
  <si>
    <t>cg05655001</t>
  </si>
  <si>
    <t>cg05670530</t>
  </si>
  <si>
    <t>cg05681977</t>
  </si>
  <si>
    <t>cg05681996</t>
  </si>
  <si>
    <t>cg05682581</t>
  </si>
  <si>
    <t>cg05690685</t>
  </si>
  <si>
    <t>cg05696731</t>
  </si>
  <si>
    <t>cg05698069</t>
  </si>
  <si>
    <t>cg05701791</t>
  </si>
  <si>
    <t>cg05707211</t>
  </si>
  <si>
    <t>cg05714119</t>
  </si>
  <si>
    <t>cg05716567</t>
  </si>
  <si>
    <t>cg05719134</t>
  </si>
  <si>
    <t>cg05733623</t>
  </si>
  <si>
    <t>cg05740045</t>
  </si>
  <si>
    <t>cg05740582</t>
  </si>
  <si>
    <t>cg05742247</t>
  </si>
  <si>
    <t>cg05742294</t>
  </si>
  <si>
    <t>cg05743086</t>
  </si>
  <si>
    <t>cg05743883</t>
  </si>
  <si>
    <t>cg05744888</t>
  </si>
  <si>
    <t>cg05745134</t>
  </si>
  <si>
    <t>cg05746500</t>
  </si>
  <si>
    <t>cg05748163</t>
  </si>
  <si>
    <t>cg05754402</t>
  </si>
  <si>
    <t>cg05754861</t>
  </si>
  <si>
    <t>cg05759166</t>
  </si>
  <si>
    <t>cg05759421</t>
  </si>
  <si>
    <t>cg05767421</t>
  </si>
  <si>
    <t>cg05778278</t>
  </si>
  <si>
    <t>cg05780864</t>
  </si>
  <si>
    <t>cg05787038</t>
  </si>
  <si>
    <t>cg05795449</t>
  </si>
  <si>
    <t>cg05796178</t>
  </si>
  <si>
    <t>cg05797660</t>
  </si>
  <si>
    <t>cg05806180</t>
  </si>
  <si>
    <t>cg05806645</t>
  </si>
  <si>
    <t>cg05807444</t>
  </si>
  <si>
    <t>cg05809437</t>
  </si>
  <si>
    <t>cg05809843</t>
  </si>
  <si>
    <t>cg05810369</t>
  </si>
  <si>
    <t>cg05812492</t>
  </si>
  <si>
    <t>cg05812814</t>
  </si>
  <si>
    <t>cg05813297</t>
  </si>
  <si>
    <t>cg05813328</t>
  </si>
  <si>
    <t>cg05813380</t>
  </si>
  <si>
    <t>cg05820312</t>
  </si>
  <si>
    <t>cg05824990</t>
  </si>
  <si>
    <t>cg05825700</t>
  </si>
  <si>
    <t>cg05828925</t>
  </si>
  <si>
    <t>cg05829145</t>
  </si>
  <si>
    <t>cg05831315</t>
  </si>
  <si>
    <t>cg05833318</t>
  </si>
  <si>
    <t>cg05844390</t>
  </si>
  <si>
    <t>cg05849612</t>
  </si>
  <si>
    <t>cg05850205</t>
  </si>
  <si>
    <t>cg05860890</t>
  </si>
  <si>
    <t>cg05868512</t>
  </si>
  <si>
    <t>cg05873604</t>
  </si>
  <si>
    <t>cg05874549</t>
  </si>
  <si>
    <t>cg05876644</t>
  </si>
  <si>
    <t>cg05877990</t>
  </si>
  <si>
    <t>cg05885688</t>
  </si>
  <si>
    <t>cg05886418</t>
  </si>
  <si>
    <t>cg05888298</t>
  </si>
  <si>
    <t>cg05898881</t>
  </si>
  <si>
    <t>cg05903927</t>
  </si>
  <si>
    <t>cg05904213</t>
  </si>
  <si>
    <t>cg05904795</t>
  </si>
  <si>
    <t>cg05906295</t>
  </si>
  <si>
    <t>cg05913474</t>
  </si>
  <si>
    <t>cg05927173</t>
  </si>
  <si>
    <t>cg05927432</t>
  </si>
  <si>
    <t>cg05927802</t>
  </si>
  <si>
    <t>cg05932698</t>
  </si>
  <si>
    <t>cg05940202</t>
  </si>
  <si>
    <t>cg05942831</t>
  </si>
  <si>
    <t>cg05950485</t>
  </si>
  <si>
    <t>cg05951364</t>
  </si>
  <si>
    <t>cg05956747</t>
  </si>
  <si>
    <t>cg05966149</t>
  </si>
  <si>
    <t>cg05968988</t>
  </si>
  <si>
    <t>cg05972070</t>
  </si>
  <si>
    <t>cg05972303</t>
  </si>
  <si>
    <t>cg05973028</t>
  </si>
  <si>
    <t>cg05973317</t>
  </si>
  <si>
    <t>cg05973395</t>
  </si>
  <si>
    <t>cg05973498</t>
  </si>
  <si>
    <t>cg05974733</t>
  </si>
  <si>
    <t>cg05976753</t>
  </si>
  <si>
    <t>cg05977053</t>
  </si>
  <si>
    <t>cg05977072</t>
  </si>
  <si>
    <t>cg05979597</t>
  </si>
  <si>
    <t>cg05981406</t>
  </si>
  <si>
    <t>cg05985146</t>
  </si>
  <si>
    <t>cg05986505</t>
  </si>
  <si>
    <t>cg05991938</t>
  </si>
  <si>
    <t>cg05996052</t>
  </si>
  <si>
    <t>cg05997362</t>
  </si>
  <si>
    <t>cg05998339</t>
  </si>
  <si>
    <t>cg06009497</t>
  </si>
  <si>
    <t>cg06010032</t>
  </si>
  <si>
    <t>cg06011086</t>
  </si>
  <si>
    <t>cg06015733</t>
  </si>
  <si>
    <t>cg06016823</t>
  </si>
  <si>
    <t>cg06029935</t>
  </si>
  <si>
    <t>cg06043159</t>
  </si>
  <si>
    <t>cg06043201</t>
  </si>
  <si>
    <t>cg06043315</t>
  </si>
  <si>
    <t>cg06043908</t>
  </si>
  <si>
    <t>cg06044105</t>
  </si>
  <si>
    <t>cg06044468</t>
  </si>
  <si>
    <t>cg06047886</t>
  </si>
  <si>
    <t>cg06050341</t>
  </si>
  <si>
    <t>cg06053347</t>
  </si>
  <si>
    <t>cg06053605</t>
  </si>
  <si>
    <t>cg06054159</t>
  </si>
  <si>
    <t>cg06060338</t>
  </si>
  <si>
    <t>cg06066137</t>
  </si>
  <si>
    <t>cg06066180</t>
  </si>
  <si>
    <t>cg06067208</t>
  </si>
  <si>
    <t>cg06067493</t>
  </si>
  <si>
    <t>cg06070132</t>
  </si>
  <si>
    <t>cg06070970</t>
  </si>
  <si>
    <t>cg06076277</t>
  </si>
  <si>
    <t>cg06076323</t>
  </si>
  <si>
    <t>cg06078892</t>
  </si>
  <si>
    <t>cg06081952</t>
  </si>
  <si>
    <t>cg06084735</t>
  </si>
  <si>
    <t>cg06087255</t>
  </si>
  <si>
    <t>cg06093279</t>
  </si>
  <si>
    <t>cg06094607</t>
  </si>
  <si>
    <t>cg06101723</t>
  </si>
  <si>
    <t>cg06102330</t>
  </si>
  <si>
    <t>cg06102678</t>
  </si>
  <si>
    <t>cg06103746</t>
  </si>
  <si>
    <t>cg06107816</t>
  </si>
  <si>
    <t>cg06108374</t>
  </si>
  <si>
    <t>cg06113534</t>
  </si>
  <si>
    <t>cg06118302</t>
  </si>
  <si>
    <t>cg06119051</t>
  </si>
  <si>
    <t>cg06119711</t>
  </si>
  <si>
    <t>cg06162872</t>
  </si>
  <si>
    <t>cg06164608</t>
  </si>
  <si>
    <t>cg06166371</t>
  </si>
  <si>
    <t>cg06166767</t>
  </si>
  <si>
    <t>cg06166932</t>
  </si>
  <si>
    <t>cg06179159</t>
  </si>
  <si>
    <t>cg06179615</t>
  </si>
  <si>
    <t>cg06182099</t>
  </si>
  <si>
    <t>cg06182811</t>
  </si>
  <si>
    <t>cg06184396</t>
  </si>
  <si>
    <t>cg06187336</t>
  </si>
  <si>
    <t>cg06195829</t>
  </si>
  <si>
    <t>cg06201372</t>
  </si>
  <si>
    <t>cg06218678</t>
  </si>
  <si>
    <t>cg06219408</t>
  </si>
  <si>
    <t>cg06219793</t>
  </si>
  <si>
    <t>cg06224832</t>
  </si>
  <si>
    <t>cg06226386</t>
  </si>
  <si>
    <t>cg06230848</t>
  </si>
  <si>
    <t>cg06236976</t>
  </si>
  <si>
    <t>cg06244691</t>
  </si>
  <si>
    <t>cg06246552</t>
  </si>
  <si>
    <t>cg06246646</t>
  </si>
  <si>
    <t>cg06249953</t>
  </si>
  <si>
    <t>cg06250135</t>
  </si>
  <si>
    <t>cg06250963</t>
  </si>
  <si>
    <t>cg06251670</t>
  </si>
  <si>
    <t>cg06259052</t>
  </si>
  <si>
    <t>cg06263013</t>
  </si>
  <si>
    <t>cg06263740</t>
  </si>
  <si>
    <t>cg06269753</t>
  </si>
  <si>
    <t>cg06276653</t>
  </si>
  <si>
    <t>cg06287665</t>
  </si>
  <si>
    <t>cg06292304</t>
  </si>
  <si>
    <t>cg06293872</t>
  </si>
  <si>
    <t>cg06294319</t>
  </si>
  <si>
    <t>cg06294712</t>
  </si>
  <si>
    <t>cg06307601</t>
  </si>
  <si>
    <t>cg06319475</t>
  </si>
  <si>
    <t>cg06330431</t>
  </si>
  <si>
    <t>cg06331333</t>
  </si>
  <si>
    <t>cg06334496</t>
  </si>
  <si>
    <t>cg06339135</t>
  </si>
  <si>
    <t>cg06341195</t>
  </si>
  <si>
    <t>cg06344474</t>
  </si>
  <si>
    <t>cg06354558</t>
  </si>
  <si>
    <t>cg06367527</t>
  </si>
  <si>
    <t>cg06369261</t>
  </si>
  <si>
    <t>cg06371044</t>
  </si>
  <si>
    <t>cg06381000</t>
  </si>
  <si>
    <t>cg06399735</t>
  </si>
  <si>
    <t>cg06403126</t>
  </si>
  <si>
    <t>cg06404526</t>
  </si>
  <si>
    <t>cg06410057</t>
  </si>
  <si>
    <t>cg06410746</t>
  </si>
  <si>
    <t>cg06412523</t>
  </si>
  <si>
    <t>cg06417885</t>
  </si>
  <si>
    <t>cg06418282</t>
  </si>
  <si>
    <t>cg06421751</t>
  </si>
  <si>
    <t>cg06435639</t>
  </si>
  <si>
    <t>cg06437206</t>
  </si>
  <si>
    <t>cg06437703</t>
  </si>
  <si>
    <t>cg06438385</t>
  </si>
  <si>
    <t>cg06441024</t>
  </si>
  <si>
    <t>cg06448090</t>
  </si>
  <si>
    <t>cg06448573</t>
  </si>
  <si>
    <t>cg06449084</t>
  </si>
  <si>
    <t>cg06454283</t>
  </si>
  <si>
    <t>cg06454326</t>
  </si>
  <si>
    <t>cg06458171</t>
  </si>
  <si>
    <t>cg06460511</t>
  </si>
  <si>
    <t>cg06463142</t>
  </si>
  <si>
    <t>cg06498398</t>
  </si>
  <si>
    <t>cg06513375</t>
  </si>
  <si>
    <t>cg06518628</t>
  </si>
  <si>
    <t>cg06520296</t>
  </si>
  <si>
    <t>cg06529685</t>
  </si>
  <si>
    <t>cg06541938</t>
  </si>
  <si>
    <t>cg06546286</t>
  </si>
  <si>
    <t>cg06547867</t>
  </si>
  <si>
    <t>cg06553736</t>
  </si>
  <si>
    <t>cg06553843</t>
  </si>
  <si>
    <t>cg06556648</t>
  </si>
  <si>
    <t>cg06556929</t>
  </si>
  <si>
    <t>cg06560754</t>
  </si>
  <si>
    <t>cg06562184</t>
  </si>
  <si>
    <t>cg06562707</t>
  </si>
  <si>
    <t>cg06563451</t>
  </si>
  <si>
    <t>cg06563589</t>
  </si>
  <si>
    <t>cg06565641</t>
  </si>
  <si>
    <t>cg06568789</t>
  </si>
  <si>
    <t>cg06572713</t>
  </si>
  <si>
    <t>cg06574881</t>
  </si>
  <si>
    <t>cg06576318</t>
  </si>
  <si>
    <t>cg06578561</t>
  </si>
  <si>
    <t>cg06588735</t>
  </si>
  <si>
    <t>cg06592178</t>
  </si>
  <si>
    <t>cg06592260</t>
  </si>
  <si>
    <t>cg06597861</t>
  </si>
  <si>
    <t>cg06598461</t>
  </si>
  <si>
    <t>cg06602601</t>
  </si>
  <si>
    <t>cg06617101</t>
  </si>
  <si>
    <t>cg06619076</t>
  </si>
  <si>
    <t>cg06626135</t>
  </si>
  <si>
    <t>cg06626168</t>
  </si>
  <si>
    <t>cg06639722</t>
  </si>
  <si>
    <t>cg06666727</t>
  </si>
  <si>
    <t>cg06668555</t>
  </si>
  <si>
    <t>cg06668829</t>
  </si>
  <si>
    <t>cg06671706</t>
  </si>
  <si>
    <t>cg06672250</t>
  </si>
  <si>
    <t>cg06681396</t>
  </si>
  <si>
    <t>cg06688910</t>
  </si>
  <si>
    <t>cg06691218</t>
  </si>
  <si>
    <t>cg06693505</t>
  </si>
  <si>
    <t>cg06695800</t>
  </si>
  <si>
    <t>cg06698093</t>
  </si>
  <si>
    <t>cg06698828</t>
  </si>
  <si>
    <t>cg06700209</t>
  </si>
  <si>
    <t>cg06704518</t>
  </si>
  <si>
    <t>cg06704573</t>
  </si>
  <si>
    <t>cg06707081</t>
  </si>
  <si>
    <t>cg06707765</t>
  </si>
  <si>
    <t>cg06709756</t>
  </si>
  <si>
    <t>cg06710295</t>
  </si>
  <si>
    <t>cg06728098</t>
  </si>
  <si>
    <t>cg06729844</t>
  </si>
  <si>
    <t>cg06730756</t>
  </si>
  <si>
    <t>cg06734962</t>
  </si>
  <si>
    <t>cg06741005</t>
  </si>
  <si>
    <t>cg06746154</t>
  </si>
  <si>
    <t>cg06762679</t>
  </si>
  <si>
    <t>cg06768423</t>
  </si>
  <si>
    <t>cg06770091</t>
  </si>
  <si>
    <t>cg06771664</t>
  </si>
  <si>
    <t>cg06772221</t>
  </si>
  <si>
    <t>cg06772863</t>
  </si>
  <si>
    <t>cg06781213</t>
  </si>
  <si>
    <t>cg06784909</t>
  </si>
  <si>
    <t>cg06788404</t>
  </si>
  <si>
    <t>cg06797156</t>
  </si>
  <si>
    <t>cg06800444</t>
  </si>
  <si>
    <t>cg06807837</t>
  </si>
  <si>
    <t>cg06815112</t>
  </si>
  <si>
    <t>cg06816054</t>
  </si>
  <si>
    <t>cg06818484</t>
  </si>
  <si>
    <t>cg06819926</t>
  </si>
  <si>
    <t>cg06820914</t>
  </si>
  <si>
    <t>cg06821993</t>
  </si>
  <si>
    <t>cg06868946</t>
  </si>
  <si>
    <t>cg06873295</t>
  </si>
  <si>
    <t>cg06874326</t>
  </si>
  <si>
    <t>cg06877669</t>
  </si>
  <si>
    <t>cg06879998</t>
  </si>
  <si>
    <t>cg06889975</t>
  </si>
  <si>
    <t>cg06891533</t>
  </si>
  <si>
    <t>cg06891716</t>
  </si>
  <si>
    <t>cg06892907</t>
  </si>
  <si>
    <t>cg06895124</t>
  </si>
  <si>
    <t>cg06899044</t>
  </si>
  <si>
    <t>cg06900571</t>
  </si>
  <si>
    <t>cg06902669</t>
  </si>
  <si>
    <t>cg06905516</t>
  </si>
  <si>
    <t>cg06927280</t>
  </si>
  <si>
    <t>cg06931523</t>
  </si>
  <si>
    <t>cg06935608</t>
  </si>
  <si>
    <t>cg06937051</t>
  </si>
  <si>
    <t>cg06942649</t>
  </si>
  <si>
    <t>cg06944112</t>
  </si>
  <si>
    <t>cg06946901</t>
  </si>
  <si>
    <t>cg06946942</t>
  </si>
  <si>
    <t>cg06948878</t>
  </si>
  <si>
    <t>cg06953333</t>
  </si>
  <si>
    <t>cg06954346</t>
  </si>
  <si>
    <t>cg06955919</t>
  </si>
  <si>
    <t>cg06960514</t>
  </si>
  <si>
    <t>cg06983765</t>
  </si>
  <si>
    <t>cg06986184</t>
  </si>
  <si>
    <t>cg06986734</t>
  </si>
  <si>
    <t>cg06992223</t>
  </si>
  <si>
    <t>cg06994936</t>
  </si>
  <si>
    <t>cg07005294</t>
  </si>
  <si>
    <t>cg07005459</t>
  </si>
  <si>
    <t>cg07005767</t>
  </si>
  <si>
    <t>cg07011029</t>
  </si>
  <si>
    <t>cg07021275</t>
  </si>
  <si>
    <t>cg07022728</t>
  </si>
  <si>
    <t>cg07028620</t>
  </si>
  <si>
    <t>cg07028950</t>
  </si>
  <si>
    <t>cg07044391</t>
  </si>
  <si>
    <t>cg07054263</t>
  </si>
  <si>
    <t>cg07055311</t>
  </si>
  <si>
    <t>cg07056138</t>
  </si>
  <si>
    <t>cg07059360</t>
  </si>
  <si>
    <t>cg07062933</t>
  </si>
  <si>
    <t>cg07065941</t>
  </si>
  <si>
    <t>cg07068181</t>
  </si>
  <si>
    <t>cg07068870</t>
  </si>
  <si>
    <t>cg07069743</t>
  </si>
  <si>
    <t>cg07069828</t>
  </si>
  <si>
    <t>cg07072366</t>
  </si>
  <si>
    <t>cg07074976</t>
  </si>
  <si>
    <t>cg07075169</t>
  </si>
  <si>
    <t>cg07079663</t>
  </si>
  <si>
    <t>cg07084161</t>
  </si>
  <si>
    <t>cg07084941</t>
  </si>
  <si>
    <t>cg07086112</t>
  </si>
  <si>
    <t>cg07089399</t>
  </si>
  <si>
    <t>cg07092525</t>
  </si>
  <si>
    <t>cg07092985</t>
  </si>
  <si>
    <t>cg07095671</t>
  </si>
  <si>
    <t>cg07104660</t>
  </si>
  <si>
    <t>cg07109670</t>
  </si>
  <si>
    <t>cg07113414</t>
  </si>
  <si>
    <t>cg07115035</t>
  </si>
  <si>
    <t>cg07118000</t>
  </si>
  <si>
    <t>cg07118638</t>
  </si>
  <si>
    <t>cg07120544</t>
  </si>
  <si>
    <t>cg07123118</t>
  </si>
  <si>
    <t>cg07123730</t>
  </si>
  <si>
    <t>cg07124686</t>
  </si>
  <si>
    <t>cg07125123</t>
  </si>
  <si>
    <t>cg07125243</t>
  </si>
  <si>
    <t>cg07126091</t>
  </si>
  <si>
    <t>cg07129273</t>
  </si>
  <si>
    <t>cg07144715</t>
  </si>
  <si>
    <t>cg07145834</t>
  </si>
  <si>
    <t>cg07148318</t>
  </si>
  <si>
    <t>cg07149267</t>
  </si>
  <si>
    <t>cg07151117</t>
  </si>
  <si>
    <t>cg07158065</t>
  </si>
  <si>
    <t>cg07159961</t>
  </si>
  <si>
    <t>cg07161603</t>
  </si>
  <si>
    <t>cg07164125</t>
  </si>
  <si>
    <t>cg07164659</t>
  </si>
  <si>
    <t>cg07168148</t>
  </si>
  <si>
    <t>cg07168939</t>
  </si>
  <si>
    <t>cg07169625</t>
  </si>
  <si>
    <t>cg07169798</t>
  </si>
  <si>
    <t>cg07171893</t>
  </si>
  <si>
    <t>cg07178994</t>
  </si>
  <si>
    <t>cg07190229</t>
  </si>
  <si>
    <t>cg07195118</t>
  </si>
  <si>
    <t>cg07200386</t>
  </si>
  <si>
    <t>cg07204792</t>
  </si>
  <si>
    <t>cg07205791</t>
  </si>
  <si>
    <t>cg07208667</t>
  </si>
  <si>
    <t>cg07212837</t>
  </si>
  <si>
    <t>cg07213415</t>
  </si>
  <si>
    <t>cg07214270</t>
  </si>
  <si>
    <t>cg07216194</t>
  </si>
  <si>
    <t>cg07222113</t>
  </si>
  <si>
    <t>cg07231045</t>
  </si>
  <si>
    <t>cg07235638</t>
  </si>
  <si>
    <t>cg07236691</t>
  </si>
  <si>
    <t>cg07236958</t>
  </si>
  <si>
    <t>cg07239293</t>
  </si>
  <si>
    <t>cg07241908</t>
  </si>
  <si>
    <t>cg07243202</t>
  </si>
  <si>
    <t>cg07249684</t>
  </si>
  <si>
    <t>cg07254608</t>
  </si>
  <si>
    <t>cg07264586</t>
  </si>
  <si>
    <t>cg07267296</t>
  </si>
  <si>
    <t>cg07273304</t>
  </si>
  <si>
    <t>cg07277962</t>
  </si>
  <si>
    <t>cg07279631</t>
  </si>
  <si>
    <t>cg07279752</t>
  </si>
  <si>
    <t>cg07280155</t>
  </si>
  <si>
    <t>cg07290552</t>
  </si>
  <si>
    <t>cg07291889</t>
  </si>
  <si>
    <t>cg07294814</t>
  </si>
  <si>
    <t>cg07296597</t>
  </si>
  <si>
    <t>cg07302626</t>
  </si>
  <si>
    <t>cg07305933</t>
  </si>
  <si>
    <t>cg07313709</t>
  </si>
  <si>
    <t>cg07328565</t>
  </si>
  <si>
    <t>cg07331849</t>
  </si>
  <si>
    <t>cg07332338</t>
  </si>
  <si>
    <t>cg07337456</t>
  </si>
  <si>
    <t>cg07338584</t>
  </si>
  <si>
    <t>cg07349045</t>
  </si>
  <si>
    <t>cg07349217</t>
  </si>
  <si>
    <t>cg07350076</t>
  </si>
  <si>
    <t>cg07352127</t>
  </si>
  <si>
    <t>cg07358855</t>
  </si>
  <si>
    <t>cg07360480</t>
  </si>
  <si>
    <t>cg07362164</t>
  </si>
  <si>
    <t>cg07391088</t>
  </si>
  <si>
    <t>cg07392860</t>
  </si>
  <si>
    <t>cg07396746</t>
  </si>
  <si>
    <t>cg07399532</t>
  </si>
  <si>
    <t>cg07419619</t>
  </si>
  <si>
    <t>cg07421261</t>
  </si>
  <si>
    <t>cg07422669</t>
  </si>
  <si>
    <t>cg07428430</t>
  </si>
  <si>
    <t>cg07428915</t>
  </si>
  <si>
    <t>cg07437919</t>
  </si>
  <si>
    <t>cg07438238</t>
  </si>
  <si>
    <t>cg07441143</t>
  </si>
  <si>
    <t>cg07441152</t>
  </si>
  <si>
    <t>cg07448460</t>
  </si>
  <si>
    <t>cg07456135</t>
  </si>
  <si>
    <t>cg07456815</t>
  </si>
  <si>
    <t>cg07462677</t>
  </si>
  <si>
    <t>cg07463445</t>
  </si>
  <si>
    <t>cg07467338</t>
  </si>
  <si>
    <t>cg07470314</t>
  </si>
  <si>
    <t>cg07471614</t>
  </si>
  <si>
    <t>cg07475771</t>
  </si>
  <si>
    <t>cg07482692</t>
  </si>
  <si>
    <t>cg07485198</t>
  </si>
  <si>
    <t>cg07485417</t>
  </si>
  <si>
    <t>cg07485787</t>
  </si>
  <si>
    <t>cg07498778</t>
  </si>
  <si>
    <t>cg07502389</t>
  </si>
  <si>
    <t>cg07505363</t>
  </si>
  <si>
    <t>cg07509167</t>
  </si>
  <si>
    <t>cg07510346</t>
  </si>
  <si>
    <t>cg07511723</t>
  </si>
  <si>
    <t>cg07516742</t>
  </si>
  <si>
    <t>cg07531093</t>
  </si>
  <si>
    <t>cg07531663</t>
  </si>
  <si>
    <t>cg07534467</t>
  </si>
  <si>
    <t>cg07536704</t>
  </si>
  <si>
    <t>cg07538190</t>
  </si>
  <si>
    <t>cg07538364</t>
  </si>
  <si>
    <t>cg07540652</t>
  </si>
  <si>
    <t>cg07546433</t>
  </si>
  <si>
    <t>cg07554329</t>
  </si>
  <si>
    <t>cg07556789</t>
  </si>
  <si>
    <t>cg07557903</t>
  </si>
  <si>
    <t>cg07560035</t>
  </si>
  <si>
    <t>cg07561588</t>
  </si>
  <si>
    <t>cg07569953</t>
  </si>
  <si>
    <t>cg07572435</t>
  </si>
  <si>
    <t>cg07573057</t>
  </si>
  <si>
    <t>cg07581623</t>
  </si>
  <si>
    <t>cg07583503</t>
  </si>
  <si>
    <t>cg07584734</t>
  </si>
  <si>
    <t>cg07589612</t>
  </si>
  <si>
    <t>cg07593570</t>
  </si>
  <si>
    <t>cg07593977</t>
  </si>
  <si>
    <t>cg07598407</t>
  </si>
  <si>
    <t>cg07603922</t>
  </si>
  <si>
    <t>cg07609388</t>
  </si>
  <si>
    <t>cg07611626</t>
  </si>
  <si>
    <t>cg07611812</t>
  </si>
  <si>
    <t>cg07614344</t>
  </si>
  <si>
    <t>cg07621684</t>
  </si>
  <si>
    <t>cg07623995</t>
  </si>
  <si>
    <t>cg07629017</t>
  </si>
  <si>
    <t>cg07634191</t>
  </si>
  <si>
    <t>cg07636362</t>
  </si>
  <si>
    <t>cg07645844</t>
  </si>
  <si>
    <t>cg07659624</t>
  </si>
  <si>
    <t>cg07664173</t>
  </si>
  <si>
    <t>cg07664990</t>
  </si>
  <si>
    <t>cg07665115</t>
  </si>
  <si>
    <t>cg07665487</t>
  </si>
  <si>
    <t>cg07671011</t>
  </si>
  <si>
    <t>cg07673103</t>
  </si>
  <si>
    <t>cg07692172</t>
  </si>
  <si>
    <t>cg07697348</t>
  </si>
  <si>
    <t>cg07706114</t>
  </si>
  <si>
    <t>cg07709358</t>
  </si>
  <si>
    <t>cg07710020</t>
  </si>
  <si>
    <t>cg07711097</t>
  </si>
  <si>
    <t>cg07713896</t>
  </si>
  <si>
    <t>cg07723459</t>
  </si>
  <si>
    <t>cg07725729</t>
  </si>
  <si>
    <t>cg07751039</t>
  </si>
  <si>
    <t>cg07751298</t>
  </si>
  <si>
    <t>cg07752613</t>
  </si>
  <si>
    <t>cg07756338</t>
  </si>
  <si>
    <t>cg07757183</t>
  </si>
  <si>
    <t>cg07757887</t>
  </si>
  <si>
    <t>cg07761646</t>
  </si>
  <si>
    <t>cg07764073</t>
  </si>
  <si>
    <t>cg07771539</t>
  </si>
  <si>
    <t>cg07772400</t>
  </si>
  <si>
    <t>cg07773022</t>
  </si>
  <si>
    <t>cg07773060</t>
  </si>
  <si>
    <t>cg07773510</t>
  </si>
  <si>
    <t>cg07779782</t>
  </si>
  <si>
    <t>cg07780735</t>
  </si>
  <si>
    <t>cg07782451</t>
  </si>
  <si>
    <t>cg07795030</t>
  </si>
  <si>
    <t>cg07837262</t>
  </si>
  <si>
    <t>cg07851738</t>
  </si>
  <si>
    <t>cg07862768</t>
  </si>
  <si>
    <t>cg07863950</t>
  </si>
  <si>
    <t>cg07865444</t>
  </si>
  <si>
    <t>cg07866137</t>
  </si>
  <si>
    <t>cg07869135</t>
  </si>
  <si>
    <t>cg07872300</t>
  </si>
  <si>
    <t>cg07874755</t>
  </si>
  <si>
    <t>cg07878171</t>
  </si>
  <si>
    <t>cg07878378</t>
  </si>
  <si>
    <t>cg07889284</t>
  </si>
  <si>
    <t>cg07889469</t>
  </si>
  <si>
    <t>cg07892167</t>
  </si>
  <si>
    <t>cg07893575</t>
  </si>
  <si>
    <t>cg07898713</t>
  </si>
  <si>
    <t>cg07922007</t>
  </si>
  <si>
    <t>cg07922980</t>
  </si>
  <si>
    <t>cg07923686</t>
  </si>
  <si>
    <t>cg07932328</t>
  </si>
  <si>
    <t>cg07933542</t>
  </si>
  <si>
    <t>cg07935657</t>
  </si>
  <si>
    <t>cg07935886</t>
  </si>
  <si>
    <t>cg07943780</t>
  </si>
  <si>
    <t>cg07960624</t>
  </si>
  <si>
    <t>cg07962311</t>
  </si>
  <si>
    <t>cg07963670</t>
  </si>
  <si>
    <t>cg07964178</t>
  </si>
  <si>
    <t>cg07969668</t>
  </si>
  <si>
    <t>cg07972787</t>
  </si>
  <si>
    <t>cg07981588</t>
  </si>
  <si>
    <t>cg07998216</t>
  </si>
  <si>
    <t>cg08006053</t>
  </si>
  <si>
    <t>cg08008088</t>
  </si>
  <si>
    <t>cg08008144</t>
  </si>
  <si>
    <t>cg08012294</t>
  </si>
  <si>
    <t>cg08017634</t>
  </si>
  <si>
    <t>cg08020051</t>
  </si>
  <si>
    <t>cg08026493</t>
  </si>
  <si>
    <t>cg08032135</t>
  </si>
  <si>
    <t>cg08038402</t>
  </si>
  <si>
    <t>cg08040428</t>
  </si>
  <si>
    <t>cg08058217</t>
  </si>
  <si>
    <t>cg08071915</t>
  </si>
  <si>
    <t>cg08072539</t>
  </si>
  <si>
    <t>cg08079052</t>
  </si>
  <si>
    <t>cg08080660</t>
  </si>
  <si>
    <t>cg08087849</t>
  </si>
  <si>
    <t>cg08090164</t>
  </si>
  <si>
    <t>cg08090367</t>
  </si>
  <si>
    <t>cg08090772</t>
  </si>
  <si>
    <t>cg08091970</t>
  </si>
  <si>
    <t>cg08092111</t>
  </si>
  <si>
    <t>cg08115556</t>
  </si>
  <si>
    <t>cg08115618</t>
  </si>
  <si>
    <t>cg08116998</t>
  </si>
  <si>
    <t>cg08120009</t>
  </si>
  <si>
    <t>cg08123106</t>
  </si>
  <si>
    <t>cg08125821</t>
  </si>
  <si>
    <t>cg08130814</t>
  </si>
  <si>
    <t>cg08132132</t>
  </si>
  <si>
    <t>cg08147226</t>
  </si>
  <si>
    <t>cg08152819</t>
  </si>
  <si>
    <t>cg08158233</t>
  </si>
  <si>
    <t>cg08163855</t>
  </si>
  <si>
    <t>cg08170427</t>
  </si>
  <si>
    <t>cg08172065</t>
  </si>
  <si>
    <t>cg08172304</t>
  </si>
  <si>
    <t>cg08181657</t>
  </si>
  <si>
    <t>cg08188993</t>
  </si>
  <si>
    <t>cg08197122</t>
  </si>
  <si>
    <t>cg08197509</t>
  </si>
  <si>
    <t>cg08197579</t>
  </si>
  <si>
    <t>cg08205099</t>
  </si>
  <si>
    <t>cg08205396</t>
  </si>
  <si>
    <t>cg08205700</t>
  </si>
  <si>
    <t>cg08209577</t>
  </si>
  <si>
    <t>cg08209691</t>
  </si>
  <si>
    <t>cg08210975</t>
  </si>
  <si>
    <t>cg08211704</t>
  </si>
  <si>
    <t>cg08215831</t>
  </si>
  <si>
    <t>cg08216021</t>
  </si>
  <si>
    <t>cg08219700</t>
  </si>
  <si>
    <t>cg08220122</t>
  </si>
  <si>
    <t>cg08220261</t>
  </si>
  <si>
    <t>cg08225389</t>
  </si>
  <si>
    <t>cg08231333</t>
  </si>
  <si>
    <t>cg08231709</t>
  </si>
  <si>
    <t>cg08245217</t>
  </si>
  <si>
    <t>cg08258526</t>
  </si>
  <si>
    <t>cg08258539</t>
  </si>
  <si>
    <t>cg08262584</t>
  </si>
  <si>
    <t>cg08264885</t>
  </si>
  <si>
    <t>cg08266905</t>
  </si>
  <si>
    <t>cg08267399</t>
  </si>
  <si>
    <t>cg08268017</t>
  </si>
  <si>
    <t>cg08270491</t>
  </si>
  <si>
    <t>cg08271907</t>
  </si>
  <si>
    <t>cg08275047</t>
  </si>
  <si>
    <t>cg08280861</t>
  </si>
  <si>
    <t>cg08292569</t>
  </si>
  <si>
    <t>cg08293483</t>
  </si>
  <si>
    <t>cg08296263</t>
  </si>
  <si>
    <t>cg08302486</t>
  </si>
  <si>
    <t>cg08305378</t>
  </si>
  <si>
    <t>cg08305879</t>
  </si>
  <si>
    <t>cg08312330</t>
  </si>
  <si>
    <t>cg08314176</t>
  </si>
  <si>
    <t>cg08315829</t>
  </si>
  <si>
    <t>cg08327106</t>
  </si>
  <si>
    <t>cg08327744</t>
  </si>
  <si>
    <t>cg08330117</t>
  </si>
  <si>
    <t>cg08334153</t>
  </si>
  <si>
    <t>cg08334899</t>
  </si>
  <si>
    <t>cg08344634</t>
  </si>
  <si>
    <t>cg08372619</t>
  </si>
  <si>
    <t>cg08379380</t>
  </si>
  <si>
    <t>cg08379586</t>
  </si>
  <si>
    <t>cg08380064</t>
  </si>
  <si>
    <t>cg08381013</t>
  </si>
  <si>
    <t>cg08381274</t>
  </si>
  <si>
    <t>cg08385610</t>
  </si>
  <si>
    <t>cg08387270</t>
  </si>
  <si>
    <t>cg08387463</t>
  </si>
  <si>
    <t>cg08388995</t>
  </si>
  <si>
    <t>cg08389266</t>
  </si>
  <si>
    <t>cg08398805</t>
  </si>
  <si>
    <t>cg08416676</t>
  </si>
  <si>
    <t>cg08419026</t>
  </si>
  <si>
    <t>cg08426444</t>
  </si>
  <si>
    <t>cg08428512</t>
  </si>
  <si>
    <t>cg08433673</t>
  </si>
  <si>
    <t>cg08447387</t>
  </si>
  <si>
    <t>cg08448494</t>
  </si>
  <si>
    <t>cg08448547</t>
  </si>
  <si>
    <t>cg08448589</t>
  </si>
  <si>
    <t>cg08449448</t>
  </si>
  <si>
    <t>cg08451517</t>
  </si>
  <si>
    <t>cg08454824</t>
  </si>
  <si>
    <t>cg08458733</t>
  </si>
  <si>
    <t>cg08462127</t>
  </si>
  <si>
    <t>cg08462367</t>
  </si>
  <si>
    <t>cg08466968</t>
  </si>
  <si>
    <t>cg08473660</t>
  </si>
  <si>
    <t>cg08475401</t>
  </si>
  <si>
    <t>cg08476993</t>
  </si>
  <si>
    <t>cg08483876</t>
  </si>
  <si>
    <t>cg08492090</t>
  </si>
  <si>
    <t>cg08492178</t>
  </si>
  <si>
    <t>cg08496033</t>
  </si>
  <si>
    <t>cg08496775</t>
  </si>
  <si>
    <t>cg08498833</t>
  </si>
  <si>
    <t>cg08499602</t>
  </si>
  <si>
    <t>cg08500172</t>
  </si>
  <si>
    <t>cg08501054</t>
  </si>
  <si>
    <t>cg08503393</t>
  </si>
  <si>
    <t>cg08504029</t>
  </si>
  <si>
    <t>cg08506869</t>
  </si>
  <si>
    <t>cg08513527</t>
  </si>
  <si>
    <t>cg08514895</t>
  </si>
  <si>
    <t>cg08515284</t>
  </si>
  <si>
    <t>cg08518568</t>
  </si>
  <si>
    <t>cg08519658</t>
  </si>
  <si>
    <t>cg08520702</t>
  </si>
  <si>
    <t>cg08521289</t>
  </si>
  <si>
    <t>cg08521995</t>
  </si>
  <si>
    <t>cg08528213</t>
  </si>
  <si>
    <t>cg08537737</t>
  </si>
  <si>
    <t>cg08544606</t>
  </si>
  <si>
    <t>cg08550785</t>
  </si>
  <si>
    <t>cg08569678</t>
  </si>
  <si>
    <t>cg08576226</t>
  </si>
  <si>
    <t>cg08578216</t>
  </si>
  <si>
    <t>cg08579721</t>
  </si>
  <si>
    <t>cg08584868</t>
  </si>
  <si>
    <t>cg08587721</t>
  </si>
  <si>
    <t>cg08590987</t>
  </si>
  <si>
    <t>cg08591091</t>
  </si>
  <si>
    <t>cg08593007</t>
  </si>
  <si>
    <t>cg08596486</t>
  </si>
  <si>
    <t>cg08597832</t>
  </si>
  <si>
    <t>cg08598221</t>
  </si>
  <si>
    <t>cg08599085</t>
  </si>
  <si>
    <t>cg08602861</t>
  </si>
  <si>
    <t>cg08604679</t>
  </si>
  <si>
    <t>cg08605641</t>
  </si>
  <si>
    <t>cg08606493</t>
  </si>
  <si>
    <t>cg08606497</t>
  </si>
  <si>
    <t>cg08608523</t>
  </si>
  <si>
    <t>cg08611376</t>
  </si>
  <si>
    <t>cg08616243</t>
  </si>
  <si>
    <t>cg08620154</t>
  </si>
  <si>
    <t>cg08621454</t>
  </si>
  <si>
    <t>cg08621610</t>
  </si>
  <si>
    <t>cg08622648</t>
  </si>
  <si>
    <t>cg08624180</t>
  </si>
  <si>
    <t>cg08625482</t>
  </si>
  <si>
    <t>cg08632810</t>
  </si>
  <si>
    <t>cg08633665</t>
  </si>
  <si>
    <t>cg08638874</t>
  </si>
  <si>
    <t>cg08642111</t>
  </si>
  <si>
    <t>cg08642198</t>
  </si>
  <si>
    <t>cg08642325</t>
  </si>
  <si>
    <t>cg08677347</t>
  </si>
  <si>
    <t>cg08679800</t>
  </si>
  <si>
    <t>cg08681365</t>
  </si>
  <si>
    <t>cg08681904</t>
  </si>
  <si>
    <t>cg08687057</t>
  </si>
  <si>
    <t>cg08687507</t>
  </si>
  <si>
    <t>cg08691775</t>
  </si>
  <si>
    <t>cg08695336</t>
  </si>
  <si>
    <t>cg08698026</t>
  </si>
  <si>
    <t>cg08698856</t>
  </si>
  <si>
    <t>cg08699181</t>
  </si>
  <si>
    <t>cg08706317</t>
  </si>
  <si>
    <t>cg08711378</t>
  </si>
  <si>
    <t>cg08715231</t>
  </si>
  <si>
    <t>cg08716729</t>
  </si>
  <si>
    <t>cg08718031</t>
  </si>
  <si>
    <t>cg08737241</t>
  </si>
  <si>
    <t>cg08739896</t>
  </si>
  <si>
    <t>cg08743556</t>
  </si>
  <si>
    <t>cg08750432</t>
  </si>
  <si>
    <t>cg08757420</t>
  </si>
  <si>
    <t>cg08767027</t>
  </si>
  <si>
    <t>cg08768218</t>
  </si>
  <si>
    <t>cg08769781</t>
  </si>
  <si>
    <t>cg08774009</t>
  </si>
  <si>
    <t>cg08777490</t>
  </si>
  <si>
    <t>cg08783300</t>
  </si>
  <si>
    <t>cg08783934</t>
  </si>
  <si>
    <t>cg08783941</t>
  </si>
  <si>
    <t>cg08788930</t>
  </si>
  <si>
    <t>cg08790269</t>
  </si>
  <si>
    <t>cg08792272</t>
  </si>
  <si>
    <t>cg08805386</t>
  </si>
  <si>
    <t>cg08810842</t>
  </si>
  <si>
    <t>cg08815727</t>
  </si>
  <si>
    <t>cg08819647</t>
  </si>
  <si>
    <t>cg08819934</t>
  </si>
  <si>
    <t>cg08829393</t>
  </si>
  <si>
    <t>cg08831381</t>
  </si>
  <si>
    <t>cg08837481</t>
  </si>
  <si>
    <t>cg08838779</t>
  </si>
  <si>
    <t>cg08840751</t>
  </si>
  <si>
    <t>cg08841257</t>
  </si>
  <si>
    <t>cg08842584</t>
  </si>
  <si>
    <t>cg08843064</t>
  </si>
  <si>
    <t>cg08855705</t>
  </si>
  <si>
    <t>cg08856529</t>
  </si>
  <si>
    <t>cg08856841</t>
  </si>
  <si>
    <t>cg08858723</t>
  </si>
  <si>
    <t>cg08863473</t>
  </si>
  <si>
    <t>cg08864083</t>
  </si>
  <si>
    <t>cg08866876</t>
  </si>
  <si>
    <t>cg08867155</t>
  </si>
  <si>
    <t>cg08872550</t>
  </si>
  <si>
    <t>cg08872891</t>
  </si>
  <si>
    <t>cg08879744</t>
  </si>
  <si>
    <t>cg08885114</t>
  </si>
  <si>
    <t>cg08887137</t>
  </si>
  <si>
    <t>cg08887138</t>
  </si>
  <si>
    <t>cg08894066</t>
  </si>
  <si>
    <t>cg08896053</t>
  </si>
  <si>
    <t>cg08911152</t>
  </si>
  <si>
    <t>cg08916646</t>
  </si>
  <si>
    <t>cg08923054</t>
  </si>
  <si>
    <t>cg08924415</t>
  </si>
  <si>
    <t>cg08929626</t>
  </si>
  <si>
    <t>cg08929713</t>
  </si>
  <si>
    <t>cg08943089</t>
  </si>
  <si>
    <t>cg08948225</t>
  </si>
  <si>
    <t>cg08952343</t>
  </si>
  <si>
    <t>cg08953048</t>
  </si>
  <si>
    <t>cg08954353</t>
  </si>
  <si>
    <t>cg08955358</t>
  </si>
  <si>
    <t>cg08959677</t>
  </si>
  <si>
    <t>cg08961196</t>
  </si>
  <si>
    <t>cg08962185</t>
  </si>
  <si>
    <t>cg08963608</t>
  </si>
  <si>
    <t>cg08969922</t>
  </si>
  <si>
    <t>cg08970649</t>
  </si>
  <si>
    <t>cg08977887</t>
  </si>
  <si>
    <t>cg08980014</t>
  </si>
  <si>
    <t>cg08981844</t>
  </si>
  <si>
    <t>cg08985078</t>
  </si>
  <si>
    <t>cg08990264</t>
  </si>
  <si>
    <t>cg08992172</t>
  </si>
  <si>
    <t>cg08994061</t>
  </si>
  <si>
    <t>cg08996502</t>
  </si>
  <si>
    <t>cg09010387</t>
  </si>
  <si>
    <t>cg09011574</t>
  </si>
  <si>
    <t>cg09014858</t>
  </si>
  <si>
    <t>cg09019592</t>
  </si>
  <si>
    <t>cg09020064</t>
  </si>
  <si>
    <t>cg09020649</t>
  </si>
  <si>
    <t>cg09026038</t>
  </si>
  <si>
    <t>cg09027357</t>
  </si>
  <si>
    <t>cg09027685</t>
  </si>
  <si>
    <t>cg09030162</t>
  </si>
  <si>
    <t>cg09031473</t>
  </si>
  <si>
    <t>cg09034646</t>
  </si>
  <si>
    <t>cg09042448</t>
  </si>
  <si>
    <t>cg09043127</t>
  </si>
  <si>
    <t>cg09052083</t>
  </si>
  <si>
    <t>cg09052458</t>
  </si>
  <si>
    <t>cg09055822</t>
  </si>
  <si>
    <t>cg09056223</t>
  </si>
  <si>
    <t>cg09059319</t>
  </si>
  <si>
    <t>cg09076216</t>
  </si>
  <si>
    <t>cg09078643</t>
  </si>
  <si>
    <t>cg09091148</t>
  </si>
  <si>
    <t>cg09093418</t>
  </si>
  <si>
    <t>cg09093714</t>
  </si>
  <si>
    <t>cg09093858</t>
  </si>
  <si>
    <t>cg09093931</t>
  </si>
  <si>
    <t>cg09095122</t>
  </si>
  <si>
    <t>cg09096671</t>
  </si>
  <si>
    <t>cg09098624</t>
  </si>
  <si>
    <t>cg09100271</t>
  </si>
  <si>
    <t>cg09102447</t>
  </si>
  <si>
    <t>cg09120035</t>
  </si>
  <si>
    <t>cg09120809</t>
  </si>
  <si>
    <t>cg09121695</t>
  </si>
  <si>
    <t>cg09124961</t>
  </si>
  <si>
    <t>cg09125812</t>
  </si>
  <si>
    <t>cg09129132</t>
  </si>
  <si>
    <t>cg09130043</t>
  </si>
  <si>
    <t>cg09140851</t>
  </si>
  <si>
    <t>cg09141075</t>
  </si>
  <si>
    <t>cg09141450</t>
  </si>
  <si>
    <t>cg09146526</t>
  </si>
  <si>
    <t>cg09147065</t>
  </si>
  <si>
    <t>cg09147938</t>
  </si>
  <si>
    <t>cg09155025</t>
  </si>
  <si>
    <t>cg09159022</t>
  </si>
  <si>
    <t>cg09164580</t>
  </si>
  <si>
    <t>cg09236762</t>
  </si>
  <si>
    <t>cg09238000</t>
  </si>
  <si>
    <t>cg09256556</t>
  </si>
  <si>
    <t>cg09259595</t>
  </si>
  <si>
    <t>cg09266602</t>
  </si>
  <si>
    <t>cg09267188</t>
  </si>
  <si>
    <t>cg09267815</t>
  </si>
  <si>
    <t>cg09289992</t>
  </si>
  <si>
    <t>cg09294998</t>
  </si>
  <si>
    <t>cg09297334</t>
  </si>
  <si>
    <t>cg09299564</t>
  </si>
  <si>
    <t>cg09300171</t>
  </si>
  <si>
    <t>cg09313482</t>
  </si>
  <si>
    <t>cg09314421</t>
  </si>
  <si>
    <t>cg09314766</t>
  </si>
  <si>
    <t>cg09322678</t>
  </si>
  <si>
    <t>cg09323728</t>
  </si>
  <si>
    <t>cg09324628</t>
  </si>
  <si>
    <t>cg09334541</t>
  </si>
  <si>
    <t>cg09334558</t>
  </si>
  <si>
    <t>cg09364211</t>
  </si>
  <si>
    <t>cg09374673</t>
  </si>
  <si>
    <t>cg09376835</t>
  </si>
  <si>
    <t>cg09377531</t>
  </si>
  <si>
    <t>cg09378940</t>
  </si>
  <si>
    <t>cg09383816</t>
  </si>
  <si>
    <t>cg09383907</t>
  </si>
  <si>
    <t>cg09386971</t>
  </si>
  <si>
    <t>cg09388605</t>
  </si>
  <si>
    <t>cg09388991</t>
  </si>
  <si>
    <t>cg09390350</t>
  </si>
  <si>
    <t>cg09391333</t>
  </si>
  <si>
    <t>cg09396107</t>
  </si>
  <si>
    <t>cg09396217</t>
  </si>
  <si>
    <t>cg09404551</t>
  </si>
  <si>
    <t>cg09405635</t>
  </si>
  <si>
    <t>cg09406760</t>
  </si>
  <si>
    <t>cg09406921</t>
  </si>
  <si>
    <t>cg09413498</t>
  </si>
  <si>
    <t>cg09414002</t>
  </si>
  <si>
    <t>cg09415639</t>
  </si>
  <si>
    <t>cg09418861</t>
  </si>
  <si>
    <t>cg09423126</t>
  </si>
  <si>
    <t>cg09428214</t>
  </si>
  <si>
    <t>cg09428251</t>
  </si>
  <si>
    <t>cg09430976</t>
  </si>
  <si>
    <t>cg09433588</t>
  </si>
  <si>
    <t>cg09435415</t>
  </si>
  <si>
    <t>cg09438113</t>
  </si>
  <si>
    <t>cg09442828</t>
  </si>
  <si>
    <t>cg09444120</t>
  </si>
  <si>
    <t>cg09459291</t>
  </si>
  <si>
    <t>cg09468912</t>
  </si>
  <si>
    <t>cg09478597</t>
  </si>
  <si>
    <t>cg09479694</t>
  </si>
  <si>
    <t>cg09491281</t>
  </si>
  <si>
    <t>cg09495855</t>
  </si>
  <si>
    <t>cg09496391</t>
  </si>
  <si>
    <t>cg09498948</t>
  </si>
  <si>
    <t>cg09500200</t>
  </si>
  <si>
    <t>cg09502207</t>
  </si>
  <si>
    <t>cg09503853</t>
  </si>
  <si>
    <t>cg09510263</t>
  </si>
  <si>
    <t>cg09514401</t>
  </si>
  <si>
    <t>cg09517075</t>
  </si>
  <si>
    <t>cg09521575</t>
  </si>
  <si>
    <t>cg09524907</t>
  </si>
  <si>
    <t>cg09526048</t>
  </si>
  <si>
    <t>cg09528449</t>
  </si>
  <si>
    <t>cg09528494</t>
  </si>
  <si>
    <t>cg09529093</t>
  </si>
  <si>
    <t>cg09529783</t>
  </si>
  <si>
    <t>cg09531892</t>
  </si>
  <si>
    <t>cg09533087</t>
  </si>
  <si>
    <t>cg09533845</t>
  </si>
  <si>
    <t>cg09535960</t>
  </si>
  <si>
    <t>cg09537031</t>
  </si>
  <si>
    <t>cg09537551</t>
  </si>
  <si>
    <t>cg09539908</t>
  </si>
  <si>
    <t>cg09542250</t>
  </si>
  <si>
    <t>cg09548420</t>
  </si>
  <si>
    <t>cg09549649</t>
  </si>
  <si>
    <t>cg09557342</t>
  </si>
  <si>
    <t>cg09557462</t>
  </si>
  <si>
    <t>cg09559672</t>
  </si>
  <si>
    <t>cg09560979</t>
  </si>
  <si>
    <t>cg09564361</t>
  </si>
  <si>
    <t>cg09565657</t>
  </si>
  <si>
    <t>cg09567670</t>
  </si>
  <si>
    <t>cg09570655</t>
  </si>
  <si>
    <t>cg09576978</t>
  </si>
  <si>
    <t>cg09577317</t>
  </si>
  <si>
    <t>cg09579605</t>
  </si>
  <si>
    <t>cg09607363</t>
  </si>
  <si>
    <t>cg09607471</t>
  </si>
  <si>
    <t>cg09607488</t>
  </si>
  <si>
    <t>cg09608534</t>
  </si>
  <si>
    <t>cg09616413</t>
  </si>
  <si>
    <t>cg09621438</t>
  </si>
  <si>
    <t>cg09626193</t>
  </si>
  <si>
    <t>cg09626984</t>
  </si>
  <si>
    <t>cg09630404</t>
  </si>
  <si>
    <t>cg09631175</t>
  </si>
  <si>
    <t>cg09634226</t>
  </si>
  <si>
    <t>cg09637024</t>
  </si>
  <si>
    <t>cg09643241</t>
  </si>
  <si>
    <t>cg09647375</t>
  </si>
  <si>
    <t>cg09660970</t>
  </si>
  <si>
    <t>cg09671094</t>
  </si>
  <si>
    <t>cg09689137</t>
  </si>
  <si>
    <t>cg09692368</t>
  </si>
  <si>
    <t>cg09697033</t>
  </si>
  <si>
    <t>cg09701896</t>
  </si>
  <si>
    <t>cg09708488</t>
  </si>
  <si>
    <t>cg09720758</t>
  </si>
  <si>
    <t>cg09722643</t>
  </si>
  <si>
    <t>cg09723184</t>
  </si>
  <si>
    <t>cg09729387</t>
  </si>
  <si>
    <t>cg09730795</t>
  </si>
  <si>
    <t>cg09731922</t>
  </si>
  <si>
    <t>cg09745864</t>
  </si>
  <si>
    <t>cg09749656</t>
  </si>
  <si>
    <t>cg09749788</t>
  </si>
  <si>
    <t>cg09754549</t>
  </si>
  <si>
    <t>cg09758671</t>
  </si>
  <si>
    <t>cg09758689</t>
  </si>
  <si>
    <t>cg09766212</t>
  </si>
  <si>
    <t>cg09772075</t>
  </si>
  <si>
    <t>cg09806970</t>
  </si>
  <si>
    <t>cg09819371</t>
  </si>
  <si>
    <t>cg09819539</t>
  </si>
  <si>
    <t>cg09821651</t>
  </si>
  <si>
    <t>cg09850105</t>
  </si>
  <si>
    <t>cg09851596</t>
  </si>
  <si>
    <t>cg09851883</t>
  </si>
  <si>
    <t>cg09856299</t>
  </si>
  <si>
    <t>cg09859659</t>
  </si>
  <si>
    <t>cg09860781</t>
  </si>
  <si>
    <t>cg09861115</t>
  </si>
  <si>
    <t>cg09875921</t>
  </si>
  <si>
    <t>cg09881855</t>
  </si>
  <si>
    <t>cg09893100</t>
  </si>
  <si>
    <t>cg09896340</t>
  </si>
  <si>
    <t>cg09899496</t>
  </si>
  <si>
    <t>cg09904573</t>
  </si>
  <si>
    <t>cg09912552</t>
  </si>
  <si>
    <t>cg09913449</t>
  </si>
  <si>
    <t>cg09915232</t>
  </si>
  <si>
    <t>cg09916692</t>
  </si>
  <si>
    <t>cg09928842</t>
  </si>
  <si>
    <t>cg09933516</t>
  </si>
  <si>
    <t>cg09934789</t>
  </si>
  <si>
    <t>cg09936663</t>
  </si>
  <si>
    <t>cg09937382</t>
  </si>
  <si>
    <t>cg09938213</t>
  </si>
  <si>
    <t>cg09938634</t>
  </si>
  <si>
    <t>cg09938978</t>
  </si>
  <si>
    <t>cg09945801</t>
  </si>
  <si>
    <t>cg09946870</t>
  </si>
  <si>
    <t>cg09950370</t>
  </si>
  <si>
    <t>cg09950716</t>
  </si>
  <si>
    <t>cg09953520</t>
  </si>
  <si>
    <t>cg09954189</t>
  </si>
  <si>
    <t>cg09954849</t>
  </si>
  <si>
    <t>cg09955705</t>
  </si>
  <si>
    <t>cg09962974</t>
  </si>
  <si>
    <t>cg09963024</t>
  </si>
  <si>
    <t>cg09965939</t>
  </si>
  <si>
    <t>cg09969545</t>
  </si>
  <si>
    <t>cg09970569</t>
  </si>
  <si>
    <t>cg09973792</t>
  </si>
  <si>
    <t>cg09978937</t>
  </si>
  <si>
    <t>cg09991633</t>
  </si>
  <si>
    <t>cg09993606</t>
  </si>
  <si>
    <t>cg09997356</t>
  </si>
  <si>
    <t>cg10005464</t>
  </si>
  <si>
    <t>cg10007777</t>
  </si>
  <si>
    <t>cg10034808</t>
  </si>
  <si>
    <t>cg10045955</t>
  </si>
  <si>
    <t>cg10046227</t>
  </si>
  <si>
    <t>cg10050877</t>
  </si>
  <si>
    <t>cg10054641</t>
  </si>
  <si>
    <t>cg10057033</t>
  </si>
  <si>
    <t>cg10064585</t>
  </si>
  <si>
    <t>cg10069691</t>
  </si>
  <si>
    <t>cg10071035</t>
  </si>
  <si>
    <t>cg10072502</t>
  </si>
  <si>
    <t>cg10074775</t>
  </si>
  <si>
    <t>cg10075360</t>
  </si>
  <si>
    <t>cg10087374</t>
  </si>
  <si>
    <t>cg10090836</t>
  </si>
  <si>
    <t>cg10090985</t>
  </si>
  <si>
    <t>cg10095242</t>
  </si>
  <si>
    <t>cg10100256</t>
  </si>
  <si>
    <t>cg10101570</t>
  </si>
  <si>
    <t>cg10102762</t>
  </si>
  <si>
    <t>cg10105237</t>
  </si>
  <si>
    <t>cg10113221</t>
  </si>
  <si>
    <t>cg10113334</t>
  </si>
  <si>
    <t>cg10116189</t>
  </si>
  <si>
    <t>cg10118557</t>
  </si>
  <si>
    <t>cg10119564</t>
  </si>
  <si>
    <t>cg10121113</t>
  </si>
  <si>
    <t>cg10121745</t>
  </si>
  <si>
    <t>cg10121823</t>
  </si>
  <si>
    <t>cg10121865</t>
  </si>
  <si>
    <t>cg10127660</t>
  </si>
  <si>
    <t>cg10131194</t>
  </si>
  <si>
    <t>cg10131910</t>
  </si>
  <si>
    <t>cg10137597</t>
  </si>
  <si>
    <t>cg10137979</t>
  </si>
  <si>
    <t>cg10138338</t>
  </si>
  <si>
    <t>cg10139717</t>
  </si>
  <si>
    <t>cg10146692</t>
  </si>
  <si>
    <t>cg10147394</t>
  </si>
  <si>
    <t>cg10160407</t>
  </si>
  <si>
    <t>cg10163483</t>
  </si>
  <si>
    <t>cg10168419</t>
  </si>
  <si>
    <t>cg10174318</t>
  </si>
  <si>
    <t>cg10174585</t>
  </si>
  <si>
    <t>cg10175910</t>
  </si>
  <si>
    <t>cg10176011</t>
  </si>
  <si>
    <t>cg10186992</t>
  </si>
  <si>
    <t>cg10189882</t>
  </si>
  <si>
    <t>cg10191240</t>
  </si>
  <si>
    <t>cg10194829</t>
  </si>
  <si>
    <t>cg10194854</t>
  </si>
  <si>
    <t>cg10196289</t>
  </si>
  <si>
    <t>cg10197546</t>
  </si>
  <si>
    <t>cg10205753</t>
  </si>
  <si>
    <t>cg10207787</t>
  </si>
  <si>
    <t>cg10209300</t>
  </si>
  <si>
    <t>cg10210076</t>
  </si>
  <si>
    <t>cg10211776</t>
  </si>
  <si>
    <t>cg10215401</t>
  </si>
  <si>
    <t>cg10221617</t>
  </si>
  <si>
    <t>cg10222579</t>
  </si>
  <si>
    <t>cg10222925</t>
  </si>
  <si>
    <t>cg10225408</t>
  </si>
  <si>
    <t>cg10227731</t>
  </si>
  <si>
    <t>cg10231179</t>
  </si>
  <si>
    <t>cg10245048</t>
  </si>
  <si>
    <t>cg10248148</t>
  </si>
  <si>
    <t>cg10250776</t>
  </si>
  <si>
    <t>cg10252135</t>
  </si>
  <si>
    <t>cg10260711</t>
  </si>
  <si>
    <t>cg10261735</t>
  </si>
  <si>
    <t>cg10267817</t>
  </si>
  <si>
    <t>cg10276948</t>
  </si>
  <si>
    <t>cg10278520</t>
  </si>
  <si>
    <t>cg10279872</t>
  </si>
  <si>
    <t>cg10282799</t>
  </si>
  <si>
    <t>cg10284656</t>
  </si>
  <si>
    <t>cg10286959</t>
  </si>
  <si>
    <t>cg10290527</t>
  </si>
  <si>
    <t>cg10290764</t>
  </si>
  <si>
    <t>cg10296516</t>
  </si>
  <si>
    <t>cg10297561</t>
  </si>
  <si>
    <t>cg10298205</t>
  </si>
  <si>
    <t>cg10300229</t>
  </si>
  <si>
    <t>cg10300293</t>
  </si>
  <si>
    <t>cg10300895</t>
  </si>
  <si>
    <t>cg10301254</t>
  </si>
  <si>
    <t>cg10301990</t>
  </si>
  <si>
    <t>cg10307904</t>
  </si>
  <si>
    <t>cg10307940</t>
  </si>
  <si>
    <t>cg10309769</t>
  </si>
  <si>
    <t>cg10312211</t>
  </si>
  <si>
    <t>cg10316662</t>
  </si>
  <si>
    <t>cg10326182</t>
  </si>
  <si>
    <t>cg10326833</t>
  </si>
  <si>
    <t>cg10327067</t>
  </si>
  <si>
    <t>cg10328047</t>
  </si>
  <si>
    <t>cg10328831</t>
  </si>
  <si>
    <t>cg10334885</t>
  </si>
  <si>
    <t>cg10340053</t>
  </si>
  <si>
    <t>cg10342016</t>
  </si>
  <si>
    <t>cg10345920</t>
  </si>
  <si>
    <t>cg10347660</t>
  </si>
  <si>
    <t>cg10355466</t>
  </si>
  <si>
    <t>cg10355708</t>
  </si>
  <si>
    <t>cg10358281</t>
  </si>
  <si>
    <t>cg10362613</t>
  </si>
  <si>
    <t>cg10363337</t>
  </si>
  <si>
    <t>cg10369796</t>
  </si>
  <si>
    <t>cg10390435</t>
  </si>
  <si>
    <t>cg10395101</t>
  </si>
  <si>
    <t>cg10396713</t>
  </si>
  <si>
    <t>cg10406295</t>
  </si>
  <si>
    <t>cg10406414</t>
  </si>
  <si>
    <t>cg10409327</t>
  </si>
  <si>
    <t>cg10411339</t>
  </si>
  <si>
    <t>cg10413169</t>
  </si>
  <si>
    <t>cg10413945</t>
  </si>
  <si>
    <t>cg10419556</t>
  </si>
  <si>
    <t>cg10422833</t>
  </si>
  <si>
    <t>cg10423052</t>
  </si>
  <si>
    <t>cg10434977</t>
  </si>
  <si>
    <t>cg10440583</t>
  </si>
  <si>
    <t>cg10442355</t>
  </si>
  <si>
    <t>cg10444215</t>
  </si>
  <si>
    <t>cg10444530</t>
  </si>
  <si>
    <t>cg10447222</t>
  </si>
  <si>
    <t>cg10448111</t>
  </si>
  <si>
    <t>cg10451724</t>
  </si>
  <si>
    <t>cg10452704</t>
  </si>
  <si>
    <t>cg10453040</t>
  </si>
  <si>
    <t>cg10454286</t>
  </si>
  <si>
    <t>cg10454596</t>
  </si>
  <si>
    <t>cg10457247</t>
  </si>
  <si>
    <t>cg10470489</t>
  </si>
  <si>
    <t>cg10485472</t>
  </si>
  <si>
    <t>cg10494639</t>
  </si>
  <si>
    <t>cg10499879</t>
  </si>
  <si>
    <t>cg10500909</t>
  </si>
  <si>
    <t>cg10519680</t>
  </si>
  <si>
    <t>cg10529662</t>
  </si>
  <si>
    <t>cg10539616</t>
  </si>
  <si>
    <t>cg10543574</t>
  </si>
  <si>
    <t>cg10548399</t>
  </si>
  <si>
    <t>cg10549331</t>
  </si>
  <si>
    <t>cg10565216</t>
  </si>
  <si>
    <t>cg10567419</t>
  </si>
  <si>
    <t>cg10567579</t>
  </si>
  <si>
    <t>cg10567706</t>
  </si>
  <si>
    <t>cg10579705</t>
  </si>
  <si>
    <t>cg10579840</t>
  </si>
  <si>
    <t>cg10583499</t>
  </si>
  <si>
    <t>cg10585584</t>
  </si>
  <si>
    <t>cg10594837</t>
  </si>
  <si>
    <t>cg10596483</t>
  </si>
  <si>
    <t>cg10597661</t>
  </si>
  <si>
    <t>cg10601625</t>
  </si>
  <si>
    <t>cg10602908</t>
  </si>
  <si>
    <t>cg10603004</t>
  </si>
  <si>
    <t>cg10603136</t>
  </si>
  <si>
    <t>cg10604241</t>
  </si>
  <si>
    <t>cg10611331</t>
  </si>
  <si>
    <t>cg10613701</t>
  </si>
  <si>
    <t>cg10614773</t>
  </si>
  <si>
    <t>cg10620501</t>
  </si>
  <si>
    <t>cg10620577</t>
  </si>
  <si>
    <t>cg10629806</t>
  </si>
  <si>
    <t>cg10631716</t>
  </si>
  <si>
    <t>cg10639435</t>
  </si>
  <si>
    <t>cg10640072</t>
  </si>
  <si>
    <t>cg10641213</t>
  </si>
  <si>
    <t>cg10649706</t>
  </si>
  <si>
    <t>cg10657228</t>
  </si>
  <si>
    <t>cg10667394</t>
  </si>
  <si>
    <t>cg10669833</t>
  </si>
  <si>
    <t>cg10670787</t>
  </si>
  <si>
    <t>cg10672880</t>
  </si>
  <si>
    <t>cg10673140</t>
  </si>
  <si>
    <t>cg10673192</t>
  </si>
  <si>
    <t>cg10675725</t>
  </si>
  <si>
    <t>cg10686304</t>
  </si>
  <si>
    <t>cg10700019</t>
  </si>
  <si>
    <t>cg10700718</t>
  </si>
  <si>
    <t>cg10702238</t>
  </si>
  <si>
    <t>cg10704673</t>
  </si>
  <si>
    <t>cg10705306</t>
  </si>
  <si>
    <t>cg10706266</t>
  </si>
  <si>
    <t>cg10713002</t>
  </si>
  <si>
    <t>cg10715527</t>
  </si>
  <si>
    <t>cg10718130</t>
  </si>
  <si>
    <t>cg10718938</t>
  </si>
  <si>
    <t>cg10720646</t>
  </si>
  <si>
    <t>cg10724576</t>
  </si>
  <si>
    <t>cg10724965</t>
  </si>
  <si>
    <t>cg10726725</t>
  </si>
  <si>
    <t>cg10734432</t>
  </si>
  <si>
    <t>cg10754941</t>
  </si>
  <si>
    <t>cg10758618</t>
  </si>
  <si>
    <t>cg10759972</t>
  </si>
  <si>
    <t>cg10761364</t>
  </si>
  <si>
    <t>cg10762126</t>
  </si>
  <si>
    <t>cg10765507</t>
  </si>
  <si>
    <t>cg10767350</t>
  </si>
  <si>
    <t>cg10786043</t>
  </si>
  <si>
    <t>cg10787442</t>
  </si>
  <si>
    <t>cg10787911</t>
  </si>
  <si>
    <t>cg10788321</t>
  </si>
  <si>
    <t>cg10789370</t>
  </si>
  <si>
    <t>cg10794439</t>
  </si>
  <si>
    <t>cg10796400</t>
  </si>
  <si>
    <t>cg10797552</t>
  </si>
  <si>
    <t>cg10799440</t>
  </si>
  <si>
    <t>cg10799492</t>
  </si>
  <si>
    <t>cg10805511</t>
  </si>
  <si>
    <t>cg10806217</t>
  </si>
  <si>
    <t>cg10809491</t>
  </si>
  <si>
    <t>cg10816489</t>
  </si>
  <si>
    <t>cg10818763</t>
  </si>
  <si>
    <t>cg10819004</t>
  </si>
  <si>
    <t>cg10823658</t>
  </si>
  <si>
    <t>cg10824802</t>
  </si>
  <si>
    <t>cg10825011</t>
  </si>
  <si>
    <t>cg10827559</t>
  </si>
  <si>
    <t>cg10828561</t>
  </si>
  <si>
    <t>cg10835711</t>
  </si>
  <si>
    <t>cg10836034</t>
  </si>
  <si>
    <t>cg10838789</t>
  </si>
  <si>
    <t>cg10848230</t>
  </si>
  <si>
    <t>cg10851774</t>
  </si>
  <si>
    <t>cg10852433</t>
  </si>
  <si>
    <t>cg10864979</t>
  </si>
  <si>
    <t>cg10866298</t>
  </si>
  <si>
    <t>cg10867947</t>
  </si>
  <si>
    <t>cg10868817</t>
  </si>
  <si>
    <t>cg10869265</t>
  </si>
  <si>
    <t>cg10892158</t>
  </si>
  <si>
    <t>cg10894232</t>
  </si>
  <si>
    <t>cg10894682</t>
  </si>
  <si>
    <t>cg10900696</t>
  </si>
  <si>
    <t>cg10902206</t>
  </si>
  <si>
    <t>cg10913563</t>
  </si>
  <si>
    <t>cg10918202</t>
  </si>
  <si>
    <t>cg10918419</t>
  </si>
  <si>
    <t>cg10925364</t>
  </si>
  <si>
    <t>cg10932125</t>
  </si>
  <si>
    <t>cg10937131</t>
  </si>
  <si>
    <t>cg10941916</t>
  </si>
  <si>
    <t>cg10945028</t>
  </si>
  <si>
    <t>cg10947146</t>
  </si>
  <si>
    <t>cg10947480</t>
  </si>
  <si>
    <t>cg10951691</t>
  </si>
  <si>
    <t>cg10982683</t>
  </si>
  <si>
    <t>cg10982692</t>
  </si>
  <si>
    <t>cg10995640</t>
  </si>
  <si>
    <t>cg11006995</t>
  </si>
  <si>
    <t>cg11007075</t>
  </si>
  <si>
    <t>cg11007190</t>
  </si>
  <si>
    <t>cg11009520</t>
  </si>
  <si>
    <t>cg11010976</t>
  </si>
  <si>
    <t>cg11025705</t>
  </si>
  <si>
    <t>cg11031064</t>
  </si>
  <si>
    <t>cg11040181</t>
  </si>
  <si>
    <t>cg11040268</t>
  </si>
  <si>
    <t>cg11043251</t>
  </si>
  <si>
    <t>cg11044263</t>
  </si>
  <si>
    <t>cg11044605</t>
  </si>
  <si>
    <t>cg11046578</t>
  </si>
  <si>
    <t>cg11047382</t>
  </si>
  <si>
    <t>cg11050116</t>
  </si>
  <si>
    <t>cg11050527</t>
  </si>
  <si>
    <t>cg11056406</t>
  </si>
  <si>
    <t>cg11056915</t>
  </si>
  <si>
    <t>cg11059357</t>
  </si>
  <si>
    <t>cg11059651</t>
  </si>
  <si>
    <t>cg11064454</t>
  </si>
  <si>
    <t>cg11071070</t>
  </si>
  <si>
    <t>cg11071960</t>
  </si>
  <si>
    <t>cg11075230</t>
  </si>
  <si>
    <t>cg11091012</t>
  </si>
  <si>
    <t>cg11095122</t>
  </si>
  <si>
    <t>cg11108432</t>
  </si>
  <si>
    <t>cg11117122</t>
  </si>
  <si>
    <t>cg11117577</t>
  </si>
  <si>
    <t>cg11122451</t>
  </si>
  <si>
    <t>cg11124375</t>
  </si>
  <si>
    <t>cg11127482</t>
  </si>
  <si>
    <t>cg11130031</t>
  </si>
  <si>
    <t>cg11130692</t>
  </si>
  <si>
    <t>cg11132979</t>
  </si>
  <si>
    <t>cg11136341</t>
  </si>
  <si>
    <t>cg11137615</t>
  </si>
  <si>
    <t>cg11144784</t>
  </si>
  <si>
    <t>cg11147309</t>
  </si>
  <si>
    <t>cg11155356</t>
  </si>
  <si>
    <t>cg11163179</t>
  </si>
  <si>
    <t>cg11170956</t>
  </si>
  <si>
    <t>cg11172196</t>
  </si>
  <si>
    <t>cg11179184</t>
  </si>
  <si>
    <t>cg11191368</t>
  </si>
  <si>
    <t>cg11192059</t>
  </si>
  <si>
    <t>cg11192169</t>
  </si>
  <si>
    <t>cg11192975</t>
  </si>
  <si>
    <t>cg11193173</t>
  </si>
  <si>
    <t>cg11193419</t>
  </si>
  <si>
    <t>cg11196848</t>
  </si>
  <si>
    <t>cg11197088</t>
  </si>
  <si>
    <t>cg11199822</t>
  </si>
  <si>
    <t>cg11202131</t>
  </si>
  <si>
    <t>cg11202634</t>
  </si>
  <si>
    <t>cg11202914</t>
  </si>
  <si>
    <t>cg11203211</t>
  </si>
  <si>
    <t>cg11205610</t>
  </si>
  <si>
    <t>cg11208478</t>
  </si>
  <si>
    <t>cg11210357</t>
  </si>
  <si>
    <t>cg11213687</t>
  </si>
  <si>
    <t>cg11221047</t>
  </si>
  <si>
    <t>cg11223512</t>
  </si>
  <si>
    <t>cg11225528</t>
  </si>
  <si>
    <t>cg11234098</t>
  </si>
  <si>
    <t>cg11263617</t>
  </si>
  <si>
    <t>cg11268628</t>
  </si>
  <si>
    <t>cg11273493</t>
  </si>
  <si>
    <t>cg11278919</t>
  </si>
  <si>
    <t>cg11283404</t>
  </si>
  <si>
    <t>cg11283776</t>
  </si>
  <si>
    <t>cg11290225</t>
  </si>
  <si>
    <t>cg11302791</t>
  </si>
  <si>
    <t>cg11303301</t>
  </si>
  <si>
    <t>cg11303842</t>
  </si>
  <si>
    <t>cg11313971</t>
  </si>
  <si>
    <t>cg11318251</t>
  </si>
  <si>
    <t>cg11320910</t>
  </si>
  <si>
    <t>cg11321371</t>
  </si>
  <si>
    <t>cg11321691</t>
  </si>
  <si>
    <t>cg11321895</t>
  </si>
  <si>
    <t>cg11324259</t>
  </si>
  <si>
    <t>cg11328885</t>
  </si>
  <si>
    <t>cg11329090</t>
  </si>
  <si>
    <t>cg11338420</t>
  </si>
  <si>
    <t>cg11344692</t>
  </si>
  <si>
    <t>cg11351709</t>
  </si>
  <si>
    <t>cg11362513</t>
  </si>
  <si>
    <t>cg11363168</t>
  </si>
  <si>
    <t>cg11363234</t>
  </si>
  <si>
    <t>cg11369686</t>
  </si>
  <si>
    <t>cg11370098</t>
  </si>
  <si>
    <t>cg11370259</t>
  </si>
  <si>
    <t>cg11374227</t>
  </si>
  <si>
    <t>cg11374256</t>
  </si>
  <si>
    <t>cg11374933</t>
  </si>
  <si>
    <t>cg11375264</t>
  </si>
  <si>
    <t>cg11385042</t>
  </si>
  <si>
    <t>cg11385906</t>
  </si>
  <si>
    <t>cg11388859</t>
  </si>
  <si>
    <t>cg11391036</t>
  </si>
  <si>
    <t>cg11397370</t>
  </si>
  <si>
    <t>cg11397541</t>
  </si>
  <si>
    <t>cg11398680</t>
  </si>
  <si>
    <t>cg11400391</t>
  </si>
  <si>
    <t>cg11415389</t>
  </si>
  <si>
    <t>cg11415932</t>
  </si>
  <si>
    <t>cg11419025</t>
  </si>
  <si>
    <t>cg11422851</t>
  </si>
  <si>
    <t>cg11462459</t>
  </si>
  <si>
    <t>cg11465442</t>
  </si>
  <si>
    <t>cg11469769</t>
  </si>
  <si>
    <t>cg11476891</t>
  </si>
  <si>
    <t>cg11479568</t>
  </si>
  <si>
    <t>cg11481675</t>
  </si>
  <si>
    <t>cg11488149</t>
  </si>
  <si>
    <t>cg11490751</t>
  </si>
  <si>
    <t>cg11495234</t>
  </si>
  <si>
    <t>cg11496432</t>
  </si>
  <si>
    <t>cg11497758</t>
  </si>
  <si>
    <t>cg11498228</t>
  </si>
  <si>
    <t>cg11498487</t>
  </si>
  <si>
    <t>cg11500569</t>
  </si>
  <si>
    <t>cg11506843</t>
  </si>
  <si>
    <t>cg11530289</t>
  </si>
  <si>
    <t>cg11531557</t>
  </si>
  <si>
    <t>cg11536284</t>
  </si>
  <si>
    <t>cg11536940</t>
  </si>
  <si>
    <t>cg11540705</t>
  </si>
  <si>
    <t>cg11540932</t>
  </si>
  <si>
    <t>cg11542224</t>
  </si>
  <si>
    <t>cg11546242</t>
  </si>
  <si>
    <t>cg11547696</t>
  </si>
  <si>
    <t>cg11549094</t>
  </si>
  <si>
    <t>cg11549615</t>
  </si>
  <si>
    <t>cg11550426</t>
  </si>
  <si>
    <t>cg11555257</t>
  </si>
  <si>
    <t>cg11558576</t>
  </si>
  <si>
    <t>cg11562312</t>
  </si>
  <si>
    <t>cg11567953</t>
  </si>
  <si>
    <t>cg11574184</t>
  </si>
  <si>
    <t>cg11582558</t>
  </si>
  <si>
    <t>cg11585820</t>
  </si>
  <si>
    <t>cg11592677</t>
  </si>
  <si>
    <t>cg11595993</t>
  </si>
  <si>
    <t>cg11598062</t>
  </si>
  <si>
    <t>cg11603463</t>
  </si>
  <si>
    <t>cg11604216</t>
  </si>
  <si>
    <t>cg11607100</t>
  </si>
  <si>
    <t>cg11610346</t>
  </si>
  <si>
    <t>cg11629408</t>
  </si>
  <si>
    <t>cg11632289</t>
  </si>
  <si>
    <t>cg11633204</t>
  </si>
  <si>
    <t>cg11634612</t>
  </si>
  <si>
    <t>cg11638399</t>
  </si>
  <si>
    <t>cg11638472</t>
  </si>
  <si>
    <t>cg11641102</t>
  </si>
  <si>
    <t>cg11641370</t>
  </si>
  <si>
    <t>cg11641410</t>
  </si>
  <si>
    <t>cg11642681</t>
  </si>
  <si>
    <t>cg11653466</t>
  </si>
  <si>
    <t>cg11664809</t>
  </si>
  <si>
    <t>cg11673964</t>
  </si>
  <si>
    <t>cg11688275</t>
  </si>
  <si>
    <t>cg11688949</t>
  </si>
  <si>
    <t>cg11691504</t>
  </si>
  <si>
    <t>cg11694223</t>
  </si>
  <si>
    <t>cg11695358</t>
  </si>
  <si>
    <t>cg11696922</t>
  </si>
  <si>
    <t>cg11697169</t>
  </si>
  <si>
    <t>cg11699208</t>
  </si>
  <si>
    <t>cg11702942</t>
  </si>
  <si>
    <t>cg11707031</t>
  </si>
  <si>
    <t>cg11707391</t>
  </si>
  <si>
    <t>cg11710000</t>
  </si>
  <si>
    <t>cg11711121</t>
  </si>
  <si>
    <t>cg11716073</t>
  </si>
  <si>
    <t>cg11719412</t>
  </si>
  <si>
    <t>cg11738710</t>
  </si>
  <si>
    <t>cg11738895</t>
  </si>
  <si>
    <t>cg11743997</t>
  </si>
  <si>
    <t>cg11745019</t>
  </si>
  <si>
    <t>cg11749792</t>
  </si>
  <si>
    <t>cg11749902</t>
  </si>
  <si>
    <t>cg11750592</t>
  </si>
  <si>
    <t>cg11754206</t>
  </si>
  <si>
    <t>cg11755367</t>
  </si>
  <si>
    <t>cg11755740</t>
  </si>
  <si>
    <t>cg11757293</t>
  </si>
  <si>
    <t>cg11769400</t>
  </si>
  <si>
    <t>cg11774251</t>
  </si>
  <si>
    <t>cg11775367</t>
  </si>
  <si>
    <t>cg11778258</t>
  </si>
  <si>
    <t>cg11782409</t>
  </si>
  <si>
    <t>cg11783602</t>
  </si>
  <si>
    <t>cg11785425</t>
  </si>
  <si>
    <t>cg11787876</t>
  </si>
  <si>
    <t>cg11794801</t>
  </si>
  <si>
    <t>cg11800672</t>
  </si>
  <si>
    <t>cg11813976</t>
  </si>
  <si>
    <t>cg11820154</t>
  </si>
  <si>
    <t>cg11823496</t>
  </si>
  <si>
    <t>cg11827514</t>
  </si>
  <si>
    <t>cg11830605</t>
  </si>
  <si>
    <t>cg11832020</t>
  </si>
  <si>
    <t>cg11839355</t>
  </si>
  <si>
    <t>cg11842354</t>
  </si>
  <si>
    <t>cg11860458</t>
  </si>
  <si>
    <t>cg11862779</t>
  </si>
  <si>
    <t>cg11868900</t>
  </si>
  <si>
    <t>cg11872321</t>
  </si>
  <si>
    <t>cg11872342</t>
  </si>
  <si>
    <t>cg11878419</t>
  </si>
  <si>
    <t>cg11883258</t>
  </si>
  <si>
    <t>cg11894273</t>
  </si>
  <si>
    <t>cg11899374</t>
  </si>
  <si>
    <t>cg11902180</t>
  </si>
  <si>
    <t>cg11902995</t>
  </si>
  <si>
    <t>cg11908762</t>
  </si>
  <si>
    <t>cg11911122</t>
  </si>
  <si>
    <t>cg11911367</t>
  </si>
  <si>
    <t>cg11914370</t>
  </si>
  <si>
    <t>cg11919837</t>
  </si>
  <si>
    <t>cg11926839</t>
  </si>
  <si>
    <t>cg11928962</t>
  </si>
  <si>
    <t>cg11933290</t>
  </si>
  <si>
    <t>cg11933583</t>
  </si>
  <si>
    <t>cg11939488</t>
  </si>
  <si>
    <t>cg11944933</t>
  </si>
  <si>
    <t>cg11945845</t>
  </si>
  <si>
    <t>cg11947493</t>
  </si>
  <si>
    <t>cg11952839</t>
  </si>
  <si>
    <t>cg11955491</t>
  </si>
  <si>
    <t>cg11956930</t>
  </si>
  <si>
    <t>cg11959620</t>
  </si>
  <si>
    <t>cg11964216</t>
  </si>
  <si>
    <t>cg11966432</t>
  </si>
  <si>
    <t>cg11967211</t>
  </si>
  <si>
    <t>cg11969064</t>
  </si>
  <si>
    <t>cg11969474</t>
  </si>
  <si>
    <t>cg11975813</t>
  </si>
  <si>
    <t>cg11981599</t>
  </si>
  <si>
    <t>cg11995594</t>
  </si>
  <si>
    <t>cg11995638</t>
  </si>
  <si>
    <t>cg11996434</t>
  </si>
  <si>
    <t>cg11996592</t>
  </si>
  <si>
    <t>cg11999571</t>
  </si>
  <si>
    <t>cg12000297</t>
  </si>
  <si>
    <t>cg12002314</t>
  </si>
  <si>
    <t>cg12002745</t>
  </si>
  <si>
    <t>cg12003463</t>
  </si>
  <si>
    <t>cg12003496</t>
  </si>
  <si>
    <t>cg12020778</t>
  </si>
  <si>
    <t>cg12026749</t>
  </si>
  <si>
    <t>cg12030940</t>
  </si>
  <si>
    <t>cg12039286</t>
  </si>
  <si>
    <t>cg12042203</t>
  </si>
  <si>
    <t>cg12050750</t>
  </si>
  <si>
    <t>cg12051359</t>
  </si>
  <si>
    <t>cg12054428</t>
  </si>
  <si>
    <t>cg12057615</t>
  </si>
  <si>
    <t>cg12063795</t>
  </si>
  <si>
    <t>cg12068411</t>
  </si>
  <si>
    <t>cg12072833</t>
  </si>
  <si>
    <t>cg12074090</t>
  </si>
  <si>
    <t>cg12077319</t>
  </si>
  <si>
    <t>cg12084750</t>
  </si>
  <si>
    <t>cg12086014</t>
  </si>
  <si>
    <t>cg12089439</t>
  </si>
  <si>
    <t>cg12091331</t>
  </si>
  <si>
    <t>cg12093443</t>
  </si>
  <si>
    <t>cg12093620</t>
  </si>
  <si>
    <t>cg12099971</t>
  </si>
  <si>
    <t>cg12107189</t>
  </si>
  <si>
    <t>cg12107954</t>
  </si>
  <si>
    <t>cg12108555</t>
  </si>
  <si>
    <t>cg12113316</t>
  </si>
  <si>
    <t>cg12125691</t>
  </si>
  <si>
    <t>cg12133423</t>
  </si>
  <si>
    <t>cg12133754</t>
  </si>
  <si>
    <t>cg12134349</t>
  </si>
  <si>
    <t>cg12137473</t>
  </si>
  <si>
    <t>cg12141623</t>
  </si>
  <si>
    <t>cg12144374</t>
  </si>
  <si>
    <t>cg12144681</t>
  </si>
  <si>
    <t>cg12156167</t>
  </si>
  <si>
    <t>cg12160448</t>
  </si>
  <si>
    <t>cg12162353</t>
  </si>
  <si>
    <t>cg12164922</t>
  </si>
  <si>
    <t>cg12165219</t>
  </si>
  <si>
    <t>cg12168054</t>
  </si>
  <si>
    <t>cg12171761</t>
  </si>
  <si>
    <t>cg12174329</t>
  </si>
  <si>
    <t>cg12174341</t>
  </si>
  <si>
    <t>cg12174498</t>
  </si>
  <si>
    <t>cg12176793</t>
  </si>
  <si>
    <t>cg12181083</t>
  </si>
  <si>
    <t>cg12182497</t>
  </si>
  <si>
    <t>cg12185975</t>
  </si>
  <si>
    <t>cg12194701</t>
  </si>
  <si>
    <t>cg12194929</t>
  </si>
  <si>
    <t>cg12195808</t>
  </si>
  <si>
    <t>cg12210890</t>
  </si>
  <si>
    <t>cg12219325</t>
  </si>
  <si>
    <t>cg12222423</t>
  </si>
  <si>
    <t>cg12250841</t>
  </si>
  <si>
    <t>cg12253315</t>
  </si>
  <si>
    <t>cg12268410</t>
  </si>
  <si>
    <t>cg12271332</t>
  </si>
  <si>
    <t>cg12271419</t>
  </si>
  <si>
    <t>cg12274030</t>
  </si>
  <si>
    <t>cg12276019</t>
  </si>
  <si>
    <t>cg12285085</t>
  </si>
  <si>
    <t>cg12285565</t>
  </si>
  <si>
    <t>cg12295617</t>
  </si>
  <si>
    <t>cg12296605</t>
  </si>
  <si>
    <t>cg12300018</t>
  </si>
  <si>
    <t>cg12303470</t>
  </si>
  <si>
    <t>cg12329832</t>
  </si>
  <si>
    <t>cg12356266</t>
  </si>
  <si>
    <t>cg12393552</t>
  </si>
  <si>
    <t>cg12439423</t>
  </si>
  <si>
    <t>cg12441246</t>
  </si>
  <si>
    <t>cg12443985</t>
  </si>
  <si>
    <t>cg12446629</t>
  </si>
  <si>
    <t>cg12458587</t>
  </si>
  <si>
    <t>cg12460056</t>
  </si>
  <si>
    <t>cg12460322</t>
  </si>
  <si>
    <t>cg12468056</t>
  </si>
  <si>
    <t>cg12468496</t>
  </si>
  <si>
    <t>cg12470219</t>
  </si>
  <si>
    <t>cg12471053</t>
  </si>
  <si>
    <t>cg12480941</t>
  </si>
  <si>
    <t>cg12482835</t>
  </si>
  <si>
    <t>cg12484411</t>
  </si>
  <si>
    <t>cg12485212</t>
  </si>
  <si>
    <t>cg12503742</t>
  </si>
  <si>
    <t>cg12515371</t>
  </si>
  <si>
    <t>cg12516356</t>
  </si>
  <si>
    <t>cg12529432</t>
  </si>
  <si>
    <t>cg12531953</t>
  </si>
  <si>
    <t>cg12535715</t>
  </si>
  <si>
    <t>cg12538248</t>
  </si>
  <si>
    <t>cg12545993</t>
  </si>
  <si>
    <t>cg12548064</t>
  </si>
  <si>
    <t>cg12549512</t>
  </si>
  <si>
    <t>cg12550146</t>
  </si>
  <si>
    <t>cg12551695</t>
  </si>
  <si>
    <t>cg12563372</t>
  </si>
  <si>
    <t>cg12564151</t>
  </si>
  <si>
    <t>cg12564175</t>
  </si>
  <si>
    <t>cg12567282</t>
  </si>
  <si>
    <t>cg12568669</t>
  </si>
  <si>
    <t>cg12618270</t>
  </si>
  <si>
    <t>cg12618806</t>
  </si>
  <si>
    <t>cg12621745</t>
  </si>
  <si>
    <t>cg12622800</t>
  </si>
  <si>
    <t>cg12637676</t>
  </si>
  <si>
    <t>cg12639234</t>
  </si>
  <si>
    <t>cg12642622</t>
  </si>
  <si>
    <t>cg12666819</t>
  </si>
  <si>
    <t>cg12672713</t>
  </si>
  <si>
    <t>cg12674192</t>
  </si>
  <si>
    <t>cg12676322</t>
  </si>
  <si>
    <t>cg12676500</t>
  </si>
  <si>
    <t>cg12683880</t>
  </si>
  <si>
    <t>cg12686441</t>
  </si>
  <si>
    <t>cg12691427</t>
  </si>
  <si>
    <t>cg12692919</t>
  </si>
  <si>
    <t>cg12712618</t>
  </si>
  <si>
    <t>cg12712908</t>
  </si>
  <si>
    <t>cg12716603</t>
  </si>
  <si>
    <t>cg12718298</t>
  </si>
  <si>
    <t>cg12718579</t>
  </si>
  <si>
    <t>cg12718582</t>
  </si>
  <si>
    <t>cg12721804</t>
  </si>
  <si>
    <t>cg12722337</t>
  </si>
  <si>
    <t>cg12728958</t>
  </si>
  <si>
    <t>cg12729838</t>
  </si>
  <si>
    <t>cg12732638</t>
  </si>
  <si>
    <t>cg12737392</t>
  </si>
  <si>
    <t>cg12737801</t>
  </si>
  <si>
    <t>cg12738197</t>
  </si>
  <si>
    <t>cg12742018</t>
  </si>
  <si>
    <t>cg12743031</t>
  </si>
  <si>
    <t>cg12751432</t>
  </si>
  <si>
    <t>cg12753009</t>
  </si>
  <si>
    <t>cg12784848</t>
  </si>
  <si>
    <t>cg12790134</t>
  </si>
  <si>
    <t>cg12800600</t>
  </si>
  <si>
    <t>cg12803724</t>
  </si>
  <si>
    <t>cg12805172</t>
  </si>
  <si>
    <t>cg12807628</t>
  </si>
  <si>
    <t>cg12809365</t>
  </si>
  <si>
    <t>cg12813754</t>
  </si>
  <si>
    <t>cg12817389</t>
  </si>
  <si>
    <t>cg12818107</t>
  </si>
  <si>
    <t>cg12818159</t>
  </si>
  <si>
    <t>cg12823072</t>
  </si>
  <si>
    <t>cg12831076</t>
  </si>
  <si>
    <t>cg12840024</t>
  </si>
  <si>
    <t>cg12840336</t>
  </si>
  <si>
    <t>cg12842420</t>
  </si>
  <si>
    <t>cg12844324</t>
  </si>
  <si>
    <t>cg12844366</t>
  </si>
  <si>
    <t>cg12847536</t>
  </si>
  <si>
    <t>cg12848467</t>
  </si>
  <si>
    <t>cg12854428</t>
  </si>
  <si>
    <t>cg12855271</t>
  </si>
  <si>
    <t>cg12855275</t>
  </si>
  <si>
    <t>cg12864389</t>
  </si>
  <si>
    <t>cg12864541</t>
  </si>
  <si>
    <t>cg12865818</t>
  </si>
  <si>
    <t>cg12869679</t>
  </si>
  <si>
    <t>cg12874181</t>
  </si>
  <si>
    <t>cg12877781</t>
  </si>
  <si>
    <t>cg12883523</t>
  </si>
  <si>
    <t>cg12892962</t>
  </si>
  <si>
    <t>cg12896922</t>
  </si>
  <si>
    <t>cg12897164</t>
  </si>
  <si>
    <t>cg12897502</t>
  </si>
  <si>
    <t>cg12906975</t>
  </si>
  <si>
    <t>cg12931554</t>
  </si>
  <si>
    <t>cg12939918</t>
  </si>
  <si>
    <t>cg12940923</t>
  </si>
  <si>
    <t>cg12973479</t>
  </si>
  <si>
    <t>cg12975892</t>
  </si>
  <si>
    <t>cg12977346</t>
  </si>
  <si>
    <t>cg12985065</t>
  </si>
  <si>
    <t>cg12991306</t>
  </si>
  <si>
    <t>cg12991784</t>
  </si>
  <si>
    <t>cg12992745</t>
  </si>
  <si>
    <t>cg12993642</t>
  </si>
  <si>
    <t>cg12994505</t>
  </si>
  <si>
    <t>cg12994591</t>
  </si>
  <si>
    <t>cg13004792</t>
  </si>
  <si>
    <t>cg13008174</t>
  </si>
  <si>
    <t>cg13017983</t>
  </si>
  <si>
    <t>cg13036650</t>
  </si>
  <si>
    <t>cg13042252</t>
  </si>
  <si>
    <t>cg13045555</t>
  </si>
  <si>
    <t>cg13052755</t>
  </si>
  <si>
    <t>cg13063207</t>
  </si>
  <si>
    <t>cg13064897</t>
  </si>
  <si>
    <t>cg13072214</t>
  </si>
  <si>
    <t>cg13072625</t>
  </si>
  <si>
    <t>cg13074173</t>
  </si>
  <si>
    <t>cg13077562</t>
  </si>
  <si>
    <t>cg13084372</t>
  </si>
  <si>
    <t>cg13092523</t>
  </si>
  <si>
    <t>cg13094252</t>
  </si>
  <si>
    <t>cg13096433</t>
  </si>
  <si>
    <t>cg13096592</t>
  </si>
  <si>
    <t>cg13098621</t>
  </si>
  <si>
    <t>cg13116158</t>
  </si>
  <si>
    <t>cg13123964</t>
  </si>
  <si>
    <t>cg13126875</t>
  </si>
  <si>
    <t>cg13133827</t>
  </si>
  <si>
    <t>cg13151196</t>
  </si>
  <si>
    <t>cg13153661</t>
  </si>
  <si>
    <t>cg13153865</t>
  </si>
  <si>
    <t>cg13154925</t>
  </si>
  <si>
    <t>cg13157980</t>
  </si>
  <si>
    <t>cg13158017</t>
  </si>
  <si>
    <t>cg13159060</t>
  </si>
  <si>
    <t>cg13159325</t>
  </si>
  <si>
    <t>cg13159388</t>
  </si>
  <si>
    <t>cg13160058</t>
  </si>
  <si>
    <t>cg13164141</t>
  </si>
  <si>
    <t>cg13166213</t>
  </si>
  <si>
    <t>cg13170640</t>
  </si>
  <si>
    <t>cg13171679</t>
  </si>
  <si>
    <t>cg13173255</t>
  </si>
  <si>
    <t>cg13174253</t>
  </si>
  <si>
    <t>cg13175060</t>
  </si>
  <si>
    <t>cg13176778</t>
  </si>
  <si>
    <t>cg13180375</t>
  </si>
  <si>
    <t>cg13195954</t>
  </si>
  <si>
    <t>cg13197216</t>
  </si>
  <si>
    <t>cg13201172</t>
  </si>
  <si>
    <t>cg13209368</t>
  </si>
  <si>
    <t>cg13210578</t>
  </si>
  <si>
    <t>cg13211302</t>
  </si>
  <si>
    <t>cg13216240</t>
  </si>
  <si>
    <t>cg13243377</t>
  </si>
  <si>
    <t>cg13251373</t>
  </si>
  <si>
    <t>cg13257654</t>
  </si>
  <si>
    <t>cg13259539</t>
  </si>
  <si>
    <t>cg13260615</t>
  </si>
  <si>
    <t>cg13263591</t>
  </si>
  <si>
    <t>cg13264314</t>
  </si>
  <si>
    <t>cg13264616</t>
  </si>
  <si>
    <t>cg13266631</t>
  </si>
  <si>
    <t>cg13270873</t>
  </si>
  <si>
    <t>cg13277380</t>
  </si>
  <si>
    <t>cg13283153</t>
  </si>
  <si>
    <t>cg13283845</t>
  </si>
  <si>
    <t>cg13285846</t>
  </si>
  <si>
    <t>cg13286698</t>
  </si>
  <si>
    <t>cg13288545</t>
  </si>
  <si>
    <t>cg13289579</t>
  </si>
  <si>
    <t>cg13290785</t>
  </si>
  <si>
    <t>cg13292636</t>
  </si>
  <si>
    <t>cg13300202</t>
  </si>
  <si>
    <t>cg13302823</t>
  </si>
  <si>
    <t>cg13311607</t>
  </si>
  <si>
    <t>cg13312403</t>
  </si>
  <si>
    <t>cg13337658</t>
  </si>
  <si>
    <t>cg13337852</t>
  </si>
  <si>
    <t>cg13342717</t>
  </si>
  <si>
    <t>cg13346869</t>
  </si>
  <si>
    <t>cg13351161</t>
  </si>
  <si>
    <t>cg13367644</t>
  </si>
  <si>
    <t>cg13372487</t>
  </si>
  <si>
    <t>cg13372658</t>
  </si>
  <si>
    <t>cg13376199</t>
  </si>
  <si>
    <t>cg13384816</t>
  </si>
  <si>
    <t>cg13387869</t>
  </si>
  <si>
    <t>cg13389508</t>
  </si>
  <si>
    <t>cg13390388</t>
  </si>
  <si>
    <t>cg13390740</t>
  </si>
  <si>
    <t>cg13390998</t>
  </si>
  <si>
    <t>cg13392302</t>
  </si>
  <si>
    <t>cg13392855</t>
  </si>
  <si>
    <t>cg13393036</t>
  </si>
  <si>
    <t>cg13398291</t>
  </si>
  <si>
    <t>cg13402847</t>
  </si>
  <si>
    <t>cg13403967</t>
  </si>
  <si>
    <t>cg13405226</t>
  </si>
  <si>
    <t>cg13406339</t>
  </si>
  <si>
    <t>cg13407062</t>
  </si>
  <si>
    <t>cg13414044</t>
  </si>
  <si>
    <t>cg13425391</t>
  </si>
  <si>
    <t>cg13432087</t>
  </si>
  <si>
    <t>cg13434034</t>
  </si>
  <si>
    <t>cg13436164</t>
  </si>
  <si>
    <t>cg13438032</t>
  </si>
  <si>
    <t>cg13440894</t>
  </si>
  <si>
    <t>cg13442586</t>
  </si>
  <si>
    <t>cg13446199</t>
  </si>
  <si>
    <t>cg13447080</t>
  </si>
  <si>
    <t>cg13447820</t>
  </si>
  <si>
    <t>cg13448596</t>
  </si>
  <si>
    <t>cg13449831</t>
  </si>
  <si>
    <t>cg13454407</t>
  </si>
  <si>
    <t>cg13454978</t>
  </si>
  <si>
    <t>cg13457462</t>
  </si>
  <si>
    <t>cg13457549</t>
  </si>
  <si>
    <t>cg13458001</t>
  </si>
  <si>
    <t>cg13462030</t>
  </si>
  <si>
    <t>cg13462821</t>
  </si>
  <si>
    <t>cg13467254</t>
  </si>
  <si>
    <t>cg13474450</t>
  </si>
  <si>
    <t>cg13477525</t>
  </si>
  <si>
    <t>cg13488078</t>
  </si>
  <si>
    <t>cg13490227</t>
  </si>
  <si>
    <t>cg13490635</t>
  </si>
  <si>
    <t>cg13492337</t>
  </si>
  <si>
    <t>cg13509702</t>
  </si>
  <si>
    <t>cg13512537</t>
  </si>
  <si>
    <t>cg13514324</t>
  </si>
  <si>
    <t>cg13514772</t>
  </si>
  <si>
    <t>cg13518625</t>
  </si>
  <si>
    <t>cg13519696</t>
  </si>
  <si>
    <t>cg13519851</t>
  </si>
  <si>
    <t>cg13521002</t>
  </si>
  <si>
    <t>cg13523576</t>
  </si>
  <si>
    <t>cg13526221</t>
  </si>
  <si>
    <t>cg13530474</t>
  </si>
  <si>
    <t>cg13531482</t>
  </si>
  <si>
    <t>cg13551243</t>
  </si>
  <si>
    <t>cg13552736</t>
  </si>
  <si>
    <t>cg13553662</t>
  </si>
  <si>
    <t>cg13554114</t>
  </si>
  <si>
    <t>cg13560841</t>
  </si>
  <si>
    <t>cg13562246</t>
  </si>
  <si>
    <t>cg13563405</t>
  </si>
  <si>
    <t>cg13564533</t>
  </si>
  <si>
    <t>cg13568950</t>
  </si>
  <si>
    <t>cg13568956</t>
  </si>
  <si>
    <t>cg13578020</t>
  </si>
  <si>
    <t>cg13579374</t>
  </si>
  <si>
    <t>cg13580084</t>
  </si>
  <si>
    <t>cg13580286</t>
  </si>
  <si>
    <t>cg13582028</t>
  </si>
  <si>
    <t>cg13582226</t>
  </si>
  <si>
    <t>cg13582775</t>
  </si>
  <si>
    <t>cg13583414</t>
  </si>
  <si>
    <t>cg13599734</t>
  </si>
  <si>
    <t>cg13600477</t>
  </si>
  <si>
    <t>cg13601595</t>
  </si>
  <si>
    <t>cg13601615</t>
  </si>
  <si>
    <t>cg13603914</t>
  </si>
  <si>
    <t>cg13610333</t>
  </si>
  <si>
    <t>cg13611636</t>
  </si>
  <si>
    <t>cg13618529</t>
  </si>
  <si>
    <t>cg13621836</t>
  </si>
  <si>
    <t>cg13623135</t>
  </si>
  <si>
    <t>cg13625620</t>
  </si>
  <si>
    <t>cg13629652</t>
  </si>
  <si>
    <t>cg13630049</t>
  </si>
  <si>
    <t>cg13649332</t>
  </si>
  <si>
    <t>cg13652336</t>
  </si>
  <si>
    <t>cg13674604</t>
  </si>
  <si>
    <t>cg13676088</t>
  </si>
  <si>
    <t>cg13680188</t>
  </si>
  <si>
    <t>cg13680246</t>
  </si>
  <si>
    <t>cg13689068</t>
  </si>
  <si>
    <t>cg13700897</t>
  </si>
  <si>
    <t>cg13709561</t>
  </si>
  <si>
    <t>cg13720344</t>
  </si>
  <si>
    <t>cg13721134</t>
  </si>
  <si>
    <t>cg13721383</t>
  </si>
  <si>
    <t>cg13725636</t>
  </si>
  <si>
    <t>cg13726789</t>
  </si>
  <si>
    <t>cg13731609</t>
  </si>
  <si>
    <t>cg13731936</t>
  </si>
  <si>
    <t>cg13733654</t>
  </si>
  <si>
    <t>cg13734177</t>
  </si>
  <si>
    <t>cg13734972</t>
  </si>
  <si>
    <t>cg13750967</t>
  </si>
  <si>
    <t>cg13755023</t>
  </si>
  <si>
    <t>cg13760253</t>
  </si>
  <si>
    <t>cg13784855</t>
  </si>
  <si>
    <t>cg13806106</t>
  </si>
  <si>
    <t>cg13821176</t>
  </si>
  <si>
    <t>cg13863753</t>
  </si>
  <si>
    <t>cg13866527</t>
  </si>
  <si>
    <t>cg13869415</t>
  </si>
  <si>
    <t>cg13880467</t>
  </si>
  <si>
    <t>cg13890428</t>
  </si>
  <si>
    <t>cg13910583</t>
  </si>
  <si>
    <t>cg13910746</t>
  </si>
  <si>
    <t>cg13911501</t>
  </si>
  <si>
    <t>cg13914464</t>
  </si>
  <si>
    <t>cg13924580</t>
  </si>
  <si>
    <t>cg13925623</t>
  </si>
  <si>
    <t>cg13931246</t>
  </si>
  <si>
    <t>cg13935507</t>
  </si>
  <si>
    <t>cg13949137</t>
  </si>
  <si>
    <t>cg13953813</t>
  </si>
  <si>
    <t>cg13954531</t>
  </si>
  <si>
    <t>cg13958583</t>
  </si>
  <si>
    <t>cg13959062</t>
  </si>
  <si>
    <t>cg13963727</t>
  </si>
  <si>
    <t>cg13966575</t>
  </si>
  <si>
    <t>cg13971571</t>
  </si>
  <si>
    <t>cg13971849</t>
  </si>
  <si>
    <t>cg13975075</t>
  </si>
  <si>
    <t>cg13975583</t>
  </si>
  <si>
    <t>cg13978441</t>
  </si>
  <si>
    <t>cg13984060</t>
  </si>
  <si>
    <t>cg13996619</t>
  </si>
  <si>
    <t>cg13997765</t>
  </si>
  <si>
    <t>cg14012365</t>
  </si>
  <si>
    <t>cg14025373</t>
  </si>
  <si>
    <t>cg14030838</t>
  </si>
  <si>
    <t>cg14031465</t>
  </si>
  <si>
    <t>cg14032371</t>
  </si>
  <si>
    <t>cg14036776</t>
  </si>
  <si>
    <t>cg14070647</t>
  </si>
  <si>
    <t>cg14072903</t>
  </si>
  <si>
    <t>cg14079785</t>
  </si>
  <si>
    <t>cg14083403</t>
  </si>
  <si>
    <t>cg14086271</t>
  </si>
  <si>
    <t>cg14088325</t>
  </si>
  <si>
    <t>cg14089503</t>
  </si>
  <si>
    <t>cg14095438</t>
  </si>
  <si>
    <t>cg14113569</t>
  </si>
  <si>
    <t>cg14136927</t>
  </si>
  <si>
    <t>cg14143441</t>
  </si>
  <si>
    <t>cg14144352</t>
  </si>
  <si>
    <t>cg14145159</t>
  </si>
  <si>
    <t>cg14148862</t>
  </si>
  <si>
    <t>cg14150468</t>
  </si>
  <si>
    <t>cg14150907</t>
  </si>
  <si>
    <t>cg14152785</t>
  </si>
  <si>
    <t>cg14155196</t>
  </si>
  <si>
    <t>cg14156441</t>
  </si>
  <si>
    <t>cg14156581</t>
  </si>
  <si>
    <t>cg14163232</t>
  </si>
  <si>
    <t>cg14190175</t>
  </si>
  <si>
    <t>cg14195254</t>
  </si>
  <si>
    <t>cg14198877</t>
  </si>
  <si>
    <t>cg14199723</t>
  </si>
  <si>
    <t>cg14201324</t>
  </si>
  <si>
    <t>cg14202477</t>
  </si>
  <si>
    <t>cg14218089</t>
  </si>
  <si>
    <t>cg14219543</t>
  </si>
  <si>
    <t>cg14221460</t>
  </si>
  <si>
    <t>cg14227785</t>
  </si>
  <si>
    <t>cg14228452</t>
  </si>
  <si>
    <t>cg14234176</t>
  </si>
  <si>
    <t>cg14234680</t>
  </si>
  <si>
    <t>cg14240331</t>
  </si>
  <si>
    <t>cg14249120</t>
  </si>
  <si>
    <t>cg14253670</t>
  </si>
  <si>
    <t>cg14253951</t>
  </si>
  <si>
    <t>cg14257676</t>
  </si>
  <si>
    <t>cg14260002</t>
  </si>
  <si>
    <t>cg14263553</t>
  </si>
  <si>
    <t>cg14266248</t>
  </si>
  <si>
    <t>cg14276435</t>
  </si>
  <si>
    <t>cg14278808</t>
  </si>
  <si>
    <t>cg14280466</t>
  </si>
  <si>
    <t>cg14282168</t>
  </si>
  <si>
    <t>cg14283082</t>
  </si>
  <si>
    <t>cg14283887</t>
  </si>
  <si>
    <t>cg14285013</t>
  </si>
  <si>
    <t>cg14288091</t>
  </si>
  <si>
    <t>cg14289643</t>
  </si>
  <si>
    <t>cg14292823</t>
  </si>
  <si>
    <t>cg14301764</t>
  </si>
  <si>
    <t>cg14302489</t>
  </si>
  <si>
    <t>cg14303778</t>
  </si>
  <si>
    <t>cg14304364</t>
  </si>
  <si>
    <t>cg14309008</t>
  </si>
  <si>
    <t>cg14312649</t>
  </si>
  <si>
    <t>cg14314818</t>
  </si>
  <si>
    <t>cg14316117</t>
  </si>
  <si>
    <t>cg14316231</t>
  </si>
  <si>
    <t>cg14317001</t>
  </si>
  <si>
    <t>cg14319893</t>
  </si>
  <si>
    <t>cg14324585</t>
  </si>
  <si>
    <t>cg14329976</t>
  </si>
  <si>
    <t>cg14331720</t>
  </si>
  <si>
    <t>cg14334488</t>
  </si>
  <si>
    <t>cg14335429</t>
  </si>
  <si>
    <t>cg14336578</t>
  </si>
  <si>
    <t>cg14339048</t>
  </si>
  <si>
    <t>cg14340089</t>
  </si>
  <si>
    <t>cg14346035</t>
  </si>
  <si>
    <t>cg14346873</t>
  </si>
  <si>
    <t>cg14348540</t>
  </si>
  <si>
    <t>cg14353373</t>
  </si>
  <si>
    <t>cg14353728</t>
  </si>
  <si>
    <t>cg14355321</t>
  </si>
  <si>
    <t>cg14357577</t>
  </si>
  <si>
    <t>cg14376312</t>
  </si>
  <si>
    <t>cg14379719</t>
  </si>
  <si>
    <t>cg14381994</t>
  </si>
  <si>
    <t>cg14383815</t>
  </si>
  <si>
    <t>cg14386808</t>
  </si>
  <si>
    <t>cg14390179</t>
  </si>
  <si>
    <t>cg14399790</t>
  </si>
  <si>
    <t>cg14399988</t>
  </si>
  <si>
    <t>cg14403241</t>
  </si>
  <si>
    <t>cg14404763</t>
  </si>
  <si>
    <t>cg14408969</t>
  </si>
  <si>
    <t>cg14408978</t>
  </si>
  <si>
    <t>cg14417172</t>
  </si>
  <si>
    <t>cg14423045</t>
  </si>
  <si>
    <t>cg14423468</t>
  </si>
  <si>
    <t>cg14424363</t>
  </si>
  <si>
    <t>cg14432269</t>
  </si>
  <si>
    <t>cg14434213</t>
  </si>
  <si>
    <t>cg14435640</t>
  </si>
  <si>
    <t>cg14439150</t>
  </si>
  <si>
    <t>cg14442394</t>
  </si>
  <si>
    <t>cg14445783</t>
  </si>
  <si>
    <t>cg14445914</t>
  </si>
  <si>
    <t>cg14451926</t>
  </si>
  <si>
    <t>cg14457907</t>
  </si>
  <si>
    <t>cg14473123</t>
  </si>
  <si>
    <t>cg14475913</t>
  </si>
  <si>
    <t>cg14482093</t>
  </si>
  <si>
    <t>cg14482953</t>
  </si>
  <si>
    <t>cg14484434</t>
  </si>
  <si>
    <t>cg14484973</t>
  </si>
  <si>
    <t>cg14485744</t>
  </si>
  <si>
    <t>cg14486921</t>
  </si>
  <si>
    <t>cg14487188</t>
  </si>
  <si>
    <t>cg14487702</t>
  </si>
  <si>
    <t>cg14488081</t>
  </si>
  <si>
    <t>cg14489594</t>
  </si>
  <si>
    <t>cg14499058</t>
  </si>
  <si>
    <t>cg14499211</t>
  </si>
  <si>
    <t>cg14529956</t>
  </si>
  <si>
    <t>cg14537886</t>
  </si>
  <si>
    <t>cg14538332</t>
  </si>
  <si>
    <t>cg14545590</t>
  </si>
  <si>
    <t>cg14545963</t>
  </si>
  <si>
    <t>cg14546394</t>
  </si>
  <si>
    <t>cg14548272</t>
  </si>
  <si>
    <t>cg14554217</t>
  </si>
  <si>
    <t>cg14556188</t>
  </si>
  <si>
    <t>cg14560240</t>
  </si>
  <si>
    <t>cg14561071</t>
  </si>
  <si>
    <t>cg14563732</t>
  </si>
  <si>
    <t>cg14565485</t>
  </si>
  <si>
    <t>cg14566475</t>
  </si>
  <si>
    <t>cg14583781</t>
  </si>
  <si>
    <t>cg14585235</t>
  </si>
  <si>
    <t>cg14585892</t>
  </si>
  <si>
    <t>cg14590098</t>
  </si>
  <si>
    <t>cg14598765</t>
  </si>
  <si>
    <t>cg14598846</t>
  </si>
  <si>
    <t>cg14598943</t>
  </si>
  <si>
    <t>cg14603085</t>
  </si>
  <si>
    <t>cg14618996</t>
  </si>
  <si>
    <t>cg14625631</t>
  </si>
  <si>
    <t>cg14628343</t>
  </si>
  <si>
    <t>cg14631910</t>
  </si>
  <si>
    <t>cg14632864</t>
  </si>
  <si>
    <t>cg14634760</t>
  </si>
  <si>
    <t>cg14637002</t>
  </si>
  <si>
    <t>cg14638840</t>
  </si>
  <si>
    <t>cg14639897</t>
  </si>
  <si>
    <t>cg14640789</t>
  </si>
  <si>
    <t>cg14642381</t>
  </si>
  <si>
    <t>cg14647032</t>
  </si>
  <si>
    <t>cg14651457</t>
  </si>
  <si>
    <t>cg14654239</t>
  </si>
  <si>
    <t>cg14657725</t>
  </si>
  <si>
    <t>cg14657834</t>
  </si>
  <si>
    <t>cg14658556</t>
  </si>
  <si>
    <t>cg14659008</t>
  </si>
  <si>
    <t>cg14663451</t>
  </si>
  <si>
    <t>cg14669274</t>
  </si>
  <si>
    <t>cg14679668</t>
  </si>
  <si>
    <t>cg14683125</t>
  </si>
  <si>
    <t>cg14686845</t>
  </si>
  <si>
    <t>cg14690197</t>
  </si>
  <si>
    <t>cg14691388</t>
  </si>
  <si>
    <t>cg14699542</t>
  </si>
  <si>
    <t>cg14700684</t>
  </si>
  <si>
    <t>cg14706739</t>
  </si>
  <si>
    <t>cg14707948</t>
  </si>
  <si>
    <t>cg14710165</t>
  </si>
  <si>
    <t>cg14711433</t>
  </si>
  <si>
    <t>cg14713118</t>
  </si>
  <si>
    <t>cg14722693</t>
  </si>
  <si>
    <t>cg14726525</t>
  </si>
  <si>
    <t>cg14729071</t>
  </si>
  <si>
    <t>cg14733725</t>
  </si>
  <si>
    <t>cg14737877</t>
  </si>
  <si>
    <t>cg14747166</t>
  </si>
  <si>
    <t>cg14747813</t>
  </si>
  <si>
    <t>cg14750277</t>
  </si>
  <si>
    <t>cg14750836</t>
  </si>
  <si>
    <t>cg14752089</t>
  </si>
  <si>
    <t>cg14764956</t>
  </si>
  <si>
    <t>cg14771070</t>
  </si>
  <si>
    <t>cg14773619</t>
  </si>
  <si>
    <t>cg14774440</t>
  </si>
  <si>
    <t>cg14774755</t>
  </si>
  <si>
    <t>cg14778644</t>
  </si>
  <si>
    <t>cg14780482</t>
  </si>
  <si>
    <t>cg14781356</t>
  </si>
  <si>
    <t>cg14809332</t>
  </si>
  <si>
    <t>cg14813019</t>
  </si>
  <si>
    <t>cg14817130</t>
  </si>
  <si>
    <t>cg14817143</t>
  </si>
  <si>
    <t>cg14818812</t>
  </si>
  <si>
    <t>cg14819618</t>
  </si>
  <si>
    <t>cg14822721</t>
  </si>
  <si>
    <t>cg14825683</t>
  </si>
  <si>
    <t>cg14831380</t>
  </si>
  <si>
    <t>cg14833805</t>
  </si>
  <si>
    <t>cg14836477</t>
  </si>
  <si>
    <t>cg14836868</t>
  </si>
  <si>
    <t>cg14837598</t>
  </si>
  <si>
    <t>cg14837817</t>
  </si>
  <si>
    <t>cg14839085</t>
  </si>
  <si>
    <t>cg14839837</t>
  </si>
  <si>
    <t>cg14840163</t>
  </si>
  <si>
    <t>cg14844679</t>
  </si>
  <si>
    <t>cg14857394</t>
  </si>
  <si>
    <t>cg14857877</t>
  </si>
  <si>
    <t>cg14859743</t>
  </si>
  <si>
    <t>cg14860473</t>
  </si>
  <si>
    <t>cg14860917</t>
  </si>
  <si>
    <t>cg14864369</t>
  </si>
  <si>
    <t>cg14871856</t>
  </si>
  <si>
    <t>cg14875827</t>
  </si>
  <si>
    <t>cg14883961</t>
  </si>
  <si>
    <t>cg14897263</t>
  </si>
  <si>
    <t>cg14901121</t>
  </si>
  <si>
    <t>cg14904908</t>
  </si>
  <si>
    <t>cg14907066</t>
  </si>
  <si>
    <t>cg14910038</t>
  </si>
  <si>
    <t>cg14912223</t>
  </si>
  <si>
    <t>cg14913216</t>
  </si>
  <si>
    <t>cg14914552</t>
  </si>
  <si>
    <t>cg14917244</t>
  </si>
  <si>
    <t>cg14917706</t>
  </si>
  <si>
    <t>cg14918744</t>
  </si>
  <si>
    <t>cg14920061</t>
  </si>
  <si>
    <t>cg14922775</t>
  </si>
  <si>
    <t>cg14926445</t>
  </si>
  <si>
    <t>cg14930065</t>
  </si>
  <si>
    <t>cg14930838</t>
  </si>
  <si>
    <t>cg14930884</t>
  </si>
  <si>
    <t>cg14933159</t>
  </si>
  <si>
    <t>cg14936266</t>
  </si>
  <si>
    <t>cg14938360</t>
  </si>
  <si>
    <t>cg14938593</t>
  </si>
  <si>
    <t>cg14940233</t>
  </si>
  <si>
    <t>cg14940405</t>
  </si>
  <si>
    <t>cg14940760</t>
  </si>
  <si>
    <t>cg14943774</t>
  </si>
  <si>
    <t>cg14958018</t>
  </si>
  <si>
    <t>cg14958334</t>
  </si>
  <si>
    <t>cg14960007</t>
  </si>
  <si>
    <t>cg14963406</t>
  </si>
  <si>
    <t>cg14968300</t>
  </si>
  <si>
    <t>cg14968543</t>
  </si>
  <si>
    <t>cg14968844</t>
  </si>
  <si>
    <t>cg14992108</t>
  </si>
  <si>
    <t>cg14992760</t>
  </si>
  <si>
    <t>cg14993663</t>
  </si>
  <si>
    <t>cg14997704</t>
  </si>
  <si>
    <t>cg15035869</t>
  </si>
  <si>
    <t>cg15054260</t>
  </si>
  <si>
    <t>cg15079268</t>
  </si>
  <si>
    <t>cg15118279</t>
  </si>
  <si>
    <t>cg15123365</t>
  </si>
  <si>
    <t>cg15123742</t>
  </si>
  <si>
    <t>cg15124629</t>
  </si>
  <si>
    <t>cg15125053</t>
  </si>
  <si>
    <t>cg15127863</t>
  </si>
  <si>
    <t>cg15131001</t>
  </si>
  <si>
    <t>cg15131761</t>
  </si>
  <si>
    <t>cg15133790</t>
  </si>
  <si>
    <t>cg15134714</t>
  </si>
  <si>
    <t>cg15137355</t>
  </si>
  <si>
    <t>cg15138846</t>
  </si>
  <si>
    <t>cg15142913</t>
  </si>
  <si>
    <t>cg15147690</t>
  </si>
  <si>
    <t>cg15149205</t>
  </si>
  <si>
    <t>cg15150274</t>
  </si>
  <si>
    <t>cg15150336</t>
  </si>
  <si>
    <t>cg15155360</t>
  </si>
  <si>
    <t>cg15157360</t>
  </si>
  <si>
    <t>cg15162219</t>
  </si>
  <si>
    <t>cg15163151</t>
  </si>
  <si>
    <t>cg15164446</t>
  </si>
  <si>
    <t>cg15168294</t>
  </si>
  <si>
    <t>cg15170442</t>
  </si>
  <si>
    <t>cg15174021</t>
  </si>
  <si>
    <t>cg15175242</t>
  </si>
  <si>
    <t>cg15183991</t>
  </si>
  <si>
    <t>cg15188353</t>
  </si>
  <si>
    <t>cg15189210</t>
  </si>
  <si>
    <t>cg15193596</t>
  </si>
  <si>
    <t>cg15195097</t>
  </si>
  <si>
    <t>cg15202006</t>
  </si>
  <si>
    <t>cg15219014</t>
  </si>
  <si>
    <t>cg15230435</t>
  </si>
  <si>
    <t>cg15237923</t>
  </si>
  <si>
    <t>cg15240102</t>
  </si>
  <si>
    <t>cg15241236</t>
  </si>
  <si>
    <t>cg15244327</t>
  </si>
  <si>
    <t>cg15246619</t>
  </si>
  <si>
    <t>cg15246712</t>
  </si>
  <si>
    <t>cg15257489</t>
  </si>
  <si>
    <t>cg15257755</t>
  </si>
  <si>
    <t>cg15268456</t>
  </si>
  <si>
    <t>cg15268740</t>
  </si>
  <si>
    <t>cg15270654</t>
  </si>
  <si>
    <t>cg15299057</t>
  </si>
  <si>
    <t>cg15299510</t>
  </si>
  <si>
    <t>cg15301700</t>
  </si>
  <si>
    <t>cg15302296</t>
  </si>
  <si>
    <t>cg15302800</t>
  </si>
  <si>
    <t>cg15304425</t>
  </si>
  <si>
    <t>cg15309053</t>
  </si>
  <si>
    <t>cg15313617</t>
  </si>
  <si>
    <t>cg15314382</t>
  </si>
  <si>
    <t>cg15319076</t>
  </si>
  <si>
    <t>cg15319126</t>
  </si>
  <si>
    <t>cg15325961</t>
  </si>
  <si>
    <t>cg15326535</t>
  </si>
  <si>
    <t>cg15326844</t>
  </si>
  <si>
    <t>cg15329149</t>
  </si>
  <si>
    <t>cg15331088</t>
  </si>
  <si>
    <t>cg15333318</t>
  </si>
  <si>
    <t>cg15350925</t>
  </si>
  <si>
    <t>cg15377283</t>
  </si>
  <si>
    <t>cg15383072</t>
  </si>
  <si>
    <t>cg15396395</t>
  </si>
  <si>
    <t>cg15396734</t>
  </si>
  <si>
    <t>cg15397374</t>
  </si>
  <si>
    <t>cg15399561</t>
  </si>
  <si>
    <t>cg15410441</t>
  </si>
  <si>
    <t>cg15410835</t>
  </si>
  <si>
    <t>cg15411118</t>
  </si>
  <si>
    <t>cg15412102</t>
  </si>
  <si>
    <t>cg15418297</t>
  </si>
  <si>
    <t>cg15424369</t>
  </si>
  <si>
    <t>cg15425827</t>
  </si>
  <si>
    <t>cg15426459</t>
  </si>
  <si>
    <t>cg15428949</t>
  </si>
  <si>
    <t>cg15431703</t>
  </si>
  <si>
    <t>cg15433297</t>
  </si>
  <si>
    <t>cg15435391</t>
  </si>
  <si>
    <t>cg15435485</t>
  </si>
  <si>
    <t>cg15437692</t>
  </si>
  <si>
    <t>cg15438207</t>
  </si>
  <si>
    <t>cg15441392</t>
  </si>
  <si>
    <t>cg15444185</t>
  </si>
  <si>
    <t>cg15446990</t>
  </si>
  <si>
    <t>cg15447540</t>
  </si>
  <si>
    <t>cg15448829</t>
  </si>
  <si>
    <t>cg15452308</t>
  </si>
  <si>
    <t>cg15456741</t>
  </si>
  <si>
    <t>cg15465535</t>
  </si>
  <si>
    <t>cg15466909</t>
  </si>
  <si>
    <t>cg15484019</t>
  </si>
  <si>
    <t>cg15526246</t>
  </si>
  <si>
    <t>cg15527230</t>
  </si>
  <si>
    <t>cg15531411</t>
  </si>
  <si>
    <t>cg15537850</t>
  </si>
  <si>
    <t>cg15550433</t>
  </si>
  <si>
    <t>cg15555727</t>
  </si>
  <si>
    <t>cg15565897</t>
  </si>
  <si>
    <t>cg15576233</t>
  </si>
  <si>
    <t>cg15581360</t>
  </si>
  <si>
    <t>cg15586392</t>
  </si>
  <si>
    <t>cg15591930</t>
  </si>
  <si>
    <t>cg15594550</t>
  </si>
  <si>
    <t>cg15595573</t>
  </si>
  <si>
    <t>cg15596359</t>
  </si>
  <si>
    <t>cg15626112</t>
  </si>
  <si>
    <t>cg15628222</t>
  </si>
  <si>
    <t>cg15629865</t>
  </si>
  <si>
    <t>cg15629884</t>
  </si>
  <si>
    <t>cg15630458</t>
  </si>
  <si>
    <t>cg15631458</t>
  </si>
  <si>
    <t>cg15633056</t>
  </si>
  <si>
    <t>cg15634698</t>
  </si>
  <si>
    <t>cg15635524</t>
  </si>
  <si>
    <t>cg15638055</t>
  </si>
  <si>
    <t>cg15639838</t>
  </si>
  <si>
    <t>cg15640503</t>
  </si>
  <si>
    <t>cg15640870</t>
  </si>
  <si>
    <t>cg15641275</t>
  </si>
  <si>
    <t>cg15645674</t>
  </si>
  <si>
    <t>cg15645888</t>
  </si>
  <si>
    <t>cg15652116</t>
  </si>
  <si>
    <t>cg15678504</t>
  </si>
  <si>
    <t>cg15678513</t>
  </si>
  <si>
    <t>cg15678861</t>
  </si>
  <si>
    <t>cg15680470</t>
  </si>
  <si>
    <t>cg15681255</t>
  </si>
  <si>
    <t>cg15682797</t>
  </si>
  <si>
    <t>cg15684394</t>
  </si>
  <si>
    <t>cg15685971</t>
  </si>
  <si>
    <t>cg15686167</t>
  </si>
  <si>
    <t>cg15686334</t>
  </si>
  <si>
    <t>cg15686474</t>
  </si>
  <si>
    <t>cg15687300</t>
  </si>
  <si>
    <t>cg15694987</t>
  </si>
  <si>
    <t>cg15695962</t>
  </si>
  <si>
    <t>cg15698851</t>
  </si>
  <si>
    <t>cg15710198</t>
  </si>
  <si>
    <t>cg15711246</t>
  </si>
  <si>
    <t>cg15715477</t>
  </si>
  <si>
    <t>cg15717071</t>
  </si>
  <si>
    <t>cg15717330</t>
  </si>
  <si>
    <t>cg15720043</t>
  </si>
  <si>
    <t>cg15721448</t>
  </si>
  <si>
    <t>cg15739309</t>
  </si>
  <si>
    <t>cg15739904</t>
  </si>
  <si>
    <t>cg15740363</t>
  </si>
  <si>
    <t>cg15742700</t>
  </si>
  <si>
    <t>cg15746253</t>
  </si>
  <si>
    <t>cg15747595</t>
  </si>
  <si>
    <t>cg15754109</t>
  </si>
  <si>
    <t>cg15783027</t>
  </si>
  <si>
    <t>cg15791248</t>
  </si>
  <si>
    <t>cg15799309</t>
  </si>
  <si>
    <t>cg15801573</t>
  </si>
  <si>
    <t>cg15812469</t>
  </si>
  <si>
    <t>cg15814119</t>
  </si>
  <si>
    <t>cg15819360</t>
  </si>
  <si>
    <t>cg15819853</t>
  </si>
  <si>
    <t>cg15821496</t>
  </si>
  <si>
    <t>cg15821835</t>
  </si>
  <si>
    <t>cg15825027</t>
  </si>
  <si>
    <t>cg15825065</t>
  </si>
  <si>
    <t>cg15830431</t>
  </si>
  <si>
    <t>cg15834388</t>
  </si>
  <si>
    <t>cg15835747</t>
  </si>
  <si>
    <t>cg15836028</t>
  </si>
  <si>
    <t>cg15836394</t>
  </si>
  <si>
    <t>cg15837830</t>
  </si>
  <si>
    <t>cg15842218</t>
  </si>
  <si>
    <t>cg15847600</t>
  </si>
  <si>
    <t>cg15852534</t>
  </si>
  <si>
    <t>cg15854181</t>
  </si>
  <si>
    <t>cg15854394</t>
  </si>
  <si>
    <t>cg15857889</t>
  </si>
  <si>
    <t>cg15882353</t>
  </si>
  <si>
    <t>cg15893493</t>
  </si>
  <si>
    <t>cg15898113</t>
  </si>
  <si>
    <t>cg15903931</t>
  </si>
  <si>
    <t>cg15905320</t>
  </si>
  <si>
    <t>cg15906055</t>
  </si>
  <si>
    <t>cg15907480</t>
  </si>
  <si>
    <t>cg15920669</t>
  </si>
  <si>
    <t>cg15921039</t>
  </si>
  <si>
    <t>cg15921980</t>
  </si>
  <si>
    <t>cg15936066</t>
  </si>
  <si>
    <t>cg15936375</t>
  </si>
  <si>
    <t>cg15937832</t>
  </si>
  <si>
    <t>cg15944727</t>
  </si>
  <si>
    <t>cg15947176</t>
  </si>
  <si>
    <t>cg15948851</t>
  </si>
  <si>
    <t>cg15952840</t>
  </si>
  <si>
    <t>cg15959893</t>
  </si>
  <si>
    <t>cg15963062</t>
  </si>
  <si>
    <t>cg15967278</t>
  </si>
  <si>
    <t>cg15970074</t>
  </si>
  <si>
    <t>cg15971100</t>
  </si>
  <si>
    <t>cg15972496</t>
  </si>
  <si>
    <t>cg15974931</t>
  </si>
  <si>
    <t>cg15975574</t>
  </si>
  <si>
    <t>cg15983520</t>
  </si>
  <si>
    <t>cg15992399</t>
  </si>
  <si>
    <t>cg15993110</t>
  </si>
  <si>
    <t>cg15995375</t>
  </si>
  <si>
    <t>cg16001384</t>
  </si>
  <si>
    <t>cg16001422</t>
  </si>
  <si>
    <t>cg16006732</t>
  </si>
  <si>
    <t>cg16008054</t>
  </si>
  <si>
    <t>cg16009633</t>
  </si>
  <si>
    <t>cg16016960</t>
  </si>
  <si>
    <t>cg16018124</t>
  </si>
  <si>
    <t>cg16027376</t>
  </si>
  <si>
    <t>cg16031528</t>
  </si>
  <si>
    <t>cg16034268</t>
  </si>
  <si>
    <t>cg16035002</t>
  </si>
  <si>
    <t>cg16038868</t>
  </si>
  <si>
    <t>cg16049864</t>
  </si>
  <si>
    <t>cg16064261</t>
  </si>
  <si>
    <t>cg16073549</t>
  </si>
  <si>
    <t>cg16076486</t>
  </si>
  <si>
    <t>cg16080876</t>
  </si>
  <si>
    <t>cg16081281</t>
  </si>
  <si>
    <t>cg16097850</t>
  </si>
  <si>
    <t>cg16101118</t>
  </si>
  <si>
    <t>cg16103604</t>
  </si>
  <si>
    <t>cg16103712</t>
  </si>
  <si>
    <t>cg16104446</t>
  </si>
  <si>
    <t>cg16113188</t>
  </si>
  <si>
    <t>cg16113905</t>
  </si>
  <si>
    <t>cg16118491</t>
  </si>
  <si>
    <t>cg16122269</t>
  </si>
  <si>
    <t>cg16123760</t>
  </si>
  <si>
    <t>cg16124821</t>
  </si>
  <si>
    <t>cg16126312</t>
  </si>
  <si>
    <t>cg16129200</t>
  </si>
  <si>
    <t>cg16129797</t>
  </si>
  <si>
    <t>cg16139249</t>
  </si>
  <si>
    <t>cg16140558</t>
  </si>
  <si>
    <t>cg16141600</t>
  </si>
  <si>
    <t>cg16142218</t>
  </si>
  <si>
    <t>cg16144331</t>
  </si>
  <si>
    <t>cg16150821</t>
  </si>
  <si>
    <t>cg16151082</t>
  </si>
  <si>
    <t>cg16154155</t>
  </si>
  <si>
    <t>cg16173529</t>
  </si>
  <si>
    <t>cg16175263</t>
  </si>
  <si>
    <t>cg16177351</t>
  </si>
  <si>
    <t>cg16189671</t>
  </si>
  <si>
    <t>cg16193207</t>
  </si>
  <si>
    <t>cg16194160</t>
  </si>
  <si>
    <t>cg16196274</t>
  </si>
  <si>
    <t>cg16196762</t>
  </si>
  <si>
    <t>cg16202564</t>
  </si>
  <si>
    <t>cg16208136</t>
  </si>
  <si>
    <t>cg16219603</t>
  </si>
  <si>
    <t>cg16222326</t>
  </si>
  <si>
    <t>cg16222629</t>
  </si>
  <si>
    <t>cg16223863</t>
  </si>
  <si>
    <t>cg16225800</t>
  </si>
  <si>
    <t>cg16230352</t>
  </si>
  <si>
    <t>cg16231500</t>
  </si>
  <si>
    <t>cg16232071</t>
  </si>
  <si>
    <t>cg16232698</t>
  </si>
  <si>
    <t>cg16238921</t>
  </si>
  <si>
    <t>cg16243756</t>
  </si>
  <si>
    <t>cg16266667</t>
  </si>
  <si>
    <t>cg16271720</t>
  </si>
  <si>
    <t>cg16275183</t>
  </si>
  <si>
    <t>cg16275722</t>
  </si>
  <si>
    <t>cg16277725</t>
  </si>
  <si>
    <t>cg16282160</t>
  </si>
  <si>
    <t>cg16284000</t>
  </si>
  <si>
    <t>cg16285941</t>
  </si>
  <si>
    <t>cg16286157</t>
  </si>
  <si>
    <t>cg16287451</t>
  </si>
  <si>
    <t>cg16290866</t>
  </si>
  <si>
    <t>cg16291069</t>
  </si>
  <si>
    <t>cg16292768</t>
  </si>
  <si>
    <t>cg16294168</t>
  </si>
  <si>
    <t>cg16296826</t>
  </si>
  <si>
    <t>cg16297171</t>
  </si>
  <si>
    <t>cg16298761</t>
  </si>
  <si>
    <t>cg16299576</t>
  </si>
  <si>
    <t>cg16305292</t>
  </si>
  <si>
    <t>cg16311044</t>
  </si>
  <si>
    <t>cg16311504</t>
  </si>
  <si>
    <t>cg16313587</t>
  </si>
  <si>
    <t>cg16317553</t>
  </si>
  <si>
    <t>cg16319192</t>
  </si>
  <si>
    <t>cg16328273</t>
  </si>
  <si>
    <t>cg16329772</t>
  </si>
  <si>
    <t>cg16331565</t>
  </si>
  <si>
    <t>cg16359091</t>
  </si>
  <si>
    <t>cg16391745</t>
  </si>
  <si>
    <t>cg16400320</t>
  </si>
  <si>
    <t>cg16403912</t>
  </si>
  <si>
    <t>cg16408049</t>
  </si>
  <si>
    <t>cg16426366</t>
  </si>
  <si>
    <t>cg16434940</t>
  </si>
  <si>
    <t>cg16435779</t>
  </si>
  <si>
    <t>cg16441259</t>
  </si>
  <si>
    <t>cg16442298</t>
  </si>
  <si>
    <t>cg16442852</t>
  </si>
  <si>
    <t>cg16450399</t>
  </si>
  <si>
    <t>cg16450821</t>
  </si>
  <si>
    <t>cg16456596</t>
  </si>
  <si>
    <t>cg16463150</t>
  </si>
  <si>
    <t>cg16468388</t>
  </si>
  <si>
    <t>cg16471600</t>
  </si>
  <si>
    <t>cg16481024</t>
  </si>
  <si>
    <t>cg16484575</t>
  </si>
  <si>
    <t>cg16485897</t>
  </si>
  <si>
    <t>cg16490739</t>
  </si>
  <si>
    <t>cg16491103</t>
  </si>
  <si>
    <t>cg16498681</t>
  </si>
  <si>
    <t>cg16499645</t>
  </si>
  <si>
    <t>cg16505237</t>
  </si>
  <si>
    <t>cg16505455</t>
  </si>
  <si>
    <t>cg16508028</t>
  </si>
  <si>
    <t>cg16510548</t>
  </si>
  <si>
    <t>cg16513326</t>
  </si>
  <si>
    <t>cg16520712</t>
  </si>
  <si>
    <t>cg16531209</t>
  </si>
  <si>
    <t>cg16540080</t>
  </si>
  <si>
    <t>cg16544169</t>
  </si>
  <si>
    <t>cg16551261</t>
  </si>
  <si>
    <t>cg16560711</t>
  </si>
  <si>
    <t>cg16563151</t>
  </si>
  <si>
    <t>cg16568921</t>
  </si>
  <si>
    <t>cg16571825</t>
  </si>
  <si>
    <t>cg16573957</t>
  </si>
  <si>
    <t>cg16580759</t>
  </si>
  <si>
    <t>cg16582891</t>
  </si>
  <si>
    <t>cg16584328</t>
  </si>
  <si>
    <t>cg16586880</t>
  </si>
  <si>
    <t>cg16588302</t>
  </si>
  <si>
    <t>cg16591412</t>
  </si>
  <si>
    <t>cg16593865</t>
  </si>
  <si>
    <t>cg16619899</t>
  </si>
  <si>
    <t>cg16623157</t>
  </si>
  <si>
    <t>cg16625218</t>
  </si>
  <si>
    <t>cg16625770</t>
  </si>
  <si>
    <t>cg16628918</t>
  </si>
  <si>
    <t>cg16642695</t>
  </si>
  <si>
    <t>cg16652639</t>
  </si>
  <si>
    <t>cg16655661</t>
  </si>
  <si>
    <t>cg16659043</t>
  </si>
  <si>
    <t>cg16661761</t>
  </si>
  <si>
    <t>cg16662821</t>
  </si>
  <si>
    <t>cg16664570</t>
  </si>
  <si>
    <t>cg16668150</t>
  </si>
  <si>
    <t>cg16670021</t>
  </si>
  <si>
    <t>cg16672904</t>
  </si>
  <si>
    <t>cg16673702</t>
  </si>
  <si>
    <t>cg16675357</t>
  </si>
  <si>
    <t>cg16675872</t>
  </si>
  <si>
    <t>cg16678564</t>
  </si>
  <si>
    <t>cg16681133</t>
  </si>
  <si>
    <t>cg16683015</t>
  </si>
  <si>
    <t>cg16683746</t>
  </si>
  <si>
    <t>cg16688483</t>
  </si>
  <si>
    <t>cg16696270</t>
  </si>
  <si>
    <t>cg16717864</t>
  </si>
  <si>
    <t>cg16730172</t>
  </si>
  <si>
    <t>cg16732643</t>
  </si>
  <si>
    <t>cg16733117</t>
  </si>
  <si>
    <t>cg16735072</t>
  </si>
  <si>
    <t>cg16735901</t>
  </si>
  <si>
    <t>cg16736259</t>
  </si>
  <si>
    <t>cg16738060</t>
  </si>
  <si>
    <t>cg16744883</t>
  </si>
  <si>
    <t>cg16745033</t>
  </si>
  <si>
    <t>cg16749785</t>
  </si>
  <si>
    <t>cg16752400</t>
  </si>
  <si>
    <t>cg16759579</t>
  </si>
  <si>
    <t>cg16760490</t>
  </si>
  <si>
    <t>cg16762794</t>
  </si>
  <si>
    <t>cg16775167</t>
  </si>
  <si>
    <t>cg16779811</t>
  </si>
  <si>
    <t>cg16781548</t>
  </si>
  <si>
    <t>cg16782396</t>
  </si>
  <si>
    <t>cg16782524</t>
  </si>
  <si>
    <t>cg16782885</t>
  </si>
  <si>
    <t>cg16786028</t>
  </si>
  <si>
    <t>cg16789540</t>
  </si>
  <si>
    <t>cg16790390</t>
  </si>
  <si>
    <t>cg16792842</t>
  </si>
  <si>
    <t>cg16792875</t>
  </si>
  <si>
    <t>cg16795450</t>
  </si>
  <si>
    <t>cg16796247</t>
  </si>
  <si>
    <t>cg16799111</t>
  </si>
  <si>
    <t>cg16808444</t>
  </si>
  <si>
    <t>cg16810626</t>
  </si>
  <si>
    <t>cg16814653</t>
  </si>
  <si>
    <t>cg16814719</t>
  </si>
  <si>
    <t>cg16816874</t>
  </si>
  <si>
    <t>cg16821867</t>
  </si>
  <si>
    <t>cg16821992</t>
  </si>
  <si>
    <t>cg16825060</t>
  </si>
  <si>
    <t>cg16834356</t>
  </si>
  <si>
    <t>cg16840523</t>
  </si>
  <si>
    <t>cg16840978</t>
  </si>
  <si>
    <t>cg16842017</t>
  </si>
  <si>
    <t>cg16849268</t>
  </si>
  <si>
    <t>cg16851858</t>
  </si>
  <si>
    <t>cg16852038</t>
  </si>
  <si>
    <t>cg16852892</t>
  </si>
  <si>
    <t>cg16858615</t>
  </si>
  <si>
    <t>cg16861508</t>
  </si>
  <si>
    <t>cg16867023</t>
  </si>
  <si>
    <t>cg16869008</t>
  </si>
  <si>
    <t>cg16871763</t>
  </si>
  <si>
    <t>cg16876348</t>
  </si>
  <si>
    <t>cg16883726</t>
  </si>
  <si>
    <t>cg16884760</t>
  </si>
  <si>
    <t>cg16889368</t>
  </si>
  <si>
    <t>cg16895719</t>
  </si>
  <si>
    <t>cg16901014</t>
  </si>
  <si>
    <t>cg16906456</t>
  </si>
  <si>
    <t>cg16907566</t>
  </si>
  <si>
    <t>cg16910293</t>
  </si>
  <si>
    <t>cg16922753</t>
  </si>
  <si>
    <t>cg16922810</t>
  </si>
  <si>
    <t>cg16924776</t>
  </si>
  <si>
    <t>cg16925177</t>
  </si>
  <si>
    <t>cg16927379</t>
  </si>
  <si>
    <t>cg16927416</t>
  </si>
  <si>
    <t>cg16930728</t>
  </si>
  <si>
    <t>cg16932652</t>
  </si>
  <si>
    <t>cg16934473</t>
  </si>
  <si>
    <t>cg16937126</t>
  </si>
  <si>
    <t>cg16939364</t>
  </si>
  <si>
    <t>cg16967434</t>
  </si>
  <si>
    <t>cg16970604</t>
  </si>
  <si>
    <t>cg16978367</t>
  </si>
  <si>
    <t>cg16983422</t>
  </si>
  <si>
    <t>cg16987848</t>
  </si>
  <si>
    <t>cg16995299</t>
  </si>
  <si>
    <t>cg16998718</t>
  </si>
  <si>
    <t>cg17002510</t>
  </si>
  <si>
    <t>cg17007108</t>
  </si>
  <si>
    <t>cg17008770</t>
  </si>
  <si>
    <t>cg17021442</t>
  </si>
  <si>
    <t>cg17029151</t>
  </si>
  <si>
    <t>cg17041937</t>
  </si>
  <si>
    <t>cg17045009</t>
  </si>
  <si>
    <t>cg17049320</t>
  </si>
  <si>
    <t>cg17050632</t>
  </si>
  <si>
    <t>cg17051042</t>
  </si>
  <si>
    <t>cg17057086</t>
  </si>
  <si>
    <t>cg17070935</t>
  </si>
  <si>
    <t>cg17073133</t>
  </si>
  <si>
    <t>cg17082405</t>
  </si>
  <si>
    <t>cg17082640</t>
  </si>
  <si>
    <t>cg17086686</t>
  </si>
  <si>
    <t>cg17088014</t>
  </si>
  <si>
    <t>cg17092985</t>
  </si>
  <si>
    <t>cg17099568</t>
  </si>
  <si>
    <t>cg17103638</t>
  </si>
  <si>
    <t>cg17103929</t>
  </si>
  <si>
    <t>cg17105041</t>
  </si>
  <si>
    <t>cg17116969</t>
  </si>
  <si>
    <t>cg17117160</t>
  </si>
  <si>
    <t>cg17118836</t>
  </si>
  <si>
    <t>cg17124844</t>
  </si>
  <si>
    <t>cg17126348</t>
  </si>
  <si>
    <t>cg17129188</t>
  </si>
  <si>
    <t>cg17130474</t>
  </si>
  <si>
    <t>cg17140046</t>
  </si>
  <si>
    <t>cg17140469</t>
  </si>
  <si>
    <t>cg17140978</t>
  </si>
  <si>
    <t>cg17142470</t>
  </si>
  <si>
    <t>cg17146950</t>
  </si>
  <si>
    <t>cg17147758</t>
  </si>
  <si>
    <t>cg17152322</t>
  </si>
  <si>
    <t>cg17159698</t>
  </si>
  <si>
    <t>cg17161883</t>
  </si>
  <si>
    <t>cg17165766</t>
  </si>
  <si>
    <t>cg17167536</t>
  </si>
  <si>
    <t>cg17168157</t>
  </si>
  <si>
    <t>cg17174400</t>
  </si>
  <si>
    <t>cg17176395</t>
  </si>
  <si>
    <t>cg17179911</t>
  </si>
  <si>
    <t>cg17181805</t>
  </si>
  <si>
    <t>cg17182503</t>
  </si>
  <si>
    <t>cg17183723</t>
  </si>
  <si>
    <t>cg17183836</t>
  </si>
  <si>
    <t>cg17186066</t>
  </si>
  <si>
    <t>cg17186750</t>
  </si>
  <si>
    <t>cg17190363</t>
  </si>
  <si>
    <t>cg17196051</t>
  </si>
  <si>
    <t>cg17199018</t>
  </si>
  <si>
    <t>cg17201535</t>
  </si>
  <si>
    <t>cg17202382</t>
  </si>
  <si>
    <t>cg17203290</t>
  </si>
  <si>
    <t>cg17203533</t>
  </si>
  <si>
    <t>cg17203647</t>
  </si>
  <si>
    <t>cg17207736</t>
  </si>
  <si>
    <t>cg17207815</t>
  </si>
  <si>
    <t>cg17209887</t>
  </si>
  <si>
    <t>cg17212289</t>
  </si>
  <si>
    <t>cg17218062</t>
  </si>
  <si>
    <t>cg17220632</t>
  </si>
  <si>
    <t>cg17224835</t>
  </si>
  <si>
    <t>cg17248603</t>
  </si>
  <si>
    <t>cg17250770</t>
  </si>
  <si>
    <t>cg17256555</t>
  </si>
  <si>
    <t>cg17287814</t>
  </si>
  <si>
    <t>cg17289764</t>
  </si>
  <si>
    <t>cg17290943</t>
  </si>
  <si>
    <t>cg17292100</t>
  </si>
  <si>
    <t>cg17293641</t>
  </si>
  <si>
    <t>cg17296220</t>
  </si>
  <si>
    <t>cg17299732</t>
  </si>
  <si>
    <t>cg17305672</t>
  </si>
  <si>
    <t>cg17311784</t>
  </si>
  <si>
    <t>cg17315703</t>
  </si>
  <si>
    <t>cg17316073</t>
  </si>
  <si>
    <t>cg17316966</t>
  </si>
  <si>
    <t>cg17322000</t>
  </si>
  <si>
    <t>cg17322396</t>
  </si>
  <si>
    <t>cg17324339</t>
  </si>
  <si>
    <t>cg17327067</t>
  </si>
  <si>
    <t>cg17327115</t>
  </si>
  <si>
    <t>cg17328794</t>
  </si>
  <si>
    <t>cg17330388</t>
  </si>
  <si>
    <t>cg17340267</t>
  </si>
  <si>
    <t>cg17363688</t>
  </si>
  <si>
    <t>cg17364411</t>
  </si>
  <si>
    <t>cg17366544</t>
  </si>
  <si>
    <t>cg17366563</t>
  </si>
  <si>
    <t>cg17369830</t>
  </si>
  <si>
    <t>cg17370195</t>
  </si>
  <si>
    <t>cg17371070</t>
  </si>
  <si>
    <t>cg17375585</t>
  </si>
  <si>
    <t>cg17376205</t>
  </si>
  <si>
    <t>cg17385753</t>
  </si>
  <si>
    <t>cg17458053</t>
  </si>
  <si>
    <t>cg17459204</t>
  </si>
  <si>
    <t>cg17459219</t>
  </si>
  <si>
    <t>cg17462793</t>
  </si>
  <si>
    <t>cg17463505</t>
  </si>
  <si>
    <t>cg17465233</t>
  </si>
  <si>
    <t>cg17466952</t>
  </si>
  <si>
    <t>cg17468773</t>
  </si>
  <si>
    <t>cg17471019</t>
  </si>
  <si>
    <t>cg17477795</t>
  </si>
  <si>
    <t>cg17478552</t>
  </si>
  <si>
    <t>cg17480368</t>
  </si>
  <si>
    <t>cg17487050</t>
  </si>
  <si>
    <t>cg17497536</t>
  </si>
  <si>
    <t>cg17500329</t>
  </si>
  <si>
    <t>cg17500680</t>
  </si>
  <si>
    <t>cg17500703</t>
  </si>
  <si>
    <t>cg17503786</t>
  </si>
  <si>
    <t>cg17505251</t>
  </si>
  <si>
    <t>cg17510567</t>
  </si>
  <si>
    <t>cg17511604</t>
  </si>
  <si>
    <t>cg17513219</t>
  </si>
  <si>
    <t>cg17516271</t>
  </si>
  <si>
    <t>cg17516571</t>
  </si>
  <si>
    <t>cg17516945</t>
  </si>
  <si>
    <t>cg17517442</t>
  </si>
  <si>
    <t>cg17524265</t>
  </si>
  <si>
    <t>cg17525220</t>
  </si>
  <si>
    <t>cg17527975</t>
  </si>
  <si>
    <t>cg17528127</t>
  </si>
  <si>
    <t>cg17534216</t>
  </si>
  <si>
    <t>cg17535550</t>
  </si>
  <si>
    <t>cg17546052</t>
  </si>
  <si>
    <t>cg17560136</t>
  </si>
  <si>
    <t>cg17599298</t>
  </si>
  <si>
    <t>cg17625618</t>
  </si>
  <si>
    <t>cg17636086</t>
  </si>
  <si>
    <t>cg17636309</t>
  </si>
  <si>
    <t>cg17638856</t>
  </si>
  <si>
    <t>cg17639413</t>
  </si>
  <si>
    <t>cg17654770</t>
  </si>
  <si>
    <t>cg17657300</t>
  </si>
  <si>
    <t>cg17658084</t>
  </si>
  <si>
    <t>cg17661135</t>
  </si>
  <si>
    <t>cg17661300</t>
  </si>
  <si>
    <t>cg17675125</t>
  </si>
  <si>
    <t>cg17683067</t>
  </si>
  <si>
    <t>cg17683573</t>
  </si>
  <si>
    <t>cg17684531</t>
  </si>
  <si>
    <t>cg17686936</t>
  </si>
  <si>
    <t>cg17694593</t>
  </si>
  <si>
    <t>cg17696566</t>
  </si>
  <si>
    <t>cg17701159</t>
  </si>
  <si>
    <t>cg17701417</t>
  </si>
  <si>
    <t>cg17705423</t>
  </si>
  <si>
    <t>cg17706604</t>
  </si>
  <si>
    <t>cg17713954</t>
  </si>
  <si>
    <t>cg17718074</t>
  </si>
  <si>
    <t>cg17719232</t>
  </si>
  <si>
    <t>cg17719360</t>
  </si>
  <si>
    <t>cg17721715</t>
  </si>
  <si>
    <t>cg17724365</t>
  </si>
  <si>
    <t>cg17725037</t>
  </si>
  <si>
    <t>cg17741799</t>
  </si>
  <si>
    <t>cg17744279</t>
  </si>
  <si>
    <t>cg17747005</t>
  </si>
  <si>
    <t>cg17753169</t>
  </si>
  <si>
    <t>cg17758696</t>
  </si>
  <si>
    <t>cg17758805</t>
  </si>
  <si>
    <t>cg17759595</t>
  </si>
  <si>
    <t>cg17765553</t>
  </si>
  <si>
    <t>cg17769009</t>
  </si>
  <si>
    <t>cg17769158</t>
  </si>
  <si>
    <t>cg17774711</t>
  </si>
  <si>
    <t>cg17777603</t>
  </si>
  <si>
    <t>cg17783213</t>
  </si>
  <si>
    <t>cg17788832</t>
  </si>
  <si>
    <t>cg17793819</t>
  </si>
  <si>
    <t>cg17798048</t>
  </si>
  <si>
    <t>cg17804581</t>
  </si>
  <si>
    <t>cg17804635</t>
  </si>
  <si>
    <t>cg17808631</t>
  </si>
  <si>
    <t>cg17811434</t>
  </si>
  <si>
    <t>cg17812203</t>
  </si>
  <si>
    <t>cg17813074</t>
  </si>
  <si>
    <t>cg17813539</t>
  </si>
  <si>
    <t>cg17822779</t>
  </si>
  <si>
    <t>cg17823320</t>
  </si>
  <si>
    <t>cg17825770</t>
  </si>
  <si>
    <t>cg17826006</t>
  </si>
  <si>
    <t>cg17826753</t>
  </si>
  <si>
    <t>cg17830011</t>
  </si>
  <si>
    <t>cg17831662</t>
  </si>
  <si>
    <t>cg17834752</t>
  </si>
  <si>
    <t>cg17835356</t>
  </si>
  <si>
    <t>cg17835463</t>
  </si>
  <si>
    <t>cg17836177</t>
  </si>
  <si>
    <t>cg17838127</t>
  </si>
  <si>
    <t>cg17869161</t>
  </si>
  <si>
    <t>cg17881997</t>
  </si>
  <si>
    <t>cg17883914</t>
  </si>
  <si>
    <t>cg17886457</t>
  </si>
  <si>
    <t>cg17888033</t>
  </si>
  <si>
    <t>cg17889103</t>
  </si>
  <si>
    <t>cg17890283</t>
  </si>
  <si>
    <t>cg17894088</t>
  </si>
  <si>
    <t>cg17896947</t>
  </si>
  <si>
    <t>cg17897391</t>
  </si>
  <si>
    <t>cg17897445</t>
  </si>
  <si>
    <t>cg17903548</t>
  </si>
  <si>
    <t>cg17919502</t>
  </si>
  <si>
    <t>cg17921331</t>
  </si>
  <si>
    <t>cg17922998</t>
  </si>
  <si>
    <t>cg17926016</t>
  </si>
  <si>
    <t>cg17931352</t>
  </si>
  <si>
    <t>cg17932055</t>
  </si>
  <si>
    <t>cg17937438</t>
  </si>
  <si>
    <t>cg17943017</t>
  </si>
  <si>
    <t>cg17943999</t>
  </si>
  <si>
    <t>cg17948297</t>
  </si>
  <si>
    <t>cg17958180</t>
  </si>
  <si>
    <t>cg17960164</t>
  </si>
  <si>
    <t>cg17961077</t>
  </si>
  <si>
    <t>cg17962854</t>
  </si>
  <si>
    <t>cg17963840</t>
  </si>
  <si>
    <t>cg17965359</t>
  </si>
  <si>
    <t>cg17965926</t>
  </si>
  <si>
    <t>cg17966488</t>
  </si>
  <si>
    <t>cg17973773</t>
  </si>
  <si>
    <t>cg17989736</t>
  </si>
  <si>
    <t>cg17992194</t>
  </si>
  <si>
    <t>cg17995652</t>
  </si>
  <si>
    <t>cg17998283</t>
  </si>
  <si>
    <t>cg18002480</t>
  </si>
  <si>
    <t>cg18023085</t>
  </si>
  <si>
    <t>cg18023401</t>
  </si>
  <si>
    <t>cg18025275</t>
  </si>
  <si>
    <t>cg18026631</t>
  </si>
  <si>
    <t>cg18026820</t>
  </si>
  <si>
    <t>cg18027632</t>
  </si>
  <si>
    <t>cg18027810</t>
  </si>
  <si>
    <t>cg18035229</t>
  </si>
  <si>
    <t>cg18036535</t>
  </si>
  <si>
    <t>cg18037893</t>
  </si>
  <si>
    <t>cg18041435</t>
  </si>
  <si>
    <t>cg18044723</t>
  </si>
  <si>
    <t>cg18047920</t>
  </si>
  <si>
    <t>cg18049571</t>
  </si>
  <si>
    <t>cg18059933</t>
  </si>
  <si>
    <t>cg18063989</t>
  </si>
  <si>
    <t>cg18065686</t>
  </si>
  <si>
    <t>cg18066690</t>
  </si>
  <si>
    <t>cg18091163</t>
  </si>
  <si>
    <t>cg18096722</t>
  </si>
  <si>
    <t>cg18097327</t>
  </si>
  <si>
    <t>cg18098065</t>
  </si>
  <si>
    <t>cg18101152</t>
  </si>
  <si>
    <t>cg18107094</t>
  </si>
  <si>
    <t>cg18109033</t>
  </si>
  <si>
    <t>cg18112117</t>
  </si>
  <si>
    <t>cg18117048</t>
  </si>
  <si>
    <t>cg18119166</t>
  </si>
  <si>
    <t>cg18119977</t>
  </si>
  <si>
    <t>cg18123948</t>
  </si>
  <si>
    <t>cg18128673</t>
  </si>
  <si>
    <t>cg18135555</t>
  </si>
  <si>
    <t>cg18144076</t>
  </si>
  <si>
    <t>cg18144647</t>
  </si>
  <si>
    <t>cg18145026</t>
  </si>
  <si>
    <t>cg18145080</t>
  </si>
  <si>
    <t>cg18145806</t>
  </si>
  <si>
    <t>cg18147179</t>
  </si>
  <si>
    <t>cg18148755</t>
  </si>
  <si>
    <t>cg18149919</t>
  </si>
  <si>
    <t>cg18153124</t>
  </si>
  <si>
    <t>cg18159666</t>
  </si>
  <si>
    <t>cg18165630</t>
  </si>
  <si>
    <t>cg18168431</t>
  </si>
  <si>
    <t>cg18170297</t>
  </si>
  <si>
    <t>cg18170545</t>
  </si>
  <si>
    <t>cg18172013</t>
  </si>
  <si>
    <t>cg18191087</t>
  </si>
  <si>
    <t>cg18193916</t>
  </si>
  <si>
    <t>cg18196087</t>
  </si>
  <si>
    <t>cg18197963</t>
  </si>
  <si>
    <t>cg18198461</t>
  </si>
  <si>
    <t>cg18200385</t>
  </si>
  <si>
    <t>cg18209489</t>
  </si>
  <si>
    <t>cg18210511</t>
  </si>
  <si>
    <t>cg18210562</t>
  </si>
  <si>
    <t>cg18212064</t>
  </si>
  <si>
    <t>cg18217048</t>
  </si>
  <si>
    <t>cg18219994</t>
  </si>
  <si>
    <t>cg18221891</t>
  </si>
  <si>
    <t>cg18222509</t>
  </si>
  <si>
    <t>cg18227471</t>
  </si>
  <si>
    <t>cg18233786</t>
  </si>
  <si>
    <t>cg18234130</t>
  </si>
  <si>
    <t>cg18235635</t>
  </si>
  <si>
    <t>cg18238570</t>
  </si>
  <si>
    <t>cg18239973</t>
  </si>
  <si>
    <t>cg18244362</t>
  </si>
  <si>
    <t>cg18245316</t>
  </si>
  <si>
    <t>cg18249908</t>
  </si>
  <si>
    <t>cg18267374</t>
  </si>
  <si>
    <t>cg18270343</t>
  </si>
  <si>
    <t>cg18280057</t>
  </si>
  <si>
    <t>cg18280558</t>
  </si>
  <si>
    <t>cg18281355</t>
  </si>
  <si>
    <t>cg18282619</t>
  </si>
  <si>
    <t>cg18296071</t>
  </si>
  <si>
    <t>cg18303581</t>
  </si>
  <si>
    <t>cg18317494</t>
  </si>
  <si>
    <t>cg18317951</t>
  </si>
  <si>
    <t>cg18318722</t>
  </si>
  <si>
    <t>cg18321827</t>
  </si>
  <si>
    <t>cg18323768</t>
  </si>
  <si>
    <t>cg18324518</t>
  </si>
  <si>
    <t>cg18325192</t>
  </si>
  <si>
    <t>cg18328168</t>
  </si>
  <si>
    <t>cg18339098</t>
  </si>
  <si>
    <t>cg18341905</t>
  </si>
  <si>
    <t>cg18342714</t>
  </si>
  <si>
    <t>cg18350458</t>
  </si>
  <si>
    <t>cg18356330</t>
  </si>
  <si>
    <t>cg18379495</t>
  </si>
  <si>
    <t>cg18381880</t>
  </si>
  <si>
    <t>cg18406492</t>
  </si>
  <si>
    <t>cg18420643</t>
  </si>
  <si>
    <t>cg18427696</t>
  </si>
  <si>
    <t>cg18428626</t>
  </si>
  <si>
    <t>cg18430411</t>
  </si>
  <si>
    <t>cg18431951</t>
  </si>
  <si>
    <t>cg18432895</t>
  </si>
  <si>
    <t>cg18444544</t>
  </si>
  <si>
    <t>cg18448614</t>
  </si>
  <si>
    <t>cg18452600</t>
  </si>
  <si>
    <t>cg18455759</t>
  </si>
  <si>
    <t>cg18458131</t>
  </si>
  <si>
    <t>cg18459342</t>
  </si>
  <si>
    <t>cg18460120</t>
  </si>
  <si>
    <t>cg18461548</t>
  </si>
  <si>
    <t>cg18461678</t>
  </si>
  <si>
    <t>cg18473381</t>
  </si>
  <si>
    <t>cg18478529</t>
  </si>
  <si>
    <t>cg18493182</t>
  </si>
  <si>
    <t>cg18499636</t>
  </si>
  <si>
    <t>cg18500177</t>
  </si>
  <si>
    <t>cg18500674</t>
  </si>
  <si>
    <t>cg18500727</t>
  </si>
  <si>
    <t>cg18501230</t>
  </si>
  <si>
    <t>cg18502021</t>
  </si>
  <si>
    <t>cg18509524</t>
  </si>
  <si>
    <t>cg18511558</t>
  </si>
  <si>
    <t>cg18511989</t>
  </si>
  <si>
    <t>cg18512336</t>
  </si>
  <si>
    <t>cg18514358</t>
  </si>
  <si>
    <t>cg18518909</t>
  </si>
  <si>
    <t>cg18521305</t>
  </si>
  <si>
    <t>cg18530729</t>
  </si>
  <si>
    <t>cg18533546</t>
  </si>
  <si>
    <t>cg18534312</t>
  </si>
  <si>
    <t>cg18537482</t>
  </si>
  <si>
    <t>cg18544058</t>
  </si>
  <si>
    <t>cg18545076</t>
  </si>
  <si>
    <t>cg18549919</t>
  </si>
  <si>
    <t>cg18552077</t>
  </si>
  <si>
    <t>cg18555289</t>
  </si>
  <si>
    <t>cg18558108</t>
  </si>
  <si>
    <t>cg18563812</t>
  </si>
  <si>
    <t>cg18565355</t>
  </si>
  <si>
    <t>cg18569695</t>
  </si>
  <si>
    <t>cg18570392</t>
  </si>
  <si>
    <t>cg18581669</t>
  </si>
  <si>
    <t>cg18582010</t>
  </si>
  <si>
    <t>cg18583697</t>
  </si>
  <si>
    <t>cg18584012</t>
  </si>
  <si>
    <t>cg18585246</t>
  </si>
  <si>
    <t>cg18587404</t>
  </si>
  <si>
    <t>cg18604888</t>
  </si>
  <si>
    <t>cg18614735</t>
  </si>
  <si>
    <t>cg18616908</t>
  </si>
  <si>
    <t>cg18629583</t>
  </si>
  <si>
    <t>cg18649319</t>
  </si>
  <si>
    <t>cg18710908</t>
  </si>
  <si>
    <t>cg18715243</t>
  </si>
  <si>
    <t>cg18718312</t>
  </si>
  <si>
    <t>cg18719750</t>
  </si>
  <si>
    <t>cg18734877</t>
  </si>
  <si>
    <t>cg18736448</t>
  </si>
  <si>
    <t>cg18739367</t>
  </si>
  <si>
    <t>cg18744668</t>
  </si>
  <si>
    <t>cg18745406</t>
  </si>
  <si>
    <t>cg18746826</t>
  </si>
  <si>
    <t>cg18749629</t>
  </si>
  <si>
    <t>cg18757405</t>
  </si>
  <si>
    <t>cg18766054</t>
  </si>
  <si>
    <t>cg18769125</t>
  </si>
  <si>
    <t>cg18770186</t>
  </si>
  <si>
    <t>cg18787975</t>
  </si>
  <si>
    <t>cg18792031</t>
  </si>
  <si>
    <t>cg18794473</t>
  </si>
  <si>
    <t>cg18794475</t>
  </si>
  <si>
    <t>cg18798372</t>
  </si>
  <si>
    <t>cg18799048</t>
  </si>
  <si>
    <t>cg18800100</t>
  </si>
  <si>
    <t>cg18805774</t>
  </si>
  <si>
    <t>cg18811789</t>
  </si>
  <si>
    <t>cg18813527</t>
  </si>
  <si>
    <t>cg18816905</t>
  </si>
  <si>
    <t>cg18822036</t>
  </si>
  <si>
    <t>cg18822414</t>
  </si>
  <si>
    <t>cg18823849</t>
  </si>
  <si>
    <t>cg18824193</t>
  </si>
  <si>
    <t>cg18826572</t>
  </si>
  <si>
    <t>cg18855674</t>
  </si>
  <si>
    <t>cg18870532</t>
  </si>
  <si>
    <t>cg18875839</t>
  </si>
  <si>
    <t>cg18884237</t>
  </si>
  <si>
    <t>cg18893025</t>
  </si>
  <si>
    <t>cg18893120</t>
  </si>
  <si>
    <t>cg18894794</t>
  </si>
  <si>
    <t>cg18896184</t>
  </si>
  <si>
    <t>cg18897026</t>
  </si>
  <si>
    <t>cg18898498</t>
  </si>
  <si>
    <t>cg18899064</t>
  </si>
  <si>
    <t>cg18899777</t>
  </si>
  <si>
    <t>cg18902541</t>
  </si>
  <si>
    <t>cg18913729</t>
  </si>
  <si>
    <t>cg18918321</t>
  </si>
  <si>
    <t>cg18919106</t>
  </si>
  <si>
    <t>cg18919478</t>
  </si>
  <si>
    <t>cg18923188</t>
  </si>
  <si>
    <t>cg18925846</t>
  </si>
  <si>
    <t>cg18939260</t>
  </si>
  <si>
    <t>cg18956095</t>
  </si>
  <si>
    <t>cg18975462</t>
  </si>
  <si>
    <t>cg18976974</t>
  </si>
  <si>
    <t>cg18977290</t>
  </si>
  <si>
    <t>cg18980939</t>
  </si>
  <si>
    <t>cg18984833</t>
  </si>
  <si>
    <t>cg18985133</t>
  </si>
  <si>
    <t>cg18986713</t>
  </si>
  <si>
    <t>cg18989252</t>
  </si>
  <si>
    <t>cg18989722</t>
  </si>
  <si>
    <t>cg18997158</t>
  </si>
  <si>
    <t>cg19002763</t>
  </si>
  <si>
    <t>cg19003304</t>
  </si>
  <si>
    <t>cg19007731</t>
  </si>
  <si>
    <t>cg19021188</t>
  </si>
  <si>
    <t>cg19033555</t>
  </si>
  <si>
    <t>cg19033875</t>
  </si>
  <si>
    <t>cg19035496</t>
  </si>
  <si>
    <t>cg19038989</t>
  </si>
  <si>
    <t>cg19040483</t>
  </si>
  <si>
    <t>cg19044918</t>
  </si>
  <si>
    <t>cg19078186</t>
  </si>
  <si>
    <t>cg19084794</t>
  </si>
  <si>
    <t>cg19085352</t>
  </si>
  <si>
    <t>cg19085463</t>
  </si>
  <si>
    <t>cg19101547</t>
  </si>
  <si>
    <t>cg19106326</t>
  </si>
  <si>
    <t>cg19107429</t>
  </si>
  <si>
    <t>cg19114570</t>
  </si>
  <si>
    <t>cg19123356</t>
  </si>
  <si>
    <t>cg19123749</t>
  </si>
  <si>
    <t>cg19125715</t>
  </si>
  <si>
    <t>cg19129839</t>
  </si>
  <si>
    <t>cg19134704</t>
  </si>
  <si>
    <t>cg19135230</t>
  </si>
  <si>
    <t>cg19143639</t>
  </si>
  <si>
    <t>cg19148519</t>
  </si>
  <si>
    <t>cg19150884</t>
  </si>
  <si>
    <t>cg19172575</t>
  </si>
  <si>
    <t>cg19185414</t>
  </si>
  <si>
    <t>cg19187616</t>
  </si>
  <si>
    <t>cg19188612</t>
  </si>
  <si>
    <t>cg19191888</t>
  </si>
  <si>
    <t>cg19199677</t>
  </si>
  <si>
    <t>cg19216211</t>
  </si>
  <si>
    <t>cg19233757</t>
  </si>
  <si>
    <t>cg19245054</t>
  </si>
  <si>
    <t>cg19249110</t>
  </si>
  <si>
    <t>cg19251280</t>
  </si>
  <si>
    <t>cg19259199</t>
  </si>
  <si>
    <t>cg19262377</t>
  </si>
  <si>
    <t>cg19267776</t>
  </si>
  <si>
    <t>cg19269807</t>
  </si>
  <si>
    <t>cg19270409</t>
  </si>
  <si>
    <t>cg19272266</t>
  </si>
  <si>
    <t>cg19276186</t>
  </si>
  <si>
    <t>cg19283840</t>
  </si>
  <si>
    <t>cg19314470</t>
  </si>
  <si>
    <t>cg19340858</t>
  </si>
  <si>
    <t>cg19352605</t>
  </si>
  <si>
    <t>cg19352830</t>
  </si>
  <si>
    <t>cg19354255</t>
  </si>
  <si>
    <t>cg19357416</t>
  </si>
  <si>
    <t>cg19363213</t>
  </si>
  <si>
    <t>cg19366147</t>
  </si>
  <si>
    <t>cg19384032</t>
  </si>
  <si>
    <t>cg19396360</t>
  </si>
  <si>
    <t>cg19397128</t>
  </si>
  <si>
    <t>cg19404723</t>
  </si>
  <si>
    <t>cg19405177</t>
  </si>
  <si>
    <t>cg19414741</t>
  </si>
  <si>
    <t>cg19414967</t>
  </si>
  <si>
    <t>cg19422304</t>
  </si>
  <si>
    <t>cg19424531</t>
  </si>
  <si>
    <t>cg19433341</t>
  </si>
  <si>
    <t>cg19434410</t>
  </si>
  <si>
    <t>cg19439666</t>
  </si>
  <si>
    <t>cg19440484</t>
  </si>
  <si>
    <t>cg19442889</t>
  </si>
  <si>
    <t>cg19455335</t>
  </si>
  <si>
    <t>cg19482401</t>
  </si>
  <si>
    <t>cg19486048</t>
  </si>
  <si>
    <t>cg19497501</t>
  </si>
  <si>
    <t>cg19500185</t>
  </si>
  <si>
    <t>cg19503351</t>
  </si>
  <si>
    <t>cg19508622</t>
  </si>
  <si>
    <t>cg19512903</t>
  </si>
  <si>
    <t>cg19513293</t>
  </si>
  <si>
    <t>cg19515324</t>
  </si>
  <si>
    <t>cg19515984</t>
  </si>
  <si>
    <t>cg19516009</t>
  </si>
  <si>
    <t>cg19517841</t>
  </si>
  <si>
    <t>cg19523819</t>
  </si>
  <si>
    <t>cg19528610</t>
  </si>
  <si>
    <t>cg19529472</t>
  </si>
  <si>
    <t>cg19529842</t>
  </si>
  <si>
    <t>cg19530281</t>
  </si>
  <si>
    <t>cg19549068</t>
  </si>
  <si>
    <t>cg19549593</t>
  </si>
  <si>
    <t>cg19560979</t>
  </si>
  <si>
    <t>cg19564648</t>
  </si>
  <si>
    <t>cg19571106</t>
  </si>
  <si>
    <t>cg19571412</t>
  </si>
  <si>
    <t>cg19585816</t>
  </si>
  <si>
    <t>cg19587828</t>
  </si>
  <si>
    <t>cg19589396</t>
  </si>
  <si>
    <t>cg19593660</t>
  </si>
  <si>
    <t>cg19593732</t>
  </si>
  <si>
    <t>cg19597545</t>
  </si>
  <si>
    <t>cg19598713</t>
  </si>
  <si>
    <t>cg19620294</t>
  </si>
  <si>
    <t>cg19621814</t>
  </si>
  <si>
    <t>cg19626138</t>
  </si>
  <si>
    <t>cg19627145</t>
  </si>
  <si>
    <t>cg19632760</t>
  </si>
  <si>
    <t>cg19632809</t>
  </si>
  <si>
    <t>cg19639533</t>
  </si>
  <si>
    <t>cg19653425</t>
  </si>
  <si>
    <t>cg19656415</t>
  </si>
  <si>
    <t>cg19656486</t>
  </si>
  <si>
    <t>cg19657214</t>
  </si>
  <si>
    <t>cg19660806</t>
  </si>
  <si>
    <t>cg19662554</t>
  </si>
  <si>
    <t>cg19671717</t>
  </si>
  <si>
    <t>cg19673480</t>
  </si>
  <si>
    <t>cg19677927</t>
  </si>
  <si>
    <t>cg19678968</t>
  </si>
  <si>
    <t>cg19683780</t>
  </si>
  <si>
    <t>cg19687358</t>
  </si>
  <si>
    <t>cg19691797</t>
  </si>
  <si>
    <t>cg19695041</t>
  </si>
  <si>
    <t>cg19697795</t>
  </si>
  <si>
    <t>cg19722671</t>
  </si>
  <si>
    <t>cg19726460</t>
  </si>
  <si>
    <t>cg19730147</t>
  </si>
  <si>
    <t>cg19746780</t>
  </si>
  <si>
    <t>cg19747142</t>
  </si>
  <si>
    <t>cg19747659</t>
  </si>
  <si>
    <t>cg19747911</t>
  </si>
  <si>
    <t>cg19771920</t>
  </si>
  <si>
    <t>cg19785773</t>
  </si>
  <si>
    <t>cg19787650</t>
  </si>
  <si>
    <t>cg19788371</t>
  </si>
  <si>
    <t>cg19791143</t>
  </si>
  <si>
    <t>cg19791277</t>
  </si>
  <si>
    <t>cg19792544</t>
  </si>
  <si>
    <t>cg19793804</t>
  </si>
  <si>
    <t>cg19806221</t>
  </si>
  <si>
    <t>cg19824833</t>
  </si>
  <si>
    <t>cg19840732</t>
  </si>
  <si>
    <t>cg19844232</t>
  </si>
  <si>
    <t>cg19846154</t>
  </si>
  <si>
    <t>cg19848629</t>
  </si>
  <si>
    <t>cg19854235</t>
  </si>
  <si>
    <t>cg19858671</t>
  </si>
  <si>
    <t>cg19861842</t>
  </si>
  <si>
    <t>cg19862964</t>
  </si>
  <si>
    <t>cg19863319</t>
  </si>
  <si>
    <t>cg19866594</t>
  </si>
  <si>
    <t>cg19877103</t>
  </si>
  <si>
    <t>cg19878659</t>
  </si>
  <si>
    <t>cg19882315</t>
  </si>
  <si>
    <t>cg19882377</t>
  </si>
  <si>
    <t>cg19883017</t>
  </si>
  <si>
    <t>cg19886405</t>
  </si>
  <si>
    <t>cg19886701</t>
  </si>
  <si>
    <t>cg19891728</t>
  </si>
  <si>
    <t>cg19901403</t>
  </si>
  <si>
    <t>cg19904463</t>
  </si>
  <si>
    <t>cg19906599</t>
  </si>
  <si>
    <t>cg19906741</t>
  </si>
  <si>
    <t>cg19911490</t>
  </si>
  <si>
    <t>cg19911493</t>
  </si>
  <si>
    <t>cg19911880</t>
  </si>
  <si>
    <t>cg19913199</t>
  </si>
  <si>
    <t>cg19913626</t>
  </si>
  <si>
    <t>cg19924008</t>
  </si>
  <si>
    <t>cg19924352</t>
  </si>
  <si>
    <t>cg19927373</t>
  </si>
  <si>
    <t>cg19938277</t>
  </si>
  <si>
    <t>cg19942486</t>
  </si>
  <si>
    <t>cg19945060</t>
  </si>
  <si>
    <t>cg19963313</t>
  </si>
  <si>
    <t>cg19971388</t>
  </si>
  <si>
    <t>cg19972619</t>
  </si>
  <si>
    <t>cg19978055</t>
  </si>
  <si>
    <t>cg19978209</t>
  </si>
  <si>
    <t>cg19983118</t>
  </si>
  <si>
    <t>cg19987705</t>
  </si>
  <si>
    <t>cg19988558</t>
  </si>
  <si>
    <t>cg19992450</t>
  </si>
  <si>
    <t>cg19995049</t>
  </si>
  <si>
    <t>cg19996406</t>
  </si>
  <si>
    <t>cg19997384</t>
  </si>
  <si>
    <t>cg20007844</t>
  </si>
  <si>
    <t>cg20008846</t>
  </si>
  <si>
    <t>cg20009332</t>
  </si>
  <si>
    <t>cg20009866</t>
  </si>
  <si>
    <t>cg20011352</t>
  </si>
  <si>
    <t>cg20024324</t>
  </si>
  <si>
    <t>cg20024687</t>
  </si>
  <si>
    <t>cg20036365</t>
  </si>
  <si>
    <t>cg20036377</t>
  </si>
  <si>
    <t>cg20038366</t>
  </si>
  <si>
    <t>cg20039163</t>
  </si>
  <si>
    <t>cg20039814</t>
  </si>
  <si>
    <t>cg20040743</t>
  </si>
  <si>
    <t>cg20043066</t>
  </si>
  <si>
    <t>cg20044923</t>
  </si>
  <si>
    <t>cg20046330</t>
  </si>
  <si>
    <t>cg20047489</t>
  </si>
  <si>
    <t>cg20049273</t>
  </si>
  <si>
    <t>cg20049427</t>
  </si>
  <si>
    <t>cg20050877</t>
  </si>
  <si>
    <t>cg20051292</t>
  </si>
  <si>
    <t>cg20060928</t>
  </si>
  <si>
    <t>cg20061155</t>
  </si>
  <si>
    <t>cg20061770</t>
  </si>
  <si>
    <t>cg20063965</t>
  </si>
  <si>
    <t>cg20067338</t>
  </si>
  <si>
    <t>cg20068274</t>
  </si>
  <si>
    <t>cg20071561</t>
  </si>
  <si>
    <t>cg20076442</t>
  </si>
  <si>
    <t>cg20080878</t>
  </si>
  <si>
    <t>cg20081993</t>
  </si>
  <si>
    <t>cg20083995</t>
  </si>
  <si>
    <t>cg20085411</t>
  </si>
  <si>
    <t>cg20086660</t>
  </si>
  <si>
    <t>cg20088245</t>
  </si>
  <si>
    <t>cg20091636</t>
  </si>
  <si>
    <t>cg20100987</t>
  </si>
  <si>
    <t>cg20108600</t>
  </si>
  <si>
    <t>cg20110504</t>
  </si>
  <si>
    <t>cg20110832</t>
  </si>
  <si>
    <t>cg20127859</t>
  </si>
  <si>
    <t>cg20129717</t>
  </si>
  <si>
    <t>cg20131581</t>
  </si>
  <si>
    <t>cg20139247</t>
  </si>
  <si>
    <t>cg20142986</t>
  </si>
  <si>
    <t>cg20149022</t>
  </si>
  <si>
    <t>cg20150135</t>
  </si>
  <si>
    <t>cg20152871</t>
  </si>
  <si>
    <t>cg20152989</t>
  </si>
  <si>
    <t>cg20157314</t>
  </si>
  <si>
    <t>cg20162696</t>
  </si>
  <si>
    <t>cg20163645</t>
  </si>
  <si>
    <t>cg20165604</t>
  </si>
  <si>
    <t>cg20167762</t>
  </si>
  <si>
    <t>cg20170882</t>
  </si>
  <si>
    <t>cg20173011</t>
  </si>
  <si>
    <t>cg20181312</t>
  </si>
  <si>
    <t>cg20188974</t>
  </si>
  <si>
    <t>cg20189073</t>
  </si>
  <si>
    <t>cg20199738</t>
  </si>
  <si>
    <t>cg20207276</t>
  </si>
  <si>
    <t>cg20213479</t>
  </si>
  <si>
    <t>cg20218077</t>
  </si>
  <si>
    <t>cg20218614</t>
  </si>
  <si>
    <t>cg20223364</t>
  </si>
  <si>
    <t>cg20223754</t>
  </si>
  <si>
    <t>cg20229014</t>
  </si>
  <si>
    <t>cg20237264</t>
  </si>
  <si>
    <t>cg20237820</t>
  </si>
  <si>
    <t>cg20254251</t>
  </si>
  <si>
    <t>cg20255231</t>
  </si>
  <si>
    <t>cg20259557</t>
  </si>
  <si>
    <t>cg20263156</t>
  </si>
  <si>
    <t>cg20263686</t>
  </si>
  <si>
    <t>cg20265951</t>
  </si>
  <si>
    <t>cg20270320</t>
  </si>
  <si>
    <t>cg20272648</t>
  </si>
  <si>
    <t>cg20274006</t>
  </si>
  <si>
    <t>cg20274462</t>
  </si>
  <si>
    <t>cg20279283</t>
  </si>
  <si>
    <t>cg20281815</t>
  </si>
  <si>
    <t>cg20281912</t>
  </si>
  <si>
    <t>cg20282158</t>
  </si>
  <si>
    <t>cg20294810</t>
  </si>
  <si>
    <t>cg20296493</t>
  </si>
  <si>
    <t>cg20299247</t>
  </si>
  <si>
    <t>cg20303075</t>
  </si>
  <si>
    <t>cg20303399</t>
  </si>
  <si>
    <t>cg20304401</t>
  </si>
  <si>
    <t>cg20305578</t>
  </si>
  <si>
    <t>cg20309121</t>
  </si>
  <si>
    <t>cg20309975</t>
  </si>
  <si>
    <t>cg20310071</t>
  </si>
  <si>
    <t>cg20316883</t>
  </si>
  <si>
    <t>cg20321319</t>
  </si>
  <si>
    <t>cg20321432</t>
  </si>
  <si>
    <t>cg20324969</t>
  </si>
  <si>
    <t>cg20327862</t>
  </si>
  <si>
    <t>cg20329047</t>
  </si>
  <si>
    <t>cg20330521</t>
  </si>
  <si>
    <t>cg20334313</t>
  </si>
  <si>
    <t>cg20336472</t>
  </si>
  <si>
    <t>cg20349695</t>
  </si>
  <si>
    <t>cg20365403</t>
  </si>
  <si>
    <t>cg20365580</t>
  </si>
  <si>
    <t>cg20366110</t>
  </si>
  <si>
    <t>cg20367258</t>
  </si>
  <si>
    <t>cg20369204</t>
  </si>
  <si>
    <t>cg20376313</t>
  </si>
  <si>
    <t>cg20378690</t>
  </si>
  <si>
    <t>cg20379012</t>
  </si>
  <si>
    <t>cg20379125</t>
  </si>
  <si>
    <t>cg20385901</t>
  </si>
  <si>
    <t>cg20387272</t>
  </si>
  <si>
    <t>cg20392615</t>
  </si>
  <si>
    <t>cg20400248</t>
  </si>
  <si>
    <t>cg20400361</t>
  </si>
  <si>
    <t>cg20401434</t>
  </si>
  <si>
    <t>cg20402658</t>
  </si>
  <si>
    <t>cg20435463</t>
  </si>
  <si>
    <t>cg20437660</t>
  </si>
  <si>
    <t>cg20444381</t>
  </si>
  <si>
    <t>cg20449379</t>
  </si>
  <si>
    <t>cg20449614</t>
  </si>
  <si>
    <t>cg20449619</t>
  </si>
  <si>
    <t>cg20450123</t>
  </si>
  <si>
    <t>cg20458811</t>
  </si>
  <si>
    <t>cg20464732</t>
  </si>
  <si>
    <t>cg20466074</t>
  </si>
  <si>
    <t>cg20468415</t>
  </si>
  <si>
    <t>cg20476171</t>
  </si>
  <si>
    <t>cg20480642</t>
  </si>
  <si>
    <t>cg20489847</t>
  </si>
  <si>
    <t>cg20491094</t>
  </si>
  <si>
    <t>cg20497631</t>
  </si>
  <si>
    <t>cg20500540</t>
  </si>
  <si>
    <t>cg20513418</t>
  </si>
  <si>
    <t>cg20514973</t>
  </si>
  <si>
    <t>cg20516032</t>
  </si>
  <si>
    <t>cg20516620</t>
  </si>
  <si>
    <t>cg20516737</t>
  </si>
  <si>
    <t>cg20519035</t>
  </si>
  <si>
    <t>cg20519373</t>
  </si>
  <si>
    <t>cg20520709</t>
  </si>
  <si>
    <t>cg20520888</t>
  </si>
  <si>
    <t>cg20522761</t>
  </si>
  <si>
    <t>cg20523466</t>
  </si>
  <si>
    <t>cg20529969</t>
  </si>
  <si>
    <t>cg20533488</t>
  </si>
  <si>
    <t>cg20539142</t>
  </si>
  <si>
    <t>cg20539307</t>
  </si>
  <si>
    <t>cg20541178</t>
  </si>
  <si>
    <t>cg20541656</t>
  </si>
  <si>
    <t>cg20542592</t>
  </si>
  <si>
    <t>cg20543645</t>
  </si>
  <si>
    <t>cg20543651</t>
  </si>
  <si>
    <t>cg20545694</t>
  </si>
  <si>
    <t>cg20545721</t>
  </si>
  <si>
    <t>cg20555854</t>
  </si>
  <si>
    <t>cg20562147</t>
  </si>
  <si>
    <t>cg20564969</t>
  </si>
  <si>
    <t>cg20567768</t>
  </si>
  <si>
    <t>cg20570109</t>
  </si>
  <si>
    <t>cg20574490</t>
  </si>
  <si>
    <t>cg20577333</t>
  </si>
  <si>
    <t>cg20579564</t>
  </si>
  <si>
    <t>cg20583945</t>
  </si>
  <si>
    <t>cg20585841</t>
  </si>
  <si>
    <t>cg20586163</t>
  </si>
  <si>
    <t>cg20597619</t>
  </si>
  <si>
    <t>cg20599405</t>
  </si>
  <si>
    <t>cg20602954</t>
  </si>
  <si>
    <t>cg20604028</t>
  </si>
  <si>
    <t>cg20610654</t>
  </si>
  <si>
    <t>cg20611272</t>
  </si>
  <si>
    <t>cg20612299</t>
  </si>
  <si>
    <t>cg20627643</t>
  </si>
  <si>
    <t>cg20627646</t>
  </si>
  <si>
    <t>cg20630812</t>
  </si>
  <si>
    <t>cg20637223</t>
  </si>
  <si>
    <t>cg20642630</t>
  </si>
  <si>
    <t>cg20651456</t>
  </si>
  <si>
    <t>cg20653075</t>
  </si>
  <si>
    <t>cg20658779</t>
  </si>
  <si>
    <t>cg20669525</t>
  </si>
  <si>
    <t>cg20671920</t>
  </si>
  <si>
    <t>cg20673075</t>
  </si>
  <si>
    <t>cg20674212</t>
  </si>
  <si>
    <t>cg20675040</t>
  </si>
  <si>
    <t>cg20676100</t>
  </si>
  <si>
    <t>cg20679581</t>
  </si>
  <si>
    <t>cg20683454</t>
  </si>
  <si>
    <t>cg20683656</t>
  </si>
  <si>
    <t>cg20696720</t>
  </si>
  <si>
    <t>cg20699323</t>
  </si>
  <si>
    <t>cg20699548</t>
  </si>
  <si>
    <t>cg20702056</t>
  </si>
  <si>
    <t>cg20702559</t>
  </si>
  <si>
    <t>cg20705812</t>
  </si>
  <si>
    <t>cg20708129</t>
  </si>
  <si>
    <t>cg20710138</t>
  </si>
  <si>
    <t>cg20711765</t>
  </si>
  <si>
    <t>cg20712955</t>
  </si>
  <si>
    <t>cg20714528</t>
  </si>
  <si>
    <t>cg20717059</t>
  </si>
  <si>
    <t>cg20742548</t>
  </si>
  <si>
    <t>cg20744156</t>
  </si>
  <si>
    <t>cg20746756</t>
  </si>
  <si>
    <t>cg20749005</t>
  </si>
  <si>
    <t>cg20749462</t>
  </si>
  <si>
    <t>cg20765100</t>
  </si>
  <si>
    <t>cg20774846</t>
  </si>
  <si>
    <t>cg20780944</t>
  </si>
  <si>
    <t>cg20781847</t>
  </si>
  <si>
    <t>cg20784950</t>
  </si>
  <si>
    <t>cg20791560</t>
  </si>
  <si>
    <t>cg20794855</t>
  </si>
  <si>
    <t>cg20798740</t>
  </si>
  <si>
    <t>cg20799503</t>
  </si>
  <si>
    <t>cg20803796</t>
  </si>
  <si>
    <t>cg20807254</t>
  </si>
  <si>
    <t>cg20816077</t>
  </si>
  <si>
    <t>cg20816967</t>
  </si>
  <si>
    <t>cg20817363</t>
  </si>
  <si>
    <t>cg20819084</t>
  </si>
  <si>
    <t>cg20845050</t>
  </si>
  <si>
    <t>cg20845639</t>
  </si>
  <si>
    <t>cg20845659</t>
  </si>
  <si>
    <t>cg20847701</t>
  </si>
  <si>
    <t>cg20849324</t>
  </si>
  <si>
    <t>cg20858107</t>
  </si>
  <si>
    <t>cg20860124</t>
  </si>
  <si>
    <t>cg20862496</t>
  </si>
  <si>
    <t>cg20862599</t>
  </si>
  <si>
    <t>cg20863715</t>
  </si>
  <si>
    <t>cg20890157</t>
  </si>
  <si>
    <t>cg20890210</t>
  </si>
  <si>
    <t>cg20890260</t>
  </si>
  <si>
    <t>cg20890440</t>
  </si>
  <si>
    <t>cg20902975</t>
  </si>
  <si>
    <t>cg20904475</t>
  </si>
  <si>
    <t>cg20908789</t>
  </si>
  <si>
    <t>cg20909354</t>
  </si>
  <si>
    <t>cg20910202</t>
  </si>
  <si>
    <t>cg20912874</t>
  </si>
  <si>
    <t>cg20913106</t>
  </si>
  <si>
    <t>cg20916578</t>
  </si>
  <si>
    <t>cg20918219</t>
  </si>
  <si>
    <t>cg20919781</t>
  </si>
  <si>
    <t>cg20938454</t>
  </si>
  <si>
    <t>cg20940153</t>
  </si>
  <si>
    <t>cg20944195</t>
  </si>
  <si>
    <t>cg20946943</t>
  </si>
  <si>
    <t>cg20951726</t>
  </si>
  <si>
    <t>cg20955688</t>
  </si>
  <si>
    <t>cg20966972</t>
  </si>
  <si>
    <t>cg20976526</t>
  </si>
  <si>
    <t>cg20984614</t>
  </si>
  <si>
    <t>cg20987067</t>
  </si>
  <si>
    <t>cg20987283</t>
  </si>
  <si>
    <t>cg20993554</t>
  </si>
  <si>
    <t>cg20994561</t>
  </si>
  <si>
    <t>cg20996314</t>
  </si>
  <si>
    <t>cg21006539</t>
  </si>
  <si>
    <t>cg21008145</t>
  </si>
  <si>
    <t>cg21008602</t>
  </si>
  <si>
    <t>cg21015266</t>
  </si>
  <si>
    <t>cg21022029</t>
  </si>
  <si>
    <t>cg21031128</t>
  </si>
  <si>
    <t>cg21039652</t>
  </si>
  <si>
    <t>cg21054655</t>
  </si>
  <si>
    <t>cg21073927</t>
  </si>
  <si>
    <t>cg21092687</t>
  </si>
  <si>
    <t>cg21092790</t>
  </si>
  <si>
    <t>cg21129670</t>
  </si>
  <si>
    <t>cg21132564</t>
  </si>
  <si>
    <t>cg21133266</t>
  </si>
  <si>
    <t>cg21135560</t>
  </si>
  <si>
    <t>cg21139227</t>
  </si>
  <si>
    <t>cg21139368</t>
  </si>
  <si>
    <t>cg21145938</t>
  </si>
  <si>
    <t>cg21146037</t>
  </si>
  <si>
    <t>cg21146209</t>
  </si>
  <si>
    <t>cg21147433</t>
  </si>
  <si>
    <t>cg21148880</t>
  </si>
  <si>
    <t>cg21154823</t>
  </si>
  <si>
    <t>cg21163714</t>
  </si>
  <si>
    <t>cg21172319</t>
  </si>
  <si>
    <t>cg21173402</t>
  </si>
  <si>
    <t>cg21176629</t>
  </si>
  <si>
    <t>cg21180467</t>
  </si>
  <si>
    <t>cg21184172</t>
  </si>
  <si>
    <t>cg21186296</t>
  </si>
  <si>
    <t>cg21186900</t>
  </si>
  <si>
    <t>cg21187068</t>
  </si>
  <si>
    <t>cg21187239</t>
  </si>
  <si>
    <t>cg21191241</t>
  </si>
  <si>
    <t>cg21194021</t>
  </si>
  <si>
    <t>cg21197871</t>
  </si>
  <si>
    <t>cg21205504</t>
  </si>
  <si>
    <t>cg21206021</t>
  </si>
  <si>
    <t>cg21207636</t>
  </si>
  <si>
    <t>cg21210789</t>
  </si>
  <si>
    <t>cg21211020</t>
  </si>
  <si>
    <t>cg21214758</t>
  </si>
  <si>
    <t>cg21215409</t>
  </si>
  <si>
    <t>cg21215576</t>
  </si>
  <si>
    <t>cg21217423</t>
  </si>
  <si>
    <t>cg21221873</t>
  </si>
  <si>
    <t>cg21221947</t>
  </si>
  <si>
    <t>cg21225797</t>
  </si>
  <si>
    <t>cg21226234</t>
  </si>
  <si>
    <t>cg21230493</t>
  </si>
  <si>
    <t>cg21231715</t>
  </si>
  <si>
    <t>cg21231993</t>
  </si>
  <si>
    <t>cg21234195</t>
  </si>
  <si>
    <t>cg21234779</t>
  </si>
  <si>
    <t>cg21238284</t>
  </si>
  <si>
    <t>cg21239940</t>
  </si>
  <si>
    <t>cg21243889</t>
  </si>
  <si>
    <t>cg21244191</t>
  </si>
  <si>
    <t>cg21248274</t>
  </si>
  <si>
    <t>cg21251344</t>
  </si>
  <si>
    <t>cg21252914</t>
  </si>
  <si>
    <t>cg21254470</t>
  </si>
  <si>
    <t>cg21254731</t>
  </si>
  <si>
    <t>cg21271452</t>
  </si>
  <si>
    <t>cg21279756</t>
  </si>
  <si>
    <t>cg21287347</t>
  </si>
  <si>
    <t>cg21289397</t>
  </si>
  <si>
    <t>cg21292905</t>
  </si>
  <si>
    <t>cg21293455</t>
  </si>
  <si>
    <t>cg21298408</t>
  </si>
  <si>
    <t>cg21305265</t>
  </si>
  <si>
    <t>cg21308011</t>
  </si>
  <si>
    <t>cg21308111</t>
  </si>
  <si>
    <t>cg21308632</t>
  </si>
  <si>
    <t>cg21313962</t>
  </si>
  <si>
    <t>cg21315018</t>
  </si>
  <si>
    <t>cg21327483</t>
  </si>
  <si>
    <t>cg21328389</t>
  </si>
  <si>
    <t>cg21333674</t>
  </si>
  <si>
    <t>cg21336288</t>
  </si>
  <si>
    <t>cg21340143</t>
  </si>
  <si>
    <t>cg21341817</t>
  </si>
  <si>
    <t>cg21341889</t>
  </si>
  <si>
    <t>cg21348923</t>
  </si>
  <si>
    <t>cg21349849</t>
  </si>
  <si>
    <t>cg21363706</t>
  </si>
  <si>
    <t>cg21368609</t>
  </si>
  <si>
    <t>cg21392435</t>
  </si>
  <si>
    <t>cg21392893</t>
  </si>
  <si>
    <t>cg21397592</t>
  </si>
  <si>
    <t>cg21399717</t>
  </si>
  <si>
    <t>cg21404980</t>
  </si>
  <si>
    <t>cg21411812</t>
  </si>
  <si>
    <t>cg21414636</t>
  </si>
  <si>
    <t>cg21415530</t>
  </si>
  <si>
    <t>cg21415682</t>
  </si>
  <si>
    <t>cg21417030</t>
  </si>
  <si>
    <t>cg21428681</t>
  </si>
  <si>
    <t>cg21429107</t>
  </si>
  <si>
    <t>cg21430685</t>
  </si>
  <si>
    <t>cg21435473</t>
  </si>
  <si>
    <t>cg21439481</t>
  </si>
  <si>
    <t>cg21440284</t>
  </si>
  <si>
    <t>cg21440764</t>
  </si>
  <si>
    <t>cg21442626</t>
  </si>
  <si>
    <t>cg21442881</t>
  </si>
  <si>
    <t>cg21443143</t>
  </si>
  <si>
    <t>cg21447620</t>
  </si>
  <si>
    <t>cg21450738</t>
  </si>
  <si>
    <t>cg21453209</t>
  </si>
  <si>
    <t>cg21460403</t>
  </si>
  <si>
    <t>cg21463177</t>
  </si>
  <si>
    <t>cg21463446</t>
  </si>
  <si>
    <t>cg21470142</t>
  </si>
  <si>
    <t>cg21476203</t>
  </si>
  <si>
    <t>cg21481322</t>
  </si>
  <si>
    <t>cg21481775</t>
  </si>
  <si>
    <t>cg21482019</t>
  </si>
  <si>
    <t>cg21484512</t>
  </si>
  <si>
    <t>cg21488289</t>
  </si>
  <si>
    <t>cg21494512</t>
  </si>
  <si>
    <t>cg21495321</t>
  </si>
  <si>
    <t>cg21497594</t>
  </si>
  <si>
    <t>cg21498772</t>
  </si>
  <si>
    <t>cg21500799</t>
  </si>
  <si>
    <t>cg21503053</t>
  </si>
  <si>
    <t>cg21503148</t>
  </si>
  <si>
    <t>cg21511203</t>
  </si>
  <si>
    <t>cg21515003</t>
  </si>
  <si>
    <t>cg21518261</t>
  </si>
  <si>
    <t>cg21533958</t>
  </si>
  <si>
    <t>cg21534940</t>
  </si>
  <si>
    <t>cg21537297</t>
  </si>
  <si>
    <t>cg21537671</t>
  </si>
  <si>
    <t>cg21542308</t>
  </si>
  <si>
    <t>cg21544713</t>
  </si>
  <si>
    <t>cg21546184</t>
  </si>
  <si>
    <t>cg21547624</t>
  </si>
  <si>
    <t>cg21549927</t>
  </si>
  <si>
    <t>cg21550804</t>
  </si>
  <si>
    <t>cg21551725</t>
  </si>
  <si>
    <t>cg21553199</t>
  </si>
  <si>
    <t>cg21553216</t>
  </si>
  <si>
    <t>cg21556191</t>
  </si>
  <si>
    <t>cg21595409</t>
  </si>
  <si>
    <t>cg21600380</t>
  </si>
  <si>
    <t>cg21602518</t>
  </si>
  <si>
    <t>cg21603563</t>
  </si>
  <si>
    <t>cg21605366</t>
  </si>
  <si>
    <t>cg21614402</t>
  </si>
  <si>
    <t>cg21626820</t>
  </si>
  <si>
    <t>cg21628000</t>
  </si>
  <si>
    <t>cg21652803</t>
  </si>
  <si>
    <t>cg21653105</t>
  </si>
  <si>
    <t>cg21658333</t>
  </si>
  <si>
    <t>cg21664504</t>
  </si>
  <si>
    <t>cg21666367</t>
  </si>
  <si>
    <t>cg21666956</t>
  </si>
  <si>
    <t>cg21670708</t>
  </si>
  <si>
    <t>cg21696208</t>
  </si>
  <si>
    <t>cg21698802</t>
  </si>
  <si>
    <t>cg21700780</t>
  </si>
  <si>
    <t>cg21701351</t>
  </si>
  <si>
    <t>cg21703813</t>
  </si>
  <si>
    <t>cg21707311</t>
  </si>
  <si>
    <t>cg21721126</t>
  </si>
  <si>
    <t>cg21723707</t>
  </si>
  <si>
    <t>cg21739400</t>
  </si>
  <si>
    <t>cg21740055</t>
  </si>
  <si>
    <t>cg21741708</t>
  </si>
  <si>
    <t>cg21745256</t>
  </si>
  <si>
    <t>cg21745419</t>
  </si>
  <si>
    <t>cg21746991</t>
  </si>
  <si>
    <t>cg21750887</t>
  </si>
  <si>
    <t>cg21751704</t>
  </si>
  <si>
    <t>cg21751739</t>
  </si>
  <si>
    <t>cg21752758</t>
  </si>
  <si>
    <t>cg21755044</t>
  </si>
  <si>
    <t>cg21755166</t>
  </si>
  <si>
    <t>cg21757189</t>
  </si>
  <si>
    <t>cg21763873</t>
  </si>
  <si>
    <t>cg21764050</t>
  </si>
  <si>
    <t>cg21769006</t>
  </si>
  <si>
    <t>cg21773188</t>
  </si>
  <si>
    <t>cg21773322</t>
  </si>
  <si>
    <t>cg21775463</t>
  </si>
  <si>
    <t>cg21776682</t>
  </si>
  <si>
    <t>cg21778244</t>
  </si>
  <si>
    <t>cg21779231</t>
  </si>
  <si>
    <t>cg21782089</t>
  </si>
  <si>
    <t>cg21789008</t>
  </si>
  <si>
    <t>cg21799053</t>
  </si>
  <si>
    <t>cg21803959</t>
  </si>
  <si>
    <t>cg21813905</t>
  </si>
  <si>
    <t>cg21814290</t>
  </si>
  <si>
    <t>cg21816001</t>
  </si>
  <si>
    <t>cg21816849</t>
  </si>
  <si>
    <t>cg21817896</t>
  </si>
  <si>
    <t>cg21833640</t>
  </si>
  <si>
    <t>cg21843412</t>
  </si>
  <si>
    <t>cg21844893</t>
  </si>
  <si>
    <t>cg21845953</t>
  </si>
  <si>
    <t>cg21854617</t>
  </si>
  <si>
    <t>cg21856435</t>
  </si>
  <si>
    <t>cg21861233</t>
  </si>
  <si>
    <t>cg21884509</t>
  </si>
  <si>
    <t>cg21884905</t>
  </si>
  <si>
    <t>cg21887430</t>
  </si>
  <si>
    <t>cg21892758</t>
  </si>
  <si>
    <t>cg21900589</t>
  </si>
  <si>
    <t>cg21901156</t>
  </si>
  <si>
    <t>cg21909859</t>
  </si>
  <si>
    <t>cg21915799</t>
  </si>
  <si>
    <t>cg21916108</t>
  </si>
  <si>
    <t>cg21917084</t>
  </si>
  <si>
    <t>cg21917532</t>
  </si>
  <si>
    <t>cg21918548</t>
  </si>
  <si>
    <t>cg21918755</t>
  </si>
  <si>
    <t>cg21920507</t>
  </si>
  <si>
    <t>cg21921361</t>
  </si>
  <si>
    <t>cg21922825</t>
  </si>
  <si>
    <t>cg21925748</t>
  </si>
  <si>
    <t>cg21925968</t>
  </si>
  <si>
    <t>cg21926091</t>
  </si>
  <si>
    <t>cg21926603</t>
  </si>
  <si>
    <t>cg21926626</t>
  </si>
  <si>
    <t>cg21926804</t>
  </si>
  <si>
    <t>cg21927637</t>
  </si>
  <si>
    <t>cg21928627</t>
  </si>
  <si>
    <t>cg21929472</t>
  </si>
  <si>
    <t>cg21930938</t>
  </si>
  <si>
    <t>cg21930955</t>
  </si>
  <si>
    <t>cg21931792</t>
  </si>
  <si>
    <t>cg21932360</t>
  </si>
  <si>
    <t>cg21934190</t>
  </si>
  <si>
    <t>cg21935385</t>
  </si>
  <si>
    <t>cg21936261</t>
  </si>
  <si>
    <t>cg21936543</t>
  </si>
  <si>
    <t>cg21948716</t>
  </si>
  <si>
    <t>cg21979196</t>
  </si>
  <si>
    <t>cg21991830</t>
  </si>
  <si>
    <t>cg22006704</t>
  </si>
  <si>
    <t>cg22006708</t>
  </si>
  <si>
    <t>cg22011731</t>
  </si>
  <si>
    <t>cg22012693</t>
  </si>
  <si>
    <t>cg22020784</t>
  </si>
  <si>
    <t>cg22023627</t>
  </si>
  <si>
    <t>cg22034735</t>
  </si>
  <si>
    <t>cg22038738</t>
  </si>
  <si>
    <t>cg22042465</t>
  </si>
  <si>
    <t>cg22043381</t>
  </si>
  <si>
    <t>cg22054580</t>
  </si>
  <si>
    <t>cg22060073</t>
  </si>
  <si>
    <t>cg22062741</t>
  </si>
  <si>
    <t>cg22083639</t>
  </si>
  <si>
    <t>cg22099723</t>
  </si>
  <si>
    <t>cg22103414</t>
  </si>
  <si>
    <t>cg22108360</t>
  </si>
  <si>
    <t>cg22123993</t>
  </si>
  <si>
    <t>cg22124678</t>
  </si>
  <si>
    <t>cg22134757</t>
  </si>
  <si>
    <t>cg22138278</t>
  </si>
  <si>
    <t>cg22138393</t>
  </si>
  <si>
    <t>cg22143395</t>
  </si>
  <si>
    <t>cg22146357</t>
  </si>
  <si>
    <t>cg22146484</t>
  </si>
  <si>
    <t>cg22147598</t>
  </si>
  <si>
    <t>cg22147898</t>
  </si>
  <si>
    <t>cg22161983</t>
  </si>
  <si>
    <t>cg22162323</t>
  </si>
  <si>
    <t>cg22179905</t>
  </si>
  <si>
    <t>cg22186533</t>
  </si>
  <si>
    <t>cg22226804</t>
  </si>
  <si>
    <t>cg22236066</t>
  </si>
  <si>
    <t>cg22236485</t>
  </si>
  <si>
    <t>cg22236890</t>
  </si>
  <si>
    <t>cg22236894</t>
  </si>
  <si>
    <t>cg22256482</t>
  </si>
  <si>
    <t>cg22258230</t>
  </si>
  <si>
    <t>cg22258315</t>
  </si>
  <si>
    <t>cg22261640</t>
  </si>
  <si>
    <t>cg22261987</t>
  </si>
  <si>
    <t>cg22268164</t>
  </si>
  <si>
    <t>cg22271921</t>
  </si>
  <si>
    <t>cg22272100</t>
  </si>
  <si>
    <t>cg22273804</t>
  </si>
  <si>
    <t>cg22280475</t>
  </si>
  <si>
    <t>cg22283754</t>
  </si>
  <si>
    <t>cg22288066</t>
  </si>
  <si>
    <t>cg22288223</t>
  </si>
  <si>
    <t>cg22293416</t>
  </si>
  <si>
    <t>cg22294063</t>
  </si>
  <si>
    <t>cg22294804</t>
  </si>
  <si>
    <t>cg22297710</t>
  </si>
  <si>
    <t>cg22301736</t>
  </si>
  <si>
    <t>cg22303083</t>
  </si>
  <si>
    <t>cg22303442</t>
  </si>
  <si>
    <t>cg22305187</t>
  </si>
  <si>
    <t>cg22305797</t>
  </si>
  <si>
    <t>cg22307769</t>
  </si>
  <si>
    <t>cg22308941</t>
  </si>
  <si>
    <t>cg22309051</t>
  </si>
  <si>
    <t>cg22309632</t>
  </si>
  <si>
    <t>cg22310744</t>
  </si>
  <si>
    <t>cg22312904</t>
  </si>
  <si>
    <t>cg22313024</t>
  </si>
  <si>
    <t>cg22321646</t>
  </si>
  <si>
    <t>cg22325764</t>
  </si>
  <si>
    <t>cg22329488</t>
  </si>
  <si>
    <t>cg22335261</t>
  </si>
  <si>
    <t>cg22335882</t>
  </si>
  <si>
    <t>cg22349506</t>
  </si>
  <si>
    <t>cg22350926</t>
  </si>
  <si>
    <t>cg22353369</t>
  </si>
  <si>
    <t>cg22371845</t>
  </si>
  <si>
    <t>cg22380139</t>
  </si>
  <si>
    <t>cg22380165</t>
  </si>
  <si>
    <t>cg22384010</t>
  </si>
  <si>
    <t>cg22384183</t>
  </si>
  <si>
    <t>cg22384356</t>
  </si>
  <si>
    <t>cg22385595</t>
  </si>
  <si>
    <t>cg22388232</t>
  </si>
  <si>
    <t>cg22390040</t>
  </si>
  <si>
    <t>cg22396980</t>
  </si>
  <si>
    <t>cg22397926</t>
  </si>
  <si>
    <t>cg22398259</t>
  </si>
  <si>
    <t>cg22398879</t>
  </si>
  <si>
    <t>cg22411207</t>
  </si>
  <si>
    <t>cg22416376</t>
  </si>
  <si>
    <t>cg22418909</t>
  </si>
  <si>
    <t>cg22424020</t>
  </si>
  <si>
    <t>cg22437276</t>
  </si>
  <si>
    <t>cg22454686</t>
  </si>
  <si>
    <t>cg22457637</t>
  </si>
  <si>
    <t>cg22459081</t>
  </si>
  <si>
    <t>cg22461835</t>
  </si>
  <si>
    <t>cg22479887</t>
  </si>
  <si>
    <t>cg22481405</t>
  </si>
  <si>
    <t>cg22483449</t>
  </si>
  <si>
    <t>cg22487912</t>
  </si>
  <si>
    <t>cg22502459</t>
  </si>
  <si>
    <t>cg22510637</t>
  </si>
  <si>
    <t>cg22522939</t>
  </si>
  <si>
    <t>cg22524735</t>
  </si>
  <si>
    <t>cg22526491</t>
  </si>
  <si>
    <t>cg22527793</t>
  </si>
  <si>
    <t>cg22528076</t>
  </si>
  <si>
    <t>cg22532314</t>
  </si>
  <si>
    <t>cg22533992</t>
  </si>
  <si>
    <t>cg22534617</t>
  </si>
  <si>
    <t>cg22535679</t>
  </si>
  <si>
    <t>cg22545112</t>
  </si>
  <si>
    <t>cg22546748</t>
  </si>
  <si>
    <t>cg22550275</t>
  </si>
  <si>
    <t>cg22553466</t>
  </si>
  <si>
    <t>cg22559494</t>
  </si>
  <si>
    <t>cg22561757</t>
  </si>
  <si>
    <t>cg22561845</t>
  </si>
  <si>
    <t>cg22563697</t>
  </si>
  <si>
    <t>cg22564433</t>
  </si>
  <si>
    <t>cg22581352</t>
  </si>
  <si>
    <t>cg22585595</t>
  </si>
  <si>
    <t>cg22594214</t>
  </si>
  <si>
    <t>cg22611359</t>
  </si>
  <si>
    <t>cg22617682</t>
  </si>
  <si>
    <t>cg22625548</t>
  </si>
  <si>
    <t>cg22625576</t>
  </si>
  <si>
    <t>cg22626985</t>
  </si>
  <si>
    <t>cg22629196</t>
  </si>
  <si>
    <t>cg22629762</t>
  </si>
  <si>
    <t>cg22631350</t>
  </si>
  <si>
    <t>cg22632756</t>
  </si>
  <si>
    <t>cg22635328</t>
  </si>
  <si>
    <t>cg22637941</t>
  </si>
  <si>
    <t>cg22638105</t>
  </si>
  <si>
    <t>cg22638461</t>
  </si>
  <si>
    <t>cg22641280</t>
  </si>
  <si>
    <t>cg22645030</t>
  </si>
  <si>
    <t>cg22646726</t>
  </si>
  <si>
    <t>cg22647929</t>
  </si>
  <si>
    <t>cg22648885</t>
  </si>
  <si>
    <t>cg22649640</t>
  </si>
  <si>
    <t>cg22653915</t>
  </si>
  <si>
    <t>cg22655436</t>
  </si>
  <si>
    <t>cg22660904</t>
  </si>
  <si>
    <t>cg22687346</t>
  </si>
  <si>
    <t>cg22708914</t>
  </si>
  <si>
    <t>cg22721186</t>
  </si>
  <si>
    <t>cg22727641</t>
  </si>
  <si>
    <t>cg22728385</t>
  </si>
  <si>
    <t>cg22728991</t>
  </si>
  <si>
    <t>cg22732549</t>
  </si>
  <si>
    <t>cg22735832</t>
  </si>
  <si>
    <t>cg22744784</t>
  </si>
  <si>
    <t>cg22745570</t>
  </si>
  <si>
    <t>cg22747380</t>
  </si>
  <si>
    <t>cg22750483</t>
  </si>
  <si>
    <t>cg22753376</t>
  </si>
  <si>
    <t>cg22754569</t>
  </si>
  <si>
    <t>cg22763586</t>
  </si>
  <si>
    <t>cg22766145</t>
  </si>
  <si>
    <t>cg22783363</t>
  </si>
  <si>
    <t>cg22787604</t>
  </si>
  <si>
    <t>cg22792785</t>
  </si>
  <si>
    <t>cg22793130</t>
  </si>
  <si>
    <t>cg22799963</t>
  </si>
  <si>
    <t>cg22801799</t>
  </si>
  <si>
    <t>cg22807551</t>
  </si>
  <si>
    <t>cg22807877</t>
  </si>
  <si>
    <t>cg22809411</t>
  </si>
  <si>
    <t>cg22812604</t>
  </si>
  <si>
    <t>cg22814941</t>
  </si>
  <si>
    <t>cg22815528</t>
  </si>
  <si>
    <t>cg22817659</t>
  </si>
  <si>
    <t>cg22826986</t>
  </si>
  <si>
    <t>cg22836229</t>
  </si>
  <si>
    <t>cg22838079</t>
  </si>
  <si>
    <t>cg22838674</t>
  </si>
  <si>
    <t>cg22843424</t>
  </si>
  <si>
    <t>cg22843712</t>
  </si>
  <si>
    <t>cg22843797</t>
  </si>
  <si>
    <t>cg22845912</t>
  </si>
  <si>
    <t>cg22848150</t>
  </si>
  <si>
    <t>cg22851271</t>
  </si>
  <si>
    <t>cg22853797</t>
  </si>
  <si>
    <t>cg22853986</t>
  </si>
  <si>
    <t>cg22855020</t>
  </si>
  <si>
    <t>cg22856010</t>
  </si>
  <si>
    <t>cg22861744</t>
  </si>
  <si>
    <t>cg22866875</t>
  </si>
  <si>
    <t>cg22871204</t>
  </si>
  <si>
    <t>cg22872064</t>
  </si>
  <si>
    <t>cg22873165</t>
  </si>
  <si>
    <t>cg22873412</t>
  </si>
  <si>
    <t>cg22873510</t>
  </si>
  <si>
    <t>cg22880392</t>
  </si>
  <si>
    <t>cg22881435</t>
  </si>
  <si>
    <t>cg22883472</t>
  </si>
  <si>
    <t>cg22884051</t>
  </si>
  <si>
    <t>cg22884440</t>
  </si>
  <si>
    <t>cg22885024</t>
  </si>
  <si>
    <t>cg22899502</t>
  </si>
  <si>
    <t>cg22901249</t>
  </si>
  <si>
    <t>cg22908440</t>
  </si>
  <si>
    <t>cg22912214</t>
  </si>
  <si>
    <t>cg22912732</t>
  </si>
  <si>
    <t>cg22914507</t>
  </si>
  <si>
    <t>cg22917314</t>
  </si>
  <si>
    <t>cg22917652</t>
  </si>
  <si>
    <t>cg22923319</t>
  </si>
  <si>
    <t>cg22931466</t>
  </si>
  <si>
    <t>cg22934237</t>
  </si>
  <si>
    <t>cg22951989</t>
  </si>
  <si>
    <t>cg22960501</t>
  </si>
  <si>
    <t>cg22966856</t>
  </si>
  <si>
    <t>cg22974462</t>
  </si>
  <si>
    <t>cg22975816</t>
  </si>
  <si>
    <t>cg22977892</t>
  </si>
  <si>
    <t>cg22981153</t>
  </si>
  <si>
    <t>cg22989161</t>
  </si>
  <si>
    <t>cg22992125</t>
  </si>
  <si>
    <t>cg22996912</t>
  </si>
  <si>
    <t>cg22997040</t>
  </si>
  <si>
    <t>cg23000806</t>
  </si>
  <si>
    <t>cg23007325</t>
  </si>
  <si>
    <t>cg23007540</t>
  </si>
  <si>
    <t>cg23008606</t>
  </si>
  <si>
    <t>cg23010900</t>
  </si>
  <si>
    <t>cg23015041</t>
  </si>
  <si>
    <t>cg23026675</t>
  </si>
  <si>
    <t>cg23027580</t>
  </si>
  <si>
    <t>cg23042034</t>
  </si>
  <si>
    <t>cg23042086</t>
  </si>
  <si>
    <t>cg23042540</t>
  </si>
  <si>
    <t>cg23043779</t>
  </si>
  <si>
    <t>cg23050227</t>
  </si>
  <si>
    <t>cg23051664</t>
  </si>
  <si>
    <t>cg23054533</t>
  </si>
  <si>
    <t>cg23055315</t>
  </si>
  <si>
    <t>cg23056433</t>
  </si>
  <si>
    <t>cg23057485</t>
  </si>
  <si>
    <t>cg23063506</t>
  </si>
  <si>
    <t>cg23067535</t>
  </si>
  <si>
    <t>cg23075260</t>
  </si>
  <si>
    <t>cg23087084</t>
  </si>
  <si>
    <t>cg23089838</t>
  </si>
  <si>
    <t>cg23090632</t>
  </si>
  <si>
    <t>cg23092680</t>
  </si>
  <si>
    <t>cg23094903</t>
  </si>
  <si>
    <t>cg23097985</t>
  </si>
  <si>
    <t>cg23100365</t>
  </si>
  <si>
    <t>cg23102959</t>
  </si>
  <si>
    <t>cg23103235</t>
  </si>
  <si>
    <t>cg23104955</t>
  </si>
  <si>
    <t>cg23106115</t>
  </si>
  <si>
    <t>cg23108931</t>
  </si>
  <si>
    <t>cg23110286</t>
  </si>
  <si>
    <t>cg23118721</t>
  </si>
  <si>
    <t>cg23119631</t>
  </si>
  <si>
    <t>cg23121615</t>
  </si>
  <si>
    <t>cg23129673</t>
  </si>
  <si>
    <t>cg23133255</t>
  </si>
  <si>
    <t>cg23138094</t>
  </si>
  <si>
    <t>cg23138413</t>
  </si>
  <si>
    <t>cg23151453</t>
  </si>
  <si>
    <t>cg23154620</t>
  </si>
  <si>
    <t>cg23156226</t>
  </si>
  <si>
    <t>cg23158754</t>
  </si>
  <si>
    <t>cg23166445</t>
  </si>
  <si>
    <t>cg23166590</t>
  </si>
  <si>
    <t>cg23170280</t>
  </si>
  <si>
    <t>cg23172400</t>
  </si>
  <si>
    <t>cg23177714</t>
  </si>
  <si>
    <t>cg23179168</t>
  </si>
  <si>
    <t>cg23180489</t>
  </si>
  <si>
    <t>cg23181591</t>
  </si>
  <si>
    <t>cg23182200</t>
  </si>
  <si>
    <t>cg23183559</t>
  </si>
  <si>
    <t>cg23189175</t>
  </si>
  <si>
    <t>cg23193613</t>
  </si>
  <si>
    <t>cg23196831</t>
  </si>
  <si>
    <t>cg23197297</t>
  </si>
  <si>
    <t>cg23197859</t>
  </si>
  <si>
    <t>cg23197862</t>
  </si>
  <si>
    <t>cg23199233</t>
  </si>
  <si>
    <t>cg23201695</t>
  </si>
  <si>
    <t>cg23202949</t>
  </si>
  <si>
    <t>cg23203234</t>
  </si>
  <si>
    <t>cg23212642</t>
  </si>
  <si>
    <t>cg23217680</t>
  </si>
  <si>
    <t>cg23218760</t>
  </si>
  <si>
    <t>cg23221723</t>
  </si>
  <si>
    <t>cg23224042</t>
  </si>
  <si>
    <t>cg23239842</t>
  </si>
  <si>
    <t>cg23252698</t>
  </si>
  <si>
    <t>cg23253448</t>
  </si>
  <si>
    <t>cg23276044</t>
  </si>
  <si>
    <t>cg23278359</t>
  </si>
  <si>
    <t>cg23280999</t>
  </si>
  <si>
    <t>cg23281907</t>
  </si>
  <si>
    <t>cg23285732</t>
  </si>
  <si>
    <t>cg23286514</t>
  </si>
  <si>
    <t>cg23296652</t>
  </si>
  <si>
    <t>cg23297891</t>
  </si>
  <si>
    <t>cg23299804</t>
  </si>
  <si>
    <t>cg23300257</t>
  </si>
  <si>
    <t>cg23304762</t>
  </si>
  <si>
    <t>cg23306542</t>
  </si>
  <si>
    <t>cg23310345</t>
  </si>
  <si>
    <t>cg23312086</t>
  </si>
  <si>
    <t>cg23318523</t>
  </si>
  <si>
    <t>cg23321010</t>
  </si>
  <si>
    <t>cg23321038</t>
  </si>
  <si>
    <t>cg23321939</t>
  </si>
  <si>
    <t>cg23323457</t>
  </si>
  <si>
    <t>cg23324149</t>
  </si>
  <si>
    <t>cg23324537</t>
  </si>
  <si>
    <t>cg23331238</t>
  </si>
  <si>
    <t>cg23335916</t>
  </si>
  <si>
    <t>cg23339165</t>
  </si>
  <si>
    <t>cg23351271</t>
  </si>
  <si>
    <t>cg23351479</t>
  </si>
  <si>
    <t>cg23353046</t>
  </si>
  <si>
    <t>cg23354307</t>
  </si>
  <si>
    <t>cg23359385</t>
  </si>
  <si>
    <t>cg23359714</t>
  </si>
  <si>
    <t>cg23360101</t>
  </si>
  <si>
    <t>cg23361275</t>
  </si>
  <si>
    <t>cg23373978</t>
  </si>
  <si>
    <t>cg23398047</t>
  </si>
  <si>
    <t>cg23402467</t>
  </si>
  <si>
    <t>cg23406830</t>
  </si>
  <si>
    <t>cg23408442</t>
  </si>
  <si>
    <t>cg23409074</t>
  </si>
  <si>
    <t>cg23409476</t>
  </si>
  <si>
    <t>cg23409608</t>
  </si>
  <si>
    <t>cg23411426</t>
  </si>
  <si>
    <t>cg23411932</t>
  </si>
  <si>
    <t>cg23413666</t>
  </si>
  <si>
    <t>cg23415712</t>
  </si>
  <si>
    <t>cg23416002</t>
  </si>
  <si>
    <t>cg23421023</t>
  </si>
  <si>
    <t>cg23426156</t>
  </si>
  <si>
    <t>cg23428392</t>
  </si>
  <si>
    <t>cg23429698</t>
  </si>
  <si>
    <t>cg23430066</t>
  </si>
  <si>
    <t>cg23430634</t>
  </si>
  <si>
    <t>cg23433113</t>
  </si>
  <si>
    <t>cg23434193</t>
  </si>
  <si>
    <t>cg23434461</t>
  </si>
  <si>
    <t>cg23434592</t>
  </si>
  <si>
    <t>cg23436058</t>
  </si>
  <si>
    <t>cg23458558</t>
  </si>
  <si>
    <t>cg23460057</t>
  </si>
  <si>
    <t>cg23460950</t>
  </si>
  <si>
    <t>cg23464360</t>
  </si>
  <si>
    <t>cg23484951</t>
  </si>
  <si>
    <t>cg23494069</t>
  </si>
  <si>
    <t>cg23495581</t>
  </si>
  <si>
    <t>cg23513139</t>
  </si>
  <si>
    <t>cg23513447</t>
  </si>
  <si>
    <t>cg23516001</t>
  </si>
  <si>
    <t>cg23516026</t>
  </si>
  <si>
    <t>cg23526055</t>
  </si>
  <si>
    <t>cg23536158</t>
  </si>
  <si>
    <t>cg23538854</t>
  </si>
  <si>
    <t>cg23545906</t>
  </si>
  <si>
    <t>cg23547181</t>
  </si>
  <si>
    <t>cg23548640</t>
  </si>
  <si>
    <t>cg23548686</t>
  </si>
  <si>
    <t>cg23554956</t>
  </si>
  <si>
    <t>cg23562160</t>
  </si>
  <si>
    <t>cg23562538</t>
  </si>
  <si>
    <t>cg23565027</t>
  </si>
  <si>
    <t>cg23565428</t>
  </si>
  <si>
    <t>cg23566335</t>
  </si>
  <si>
    <t>cg23581700</t>
  </si>
  <si>
    <t>cg23588384</t>
  </si>
  <si>
    <t>cg23588782</t>
  </si>
  <si>
    <t>cg23590404</t>
  </si>
  <si>
    <t>cg23602533</t>
  </si>
  <si>
    <t>cg23610841</t>
  </si>
  <si>
    <t>cg23619829</t>
  </si>
  <si>
    <t>cg23630442</t>
  </si>
  <si>
    <t>cg23631932</t>
  </si>
  <si>
    <t>cg23636162</t>
  </si>
  <si>
    <t>cg23637605</t>
  </si>
  <si>
    <t>cg23639120</t>
  </si>
  <si>
    <t>cg23641264</t>
  </si>
  <si>
    <t>cg23641319</t>
  </si>
  <si>
    <t>cg23644127</t>
  </si>
  <si>
    <t>cg23663332</t>
  </si>
  <si>
    <t>cg23665710</t>
  </si>
  <si>
    <t>cg23666300</t>
  </si>
  <si>
    <t>cg23668806</t>
  </si>
  <si>
    <t>cg23671279</t>
  </si>
  <si>
    <t>cg23673147</t>
  </si>
  <si>
    <t>cg23675837</t>
  </si>
  <si>
    <t>cg23681110</t>
  </si>
  <si>
    <t>cg23687960</t>
  </si>
  <si>
    <t>cg23694486</t>
  </si>
  <si>
    <t>cg23696886</t>
  </si>
  <si>
    <t>cg23697467</t>
  </si>
  <si>
    <t>cg23697780</t>
  </si>
  <si>
    <t>cg23698023</t>
  </si>
  <si>
    <t>cg23698536</t>
  </si>
  <si>
    <t>cg23701599</t>
  </si>
  <si>
    <t>cg23703303</t>
  </si>
  <si>
    <t>cg23707719</t>
  </si>
  <si>
    <t>cg23710218</t>
  </si>
  <si>
    <t>cg23712462</t>
  </si>
  <si>
    <t>cg23729681</t>
  </si>
  <si>
    <t>cg23729963</t>
  </si>
  <si>
    <t>cg23730558</t>
  </si>
  <si>
    <t>cg23731836</t>
  </si>
  <si>
    <t>cg23736307</t>
  </si>
  <si>
    <t>cg23736754</t>
  </si>
  <si>
    <t>cg23737055</t>
  </si>
  <si>
    <t>cg23741863</t>
  </si>
  <si>
    <t>cg23747996</t>
  </si>
  <si>
    <t>cg23760732</t>
  </si>
  <si>
    <t>cg23761161</t>
  </si>
  <si>
    <t>cg23779621</t>
  </si>
  <si>
    <t>cg23779890</t>
  </si>
  <si>
    <t>cg23815646</t>
  </si>
  <si>
    <t>cg23818621</t>
  </si>
  <si>
    <t>cg23820746</t>
  </si>
  <si>
    <t>cg23820828</t>
  </si>
  <si>
    <t>cg23824183</t>
  </si>
  <si>
    <t>cg23826993</t>
  </si>
  <si>
    <t>cg23831893</t>
  </si>
  <si>
    <t>cg23833543</t>
  </si>
  <si>
    <t>cg23833896</t>
  </si>
  <si>
    <t>cg23843812</t>
  </si>
  <si>
    <t>cg23845889</t>
  </si>
  <si>
    <t>cg23856954</t>
  </si>
  <si>
    <t>cg23863900</t>
  </si>
  <si>
    <t>cg23864949</t>
  </si>
  <si>
    <t>cg23872487</t>
  </si>
  <si>
    <t>cg23872893</t>
  </si>
  <si>
    <t>cg23877906</t>
  </si>
  <si>
    <t>cg23878422</t>
  </si>
  <si>
    <t>cg23881204</t>
  </si>
  <si>
    <t>cg23882019</t>
  </si>
  <si>
    <t>cg23886978</t>
  </si>
  <si>
    <t>cg23887149</t>
  </si>
  <si>
    <t>cg23894287</t>
  </si>
  <si>
    <t>cg23894563</t>
  </si>
  <si>
    <t>cg23896695</t>
  </si>
  <si>
    <t>cg23898497</t>
  </si>
  <si>
    <t>cg23902550</t>
  </si>
  <si>
    <t>cg23905419</t>
  </si>
  <si>
    <t>cg23913941</t>
  </si>
  <si>
    <t>cg23915912</t>
  </si>
  <si>
    <t>cg23936279</t>
  </si>
  <si>
    <t>cg23939037</t>
  </si>
  <si>
    <t>cg23953034</t>
  </si>
  <si>
    <t>cg23954787</t>
  </si>
  <si>
    <t>cg23957144</t>
  </si>
  <si>
    <t>cg23958704</t>
  </si>
  <si>
    <t>cg23963995</t>
  </si>
  <si>
    <t>cg23967809</t>
  </si>
  <si>
    <t>cg23968383</t>
  </si>
  <si>
    <t>cg23971160</t>
  </si>
  <si>
    <t>cg23984176</t>
  </si>
  <si>
    <t>cg23986772</t>
  </si>
  <si>
    <t>cg23996349</t>
  </si>
  <si>
    <t>cg23999337</t>
  </si>
  <si>
    <t>cg24000873</t>
  </si>
  <si>
    <t>cg24002388</t>
  </si>
  <si>
    <t>cg24010658</t>
  </si>
  <si>
    <t>cg24013599</t>
  </si>
  <si>
    <t>cg24015802</t>
  </si>
  <si>
    <t>cg24023258</t>
  </si>
  <si>
    <t>cg24030449</t>
  </si>
  <si>
    <t>cg24035595</t>
  </si>
  <si>
    <t>cg24036517</t>
  </si>
  <si>
    <t>cg24041900</t>
  </si>
  <si>
    <t>cg24042744</t>
  </si>
  <si>
    <t>cg24048338</t>
  </si>
  <si>
    <t>cg24051152</t>
  </si>
  <si>
    <t>cg24056567</t>
  </si>
  <si>
    <t>cg24063962</t>
  </si>
  <si>
    <t>cg24064055</t>
  </si>
  <si>
    <t>cg24098951</t>
  </si>
  <si>
    <t>cg24120597</t>
  </si>
  <si>
    <t>cg24126630</t>
  </si>
  <si>
    <t>cg24126888</t>
  </si>
  <si>
    <t>cg24127101</t>
  </si>
  <si>
    <t>cg24128853</t>
  </si>
  <si>
    <t>cg24134292</t>
  </si>
  <si>
    <t>cg24147793</t>
  </si>
  <si>
    <t>cg24149904</t>
  </si>
  <si>
    <t>cg24150262</t>
  </si>
  <si>
    <t>cg24160178</t>
  </si>
  <si>
    <t>cg24160421</t>
  </si>
  <si>
    <t>cg24183261</t>
  </si>
  <si>
    <t>cg24185864</t>
  </si>
  <si>
    <t>cg24188870</t>
  </si>
  <si>
    <t>cg24189303</t>
  </si>
  <si>
    <t>cg24195971</t>
  </si>
  <si>
    <t>cg24196612</t>
  </si>
  <si>
    <t>cg24216294</t>
  </si>
  <si>
    <t>cg24229963</t>
  </si>
  <si>
    <t>cg24250070</t>
  </si>
  <si>
    <t>cg24251448</t>
  </si>
  <si>
    <t>cg24253461</t>
  </si>
  <si>
    <t>cg24255910</t>
  </si>
  <si>
    <t>cg24258716</t>
  </si>
  <si>
    <t>cg24260847</t>
  </si>
  <si>
    <t>cg24261270</t>
  </si>
  <si>
    <t>cg24262486</t>
  </si>
  <si>
    <t>cg24264285</t>
  </si>
  <si>
    <t>cg24267801</t>
  </si>
  <si>
    <t>cg24270182</t>
  </si>
  <si>
    <t>cg24278090</t>
  </si>
  <si>
    <t>cg24278138</t>
  </si>
  <si>
    <t>cg24280540</t>
  </si>
  <si>
    <t>cg24290996</t>
  </si>
  <si>
    <t>cg24295381</t>
  </si>
  <si>
    <t>cg24298294</t>
  </si>
  <si>
    <t>cg24299548</t>
  </si>
  <si>
    <t>cg24311952</t>
  </si>
  <si>
    <t>cg24312082</t>
  </si>
  <si>
    <t>cg24313734</t>
  </si>
  <si>
    <t>cg24320091</t>
  </si>
  <si>
    <t>cg24323548</t>
  </si>
  <si>
    <t>cg24324469</t>
  </si>
  <si>
    <t>cg24327472</t>
  </si>
  <si>
    <t>cg24327836</t>
  </si>
  <si>
    <t>cg24333798</t>
  </si>
  <si>
    <t>cg24337140</t>
  </si>
  <si>
    <t>cg24338341</t>
  </si>
  <si>
    <t>cg24338833</t>
  </si>
  <si>
    <t>cg24340898</t>
  </si>
  <si>
    <t>cg24343430</t>
  </si>
  <si>
    <t>cg24344143</t>
  </si>
  <si>
    <t>cg24344406</t>
  </si>
  <si>
    <t>cg24346733</t>
  </si>
  <si>
    <t>cg24347611</t>
  </si>
  <si>
    <t>cg24351694</t>
  </si>
  <si>
    <t>cg24353706</t>
  </si>
  <si>
    <t>cg24354958</t>
  </si>
  <si>
    <t>cg24356530</t>
  </si>
  <si>
    <t>cg24358846</t>
  </si>
  <si>
    <t>cg24375476</t>
  </si>
  <si>
    <t>cg24377133</t>
  </si>
  <si>
    <t>cg24382070</t>
  </si>
  <si>
    <t>cg24384331</t>
  </si>
  <si>
    <t>cg24387126</t>
  </si>
  <si>
    <t>cg24387800</t>
  </si>
  <si>
    <t>cg24388061</t>
  </si>
  <si>
    <t>cg24390519</t>
  </si>
  <si>
    <t>cg24414127</t>
  </si>
  <si>
    <t>cg24415118</t>
  </si>
  <si>
    <t>cg24415728</t>
  </si>
  <si>
    <t>cg24420395</t>
  </si>
  <si>
    <t>cg24420773</t>
  </si>
  <si>
    <t>cg24430616</t>
  </si>
  <si>
    <t>cg24438644</t>
  </si>
  <si>
    <t>cg24450194</t>
  </si>
  <si>
    <t>cg24456365</t>
  </si>
  <si>
    <t>cg24460884</t>
  </si>
  <si>
    <t>cg24464927</t>
  </si>
  <si>
    <t>cg24465384</t>
  </si>
  <si>
    <t>cg24466658</t>
  </si>
  <si>
    <t>cg24467290</t>
  </si>
  <si>
    <t>cg24468105</t>
  </si>
  <si>
    <t>cg24468444</t>
  </si>
  <si>
    <t>cg24468765</t>
  </si>
  <si>
    <t>cg24470787</t>
  </si>
  <si>
    <t>cg24470929</t>
  </si>
  <si>
    <t>cg24471459</t>
  </si>
  <si>
    <t>cg24471555</t>
  </si>
  <si>
    <t>cg24473633</t>
  </si>
  <si>
    <t>cg24474037</t>
  </si>
  <si>
    <t>cg24476103</t>
  </si>
  <si>
    <t>cg24478696</t>
  </si>
  <si>
    <t>cg24482314</t>
  </si>
  <si>
    <t>cg24483552</t>
  </si>
  <si>
    <t>cg24487554</t>
  </si>
  <si>
    <t>cg24489983</t>
  </si>
  <si>
    <t>cg24490256</t>
  </si>
  <si>
    <t>cg24491369</t>
  </si>
  <si>
    <t>cg24495007</t>
  </si>
  <si>
    <t>cg24495643</t>
  </si>
  <si>
    <t>cg24495681</t>
  </si>
  <si>
    <t>cg24497813</t>
  </si>
  <si>
    <t>cg24498760</t>
  </si>
  <si>
    <t>cg24502391</t>
  </si>
  <si>
    <t>cg24504432</t>
  </si>
  <si>
    <t>cg24504942</t>
  </si>
  <si>
    <t>cg24513387</t>
  </si>
  <si>
    <t>cg24513449</t>
  </si>
  <si>
    <t>cg24518867</t>
  </si>
  <si>
    <t>cg24522339</t>
  </si>
  <si>
    <t>cg24523948</t>
  </si>
  <si>
    <t>cg24524245</t>
  </si>
  <si>
    <t>cg24525967</t>
  </si>
  <si>
    <t>cg24526596</t>
  </si>
  <si>
    <t>cg24531955</t>
  </si>
  <si>
    <t>cg24536349</t>
  </si>
  <si>
    <t>cg24536624</t>
  </si>
  <si>
    <t>cg24540678</t>
  </si>
  <si>
    <t>cg24542643</t>
  </si>
  <si>
    <t>cg24546463</t>
  </si>
  <si>
    <t>cg24549224</t>
  </si>
  <si>
    <t>cg24552424</t>
  </si>
  <si>
    <t>cg24554508</t>
  </si>
  <si>
    <t>cg24558112</t>
  </si>
  <si>
    <t>cg24561207</t>
  </si>
  <si>
    <t>cg24562682</t>
  </si>
  <si>
    <t>cg24563317</t>
  </si>
  <si>
    <t>cg24567721</t>
  </si>
  <si>
    <t>cg24568796</t>
  </si>
  <si>
    <t>cg24568905</t>
  </si>
  <si>
    <t>cg24574147</t>
  </si>
  <si>
    <t>cg24578875</t>
  </si>
  <si>
    <t>cg24579422</t>
  </si>
  <si>
    <t>cg24581795</t>
  </si>
  <si>
    <t>cg24593475</t>
  </si>
  <si>
    <t>cg24596472</t>
  </si>
  <si>
    <t>cg24598145</t>
  </si>
  <si>
    <t>cg24599650</t>
  </si>
  <si>
    <t>cg24600560</t>
  </si>
  <si>
    <t>cg24602499</t>
  </si>
  <si>
    <t>cg24605064</t>
  </si>
  <si>
    <t>cg24605948</t>
  </si>
  <si>
    <t>cg24609101</t>
  </si>
  <si>
    <t>cg24613906</t>
  </si>
  <si>
    <t>cg24614671</t>
  </si>
  <si>
    <t>cg24617008</t>
  </si>
  <si>
    <t>cg24625894</t>
  </si>
  <si>
    <t>cg24627262</t>
  </si>
  <si>
    <t>cg24627789</t>
  </si>
  <si>
    <t>cg24630782</t>
  </si>
  <si>
    <t>cg24635971</t>
  </si>
  <si>
    <t>cg24639902</t>
  </si>
  <si>
    <t>cg24641352</t>
  </si>
  <si>
    <t>cg24645221</t>
  </si>
  <si>
    <t>cg24646414</t>
  </si>
  <si>
    <t>cg24648864</t>
  </si>
  <si>
    <t>cg24663255</t>
  </si>
  <si>
    <t>cg24664347</t>
  </si>
  <si>
    <t>cg24664689</t>
  </si>
  <si>
    <t>cg24665761</t>
  </si>
  <si>
    <t>cg24668736</t>
  </si>
  <si>
    <t>cg24681895</t>
  </si>
  <si>
    <t>cg24690731</t>
  </si>
  <si>
    <t>cg24691330</t>
  </si>
  <si>
    <t>cg24698622</t>
  </si>
  <si>
    <t>cg24701309</t>
  </si>
  <si>
    <t>cg24705551</t>
  </si>
  <si>
    <t>cg24708861</t>
  </si>
  <si>
    <t>cg24727203</t>
  </si>
  <si>
    <t>cg24728099</t>
  </si>
  <si>
    <t>cg24732574</t>
  </si>
  <si>
    <t>cg24765188</t>
  </si>
  <si>
    <t>cg24783322</t>
  </si>
  <si>
    <t>cg24791156</t>
  </si>
  <si>
    <t>cg24792272</t>
  </si>
  <si>
    <t>cg24794833</t>
  </si>
  <si>
    <t>cg24796272</t>
  </si>
  <si>
    <t>cg24797493</t>
  </si>
  <si>
    <t>cg24798414</t>
  </si>
  <si>
    <t>cg24799029</t>
  </si>
  <si>
    <t>cg24800616</t>
  </si>
  <si>
    <t>cg24804106</t>
  </si>
  <si>
    <t>cg24804146</t>
  </si>
  <si>
    <t>cg24805985</t>
  </si>
  <si>
    <t>cg24807106</t>
  </si>
  <si>
    <t>cg24807132</t>
  </si>
  <si>
    <t>cg24811069</t>
  </si>
  <si>
    <t>cg24811472</t>
  </si>
  <si>
    <t>cg24811740</t>
  </si>
  <si>
    <t>cg24819686</t>
  </si>
  <si>
    <t>cg24824842</t>
  </si>
  <si>
    <t>cg24828864</t>
  </si>
  <si>
    <t>cg24833027</t>
  </si>
  <si>
    <t>cg24834823</t>
  </si>
  <si>
    <t>cg24838345</t>
  </si>
  <si>
    <t>cg24844202</t>
  </si>
  <si>
    <t>cg24848452</t>
  </si>
  <si>
    <t>cg24849475</t>
  </si>
  <si>
    <t>cg24853978</t>
  </si>
  <si>
    <t>cg24857609</t>
  </si>
  <si>
    <t>cg24861394</t>
  </si>
  <si>
    <t>cg24862548</t>
  </si>
  <si>
    <t>cg24901707</t>
  </si>
  <si>
    <t>cg24904863</t>
  </si>
  <si>
    <t>cg24906819</t>
  </si>
  <si>
    <t>cg24909309</t>
  </si>
  <si>
    <t>cg24910112</t>
  </si>
  <si>
    <t>cg24910352</t>
  </si>
  <si>
    <t>cg24913110</t>
  </si>
  <si>
    <t>cg24914839</t>
  </si>
  <si>
    <t>cg24921221</t>
  </si>
  <si>
    <t>cg24928143</t>
  </si>
  <si>
    <t>cg24931242</t>
  </si>
  <si>
    <t>cg24931713</t>
  </si>
  <si>
    <t>cg24946253</t>
  </si>
  <si>
    <t>cg24947777</t>
  </si>
  <si>
    <t>cg24948588</t>
  </si>
  <si>
    <t>cg24971181</t>
  </si>
  <si>
    <t>cg24971490</t>
  </si>
  <si>
    <t>cg24981018</t>
  </si>
  <si>
    <t>cg24982582</t>
  </si>
  <si>
    <t>cg24990283</t>
  </si>
  <si>
    <t>cg24990400</t>
  </si>
  <si>
    <t>cg24996280</t>
  </si>
  <si>
    <t>cg24997986</t>
  </si>
  <si>
    <t>cg24998791</t>
  </si>
  <si>
    <t>cg24999588</t>
  </si>
  <si>
    <t>cg25001305</t>
  </si>
  <si>
    <t>cg25004108</t>
  </si>
  <si>
    <t>cg25007484</t>
  </si>
  <si>
    <t>cg25009088</t>
  </si>
  <si>
    <t>cg25011252</t>
  </si>
  <si>
    <t>cg25020293</t>
  </si>
  <si>
    <t>cg25020550</t>
  </si>
  <si>
    <t>cg25026480</t>
  </si>
  <si>
    <t>cg25027167</t>
  </si>
  <si>
    <t>cg25028855</t>
  </si>
  <si>
    <t>cg25029360</t>
  </si>
  <si>
    <t>cg25033719</t>
  </si>
  <si>
    <t>cg25038773</t>
  </si>
  <si>
    <t>cg25043378</t>
  </si>
  <si>
    <t>cg25046651</t>
  </si>
  <si>
    <t>cg25052664</t>
  </si>
  <si>
    <t>cg25052970</t>
  </si>
  <si>
    <t>cg25053164</t>
  </si>
  <si>
    <t>cg25061969</t>
  </si>
  <si>
    <t>cg25062539</t>
  </si>
  <si>
    <t>cg25067862</t>
  </si>
  <si>
    <t>cg25070442</t>
  </si>
  <si>
    <t>cg25070637</t>
  </si>
  <si>
    <t>cg25071674</t>
  </si>
  <si>
    <t>cg25074289</t>
  </si>
  <si>
    <t>cg25076324</t>
  </si>
  <si>
    <t>cg25077777</t>
  </si>
  <si>
    <t>cg25079691</t>
  </si>
  <si>
    <t>cg25083922</t>
  </si>
  <si>
    <t>cg25092915</t>
  </si>
  <si>
    <t>cg25096847</t>
  </si>
  <si>
    <t>cg25145993</t>
  </si>
  <si>
    <t>cg25147622</t>
  </si>
  <si>
    <t>cg25148255</t>
  </si>
  <si>
    <t>cg25154801</t>
  </si>
  <si>
    <t>cg25167650</t>
  </si>
  <si>
    <t>cg25174197</t>
  </si>
  <si>
    <t>cg25176534</t>
  </si>
  <si>
    <t>cg25184910</t>
  </si>
  <si>
    <t>cg25187049</t>
  </si>
  <si>
    <t>cg25188398</t>
  </si>
  <si>
    <t>cg25193323</t>
  </si>
  <si>
    <t>cg25195968</t>
  </si>
  <si>
    <t>cg25202404</t>
  </si>
  <si>
    <t>cg25203310</t>
  </si>
  <si>
    <t>cg25206690</t>
  </si>
  <si>
    <t>cg25216696</t>
  </si>
  <si>
    <t>cg25217636</t>
  </si>
  <si>
    <t>cg25221341</t>
  </si>
  <si>
    <t>cg25225464</t>
  </si>
  <si>
    <t>cg25229048</t>
  </si>
  <si>
    <t>cg25231776</t>
  </si>
  <si>
    <t>cg25232510</t>
  </si>
  <si>
    <t>cg25232934</t>
  </si>
  <si>
    <t>cg25235068</t>
  </si>
  <si>
    <t>cg25244609</t>
  </si>
  <si>
    <t>cg25245261</t>
  </si>
  <si>
    <t>cg25245963</t>
  </si>
  <si>
    <t>cg25247520</t>
  </si>
  <si>
    <t>cg25255679</t>
  </si>
  <si>
    <t>cg25257748</t>
  </si>
  <si>
    <t>cg25257799</t>
  </si>
  <si>
    <t>cg25259711</t>
  </si>
  <si>
    <t>cg25283565</t>
  </si>
  <si>
    <t>cg25302730</t>
  </si>
  <si>
    <t>cg25302936</t>
  </si>
  <si>
    <t>cg25306432</t>
  </si>
  <si>
    <t>cg25307332</t>
  </si>
  <si>
    <t>cg25323152</t>
  </si>
  <si>
    <t>cg25329685</t>
  </si>
  <si>
    <t>cg25330029</t>
  </si>
  <si>
    <t>cg25334660</t>
  </si>
  <si>
    <t>cg25335616</t>
  </si>
  <si>
    <t>cg25336000</t>
  </si>
  <si>
    <t>cg25338563</t>
  </si>
  <si>
    <t>cg25340906</t>
  </si>
  <si>
    <t>cg25342894</t>
  </si>
  <si>
    <t>cg25344017</t>
  </si>
  <si>
    <t>cg25345178</t>
  </si>
  <si>
    <t>cg25351599</t>
  </si>
  <si>
    <t>cg25354466</t>
  </si>
  <si>
    <t>cg25357359</t>
  </si>
  <si>
    <t>cg25363337</t>
  </si>
  <si>
    <t>cg25365379</t>
  </si>
  <si>
    <t>cg25368085</t>
  </si>
  <si>
    <t>cg25374359</t>
  </si>
  <si>
    <t>cg25375711</t>
  </si>
  <si>
    <t>cg25376393</t>
  </si>
  <si>
    <t>cg25379156</t>
  </si>
  <si>
    <t>cg25389145</t>
  </si>
  <si>
    <t>cg25389250</t>
  </si>
  <si>
    <t>cg25393495</t>
  </si>
  <si>
    <t>cg25396537</t>
  </si>
  <si>
    <t>cg25398315</t>
  </si>
  <si>
    <t>cg25402083</t>
  </si>
  <si>
    <t>cg25405452</t>
  </si>
  <si>
    <t>cg25405895</t>
  </si>
  <si>
    <t>cg25406735</t>
  </si>
  <si>
    <t>cg25407543</t>
  </si>
  <si>
    <t>cg25407888</t>
  </si>
  <si>
    <t>cg25422895</t>
  </si>
  <si>
    <t>cg25426044</t>
  </si>
  <si>
    <t>cg25436822</t>
  </si>
  <si>
    <t>cg25440932</t>
  </si>
  <si>
    <t>cg25441879</t>
  </si>
  <si>
    <t>cg25445213</t>
  </si>
  <si>
    <t>cg25447652</t>
  </si>
  <si>
    <t>cg25449585</t>
  </si>
  <si>
    <t>cg25451958</t>
  </si>
  <si>
    <t>cg25452299</t>
  </si>
  <si>
    <t>cg25455865</t>
  </si>
  <si>
    <t>cg25456425</t>
  </si>
  <si>
    <t>cg25457109</t>
  </si>
  <si>
    <t>cg25457832</t>
  </si>
  <si>
    <t>cg25459800</t>
  </si>
  <si>
    <t>cg25461290</t>
  </si>
  <si>
    <t>cg25464815</t>
  </si>
  <si>
    <t>cg25473866</t>
  </si>
  <si>
    <t>cg25475538</t>
  </si>
  <si>
    <t>cg25476713</t>
  </si>
  <si>
    <t>cg25477843</t>
  </si>
  <si>
    <t>cg25478219</t>
  </si>
  <si>
    <t>cg25487404</t>
  </si>
  <si>
    <t>cg25493687</t>
  </si>
  <si>
    <t>cg25494156</t>
  </si>
  <si>
    <t>cg25496417</t>
  </si>
  <si>
    <t>cg25499067</t>
  </si>
  <si>
    <t>cg25500285</t>
  </si>
  <si>
    <t>cg25510610</t>
  </si>
  <si>
    <t>cg25512848</t>
  </si>
  <si>
    <t>cg25513712</t>
  </si>
  <si>
    <t>cg25513732</t>
  </si>
  <si>
    <t>cg25515776</t>
  </si>
  <si>
    <t>cg25533495</t>
  </si>
  <si>
    <t>cg25538571</t>
  </si>
  <si>
    <t>cg25540871</t>
  </si>
  <si>
    <t>cg25541958</t>
  </si>
  <si>
    <t>cg25552492</t>
  </si>
  <si>
    <t>cg25554346</t>
  </si>
  <si>
    <t>cg25557835</t>
  </si>
  <si>
    <t>cg25557858</t>
  </si>
  <si>
    <t>cg25560009</t>
  </si>
  <si>
    <t>cg25604352</t>
  </si>
  <si>
    <t>cg25605360</t>
  </si>
  <si>
    <t>cg25611269</t>
  </si>
  <si>
    <t>cg25612480</t>
  </si>
  <si>
    <t>cg25622802</t>
  </si>
  <si>
    <t>cg25624690</t>
  </si>
  <si>
    <t>cg25627341</t>
  </si>
  <si>
    <t>cg25628898</t>
  </si>
  <si>
    <t>cg25629326</t>
  </si>
  <si>
    <t>cg25632114</t>
  </si>
  <si>
    <t>cg25632577</t>
  </si>
  <si>
    <t>cg25634000</t>
  </si>
  <si>
    <t>cg25638714</t>
  </si>
  <si>
    <t>cg25638796</t>
  </si>
  <si>
    <t>cg25639138</t>
  </si>
  <si>
    <t>cg25639415</t>
  </si>
  <si>
    <t>cg25647300</t>
  </si>
  <si>
    <t>cg25649655</t>
  </si>
  <si>
    <t>cg25651129</t>
  </si>
  <si>
    <t>cg25653947</t>
  </si>
  <si>
    <t>cg25664752</t>
  </si>
  <si>
    <t>cg25670429</t>
  </si>
  <si>
    <t>cg25672745</t>
  </si>
  <si>
    <t>cg25673784</t>
  </si>
  <si>
    <t>cg25673948</t>
  </si>
  <si>
    <t>cg25684151</t>
  </si>
  <si>
    <t>cg25697881</t>
  </si>
  <si>
    <t>cg25738273</t>
  </si>
  <si>
    <t>cg25760227</t>
  </si>
  <si>
    <t>cg25762706</t>
  </si>
  <si>
    <t>cg25765027</t>
  </si>
  <si>
    <t>cg25765819</t>
  </si>
  <si>
    <t>cg25766247</t>
  </si>
  <si>
    <t>cg25767729</t>
  </si>
  <si>
    <t>cg25777549</t>
  </si>
  <si>
    <t>cg25785630</t>
  </si>
  <si>
    <t>cg25799879</t>
  </si>
  <si>
    <t>cg25801746</t>
  </si>
  <si>
    <t>cg25803316</t>
  </si>
  <si>
    <t>cg25803630</t>
  </si>
  <si>
    <t>cg25803977</t>
  </si>
  <si>
    <t>cg25811575</t>
  </si>
  <si>
    <t>cg25814686</t>
  </si>
  <si>
    <t>cg25814902</t>
  </si>
  <si>
    <t>cg25825810</t>
  </si>
  <si>
    <t>cg25826331</t>
  </si>
  <si>
    <t>cg25827524</t>
  </si>
  <si>
    <t>cg25827846</t>
  </si>
  <si>
    <t>cg25828741</t>
  </si>
  <si>
    <t>cg25833001</t>
  </si>
  <si>
    <t>cg25833672</t>
  </si>
  <si>
    <t>cg25861458</t>
  </si>
  <si>
    <t>cg25862768</t>
  </si>
  <si>
    <t>cg25875163</t>
  </si>
  <si>
    <t>cg25875537</t>
  </si>
  <si>
    <t>cg25876227</t>
  </si>
  <si>
    <t>cg25876817</t>
  </si>
  <si>
    <t>cg25877069</t>
  </si>
  <si>
    <t>cg25880347</t>
  </si>
  <si>
    <t>cg25882579</t>
  </si>
  <si>
    <t>cg25883020</t>
  </si>
  <si>
    <t>cg25883066</t>
  </si>
  <si>
    <t>cg25897519</t>
  </si>
  <si>
    <t>cg25899051</t>
  </si>
  <si>
    <t>cg25900813</t>
  </si>
  <si>
    <t>cg25900943</t>
  </si>
  <si>
    <t>cg25922279</t>
  </si>
  <si>
    <t>cg25922329</t>
  </si>
  <si>
    <t>cg25923240</t>
  </si>
  <si>
    <t>cg25923729</t>
  </si>
  <si>
    <t>cg25932807</t>
  </si>
  <si>
    <t>cg25938596</t>
  </si>
  <si>
    <t>cg25944700</t>
  </si>
  <si>
    <t>cg25945374</t>
  </si>
  <si>
    <t>cg25945499</t>
  </si>
  <si>
    <t>cg25947184</t>
  </si>
  <si>
    <t>cg25947489</t>
  </si>
  <si>
    <t>cg25947998</t>
  </si>
  <si>
    <t>cg25948993</t>
  </si>
  <si>
    <t>cg25951217</t>
  </si>
  <si>
    <t>cg25953952</t>
  </si>
  <si>
    <t>cg25955692</t>
  </si>
  <si>
    <t>cg25956036</t>
  </si>
  <si>
    <t>cg25957319</t>
  </si>
  <si>
    <t>cg25960191</t>
  </si>
  <si>
    <t>cg25967146</t>
  </si>
  <si>
    <t>cg25969984</t>
  </si>
  <si>
    <t>cg25972787</t>
  </si>
  <si>
    <t>cg25981678</t>
  </si>
  <si>
    <t>cg25981920</t>
  </si>
  <si>
    <t>cg25985013</t>
  </si>
  <si>
    <t>cg25985721</t>
  </si>
  <si>
    <t>cg25989783</t>
  </si>
  <si>
    <t>cg25998745</t>
  </si>
  <si>
    <t>cg26001719</t>
  </si>
  <si>
    <t>cg26001764</t>
  </si>
  <si>
    <t>cg26005485</t>
  </si>
  <si>
    <t>cg26006117</t>
  </si>
  <si>
    <t>cg26006870</t>
  </si>
  <si>
    <t>cg26016985</t>
  </si>
  <si>
    <t>cg26020513</t>
  </si>
  <si>
    <t>cg26021627</t>
  </si>
  <si>
    <t>cg26027576</t>
  </si>
  <si>
    <t>cg26027776</t>
  </si>
  <si>
    <t>cg26029292</t>
  </si>
  <si>
    <t>cg26030713</t>
  </si>
  <si>
    <t>cg26032317</t>
  </si>
  <si>
    <t>cg26035118</t>
  </si>
  <si>
    <t>cg26039482</t>
  </si>
  <si>
    <t>cg26040200</t>
  </si>
  <si>
    <t>cg26040708</t>
  </si>
  <si>
    <t>cg26045434</t>
  </si>
  <si>
    <t>cg26047313</t>
  </si>
  <si>
    <t>cg26048117</t>
  </si>
  <si>
    <t>cg26048923</t>
  </si>
  <si>
    <t>cg26049390</t>
  </si>
  <si>
    <t>cg26064870</t>
  </si>
  <si>
    <t>cg26067361</t>
  </si>
  <si>
    <t>cg26069068</t>
  </si>
  <si>
    <t>cg26069514</t>
  </si>
  <si>
    <t>cg26071551</t>
  </si>
  <si>
    <t>cg26075281</t>
  </si>
  <si>
    <t>cg26078439</t>
  </si>
  <si>
    <t>cg26078859</t>
  </si>
  <si>
    <t>cg26100214</t>
  </si>
  <si>
    <t>cg26101086</t>
  </si>
  <si>
    <t>cg26101683</t>
  </si>
  <si>
    <t>cg26104206</t>
  </si>
  <si>
    <t>cg26120132</t>
  </si>
  <si>
    <t>cg26120756</t>
  </si>
  <si>
    <t>cg26122129</t>
  </si>
  <si>
    <t>cg26123975</t>
  </si>
  <si>
    <t>cg26126879</t>
  </si>
  <si>
    <t>cg26129303</t>
  </si>
  <si>
    <t>cg26137121</t>
  </si>
  <si>
    <t>cg26138480</t>
  </si>
  <si>
    <t>cg26140020</t>
  </si>
  <si>
    <t>cg26140120</t>
  </si>
  <si>
    <t>cg26140139</t>
  </si>
  <si>
    <t>cg26140475</t>
  </si>
  <si>
    <t>cg26141291</t>
  </si>
  <si>
    <t>cg26159052</t>
  </si>
  <si>
    <t>cg26164767</t>
  </si>
  <si>
    <t>cg26169156</t>
  </si>
  <si>
    <t>cg26169668</t>
  </si>
  <si>
    <t>cg26172342</t>
  </si>
  <si>
    <t>cg26173173</t>
  </si>
  <si>
    <t>cg26173789</t>
  </si>
  <si>
    <t>cg26180383</t>
  </si>
  <si>
    <t>cg26184856</t>
  </si>
  <si>
    <t>cg26187080</t>
  </si>
  <si>
    <t>cg26187308</t>
  </si>
  <si>
    <t>cg26189139</t>
  </si>
  <si>
    <t>cg26195495</t>
  </si>
  <si>
    <t>cg26195710</t>
  </si>
  <si>
    <t>cg26197679</t>
  </si>
  <si>
    <t>cg26205981</t>
  </si>
  <si>
    <t>cg26206456</t>
  </si>
  <si>
    <t>cg26212924</t>
  </si>
  <si>
    <t>cg26215399</t>
  </si>
  <si>
    <t>cg26217504</t>
  </si>
  <si>
    <t>cg26219092</t>
  </si>
  <si>
    <t>cg26221243</t>
  </si>
  <si>
    <t>cg26221494</t>
  </si>
  <si>
    <t>cg26224574</t>
  </si>
  <si>
    <t>cg26241863</t>
  </si>
  <si>
    <t>cg26247525</t>
  </si>
  <si>
    <t>cg26256223</t>
  </si>
  <si>
    <t>cg26258330</t>
  </si>
  <si>
    <t>cg26258399</t>
  </si>
  <si>
    <t>cg26259926</t>
  </si>
  <si>
    <t>cg26261431</t>
  </si>
  <si>
    <t>cg26268277</t>
  </si>
  <si>
    <t>cg26272248</t>
  </si>
  <si>
    <t>cg26275850</t>
  </si>
  <si>
    <t>cg26280666</t>
  </si>
  <si>
    <t>cg26282299</t>
  </si>
  <si>
    <t>cg26283879</t>
  </si>
  <si>
    <t>cg26283949</t>
  </si>
  <si>
    <t>cg26288502</t>
  </si>
  <si>
    <t>cg26289712</t>
  </si>
  <si>
    <t>cg26295808</t>
  </si>
  <si>
    <t>cg26329349</t>
  </si>
  <si>
    <t>cg26330738</t>
  </si>
  <si>
    <t>cg26342552</t>
  </si>
  <si>
    <t>cg26343298</t>
  </si>
  <si>
    <t>cg26343532</t>
  </si>
  <si>
    <t>cg26344087</t>
  </si>
  <si>
    <t>cg26344606</t>
  </si>
  <si>
    <t>cg26347740</t>
  </si>
  <si>
    <t>cg26350286</t>
  </si>
  <si>
    <t>cg26351679</t>
  </si>
  <si>
    <t>cg26355796</t>
  </si>
  <si>
    <t>cg26357054</t>
  </si>
  <si>
    <t>cg26359712</t>
  </si>
  <si>
    <t>cg26361535</t>
  </si>
  <si>
    <t>cg26363579</t>
  </si>
  <si>
    <t>cg26371310</t>
  </si>
  <si>
    <t>cg26373411</t>
  </si>
  <si>
    <t>cg26382251</t>
  </si>
  <si>
    <t>cg26388351</t>
  </si>
  <si>
    <t>cg26390050</t>
  </si>
  <si>
    <t>cg26392737</t>
  </si>
  <si>
    <t>cg26392980</t>
  </si>
  <si>
    <t>cg26393977</t>
  </si>
  <si>
    <t>cg26394257</t>
  </si>
  <si>
    <t>cg26394850</t>
  </si>
  <si>
    <t>cg26400840</t>
  </si>
  <si>
    <t>cg26401870</t>
  </si>
  <si>
    <t>cg26403198</t>
  </si>
  <si>
    <t>cg26407100</t>
  </si>
  <si>
    <t>cg26422018</t>
  </si>
  <si>
    <t>cg26426186</t>
  </si>
  <si>
    <t>cg26427777</t>
  </si>
  <si>
    <t>cg26432128</t>
  </si>
  <si>
    <t>cg26434225</t>
  </si>
  <si>
    <t>cg26441120</t>
  </si>
  <si>
    <t>cg26464596</t>
  </si>
  <si>
    <t>cg26466789</t>
  </si>
  <si>
    <t>cg26470958</t>
  </si>
  <si>
    <t>cg26471398</t>
  </si>
  <si>
    <t>cg26474925</t>
  </si>
  <si>
    <t>cg26499663</t>
  </si>
  <si>
    <t>cg26500804</t>
  </si>
  <si>
    <t>cg26501007</t>
  </si>
  <si>
    <t>cg26507094</t>
  </si>
  <si>
    <t>cg26510597</t>
  </si>
  <si>
    <t>cg26530341</t>
  </si>
  <si>
    <t>cg26532430</t>
  </si>
  <si>
    <t>cg26536354</t>
  </si>
  <si>
    <t>cg26541854</t>
  </si>
  <si>
    <t>cg26542567</t>
  </si>
  <si>
    <t>cg26544499</t>
  </si>
  <si>
    <t>cg26545268</t>
  </si>
  <si>
    <t>cg26550068</t>
  </si>
  <si>
    <t>cg26553789</t>
  </si>
  <si>
    <t>cg26560068</t>
  </si>
  <si>
    <t>cg26565120</t>
  </si>
  <si>
    <t>cg26565476</t>
  </si>
  <si>
    <t>cg26572452</t>
  </si>
  <si>
    <t>cg26572973</t>
  </si>
  <si>
    <t>cg26580332</t>
  </si>
  <si>
    <t>cg26585560</t>
  </si>
  <si>
    <t>cg26599002</t>
  </si>
  <si>
    <t>cg26613648</t>
  </si>
  <si>
    <t>cg26613768</t>
  </si>
  <si>
    <t>cg26623455</t>
  </si>
  <si>
    <t>cg26624387</t>
  </si>
  <si>
    <t>cg26624673</t>
  </si>
  <si>
    <t>cg26626663</t>
  </si>
  <si>
    <t>cg26628496</t>
  </si>
  <si>
    <t>cg26653714</t>
  </si>
  <si>
    <t>cg26654519</t>
  </si>
  <si>
    <t>cg26655790</t>
  </si>
  <si>
    <t>cg26664492</t>
  </si>
  <si>
    <t>cg26666029</t>
  </si>
  <si>
    <t>cg26669044</t>
  </si>
  <si>
    <t>cg26670620</t>
  </si>
  <si>
    <t>cg26679883</t>
  </si>
  <si>
    <t>cg26682048</t>
  </si>
  <si>
    <t>cg26682213</t>
  </si>
  <si>
    <t>cg26684174</t>
  </si>
  <si>
    <t>cg26688212</t>
  </si>
  <si>
    <t>cg26692202</t>
  </si>
  <si>
    <t>cg26697310</t>
  </si>
  <si>
    <t>cg26711732</t>
  </si>
  <si>
    <t>cg26711833</t>
  </si>
  <si>
    <t>cg26714514</t>
  </si>
  <si>
    <t>cg26718357</t>
  </si>
  <si>
    <t>cg26720961</t>
  </si>
  <si>
    <t>cg26724450</t>
  </si>
  <si>
    <t>cg26725786</t>
  </si>
  <si>
    <t>cg26726035</t>
  </si>
  <si>
    <t>cg26727231</t>
  </si>
  <si>
    <t>cg26730369</t>
  </si>
  <si>
    <t>cg26734167</t>
  </si>
  <si>
    <t>cg26735153</t>
  </si>
  <si>
    <t>cg26753608</t>
  </si>
  <si>
    <t>cg26754350</t>
  </si>
  <si>
    <t>cg26756083</t>
  </si>
  <si>
    <t>cg26764726</t>
  </si>
  <si>
    <t>cg26764980</t>
  </si>
  <si>
    <t>cg26766403</t>
  </si>
  <si>
    <t>cg26777303</t>
  </si>
  <si>
    <t>cg26780125</t>
  </si>
  <si>
    <t>cg26793019</t>
  </si>
  <si>
    <t>cg26794938</t>
  </si>
  <si>
    <t>cg26795312</t>
  </si>
  <si>
    <t>cg26795524</t>
  </si>
  <si>
    <t>cg26798861</t>
  </si>
  <si>
    <t>cg26799209</t>
  </si>
  <si>
    <t>cg26801445</t>
  </si>
  <si>
    <t>cg26809497</t>
  </si>
  <si>
    <t>cg26816023</t>
  </si>
  <si>
    <t>cg26816426</t>
  </si>
  <si>
    <t>cg26818893</t>
  </si>
  <si>
    <t>cg26820168</t>
  </si>
  <si>
    <t>cg26820845</t>
  </si>
  <si>
    <t>cg26822476</t>
  </si>
  <si>
    <t>cg26824721</t>
  </si>
  <si>
    <t>cg26824850</t>
  </si>
  <si>
    <t>cg26827874</t>
  </si>
  <si>
    <t>cg26831415</t>
  </si>
  <si>
    <t>cg26837477</t>
  </si>
  <si>
    <t>cg26841894</t>
  </si>
  <si>
    <t>cg26846409</t>
  </si>
  <si>
    <t>cg26847866</t>
  </si>
  <si>
    <t>cg26857665</t>
  </si>
  <si>
    <t>cg26858152</t>
  </si>
  <si>
    <t>cg26860265</t>
  </si>
  <si>
    <t>cg26862861</t>
  </si>
  <si>
    <t>cg26864084</t>
  </si>
  <si>
    <t>cg26865879</t>
  </si>
  <si>
    <t>cg26873254</t>
  </si>
  <si>
    <t>cg26876514</t>
  </si>
  <si>
    <t>cg26880549</t>
  </si>
  <si>
    <t>cg26881677</t>
  </si>
  <si>
    <t>cg26882164</t>
  </si>
  <si>
    <t>cg26886855</t>
  </si>
  <si>
    <t>cg26887273</t>
  </si>
  <si>
    <t>cg26889564</t>
  </si>
  <si>
    <t>cg26895804</t>
  </si>
  <si>
    <t>cg26898869</t>
  </si>
  <si>
    <t>cg26911120</t>
  </si>
  <si>
    <t>cg26911140</t>
  </si>
  <si>
    <t>cg26917999</t>
  </si>
  <si>
    <t>cg26920573</t>
  </si>
  <si>
    <t>cg26922511</t>
  </si>
  <si>
    <t>cg26923072</t>
  </si>
  <si>
    <t>cg26925025</t>
  </si>
  <si>
    <t>cg26944552</t>
  </si>
  <si>
    <t>cg26944580</t>
  </si>
  <si>
    <t>cg26948599</t>
  </si>
  <si>
    <t>cg26952662</t>
  </si>
  <si>
    <t>cg26965597</t>
  </si>
  <si>
    <t>cg26969167</t>
  </si>
  <si>
    <t>cg26975524</t>
  </si>
  <si>
    <t>cg26976315</t>
  </si>
  <si>
    <t>cg26976437</t>
  </si>
  <si>
    <t>cg26977759</t>
  </si>
  <si>
    <t>cg26978081</t>
  </si>
  <si>
    <t>cg26979279</t>
  </si>
  <si>
    <t>cg26980244</t>
  </si>
  <si>
    <t>cg26984263</t>
  </si>
  <si>
    <t>cg26984624</t>
  </si>
  <si>
    <t>cg26988406</t>
  </si>
  <si>
    <t>cg26996885</t>
  </si>
  <si>
    <t>cg27000590</t>
  </si>
  <si>
    <t>cg27003787</t>
  </si>
  <si>
    <t>cg27004182</t>
  </si>
  <si>
    <t>cg27013748</t>
  </si>
  <si>
    <t>cg27016051</t>
  </si>
  <si>
    <t>cg27020965</t>
  </si>
  <si>
    <t>cg27027827</t>
  </si>
  <si>
    <t>cg27028168</t>
  </si>
  <si>
    <t>cg27031099</t>
  </si>
  <si>
    <t>cg27034450</t>
  </si>
  <si>
    <t>cg27034466</t>
  </si>
  <si>
    <t>cg27038634</t>
  </si>
  <si>
    <t>cg27038717</t>
  </si>
  <si>
    <t>cg27042857</t>
  </si>
  <si>
    <t>cg27043582</t>
  </si>
  <si>
    <t>cg27043726</t>
  </si>
  <si>
    <t>cg27043838</t>
  </si>
  <si>
    <t>cg27046641</t>
  </si>
  <si>
    <t>cg27049070</t>
  </si>
  <si>
    <t>cg27052402</t>
  </si>
  <si>
    <t>cg27053337</t>
  </si>
  <si>
    <t>cg27065225</t>
  </si>
  <si>
    <t>cg27087572</t>
  </si>
  <si>
    <t>cg27090216</t>
  </si>
  <si>
    <t>cg27095592</t>
  </si>
  <si>
    <t>cg27100760</t>
  </si>
  <si>
    <t>cg27103801</t>
  </si>
  <si>
    <t>cg27106513</t>
  </si>
  <si>
    <t>cg27106673</t>
  </si>
  <si>
    <t>cg27110054</t>
  </si>
  <si>
    <t>cg27121132</t>
  </si>
  <si>
    <t>cg27127492</t>
  </si>
  <si>
    <t>cg27127903</t>
  </si>
  <si>
    <t>cg27130359</t>
  </si>
  <si>
    <t>cg27131563</t>
  </si>
  <si>
    <t>cg27132335</t>
  </si>
  <si>
    <t>cg27134322</t>
  </si>
  <si>
    <t>cg27140220</t>
  </si>
  <si>
    <t>cg27176043</t>
  </si>
  <si>
    <t>cg27185976</t>
  </si>
  <si>
    <t>cg27190014</t>
  </si>
  <si>
    <t>cg27207274</t>
  </si>
  <si>
    <t>cg27215916</t>
  </si>
  <si>
    <t>cg27219446</t>
  </si>
  <si>
    <t>cg27219961</t>
  </si>
  <si>
    <t>cg27244385</t>
  </si>
  <si>
    <t>cg27255656</t>
  </si>
  <si>
    <t>cg27256423</t>
  </si>
  <si>
    <t>cg27258399</t>
  </si>
  <si>
    <t>cg27259731</t>
  </si>
  <si>
    <t>cg27261538</t>
  </si>
  <si>
    <t>cg27263049</t>
  </si>
  <si>
    <t>cg27266060</t>
  </si>
  <si>
    <t>cg27267377</t>
  </si>
  <si>
    <t>cg27269427</t>
  </si>
  <si>
    <t>cg27272363</t>
  </si>
  <si>
    <t>cg27277081</t>
  </si>
  <si>
    <t>cg27278234</t>
  </si>
  <si>
    <t>cg27278640</t>
  </si>
  <si>
    <t>cg27279244</t>
  </si>
  <si>
    <t>cg27302296</t>
  </si>
  <si>
    <t>cg27310831</t>
  </si>
  <si>
    <t>cg27313642</t>
  </si>
  <si>
    <t>cg27318570</t>
  </si>
  <si>
    <t>cg27319710</t>
  </si>
  <si>
    <t>cg27322228</t>
  </si>
  <si>
    <t>cg27323588</t>
  </si>
  <si>
    <t>cg27324446</t>
  </si>
  <si>
    <t>cg27333517</t>
  </si>
  <si>
    <t>cg27336360</t>
  </si>
  <si>
    <t>cg27337199</t>
  </si>
  <si>
    <t>cg27342122</t>
  </si>
  <si>
    <t>cg27351978</t>
  </si>
  <si>
    <t>cg27360560</t>
  </si>
  <si>
    <t>cg27376872</t>
  </si>
  <si>
    <t>cg27378814</t>
  </si>
  <si>
    <t>cg27389806</t>
  </si>
  <si>
    <t>cg27390061</t>
  </si>
  <si>
    <t>cg27392040</t>
  </si>
  <si>
    <t>cg27394015</t>
  </si>
  <si>
    <t>cg27397943</t>
  </si>
  <si>
    <t>cg27416898</t>
  </si>
  <si>
    <t>cg27449959</t>
  </si>
  <si>
    <t>cg27452278</t>
  </si>
  <si>
    <t>cg27454300</t>
  </si>
  <si>
    <t>cg27458060</t>
  </si>
  <si>
    <t>cg27458152</t>
  </si>
  <si>
    <t>cg27465994</t>
  </si>
  <si>
    <t>cg27469037</t>
  </si>
  <si>
    <t>cg27470842</t>
  </si>
  <si>
    <t>cg27476810</t>
  </si>
  <si>
    <t>cg27479267</t>
  </si>
  <si>
    <t>cg27481254</t>
  </si>
  <si>
    <t>cg27485152</t>
  </si>
  <si>
    <t>cg27487551</t>
  </si>
  <si>
    <t>cg27498434</t>
  </si>
  <si>
    <t>cg27509366</t>
  </si>
  <si>
    <t>cg27512316</t>
  </si>
  <si>
    <t>cg27515671</t>
  </si>
  <si>
    <t>cg27519910</t>
  </si>
  <si>
    <t>cg27524128</t>
  </si>
  <si>
    <t>cg27531276</t>
  </si>
  <si>
    <t>cg27531336</t>
  </si>
  <si>
    <t>cg27532758</t>
  </si>
  <si>
    <t>cg27537290</t>
  </si>
  <si>
    <t>cg27537600</t>
  </si>
  <si>
    <t>cg27538901</t>
  </si>
  <si>
    <t>cg27564715</t>
  </si>
  <si>
    <t>cg27595512</t>
  </si>
  <si>
    <t>cg27598956</t>
  </si>
  <si>
    <t>cg27601906</t>
  </si>
  <si>
    <t>cg27617058</t>
  </si>
  <si>
    <t>cg27618939</t>
  </si>
  <si>
    <t>cg27619646</t>
  </si>
  <si>
    <t>cg27620946</t>
  </si>
  <si>
    <t>cg27622701</t>
  </si>
  <si>
    <t>cg27629317</t>
  </si>
  <si>
    <t>cg27631114</t>
  </si>
  <si>
    <t>cg27637617</t>
  </si>
  <si>
    <t>cg27644622</t>
  </si>
  <si>
    <t>cg27647589</t>
  </si>
  <si>
    <t>cg27648238</t>
  </si>
  <si>
    <t>cg27650870</t>
  </si>
  <si>
    <t>cg27653103</t>
  </si>
  <si>
    <t>cg27655206</t>
  </si>
  <si>
    <t>cg27657489</t>
  </si>
  <si>
    <t>cg27658254</t>
  </si>
  <si>
    <t>cg27659035</t>
  </si>
  <si>
    <t>ch.8.153539F</t>
  </si>
  <si>
    <t>ch.8.9261340R</t>
  </si>
  <si>
    <t>ch.8.314562F</t>
  </si>
  <si>
    <t>ch.8.484254F</t>
  </si>
  <si>
    <t>ch.8.20603847F</t>
  </si>
  <si>
    <t>ch.8.24555156R</t>
  </si>
  <si>
    <t>ch.8.745965F</t>
  </si>
  <si>
    <t>ch.8.31582255R</t>
  </si>
  <si>
    <t>ch.8.33052751R</t>
  </si>
  <si>
    <t>ch.8.902189R</t>
  </si>
  <si>
    <t>ch.8.40958873F</t>
  </si>
  <si>
    <t>ch.8.975024F</t>
  </si>
  <si>
    <t>ch.8.49582343R</t>
  </si>
  <si>
    <t>ch.8.49616578R</t>
  </si>
  <si>
    <t>ch.8.52117604R</t>
  </si>
  <si>
    <t>ch.8.56925254R</t>
  </si>
  <si>
    <t>ch.8.67414771F</t>
  </si>
  <si>
    <t>ch.8.68016094R</t>
  </si>
  <si>
    <t>ch.8.72742858R</t>
  </si>
  <si>
    <t>ch.8.74124882F</t>
  </si>
  <si>
    <t>ch.8.1632180R</t>
  </si>
  <si>
    <t>ch.8.1736467F</t>
  </si>
  <si>
    <t>ch.8.90495221F</t>
  </si>
  <si>
    <t>ch.8.91248331R</t>
  </si>
  <si>
    <t>ch.8.93711588R</t>
  </si>
  <si>
    <t>ch.8.101580865F</t>
  </si>
  <si>
    <t>ch.8.102115565R</t>
  </si>
  <si>
    <t>ch.8.115235097F</t>
  </si>
  <si>
    <t>ch.8.117193312F</t>
  </si>
  <si>
    <t>ch.8.123133581F</t>
  </si>
  <si>
    <t>ch.8.128185533F</t>
  </si>
  <si>
    <t>ch.8.131497396R</t>
  </si>
  <si>
    <t>ch.8.132836635R</t>
  </si>
  <si>
    <t>ch.8.2835922R</t>
  </si>
  <si>
    <t>cg00000658</t>
  </si>
  <si>
    <t>cg00004429</t>
  </si>
  <si>
    <t>cg00007064</t>
  </si>
  <si>
    <t>cg00013660</t>
  </si>
  <si>
    <t>cg00017475</t>
  </si>
  <si>
    <t>cg00019877</t>
  </si>
  <si>
    <t>cg00033533</t>
  </si>
  <si>
    <t>cg00034039</t>
  </si>
  <si>
    <t>cg00040426</t>
  </si>
  <si>
    <t>cg00046802</t>
  </si>
  <si>
    <t>cg00049440</t>
  </si>
  <si>
    <t>cg00055233</t>
  </si>
  <si>
    <t>cg00055726</t>
  </si>
  <si>
    <t>cg00055981</t>
  </si>
  <si>
    <t>cg00061031</t>
  </si>
  <si>
    <t>cg00065385</t>
  </si>
  <si>
    <t>cg00070042</t>
  </si>
  <si>
    <t>cg00070052</t>
  </si>
  <si>
    <t>cg00077312</t>
  </si>
  <si>
    <t>cg00078025</t>
  </si>
  <si>
    <t>cg00089695</t>
  </si>
  <si>
    <t>cg00091794</t>
  </si>
  <si>
    <t>cg00093688</t>
  </si>
  <si>
    <t>cg00100800</t>
  </si>
  <si>
    <t>cg00102996</t>
  </si>
  <si>
    <t>cg00106164</t>
  </si>
  <si>
    <t>cg00107630</t>
  </si>
  <si>
    <t>cg00108873</t>
  </si>
  <si>
    <t>cg00109344</t>
  </si>
  <si>
    <t>cg00109780</t>
  </si>
  <si>
    <t>cg00114012</t>
  </si>
  <si>
    <t>cg00115194</t>
  </si>
  <si>
    <t>cg00118808</t>
  </si>
  <si>
    <t>cg00121158</t>
  </si>
  <si>
    <t>cg00121640</t>
  </si>
  <si>
    <t>cg00129481</t>
  </si>
  <si>
    <t>cg00138267</t>
  </si>
  <si>
    <t>cg00138497</t>
  </si>
  <si>
    <t>cg00141174</t>
  </si>
  <si>
    <t>cg00142257</t>
  </si>
  <si>
    <t>cg00153707</t>
  </si>
  <si>
    <t>cg00155846</t>
  </si>
  <si>
    <t>cg00157228</t>
  </si>
  <si>
    <t>cg00161247</t>
  </si>
  <si>
    <t>cg00168082</t>
  </si>
  <si>
    <t>cg00184461</t>
  </si>
  <si>
    <t>cg00196372</t>
  </si>
  <si>
    <t>cg00201468</t>
  </si>
  <si>
    <t>cg00203463</t>
  </si>
  <si>
    <t>cg00213714</t>
  </si>
  <si>
    <t>cg00220243</t>
  </si>
  <si>
    <t>cg00228118</t>
  </si>
  <si>
    <t>cg00228738</t>
  </si>
  <si>
    <t>cg00232500</t>
  </si>
  <si>
    <t>cg00234624</t>
  </si>
  <si>
    <t>cg00253182</t>
  </si>
  <si>
    <t>cg00261144</t>
  </si>
  <si>
    <t>cg00265277</t>
  </si>
  <si>
    <t>cg00273198</t>
  </si>
  <si>
    <t>cg00282426</t>
  </si>
  <si>
    <t>cg00282510</t>
  </si>
  <si>
    <t>cg00290086</t>
  </si>
  <si>
    <t>cg00292435</t>
  </si>
  <si>
    <t>cg00295948</t>
  </si>
  <si>
    <t>cg00302081</t>
  </si>
  <si>
    <t>cg00303606</t>
  </si>
  <si>
    <t>cg00305629</t>
  </si>
  <si>
    <t>cg00306063</t>
  </si>
  <si>
    <t>cg00313219</t>
  </si>
  <si>
    <t>cg00318543</t>
  </si>
  <si>
    <t>cg00320035</t>
  </si>
  <si>
    <t>cg00321619</t>
  </si>
  <si>
    <t>cg00339415</t>
  </si>
  <si>
    <t>cg00350942</t>
  </si>
  <si>
    <t>cg00352576</t>
  </si>
  <si>
    <t>cg00367047</t>
  </si>
  <si>
    <t>cg00375250</t>
  </si>
  <si>
    <t>cg00378292</t>
  </si>
  <si>
    <t>cg00390775</t>
  </si>
  <si>
    <t>cg00396865</t>
  </si>
  <si>
    <t>cg00403251</t>
  </si>
  <si>
    <t>cg00403579</t>
  </si>
  <si>
    <t>cg00407062</t>
  </si>
  <si>
    <t>cg00407468</t>
  </si>
  <si>
    <t>cg00407944</t>
  </si>
  <si>
    <t>cg00410926</t>
  </si>
  <si>
    <t>cg00411595</t>
  </si>
  <si>
    <t>cg00418027</t>
  </si>
  <si>
    <t>cg00420568</t>
  </si>
  <si>
    <t>cg00422488</t>
  </si>
  <si>
    <t>cg00424588</t>
  </si>
  <si>
    <t>cg00429618</t>
  </si>
  <si>
    <t>cg00430036</t>
  </si>
  <si>
    <t>cg00445475</t>
  </si>
  <si>
    <t>cg00449000</t>
  </si>
  <si>
    <t>cg00449384</t>
  </si>
  <si>
    <t>cg00467553</t>
  </si>
  <si>
    <t>cg00469800</t>
  </si>
  <si>
    <t>cg00470505</t>
  </si>
  <si>
    <t>cg00473702</t>
  </si>
  <si>
    <t>cg00474004</t>
  </si>
  <si>
    <t>cg00486101</t>
  </si>
  <si>
    <t>cg00488323</t>
  </si>
  <si>
    <t>cg00489699</t>
  </si>
  <si>
    <t>cg00501622</t>
  </si>
  <si>
    <t>cg00501774</t>
  </si>
  <si>
    <t>cg00505502</t>
  </si>
  <si>
    <t>cg00508697</t>
  </si>
  <si>
    <t>cg00513467</t>
  </si>
  <si>
    <t>cg00522018</t>
  </si>
  <si>
    <t>cg00524964</t>
  </si>
  <si>
    <t>cg00537820</t>
  </si>
  <si>
    <t>cg00541066</t>
  </si>
  <si>
    <t>cg00542880</t>
  </si>
  <si>
    <t>cg00545196</t>
  </si>
  <si>
    <t>cg00549706</t>
  </si>
  <si>
    <t>cg00553107</t>
  </si>
  <si>
    <t>cg00553880</t>
  </si>
  <si>
    <t>cg00556719</t>
  </si>
  <si>
    <t>cg00563932</t>
  </si>
  <si>
    <t>cg00566408</t>
  </si>
  <si>
    <t>cg00573124</t>
  </si>
  <si>
    <t>cg00577189</t>
  </si>
  <si>
    <t>cg00594118</t>
  </si>
  <si>
    <t>cg00608779</t>
  </si>
  <si>
    <t>cg00620921</t>
  </si>
  <si>
    <t>cg00622863</t>
  </si>
  <si>
    <t>cg00629816</t>
  </si>
  <si>
    <t>cg00632853</t>
  </si>
  <si>
    <t>cg00636639</t>
  </si>
  <si>
    <t>cg00636641</t>
  </si>
  <si>
    <t>cg00638945</t>
  </si>
  <si>
    <t>cg00650176</t>
  </si>
  <si>
    <t>cg00654637</t>
  </si>
  <si>
    <t>cg00655706</t>
  </si>
  <si>
    <t>cg00656478</t>
  </si>
  <si>
    <t>cg00664581</t>
  </si>
  <si>
    <t>cg00665420</t>
  </si>
  <si>
    <t>cg00665816</t>
  </si>
  <si>
    <t>cg00667760</t>
  </si>
  <si>
    <t>cg00668215</t>
  </si>
  <si>
    <t>cg00677730</t>
  </si>
  <si>
    <t>cg00681735</t>
  </si>
  <si>
    <t>cg00691625</t>
  </si>
  <si>
    <t>cg00695112</t>
  </si>
  <si>
    <t>cg00697626</t>
  </si>
  <si>
    <t>cg00698575</t>
  </si>
  <si>
    <t>cg00698646</t>
  </si>
  <si>
    <t>cg00708215</t>
  </si>
  <si>
    <t>cg00713813</t>
  </si>
  <si>
    <t>cg00716991</t>
  </si>
  <si>
    <t>cg00718440</t>
  </si>
  <si>
    <t>cg00729541</t>
  </si>
  <si>
    <t>cg00731232</t>
  </si>
  <si>
    <t>cg00731874</t>
  </si>
  <si>
    <t>cg00736523</t>
  </si>
  <si>
    <t>cg00742898</t>
  </si>
  <si>
    <t>cg00744495</t>
  </si>
  <si>
    <t>cg00745838</t>
  </si>
  <si>
    <t>cg00752376</t>
  </si>
  <si>
    <t>cg00753924</t>
  </si>
  <si>
    <t>cg00755043</t>
  </si>
  <si>
    <t>cg00755709</t>
  </si>
  <si>
    <t>cg00757413</t>
  </si>
  <si>
    <t>cg00757804</t>
  </si>
  <si>
    <t>cg00762450</t>
  </si>
  <si>
    <t>cg00767010</t>
  </si>
  <si>
    <t>cg00769072</t>
  </si>
  <si>
    <t>cg00775695</t>
  </si>
  <si>
    <t>cg00785831</t>
  </si>
  <si>
    <t>cg00788204</t>
  </si>
  <si>
    <t>cg00791657</t>
  </si>
  <si>
    <t>cg00804210</t>
  </si>
  <si>
    <t>cg00806319</t>
  </si>
  <si>
    <t>cg00812861</t>
  </si>
  <si>
    <t>cg00814443</t>
  </si>
  <si>
    <t>cg00826610</t>
  </si>
  <si>
    <t>cg00827663</t>
  </si>
  <si>
    <t>cg00829369</t>
  </si>
  <si>
    <t>cg00829438</t>
  </si>
  <si>
    <t>cg00833393</t>
  </si>
  <si>
    <t>cg00836944</t>
  </si>
  <si>
    <t>cg00839507</t>
  </si>
  <si>
    <t>cg00840310</t>
  </si>
  <si>
    <t>cg00842794</t>
  </si>
  <si>
    <t>cg00844308</t>
  </si>
  <si>
    <t>cg00844339</t>
  </si>
  <si>
    <t>cg00845368</t>
  </si>
  <si>
    <t>cg00850016</t>
  </si>
  <si>
    <t>cg00853853</t>
  </si>
  <si>
    <t>cg00864770</t>
  </si>
  <si>
    <t>cg00867453</t>
  </si>
  <si>
    <t>cg00871358</t>
  </si>
  <si>
    <t>cg00873521</t>
  </si>
  <si>
    <t>cg00876267</t>
  </si>
  <si>
    <t>cg00878953</t>
  </si>
  <si>
    <t>cg00880872</t>
  </si>
  <si>
    <t>cg00885506</t>
  </si>
  <si>
    <t>cg00891991</t>
  </si>
  <si>
    <t>cg00892737</t>
  </si>
  <si>
    <t>cg00894134</t>
  </si>
  <si>
    <t>cg00900642</t>
  </si>
  <si>
    <t>cg00917031</t>
  </si>
  <si>
    <t>cg00918944</t>
  </si>
  <si>
    <t>cg00921973</t>
  </si>
  <si>
    <t>cg00922328</t>
  </si>
  <si>
    <t>cg00923230</t>
  </si>
  <si>
    <t>cg00927429</t>
  </si>
  <si>
    <t>cg00927495</t>
  </si>
  <si>
    <t>cg00929878</t>
  </si>
  <si>
    <t>cg00934355</t>
  </si>
  <si>
    <t>cg00948900</t>
  </si>
  <si>
    <t>cg00958702</t>
  </si>
  <si>
    <t>cg00959431</t>
  </si>
  <si>
    <t>cg00960818</t>
  </si>
  <si>
    <t>cg00964918</t>
  </si>
  <si>
    <t>cg00969823</t>
  </si>
  <si>
    <t>cg00978117</t>
  </si>
  <si>
    <t>cg00982919</t>
  </si>
  <si>
    <t>cg00995988</t>
  </si>
  <si>
    <t>cg01000188</t>
  </si>
  <si>
    <t>cg01007894</t>
  </si>
  <si>
    <t>cg01009697</t>
  </si>
  <si>
    <t>cg01015287</t>
  </si>
  <si>
    <t>cg01026196</t>
  </si>
  <si>
    <t>cg01027739</t>
  </si>
  <si>
    <t>cg01028796</t>
  </si>
  <si>
    <t>cg01034726</t>
  </si>
  <si>
    <t>cg01036173</t>
  </si>
  <si>
    <t>cg01039763</t>
  </si>
  <si>
    <t>cg01043250</t>
  </si>
  <si>
    <t>cg01047025</t>
  </si>
  <si>
    <t>cg01049121</t>
  </si>
  <si>
    <t>cg01071644</t>
  </si>
  <si>
    <t>cg01080407</t>
  </si>
  <si>
    <t>cg01089544</t>
  </si>
  <si>
    <t>cg01099411</t>
  </si>
  <si>
    <t>cg01099825</t>
  </si>
  <si>
    <t>cg01102197</t>
  </si>
  <si>
    <t>cg01104554</t>
  </si>
  <si>
    <t>cg01108112</t>
  </si>
  <si>
    <t>cg01109017</t>
  </si>
  <si>
    <t>cg01111842</t>
  </si>
  <si>
    <t>cg01120307</t>
  </si>
  <si>
    <t>cg01120874</t>
  </si>
  <si>
    <t>cg01124539</t>
  </si>
  <si>
    <t>cg01126560</t>
  </si>
  <si>
    <t>cg01132568</t>
  </si>
  <si>
    <t>cg01137471</t>
  </si>
  <si>
    <t>cg01152052</t>
  </si>
  <si>
    <t>cg01159576</t>
  </si>
  <si>
    <t>cg01162425</t>
  </si>
  <si>
    <t>cg01167496</t>
  </si>
  <si>
    <t>cg01169778</t>
  </si>
  <si>
    <t>cg01177235</t>
  </si>
  <si>
    <t>cg01182455</t>
  </si>
  <si>
    <t>cg01185470</t>
  </si>
  <si>
    <t>cg01189813</t>
  </si>
  <si>
    <t>cg01205831</t>
  </si>
  <si>
    <t>cg01210520</t>
  </si>
  <si>
    <t>cg01210663</t>
  </si>
  <si>
    <t>cg01218148</t>
  </si>
  <si>
    <t>cg01220033</t>
  </si>
  <si>
    <t>cg01220068</t>
  </si>
  <si>
    <t>cg01222719</t>
  </si>
  <si>
    <t>cg01240049</t>
  </si>
  <si>
    <t>cg01241375</t>
  </si>
  <si>
    <t>cg01245423</t>
  </si>
  <si>
    <t>cg01253107</t>
  </si>
  <si>
    <t>cg01257194</t>
  </si>
  <si>
    <t>cg01258587</t>
  </si>
  <si>
    <t>cg01263574</t>
  </si>
  <si>
    <t>cg01266338</t>
  </si>
  <si>
    <t>cg01272081</t>
  </si>
  <si>
    <t>cg01275932</t>
  </si>
  <si>
    <t>cg01288067</t>
  </si>
  <si>
    <t>cg01292475</t>
  </si>
  <si>
    <t>cg01302240</t>
  </si>
  <si>
    <t>cg01305539</t>
  </si>
  <si>
    <t>cg01306410</t>
  </si>
  <si>
    <t>cg01309153</t>
  </si>
  <si>
    <t>cg01311102</t>
  </si>
  <si>
    <t>cg01318154</t>
  </si>
  <si>
    <t>cg01327147</t>
  </si>
  <si>
    <t>cg01328164</t>
  </si>
  <si>
    <t>cg01333333</t>
  </si>
  <si>
    <t>cg01342968</t>
  </si>
  <si>
    <t>cg01349112</t>
  </si>
  <si>
    <t>cg01351756</t>
  </si>
  <si>
    <t>cg01363109</t>
  </si>
  <si>
    <t>cg01368230</t>
  </si>
  <si>
    <t>cg01388957</t>
  </si>
  <si>
    <t>cg01389032</t>
  </si>
  <si>
    <t>cg01396138</t>
  </si>
  <si>
    <t>cg01400671</t>
  </si>
  <si>
    <t>cg01408915</t>
  </si>
  <si>
    <t>cg01413354</t>
  </si>
  <si>
    <t>cg01421830</t>
  </si>
  <si>
    <t>cg01428195</t>
  </si>
  <si>
    <t>cg01428408</t>
  </si>
  <si>
    <t>cg01448891</t>
  </si>
  <si>
    <t>cg01455880</t>
  </si>
  <si>
    <t>cg01470599</t>
  </si>
  <si>
    <t>cg01470744</t>
  </si>
  <si>
    <t>cg01481976</t>
  </si>
  <si>
    <t>cg01487409</t>
  </si>
  <si>
    <t>cg01487461</t>
  </si>
  <si>
    <t>cg01490728</t>
  </si>
  <si>
    <t>cg01499988</t>
  </si>
  <si>
    <t>cg01512589</t>
  </si>
  <si>
    <t>cg01515543</t>
  </si>
  <si>
    <t>cg01516466</t>
  </si>
  <si>
    <t>cg01518631</t>
  </si>
  <si>
    <t>cg01528792</t>
  </si>
  <si>
    <t>cg01531665</t>
  </si>
  <si>
    <t>cg01535980</t>
  </si>
  <si>
    <t>cg01536400</t>
  </si>
  <si>
    <t>cg01541867</t>
  </si>
  <si>
    <t>cg01544270</t>
  </si>
  <si>
    <t>cg01549227</t>
  </si>
  <si>
    <t>cg01554064</t>
  </si>
  <si>
    <t>cg01564892</t>
  </si>
  <si>
    <t>cg01566028</t>
  </si>
  <si>
    <t>cg01567591</t>
  </si>
  <si>
    <t>cg01568124</t>
  </si>
  <si>
    <t>cg01568228</t>
  </si>
  <si>
    <t>cg01569500</t>
  </si>
  <si>
    <t>cg01572653</t>
  </si>
  <si>
    <t>cg01593609</t>
  </si>
  <si>
    <t>cg01594949</t>
  </si>
  <si>
    <t>cg01595717</t>
  </si>
  <si>
    <t>cg01596674</t>
  </si>
  <si>
    <t>cg01596854</t>
  </si>
  <si>
    <t>cg01600189</t>
  </si>
  <si>
    <t>cg01601476</t>
  </si>
  <si>
    <t>cg01605984</t>
  </si>
  <si>
    <t>cg01629620</t>
  </si>
  <si>
    <t>cg01630567</t>
  </si>
  <si>
    <t>cg01674405</t>
  </si>
  <si>
    <t>cg01677177</t>
  </si>
  <si>
    <t>cg01678650</t>
  </si>
  <si>
    <t>cg01693284</t>
  </si>
  <si>
    <t>cg01695083</t>
  </si>
  <si>
    <t>cg01701837</t>
  </si>
  <si>
    <t>cg01713938</t>
  </si>
  <si>
    <t>cg01715248</t>
  </si>
  <si>
    <t>cg01719141</t>
  </si>
  <si>
    <t>cg01719619</t>
  </si>
  <si>
    <t>cg01733783</t>
  </si>
  <si>
    <t>cg01739210</t>
  </si>
  <si>
    <t>cg01740606</t>
  </si>
  <si>
    <t>cg01744133</t>
  </si>
  <si>
    <t>cg01746241</t>
  </si>
  <si>
    <t>cg01753595</t>
  </si>
  <si>
    <t>cg01755551</t>
  </si>
  <si>
    <t>cg01764082</t>
  </si>
  <si>
    <t>cg01781662</t>
  </si>
  <si>
    <t>cg01781745</t>
  </si>
  <si>
    <t>cg01781867</t>
  </si>
  <si>
    <t>cg01785473</t>
  </si>
  <si>
    <t>cg01786973</t>
  </si>
  <si>
    <t>cg01798232</t>
  </si>
  <si>
    <t>cg01799543</t>
  </si>
  <si>
    <t>cg01809579</t>
  </si>
  <si>
    <t>cg01813139</t>
  </si>
  <si>
    <t>cg01825213</t>
  </si>
  <si>
    <t>cg01832218</t>
  </si>
  <si>
    <t>cg01841415</t>
  </si>
  <si>
    <t>cg01843189</t>
  </si>
  <si>
    <t>cg01845476</t>
  </si>
  <si>
    <t>cg01847269</t>
  </si>
  <si>
    <t>cg01847271</t>
  </si>
  <si>
    <t>cg01860378</t>
  </si>
  <si>
    <t>cg01862160</t>
  </si>
  <si>
    <t>cg01865937</t>
  </si>
  <si>
    <t>cg01873645</t>
  </si>
  <si>
    <t>cg01896807</t>
  </si>
  <si>
    <t>cg01897498</t>
  </si>
  <si>
    <t>cg01899805</t>
  </si>
  <si>
    <t>cg01906430</t>
  </si>
  <si>
    <t>cg01909921</t>
  </si>
  <si>
    <t>cg01917626</t>
  </si>
  <si>
    <t>cg01924448</t>
  </si>
  <si>
    <t>cg01928779</t>
  </si>
  <si>
    <t>cg01937793</t>
  </si>
  <si>
    <t>cg01942098</t>
  </si>
  <si>
    <t>cg01942423</t>
  </si>
  <si>
    <t>cg01944288</t>
  </si>
  <si>
    <t>cg01947138</t>
  </si>
  <si>
    <t>cg01952260</t>
  </si>
  <si>
    <t>cg01972335</t>
  </si>
  <si>
    <t>cg01974292</t>
  </si>
  <si>
    <t>cg01980495</t>
  </si>
  <si>
    <t>cg01984237</t>
  </si>
  <si>
    <t>cg01987962</t>
  </si>
  <si>
    <t>cg01998146</t>
  </si>
  <si>
    <t>cg02002584</t>
  </si>
  <si>
    <t>cg02009694</t>
  </si>
  <si>
    <t>cg02011953</t>
  </si>
  <si>
    <t>cg02021127</t>
  </si>
  <si>
    <t>cg02024846</t>
  </si>
  <si>
    <t>cg02027010</t>
  </si>
  <si>
    <t>cg02034102</t>
  </si>
  <si>
    <t>cg02035425</t>
  </si>
  <si>
    <t>cg02036494</t>
  </si>
  <si>
    <t>cg02054493</t>
  </si>
  <si>
    <t>cg02059519</t>
  </si>
  <si>
    <t>cg02066682</t>
  </si>
  <si>
    <t>cg02068689</t>
  </si>
  <si>
    <t>cg02071439</t>
  </si>
  <si>
    <t>cg02095553</t>
  </si>
  <si>
    <t>cg02096497</t>
  </si>
  <si>
    <t>cg02096633</t>
  </si>
  <si>
    <t>cg02100497</t>
  </si>
  <si>
    <t>cg02102103</t>
  </si>
  <si>
    <t>cg02118627</t>
  </si>
  <si>
    <t>cg02124746</t>
  </si>
  <si>
    <t>cg02127980</t>
  </si>
  <si>
    <t>cg02152475</t>
  </si>
  <si>
    <t>cg02157015</t>
  </si>
  <si>
    <t>cg02189785</t>
  </si>
  <si>
    <t>cg02205739</t>
  </si>
  <si>
    <t>cg02213822</t>
  </si>
  <si>
    <t>cg02219116</t>
  </si>
  <si>
    <t>cg02227496</t>
  </si>
  <si>
    <t>cg02232542</t>
  </si>
  <si>
    <t>cg02242080</t>
  </si>
  <si>
    <t>cg02251141</t>
  </si>
  <si>
    <t>cg02252672</t>
  </si>
  <si>
    <t>cg02257517</t>
  </si>
  <si>
    <t>cg02258201</t>
  </si>
  <si>
    <t>cg02268013</t>
  </si>
  <si>
    <t>cg02276831</t>
  </si>
  <si>
    <t>cg02278574</t>
  </si>
  <si>
    <t>cg02280038</t>
  </si>
  <si>
    <t>cg02294108</t>
  </si>
  <si>
    <t>cg02294111</t>
  </si>
  <si>
    <t>cg02300279</t>
  </si>
  <si>
    <t>cg02329835</t>
  </si>
  <si>
    <t>cg02332492</t>
  </si>
  <si>
    <t>cg02342053</t>
  </si>
  <si>
    <t>cg02342594</t>
  </si>
  <si>
    <t>cg02362017</t>
  </si>
  <si>
    <t>cg02366642</t>
  </si>
  <si>
    <t>cg02374996</t>
  </si>
  <si>
    <t>cg02388253</t>
  </si>
  <si>
    <t>cg02388718</t>
  </si>
  <si>
    <t>cg02391906</t>
  </si>
  <si>
    <t>cg02393092</t>
  </si>
  <si>
    <t>cg02394305</t>
  </si>
  <si>
    <t>cg02395086</t>
  </si>
  <si>
    <t>cg02404720</t>
  </si>
  <si>
    <t>cg02407308</t>
  </si>
  <si>
    <t>cg02422902</t>
  </si>
  <si>
    <t>cg02431687</t>
  </si>
  <si>
    <t>cg02438545</t>
  </si>
  <si>
    <t>cg02442630</t>
  </si>
  <si>
    <t>cg02448244</t>
  </si>
  <si>
    <t>cg02466749</t>
  </si>
  <si>
    <t>cg02483462</t>
  </si>
  <si>
    <t>cg02486259</t>
  </si>
  <si>
    <t>cg02490659</t>
  </si>
  <si>
    <t>cg02494117</t>
  </si>
  <si>
    <t>cg02502361</t>
  </si>
  <si>
    <t>cg02503824</t>
  </si>
  <si>
    <t>cg02513673</t>
  </si>
  <si>
    <t>cg02515233</t>
  </si>
  <si>
    <t>cg02515422</t>
  </si>
  <si>
    <t>cg02516189</t>
  </si>
  <si>
    <t>cg02522367</t>
  </si>
  <si>
    <t>cg02524547</t>
  </si>
  <si>
    <t>cg02530222</t>
  </si>
  <si>
    <t>cg02538199</t>
  </si>
  <si>
    <t>cg02538891</t>
  </si>
  <si>
    <t>cg02565308</t>
  </si>
  <si>
    <t>cg02575561</t>
  </si>
  <si>
    <t>cg02577909</t>
  </si>
  <si>
    <t>cg02598750</t>
  </si>
  <si>
    <t>cg02599551</t>
  </si>
  <si>
    <t>cg02602411</t>
  </si>
  <si>
    <t>cg02602455</t>
  </si>
  <si>
    <t>cg02603128</t>
  </si>
  <si>
    <t>cg02604095</t>
  </si>
  <si>
    <t>cg02606369</t>
  </si>
  <si>
    <t>cg02608801</t>
  </si>
  <si>
    <t>cg02609692</t>
  </si>
  <si>
    <t>cg02610438</t>
  </si>
  <si>
    <t>cg02611013</t>
  </si>
  <si>
    <t>cg02616710</t>
  </si>
  <si>
    <t>cg02619205</t>
  </si>
  <si>
    <t>cg02625222</t>
  </si>
  <si>
    <t>cg02629157</t>
  </si>
  <si>
    <t>cg02637304</t>
  </si>
  <si>
    <t>cg02639095</t>
  </si>
  <si>
    <t>cg02644195</t>
  </si>
  <si>
    <t>cg02645905</t>
  </si>
  <si>
    <t>cg02649849</t>
  </si>
  <si>
    <t>cg02654358</t>
  </si>
  <si>
    <t>cg02656089</t>
  </si>
  <si>
    <t>cg02671126</t>
  </si>
  <si>
    <t>cg02677635</t>
  </si>
  <si>
    <t>cg02679745</t>
  </si>
  <si>
    <t>cg02716826</t>
  </si>
  <si>
    <t>cg02728263</t>
  </si>
  <si>
    <t>cg02735762</t>
  </si>
  <si>
    <t>cg02737746</t>
  </si>
  <si>
    <t>cg02765496</t>
  </si>
  <si>
    <t>cg02771362</t>
  </si>
  <si>
    <t>cg02775489</t>
  </si>
  <si>
    <t>cg02785332</t>
  </si>
  <si>
    <t>cg02798703</t>
  </si>
  <si>
    <t>cg02802055</t>
  </si>
  <si>
    <t>cg02802916</t>
  </si>
  <si>
    <t>cg02820283</t>
  </si>
  <si>
    <t>cg02823866</t>
  </si>
  <si>
    <t>cg02825412</t>
  </si>
  <si>
    <t>cg02837110</t>
  </si>
  <si>
    <t>cg02838492</t>
  </si>
  <si>
    <t>cg02840025</t>
  </si>
  <si>
    <t>cg02840964</t>
  </si>
  <si>
    <t>cg02844502</t>
  </si>
  <si>
    <t>cg02849279</t>
  </si>
  <si>
    <t>cg02853418</t>
  </si>
  <si>
    <t>cg02853990</t>
  </si>
  <si>
    <t>cg02869486</t>
  </si>
  <si>
    <t>cg02875610</t>
  </si>
  <si>
    <t>cg02881189</t>
  </si>
  <si>
    <t>cg02892486</t>
  </si>
  <si>
    <t>cg02915920</t>
  </si>
  <si>
    <t>cg02929681</t>
  </si>
  <si>
    <t>cg02936468</t>
  </si>
  <si>
    <t>cg02956806</t>
  </si>
  <si>
    <t>cg02971262</t>
  </si>
  <si>
    <t>cg02976699</t>
  </si>
  <si>
    <t>cg02978548</t>
  </si>
  <si>
    <t>cg02992617</t>
  </si>
  <si>
    <t>cg03004599</t>
  </si>
  <si>
    <t>cg03015790</t>
  </si>
  <si>
    <t>cg03024860</t>
  </si>
  <si>
    <t>cg03043671</t>
  </si>
  <si>
    <t>cg03065197</t>
  </si>
  <si>
    <t>cg03066050</t>
  </si>
  <si>
    <t>cg03069267</t>
  </si>
  <si>
    <t>cg03074421</t>
  </si>
  <si>
    <t>cg03083695</t>
  </si>
  <si>
    <t>cg03093995</t>
  </si>
  <si>
    <t>cg03095103</t>
  </si>
  <si>
    <t>cg03109047</t>
  </si>
  <si>
    <t>cg03129964</t>
  </si>
  <si>
    <t>cg03150279</t>
  </si>
  <si>
    <t>cg03152353</t>
  </si>
  <si>
    <t>cg03160935</t>
  </si>
  <si>
    <t>cg03166286</t>
  </si>
  <si>
    <t>cg03168296</t>
  </si>
  <si>
    <t>cg03174228</t>
  </si>
  <si>
    <t>cg03183234</t>
  </si>
  <si>
    <t>cg03192044</t>
  </si>
  <si>
    <t>cg03202033</t>
  </si>
  <si>
    <t>cg03206445</t>
  </si>
  <si>
    <t>cg03213505</t>
  </si>
  <si>
    <t>cg03215153</t>
  </si>
  <si>
    <t>cg03215868</t>
  </si>
  <si>
    <t>cg03220414</t>
  </si>
  <si>
    <t>cg03221676</t>
  </si>
  <si>
    <t>cg03222672</t>
  </si>
  <si>
    <t>cg03225208</t>
  </si>
  <si>
    <t>cg03228945</t>
  </si>
  <si>
    <t>cg03231329</t>
  </si>
  <si>
    <t>cg03237166</t>
  </si>
  <si>
    <t>cg03242028</t>
  </si>
  <si>
    <t>cg03242401</t>
  </si>
  <si>
    <t>cg03251857</t>
  </si>
  <si>
    <t>cg03257930</t>
  </si>
  <si>
    <t>cg03267342</t>
  </si>
  <si>
    <t>cg03270036</t>
  </si>
  <si>
    <t>cg03277560</t>
  </si>
  <si>
    <t>cg03283569</t>
  </si>
  <si>
    <t>cg03299838</t>
  </si>
  <si>
    <t>cg03306024</t>
  </si>
  <si>
    <t>cg03309252</t>
  </si>
  <si>
    <t>cg03322749</t>
  </si>
  <si>
    <t>cg03337093</t>
  </si>
  <si>
    <t>cg03345699</t>
  </si>
  <si>
    <t>cg03349123</t>
  </si>
  <si>
    <t>cg03358216</t>
  </si>
  <si>
    <t>cg03358588</t>
  </si>
  <si>
    <t>cg03358592</t>
  </si>
  <si>
    <t>cg03359516</t>
  </si>
  <si>
    <t>cg03363289</t>
  </si>
  <si>
    <t>cg03367667</t>
  </si>
  <si>
    <t>cg03372736</t>
  </si>
  <si>
    <t>cg03380406</t>
  </si>
  <si>
    <t>cg03383434</t>
  </si>
  <si>
    <t>cg03404662</t>
  </si>
  <si>
    <t>cg03426451</t>
  </si>
  <si>
    <t>cg03430597</t>
  </si>
  <si>
    <t>cg03431064</t>
  </si>
  <si>
    <t>cg03464176</t>
  </si>
  <si>
    <t>cg03474926</t>
  </si>
  <si>
    <t>cg03477052</t>
  </si>
  <si>
    <t>cg03478719</t>
  </si>
  <si>
    <t>cg03487430</t>
  </si>
  <si>
    <t>cg03492094</t>
  </si>
  <si>
    <t>cg03494795</t>
  </si>
  <si>
    <t>cg03498697</t>
  </si>
  <si>
    <t>cg03528946</t>
  </si>
  <si>
    <t>cg03544499</t>
  </si>
  <si>
    <t>cg03555579</t>
  </si>
  <si>
    <t>cg03560861</t>
  </si>
  <si>
    <t>cg03560879</t>
  </si>
  <si>
    <t>cg03563403</t>
  </si>
  <si>
    <t>cg03564754</t>
  </si>
  <si>
    <t>cg03571320</t>
  </si>
  <si>
    <t>cg03587907</t>
  </si>
  <si>
    <t>cg03590492</t>
  </si>
  <si>
    <t>cg03591594</t>
  </si>
  <si>
    <t>cg03593616</t>
  </si>
  <si>
    <t>cg03595286</t>
  </si>
  <si>
    <t>cg03597699</t>
  </si>
  <si>
    <t>cg03604417</t>
  </si>
  <si>
    <t>cg03625109</t>
  </si>
  <si>
    <t>cg03628748</t>
  </si>
  <si>
    <t>cg03630596</t>
  </si>
  <si>
    <t>cg03646214</t>
  </si>
  <si>
    <t>cg03654920</t>
  </si>
  <si>
    <t>cg03662459</t>
  </si>
  <si>
    <t>cg03679581</t>
  </si>
  <si>
    <t>cg03683003</t>
  </si>
  <si>
    <t>cg03687929</t>
  </si>
  <si>
    <t>cg03695162</t>
  </si>
  <si>
    <t>cg03698343</t>
  </si>
  <si>
    <t>cg03705220</t>
  </si>
  <si>
    <t>cg03712708</t>
  </si>
  <si>
    <t>cg03715846</t>
  </si>
  <si>
    <t>cg03717616</t>
  </si>
  <si>
    <t>cg03721154</t>
  </si>
  <si>
    <t>cg03724238</t>
  </si>
  <si>
    <t>cg03727342</t>
  </si>
  <si>
    <t>cg03740162</t>
  </si>
  <si>
    <t>cg03740710</t>
  </si>
  <si>
    <t>cg03758241</t>
  </si>
  <si>
    <t>cg03776060</t>
  </si>
  <si>
    <t>cg03776935</t>
  </si>
  <si>
    <t>cg03801144</t>
  </si>
  <si>
    <t>cg03804500</t>
  </si>
  <si>
    <t>cg03811519</t>
  </si>
  <si>
    <t>cg03822255</t>
  </si>
  <si>
    <t>cg03848588</t>
  </si>
  <si>
    <t>cg03854262</t>
  </si>
  <si>
    <t>cg03859306</t>
  </si>
  <si>
    <t>cg03860650</t>
  </si>
  <si>
    <t>cg03863549</t>
  </si>
  <si>
    <t>cg03867871</t>
  </si>
  <si>
    <t>cg03875450</t>
  </si>
  <si>
    <t>cg03885527</t>
  </si>
  <si>
    <t>cg03900284</t>
  </si>
  <si>
    <t>cg03912740</t>
  </si>
  <si>
    <t>cg03916189</t>
  </si>
  <si>
    <t>cg03916787</t>
  </si>
  <si>
    <t>cg03917887</t>
  </si>
  <si>
    <t>cg03936031</t>
  </si>
  <si>
    <t>cg03942271</t>
  </si>
  <si>
    <t>cg03977231</t>
  </si>
  <si>
    <t>cg03980231</t>
  </si>
  <si>
    <t>cg03985630</t>
  </si>
  <si>
    <t>cg03986101</t>
  </si>
  <si>
    <t>cg03994721</t>
  </si>
  <si>
    <t>cg03997643</t>
  </si>
  <si>
    <t>cg04003500</t>
  </si>
  <si>
    <t>cg04007303</t>
  </si>
  <si>
    <t>cg04010205</t>
  </si>
  <si>
    <t>cg04021672</t>
  </si>
  <si>
    <t>cg04026492</t>
  </si>
  <si>
    <t>cg04026675</t>
  </si>
  <si>
    <t>cg04028099</t>
  </si>
  <si>
    <t>cg04038844</t>
  </si>
  <si>
    <t>cg04038932</t>
  </si>
  <si>
    <t>cg04043571</t>
  </si>
  <si>
    <t>cg04049089</t>
  </si>
  <si>
    <t>cg04057288</t>
  </si>
  <si>
    <t>cg04060830</t>
  </si>
  <si>
    <t>cg04062823</t>
  </si>
  <si>
    <t>cg04074066</t>
  </si>
  <si>
    <t>cg04079206</t>
  </si>
  <si>
    <t>cg04085614</t>
  </si>
  <si>
    <t>cg04086928</t>
  </si>
  <si>
    <t>cg04109220</t>
  </si>
  <si>
    <t>cg04137143</t>
  </si>
  <si>
    <t>cg04150055</t>
  </si>
  <si>
    <t>cg04181546</t>
  </si>
  <si>
    <t>cg04193309</t>
  </si>
  <si>
    <t>cg04199931</t>
  </si>
  <si>
    <t>cg04207306</t>
  </si>
  <si>
    <t>cg04208292</t>
  </si>
  <si>
    <t>cg04217218</t>
  </si>
  <si>
    <t>cg04230060</t>
  </si>
  <si>
    <t>cg04232681</t>
  </si>
  <si>
    <t>cg04237609</t>
  </si>
  <si>
    <t>cg04239375</t>
  </si>
  <si>
    <t>cg04245250</t>
  </si>
  <si>
    <t>cg04253453</t>
  </si>
  <si>
    <t>cg04258771</t>
  </si>
  <si>
    <t>cg04263936</t>
  </si>
  <si>
    <t>cg04265261</t>
  </si>
  <si>
    <t>cg04269907</t>
  </si>
  <si>
    <t>cg04273556</t>
  </si>
  <si>
    <t>cg04282082</t>
  </si>
  <si>
    <t>cg04284164</t>
  </si>
  <si>
    <t>cg04285177</t>
  </si>
  <si>
    <t>cg04293877</t>
  </si>
  <si>
    <t>cg04298434</t>
  </si>
  <si>
    <t>cg04305913</t>
  </si>
  <si>
    <t>cg04317031</t>
  </si>
  <si>
    <t>cg04325478</t>
  </si>
  <si>
    <t>cg04327247</t>
  </si>
  <si>
    <t>cg04329455</t>
  </si>
  <si>
    <t>cg04351402</t>
  </si>
  <si>
    <t>cg04372533</t>
  </si>
  <si>
    <t>cg04382108</t>
  </si>
  <si>
    <t>cg04394362</t>
  </si>
  <si>
    <t>cg04402755</t>
  </si>
  <si>
    <t>cg04411393</t>
  </si>
  <si>
    <t>cg04415978</t>
  </si>
  <si>
    <t>cg04416752</t>
  </si>
  <si>
    <t>cg04424544</t>
  </si>
  <si>
    <t>cg04431876</t>
  </si>
  <si>
    <t>cg04444465</t>
  </si>
  <si>
    <t>cg04460372</t>
  </si>
  <si>
    <t>cg04469167</t>
  </si>
  <si>
    <t>cg04471485</t>
  </si>
  <si>
    <t>cg04473280</t>
  </si>
  <si>
    <t>cg04482597</t>
  </si>
  <si>
    <t>cg04516152</t>
  </si>
  <si>
    <t>cg04517263</t>
  </si>
  <si>
    <t>cg04522309</t>
  </si>
  <si>
    <t>cg04523268</t>
  </si>
  <si>
    <t>cg04533623</t>
  </si>
  <si>
    <t>cg04534813</t>
  </si>
  <si>
    <t>cg04545659</t>
  </si>
  <si>
    <t>cg04582843</t>
  </si>
  <si>
    <t>cg04582938</t>
  </si>
  <si>
    <t>cg04621255</t>
  </si>
  <si>
    <t>cg04622454</t>
  </si>
  <si>
    <t>cg04647516</t>
  </si>
  <si>
    <t>cg04649530</t>
  </si>
  <si>
    <t>cg04653308</t>
  </si>
  <si>
    <t>cg04655481</t>
  </si>
  <si>
    <t>cg04660234</t>
  </si>
  <si>
    <t>cg04665046</t>
  </si>
  <si>
    <t>cg04665180</t>
  </si>
  <si>
    <t>cg04679235</t>
  </si>
  <si>
    <t>cg04683830</t>
  </si>
  <si>
    <t>cg04689720</t>
  </si>
  <si>
    <t>cg04693928</t>
  </si>
  <si>
    <t>cg04703696</t>
  </si>
  <si>
    <t>cg04723721</t>
  </si>
  <si>
    <t>cg04725234</t>
  </si>
  <si>
    <t>cg04726876</t>
  </si>
  <si>
    <t>cg04728584</t>
  </si>
  <si>
    <t>cg04739729</t>
  </si>
  <si>
    <t>cg04742627</t>
  </si>
  <si>
    <t>cg04759982</t>
  </si>
  <si>
    <t>cg04761231</t>
  </si>
  <si>
    <t>cg04783151</t>
  </si>
  <si>
    <t>cg04784315</t>
  </si>
  <si>
    <t>cg04791256</t>
  </si>
  <si>
    <t>cg04794505</t>
  </si>
  <si>
    <t>cg04804550</t>
  </si>
  <si>
    <t>cg04822710</t>
  </si>
  <si>
    <t>cg04823796</t>
  </si>
  <si>
    <t>cg04831490</t>
  </si>
  <si>
    <t>cg04837071</t>
  </si>
  <si>
    <t>cg04837322</t>
  </si>
  <si>
    <t>cg04843046</t>
  </si>
  <si>
    <t>cg04845077</t>
  </si>
  <si>
    <t>cg04874822</t>
  </si>
  <si>
    <t>cg04875697</t>
  </si>
  <si>
    <t>cg04876465</t>
  </si>
  <si>
    <t>cg04901044</t>
  </si>
  <si>
    <t>cg04905215</t>
  </si>
  <si>
    <t>cg04922188</t>
  </si>
  <si>
    <t>cg04922361</t>
  </si>
  <si>
    <t>cg04927695</t>
  </si>
  <si>
    <t>cg04931453</t>
  </si>
  <si>
    <t>cg04948627</t>
  </si>
  <si>
    <t>cg04948763</t>
  </si>
  <si>
    <t>cg04955051</t>
  </si>
  <si>
    <t>cg04961448</t>
  </si>
  <si>
    <t>cg04961911</t>
  </si>
  <si>
    <t>cg04965820</t>
  </si>
  <si>
    <t>cg04981414</t>
  </si>
  <si>
    <t>cg04986483</t>
  </si>
  <si>
    <t>cg04990605</t>
  </si>
  <si>
    <t>cg04994217</t>
  </si>
  <si>
    <t>cg05000275</t>
  </si>
  <si>
    <t>cg05001389</t>
  </si>
  <si>
    <t>cg05001598</t>
  </si>
  <si>
    <t>cg05015635</t>
  </si>
  <si>
    <t>cg05019807</t>
  </si>
  <si>
    <t>cg05023099</t>
  </si>
  <si>
    <t>cg05036153</t>
  </si>
  <si>
    <t>cg05045528</t>
  </si>
  <si>
    <t>cg05050341</t>
  </si>
  <si>
    <t>cg05052888</t>
  </si>
  <si>
    <t>cg05061804</t>
  </si>
  <si>
    <t>cg05065037</t>
  </si>
  <si>
    <t>cg05067995</t>
  </si>
  <si>
    <t>cg05074517</t>
  </si>
  <si>
    <t>cg05081339</t>
  </si>
  <si>
    <t>cg05081774</t>
  </si>
  <si>
    <t>cg05082817</t>
  </si>
  <si>
    <t>cg05102817</t>
  </si>
  <si>
    <t>cg05115664</t>
  </si>
  <si>
    <t>cg05118879</t>
  </si>
  <si>
    <t>cg05120715</t>
  </si>
  <si>
    <t>cg05122453</t>
  </si>
  <si>
    <t>cg05135536</t>
  </si>
  <si>
    <t>cg05137466</t>
  </si>
  <si>
    <t>cg05138681</t>
  </si>
  <si>
    <t>cg05139301</t>
  </si>
  <si>
    <t>cg05152713</t>
  </si>
  <si>
    <t>cg05176996</t>
  </si>
  <si>
    <t>cg05182555</t>
  </si>
  <si>
    <t>cg05208153</t>
  </si>
  <si>
    <t>cg05211356</t>
  </si>
  <si>
    <t>cg05213116</t>
  </si>
  <si>
    <t>cg05219900</t>
  </si>
  <si>
    <t>cg05229311</t>
  </si>
  <si>
    <t>cg05232211</t>
  </si>
  <si>
    <t>cg05237260</t>
  </si>
  <si>
    <t>cg05261759</t>
  </si>
  <si>
    <t>cg05271507</t>
  </si>
  <si>
    <t>cg05290820</t>
  </si>
  <si>
    <t>cg05308135</t>
  </si>
  <si>
    <t>cg05328939</t>
  </si>
  <si>
    <t>cg05329578</t>
  </si>
  <si>
    <t>cg05329720</t>
  </si>
  <si>
    <t>cg05337637</t>
  </si>
  <si>
    <t>cg05347613</t>
  </si>
  <si>
    <t>cg05348706</t>
  </si>
  <si>
    <t>cg05351599</t>
  </si>
  <si>
    <t>cg05357131</t>
  </si>
  <si>
    <t>cg05375800</t>
  </si>
  <si>
    <t>cg05378032</t>
  </si>
  <si>
    <t>cg05384198</t>
  </si>
  <si>
    <t>cg05393802</t>
  </si>
  <si>
    <t>cg05412136</t>
  </si>
  <si>
    <t>cg05413282</t>
  </si>
  <si>
    <t>cg05414225</t>
  </si>
  <si>
    <t>cg05416955</t>
  </si>
  <si>
    <t>cg05428946</t>
  </si>
  <si>
    <t>cg05429895</t>
  </si>
  <si>
    <t>cg05433911</t>
  </si>
  <si>
    <t>cg05456283</t>
  </si>
  <si>
    <t>cg05465755</t>
  </si>
  <si>
    <t>cg05470166</t>
  </si>
  <si>
    <t>cg05475556</t>
  </si>
  <si>
    <t>cg05492714</t>
  </si>
  <si>
    <t>cg05493344</t>
  </si>
  <si>
    <t>cg05507459</t>
  </si>
  <si>
    <t>cg05514043</t>
  </si>
  <si>
    <t>cg05514971</t>
  </si>
  <si>
    <t>cg05517711</t>
  </si>
  <si>
    <t>cg05517900</t>
  </si>
  <si>
    <t>cg05520031</t>
  </si>
  <si>
    <t>cg05523047</t>
  </si>
  <si>
    <t>cg05523455</t>
  </si>
  <si>
    <t>cg05541096</t>
  </si>
  <si>
    <t>cg05545111</t>
  </si>
  <si>
    <t>cg05562419</t>
  </si>
  <si>
    <t>cg05576539</t>
  </si>
  <si>
    <t>cg05593325</t>
  </si>
  <si>
    <t>cg05616472</t>
  </si>
  <si>
    <t>cg05627103</t>
  </si>
  <si>
    <t>cg05634734</t>
  </si>
  <si>
    <t>cg05643494</t>
  </si>
  <si>
    <t>cg05648582</t>
  </si>
  <si>
    <t>cg05654290</t>
  </si>
  <si>
    <t>cg05659639</t>
  </si>
  <si>
    <t>cg05672327</t>
  </si>
  <si>
    <t>cg05674150</t>
  </si>
  <si>
    <t>cg05675356</t>
  </si>
  <si>
    <t>cg05677224</t>
  </si>
  <si>
    <t>cg05684891</t>
  </si>
  <si>
    <t>cg05688824</t>
  </si>
  <si>
    <t>cg05702280</t>
  </si>
  <si>
    <t>cg05715828</t>
  </si>
  <si>
    <t>cg05730150</t>
  </si>
  <si>
    <t>cg05736079</t>
  </si>
  <si>
    <t>cg05754808</t>
  </si>
  <si>
    <t>cg05775779</t>
  </si>
  <si>
    <t>cg05776408</t>
  </si>
  <si>
    <t>cg05779272</t>
  </si>
  <si>
    <t>cg05784201</t>
  </si>
  <si>
    <t>cg05785554</t>
  </si>
  <si>
    <t>cg05795729</t>
  </si>
  <si>
    <t>cg05800368</t>
  </si>
  <si>
    <t>cg05800450</t>
  </si>
  <si>
    <t>cg05810135</t>
  </si>
  <si>
    <t>cg05824050</t>
  </si>
  <si>
    <t>cg05824762</t>
  </si>
  <si>
    <t>cg05826823</t>
  </si>
  <si>
    <t>cg05830416</t>
  </si>
  <si>
    <t>cg05834805</t>
  </si>
  <si>
    <t>cg05840553</t>
  </si>
  <si>
    <t>cg05850280</t>
  </si>
  <si>
    <t>cg05875696</t>
  </si>
  <si>
    <t>cg05907949</t>
  </si>
  <si>
    <t>cg05930684</t>
  </si>
  <si>
    <t>cg05933762</t>
  </si>
  <si>
    <t>cg05936059</t>
  </si>
  <si>
    <t>cg05939335</t>
  </si>
  <si>
    <t>cg05958438</t>
  </si>
  <si>
    <t>cg05960911</t>
  </si>
  <si>
    <t>cg05969697</t>
  </si>
  <si>
    <t>cg05980083</t>
  </si>
  <si>
    <t>cg05986446</t>
  </si>
  <si>
    <t>cg05988638</t>
  </si>
  <si>
    <t>cg05989460</t>
  </si>
  <si>
    <t>cg05990720</t>
  </si>
  <si>
    <t>cg05990936</t>
  </si>
  <si>
    <t>cg05992079</t>
  </si>
  <si>
    <t>cg05992977</t>
  </si>
  <si>
    <t>cg06037511</t>
  </si>
  <si>
    <t>cg06048605</t>
  </si>
  <si>
    <t>cg06071058</t>
  </si>
  <si>
    <t>cg06096805</t>
  </si>
  <si>
    <t>cg06108575</t>
  </si>
  <si>
    <t>cg06109083</t>
  </si>
  <si>
    <t>cg06119575</t>
  </si>
  <si>
    <t>cg06128608</t>
  </si>
  <si>
    <t>cg06138027</t>
  </si>
  <si>
    <t>cg06157777</t>
  </si>
  <si>
    <t>cg06169179</t>
  </si>
  <si>
    <t>cg06194070</t>
  </si>
  <si>
    <t>cg06198335</t>
  </si>
  <si>
    <t>cg06202228</t>
  </si>
  <si>
    <t>cg06202426</t>
  </si>
  <si>
    <t>cg06202984</t>
  </si>
  <si>
    <t>cg06204126</t>
  </si>
  <si>
    <t>cg06207460</t>
  </si>
  <si>
    <t>cg06226724</t>
  </si>
  <si>
    <t>cg06230664</t>
  </si>
  <si>
    <t>cg06242146</t>
  </si>
  <si>
    <t>cg06252564</t>
  </si>
  <si>
    <t>cg06254440</t>
  </si>
  <si>
    <t>cg06254801</t>
  </si>
  <si>
    <t>cg06272895</t>
  </si>
  <si>
    <t>cg06288684</t>
  </si>
  <si>
    <t>cg06289583</t>
  </si>
  <si>
    <t>cg06299741</t>
  </si>
  <si>
    <t>cg06304895</t>
  </si>
  <si>
    <t>cg06308323</t>
  </si>
  <si>
    <t>cg06318164</t>
  </si>
  <si>
    <t>cg06338150</t>
  </si>
  <si>
    <t>cg06342513</t>
  </si>
  <si>
    <t>cg06351831</t>
  </si>
  <si>
    <t>cg06358300</t>
  </si>
  <si>
    <t>cg06378609</t>
  </si>
  <si>
    <t>cg06381463</t>
  </si>
  <si>
    <t>cg06383157</t>
  </si>
  <si>
    <t>cg06388871</t>
  </si>
  <si>
    <t>cg06394247</t>
  </si>
  <si>
    <t>cg06412582</t>
  </si>
  <si>
    <t>cg06418184</t>
  </si>
  <si>
    <t>cg06419959</t>
  </si>
  <si>
    <t>cg06432462</t>
  </si>
  <si>
    <t>cg06433816</t>
  </si>
  <si>
    <t>cg06439293</t>
  </si>
  <si>
    <t>cg06458527</t>
  </si>
  <si>
    <t>cg06462796</t>
  </si>
  <si>
    <t>cg06471656</t>
  </si>
  <si>
    <t>cg06484397</t>
  </si>
  <si>
    <t>cg06486344</t>
  </si>
  <si>
    <t>cg06486593</t>
  </si>
  <si>
    <t>cg06494091</t>
  </si>
  <si>
    <t>cg06500883</t>
  </si>
  <si>
    <t>cg06508976</t>
  </si>
  <si>
    <t>cg06516820</t>
  </si>
  <si>
    <t>cg06517076</t>
  </si>
  <si>
    <t>cg06523306</t>
  </si>
  <si>
    <t>cg06545019</t>
  </si>
  <si>
    <t>cg06574229</t>
  </si>
  <si>
    <t>cg06584566</t>
  </si>
  <si>
    <t>cg06586759</t>
  </si>
  <si>
    <t>cg06588876</t>
  </si>
  <si>
    <t>cg06590470</t>
  </si>
  <si>
    <t>cg06602847</t>
  </si>
  <si>
    <t>cg06617692</t>
  </si>
  <si>
    <t>cg06617876</t>
  </si>
  <si>
    <t>cg06619282</t>
  </si>
  <si>
    <t>cg06630567</t>
  </si>
  <si>
    <t>cg06636356</t>
  </si>
  <si>
    <t>cg06654447</t>
  </si>
  <si>
    <t>cg06654905</t>
  </si>
  <si>
    <t>cg06657096</t>
  </si>
  <si>
    <t>cg06669350</t>
  </si>
  <si>
    <t>cg06671087</t>
  </si>
  <si>
    <t>cg06671450</t>
  </si>
  <si>
    <t>cg06677048</t>
  </si>
  <si>
    <t>cg06685950</t>
  </si>
  <si>
    <t>cg06692957</t>
  </si>
  <si>
    <t>cg06700247</t>
  </si>
  <si>
    <t>cg06701027</t>
  </si>
  <si>
    <t>cg06705237</t>
  </si>
  <si>
    <t>cg06711560</t>
  </si>
  <si>
    <t>cg06712722</t>
  </si>
  <si>
    <t>cg06715606</t>
  </si>
  <si>
    <t>cg06723735</t>
  </si>
  <si>
    <t>cg06765514</t>
  </si>
  <si>
    <t>cg06788565</t>
  </si>
  <si>
    <t>cg06797533</t>
  </si>
  <si>
    <t>cg06810673</t>
  </si>
  <si>
    <t>cg06836406</t>
  </si>
  <si>
    <t>cg06839483</t>
  </si>
  <si>
    <t>cg06842637</t>
  </si>
  <si>
    <t>cg06846898</t>
  </si>
  <si>
    <t>cg06868307</t>
  </si>
  <si>
    <t>cg06872514</t>
  </si>
  <si>
    <t>cg06881242</t>
  </si>
  <si>
    <t>cg06886022</t>
  </si>
  <si>
    <t>cg06908460</t>
  </si>
  <si>
    <t>cg06912252</t>
  </si>
  <si>
    <t>cg06936355</t>
  </si>
  <si>
    <t>cg06944235</t>
  </si>
  <si>
    <t>cg06953995</t>
  </si>
  <si>
    <t>cg06960941</t>
  </si>
  <si>
    <t>cg06972578</t>
  </si>
  <si>
    <t>cg06984025</t>
  </si>
  <si>
    <t>cg07001576</t>
  </si>
  <si>
    <t>cg07067090</t>
  </si>
  <si>
    <t>cg07080049</t>
  </si>
  <si>
    <t>cg07084627</t>
  </si>
  <si>
    <t>cg07095569</t>
  </si>
  <si>
    <t>cg07115975</t>
  </si>
  <si>
    <t>cg07118811</t>
  </si>
  <si>
    <t>cg07119616</t>
  </si>
  <si>
    <t>cg07134045</t>
  </si>
  <si>
    <t>cg07158339</t>
  </si>
  <si>
    <t>cg07160163</t>
  </si>
  <si>
    <t>cg07172280</t>
  </si>
  <si>
    <t>cg07173635</t>
  </si>
  <si>
    <t>cg07175977</t>
  </si>
  <si>
    <t>cg07184658</t>
  </si>
  <si>
    <t>cg07189755</t>
  </si>
  <si>
    <t>cg07190485</t>
  </si>
  <si>
    <t>cg07196069</t>
  </si>
  <si>
    <t>cg07211259</t>
  </si>
  <si>
    <t>cg07211377</t>
  </si>
  <si>
    <t>cg07241568</t>
  </si>
  <si>
    <t>cg07276118</t>
  </si>
  <si>
    <t>cg07281640</t>
  </si>
  <si>
    <t>cg07295248</t>
  </si>
  <si>
    <t>cg07300559</t>
  </si>
  <si>
    <t>cg07324381</t>
  </si>
  <si>
    <t>cg07328495</t>
  </si>
  <si>
    <t>cg07337434</t>
  </si>
  <si>
    <t>cg07341907</t>
  </si>
  <si>
    <t>cg07392601</t>
  </si>
  <si>
    <t>cg07414392</t>
  </si>
  <si>
    <t>cg07432438</t>
  </si>
  <si>
    <t>cg07449645</t>
  </si>
  <si>
    <t>cg07470362</t>
  </si>
  <si>
    <t>cg07476130</t>
  </si>
  <si>
    <t>cg07483989</t>
  </si>
  <si>
    <t>cg07496078</t>
  </si>
  <si>
    <t>cg07506503</t>
  </si>
  <si>
    <t>cg07516476</t>
  </si>
  <si>
    <t>cg07523904</t>
  </si>
  <si>
    <t>cg07529884</t>
  </si>
  <si>
    <t>cg07531356</t>
  </si>
  <si>
    <t>cg07535475</t>
  </si>
  <si>
    <t>cg07536920</t>
  </si>
  <si>
    <t>cg07554831</t>
  </si>
  <si>
    <t>cg07557424</t>
  </si>
  <si>
    <t>cg07560534</t>
  </si>
  <si>
    <t>cg07562918</t>
  </si>
  <si>
    <t>cg07571038</t>
  </si>
  <si>
    <t>cg07596643</t>
  </si>
  <si>
    <t>cg07623294</t>
  </si>
  <si>
    <t>cg07658207</t>
  </si>
  <si>
    <t>cg07660811</t>
  </si>
  <si>
    <t>cg07663984</t>
  </si>
  <si>
    <t>cg07664183</t>
  </si>
  <si>
    <t>cg07670566</t>
  </si>
  <si>
    <t>cg07672814</t>
  </si>
  <si>
    <t>cg07679695</t>
  </si>
  <si>
    <t>cg07688262</t>
  </si>
  <si>
    <t>cg07688412</t>
  </si>
  <si>
    <t>cg07717632</t>
  </si>
  <si>
    <t>cg07724243</t>
  </si>
  <si>
    <t>cg07738800</t>
  </si>
  <si>
    <t>cg07740525</t>
  </si>
  <si>
    <t>cg07750969</t>
  </si>
  <si>
    <t>cg07751196</t>
  </si>
  <si>
    <t>cg07753203</t>
  </si>
  <si>
    <t>cg07758904</t>
  </si>
  <si>
    <t>cg07763768</t>
  </si>
  <si>
    <t>cg07779401</t>
  </si>
  <si>
    <t>cg07814289</t>
  </si>
  <si>
    <t>cg07837260</t>
  </si>
  <si>
    <t>cg07850533</t>
  </si>
  <si>
    <t>cg07881032</t>
  </si>
  <si>
    <t>cg07893584</t>
  </si>
  <si>
    <t>cg07896735</t>
  </si>
  <si>
    <t>cg07903918</t>
  </si>
  <si>
    <t>cg07935924</t>
  </si>
  <si>
    <t>cg07941680</t>
  </si>
  <si>
    <t>cg07949217</t>
  </si>
  <si>
    <t>cg07950002</t>
  </si>
  <si>
    <t>cg07954941</t>
  </si>
  <si>
    <t>cg07957491</t>
  </si>
  <si>
    <t>cg07965714</t>
  </si>
  <si>
    <t>cg07980535</t>
  </si>
  <si>
    <t>cg07982825</t>
  </si>
  <si>
    <t>cg07988015</t>
  </si>
  <si>
    <t>cg07990736</t>
  </si>
  <si>
    <t>cg08002381</t>
  </si>
  <si>
    <t>cg08006727</t>
  </si>
  <si>
    <t>cg08007986</t>
  </si>
  <si>
    <t>cg08011941</t>
  </si>
  <si>
    <t>cg08013227</t>
  </si>
  <si>
    <t>cg08022012</t>
  </si>
  <si>
    <t>cg08026144</t>
  </si>
  <si>
    <t>cg08029329</t>
  </si>
  <si>
    <t>cg08042258</t>
  </si>
  <si>
    <t>cg08042643</t>
  </si>
  <si>
    <t>cg08043408</t>
  </si>
  <si>
    <t>cg08052428</t>
  </si>
  <si>
    <t>cg08055330</t>
  </si>
  <si>
    <t>cg08080985</t>
  </si>
  <si>
    <t>cg08086728</t>
  </si>
  <si>
    <t>cg08092830</t>
  </si>
  <si>
    <t>cg08100069</t>
  </si>
  <si>
    <t>cg08108641</t>
  </si>
  <si>
    <t>cg08118354</t>
  </si>
  <si>
    <t>cg08157271</t>
  </si>
  <si>
    <t>cg08164006</t>
  </si>
  <si>
    <t>cg08173535</t>
  </si>
  <si>
    <t>cg08175928</t>
  </si>
  <si>
    <t>cg08193551</t>
  </si>
  <si>
    <t>cg08222798</t>
  </si>
  <si>
    <t>cg08230990</t>
  </si>
  <si>
    <t>cg08241360</t>
  </si>
  <si>
    <t>cg08260461</t>
  </si>
  <si>
    <t>cg08260622</t>
  </si>
  <si>
    <t>cg08268099</t>
  </si>
  <si>
    <t>cg08289932</t>
  </si>
  <si>
    <t>cg08298644</t>
  </si>
  <si>
    <t>cg08300899</t>
  </si>
  <si>
    <t>cg08302365</t>
  </si>
  <si>
    <t>cg08303283</t>
  </si>
  <si>
    <t>cg08303922</t>
  </si>
  <si>
    <t>cg08313788</t>
  </si>
  <si>
    <t>cg08339189</t>
  </si>
  <si>
    <t>cg08344360</t>
  </si>
  <si>
    <t>cg08367703</t>
  </si>
  <si>
    <t>cg08370781</t>
  </si>
  <si>
    <t>cg08372326</t>
  </si>
  <si>
    <t>cg08390209</t>
  </si>
  <si>
    <t>cg08398554</t>
  </si>
  <si>
    <t>cg08414570</t>
  </si>
  <si>
    <t>cg08414635</t>
  </si>
  <si>
    <t>cg08418332</t>
  </si>
  <si>
    <t>cg08438425</t>
  </si>
  <si>
    <t>cg08439468</t>
  </si>
  <si>
    <t>cg08470639</t>
  </si>
  <si>
    <t>cg08496016</t>
  </si>
  <si>
    <t>cg08529852</t>
  </si>
  <si>
    <t>cg08531821</t>
  </si>
  <si>
    <t>cg08578641</t>
  </si>
  <si>
    <t>cg08625022</t>
  </si>
  <si>
    <t>cg08656326</t>
  </si>
  <si>
    <t>cg08677535</t>
  </si>
  <si>
    <t>cg08684830</t>
  </si>
  <si>
    <t>cg08689940</t>
  </si>
  <si>
    <t>cg08695724</t>
  </si>
  <si>
    <t>cg08719642</t>
  </si>
  <si>
    <t>cg08719869</t>
  </si>
  <si>
    <t>cg08768421</t>
  </si>
  <si>
    <t>cg08811509</t>
  </si>
  <si>
    <t>cg08814373</t>
  </si>
  <si>
    <t>cg08824291</t>
  </si>
  <si>
    <t>cg08848140</t>
  </si>
  <si>
    <t>cg08855953</t>
  </si>
  <si>
    <t>cg08869955</t>
  </si>
  <si>
    <t>cg08871467</t>
  </si>
  <si>
    <t>cg08872483</t>
  </si>
  <si>
    <t>cg08875009</t>
  </si>
  <si>
    <t>cg08876665</t>
  </si>
  <si>
    <t>cg08905114</t>
  </si>
  <si>
    <t>cg08906194</t>
  </si>
  <si>
    <t>cg08951958</t>
  </si>
  <si>
    <t>cg08962164</t>
  </si>
  <si>
    <t>cg08980461</t>
  </si>
  <si>
    <t>cg08982381</t>
  </si>
  <si>
    <t>cg09015484</t>
  </si>
  <si>
    <t>cg09017792</t>
  </si>
  <si>
    <t>cg09059635</t>
  </si>
  <si>
    <t>cg09069579</t>
  </si>
  <si>
    <t>cg09073701</t>
  </si>
  <si>
    <t>cg09074468</t>
  </si>
  <si>
    <t>cg09095562</t>
  </si>
  <si>
    <t>cg09135913</t>
  </si>
  <si>
    <t>cg09155774</t>
  </si>
  <si>
    <t>cg09155852</t>
  </si>
  <si>
    <t>cg09174233</t>
  </si>
  <si>
    <t>cg09191327</t>
  </si>
  <si>
    <t>cg09223212</t>
  </si>
  <si>
    <t>cg09225658</t>
  </si>
  <si>
    <t>cg09227136</t>
  </si>
  <si>
    <t>cg09233161</t>
  </si>
  <si>
    <t>cg09257359</t>
  </si>
  <si>
    <t>cg09260830</t>
  </si>
  <si>
    <t>cg09272909</t>
  </si>
  <si>
    <t>cg09273779</t>
  </si>
  <si>
    <t>cg09296212</t>
  </si>
  <si>
    <t>cg09298920</t>
  </si>
  <si>
    <t>cg09318248</t>
  </si>
  <si>
    <t>cg09332592</t>
  </si>
  <si>
    <t>cg09359064</t>
  </si>
  <si>
    <t>cg09364835</t>
  </si>
  <si>
    <t>cg09371281</t>
  </si>
  <si>
    <t>cg09374774</t>
  </si>
  <si>
    <t>cg09381737</t>
  </si>
  <si>
    <t>cg09395427</t>
  </si>
  <si>
    <t>cg09417568</t>
  </si>
  <si>
    <t>cg09419670</t>
  </si>
  <si>
    <t>cg09427311</t>
  </si>
  <si>
    <t>cg09429111</t>
  </si>
  <si>
    <t>cg09429153</t>
  </si>
  <si>
    <t>cg09437162</t>
  </si>
  <si>
    <t>cg09445448</t>
  </si>
  <si>
    <t>cg09446127</t>
  </si>
  <si>
    <t>cg09458931</t>
  </si>
  <si>
    <t>cg09467645</t>
  </si>
  <si>
    <t>cg09496695</t>
  </si>
  <si>
    <t>cg09501006</t>
  </si>
  <si>
    <t>cg09507120</t>
  </si>
  <si>
    <t>cg09513259</t>
  </si>
  <si>
    <t>cg09538139</t>
  </si>
  <si>
    <t>cg09539438</t>
  </si>
  <si>
    <t>cg09547190</t>
  </si>
  <si>
    <t>cg09559904</t>
  </si>
  <si>
    <t>cg09566069</t>
  </si>
  <si>
    <t>cg09575114</t>
  </si>
  <si>
    <t>cg09586646</t>
  </si>
  <si>
    <t>cg09596614</t>
  </si>
  <si>
    <t>cg09619598</t>
  </si>
  <si>
    <t>cg09628704</t>
  </si>
  <si>
    <t>cg09633881</t>
  </si>
  <si>
    <t>cg09642020</t>
  </si>
  <si>
    <t>cg09697800</t>
  </si>
  <si>
    <t>cg09697880</t>
  </si>
  <si>
    <t>cg09706281</t>
  </si>
  <si>
    <t>cg09713872</t>
  </si>
  <si>
    <t>cg09722555</t>
  </si>
  <si>
    <t>cg09723488</t>
  </si>
  <si>
    <t>cg09730361</t>
  </si>
  <si>
    <t>cg09731694</t>
  </si>
  <si>
    <t>cg09735465</t>
  </si>
  <si>
    <t>cg09739896</t>
  </si>
  <si>
    <t>cg09745873</t>
  </si>
  <si>
    <t>cg09768944</t>
  </si>
  <si>
    <t>cg09778828</t>
  </si>
  <si>
    <t>cg09781601</t>
  </si>
  <si>
    <t>cg09800519</t>
  </si>
  <si>
    <t>cg09811464</t>
  </si>
  <si>
    <t>cg09824990</t>
  </si>
  <si>
    <t>cg09827833</t>
  </si>
  <si>
    <t>cg09833538</t>
  </si>
  <si>
    <t>cg09835543</t>
  </si>
  <si>
    <t>cg09854775</t>
  </si>
  <si>
    <t>cg09879186</t>
  </si>
  <si>
    <t>cg09885086</t>
  </si>
  <si>
    <t>cg09923314</t>
  </si>
  <si>
    <t>cg09926027</t>
  </si>
  <si>
    <t>cg09931793</t>
  </si>
  <si>
    <t>cg09944149</t>
  </si>
  <si>
    <t>cg09952701</t>
  </si>
  <si>
    <t>cg09954631</t>
  </si>
  <si>
    <t>cg09975039</t>
  </si>
  <si>
    <t>cg09976142</t>
  </si>
  <si>
    <t>cg09987201</t>
  </si>
  <si>
    <t>cg10005978</t>
  </si>
  <si>
    <t>cg10049968</t>
  </si>
  <si>
    <t>cg10071929</t>
  </si>
  <si>
    <t>cg10072995</t>
  </si>
  <si>
    <t>cg10075733</t>
  </si>
  <si>
    <t>cg10082841</t>
  </si>
  <si>
    <t>cg10094355</t>
  </si>
  <si>
    <t>cg10109111</t>
  </si>
  <si>
    <t>cg10129025</t>
  </si>
  <si>
    <t>cg10141332</t>
  </si>
  <si>
    <t>cg10188131</t>
  </si>
  <si>
    <t>cg10218959</t>
  </si>
  <si>
    <t>cg10245608</t>
  </si>
  <si>
    <t>cg10252462</t>
  </si>
  <si>
    <t>cg10269487</t>
  </si>
  <si>
    <t>cg10289190</t>
  </si>
  <si>
    <t>cg10290373</t>
  </si>
  <si>
    <t>cg10313385</t>
  </si>
  <si>
    <t>cg10324615</t>
  </si>
  <si>
    <t>cg10339665</t>
  </si>
  <si>
    <t>cg10349318</t>
  </si>
  <si>
    <t>cg10363202</t>
  </si>
  <si>
    <t>cg10394788</t>
  </si>
  <si>
    <t>cg10404717</t>
  </si>
  <si>
    <t>cg10422777</t>
  </si>
  <si>
    <t>cg10454937</t>
  </si>
  <si>
    <t>cg10455757</t>
  </si>
  <si>
    <t>cg10456705</t>
  </si>
  <si>
    <t>cg10458187</t>
  </si>
  <si>
    <t>cg10467681</t>
  </si>
  <si>
    <t>cg10468862</t>
  </si>
  <si>
    <t>cg10493166</t>
  </si>
  <si>
    <t>cg10531986</t>
  </si>
  <si>
    <t>cg10538151</t>
  </si>
  <si>
    <t>cg10565589</t>
  </si>
  <si>
    <t>cg10568624</t>
  </si>
  <si>
    <t>cg10572262</t>
  </si>
  <si>
    <t>cg10577016</t>
  </si>
  <si>
    <t>cg10588784</t>
  </si>
  <si>
    <t>cg10620530</t>
  </si>
  <si>
    <t>cg10624768</t>
  </si>
  <si>
    <t>cg10624786</t>
  </si>
  <si>
    <t>cg10634185</t>
  </si>
  <si>
    <t>cg10660249</t>
  </si>
  <si>
    <t>cg10660865</t>
  </si>
  <si>
    <t>cg10664754</t>
  </si>
  <si>
    <t>cg10676060</t>
  </si>
  <si>
    <t>cg10680180</t>
  </si>
  <si>
    <t>cg10698424</t>
  </si>
  <si>
    <t>cg10716607</t>
  </si>
  <si>
    <t>cg10726357</t>
  </si>
  <si>
    <t>cg10735196</t>
  </si>
  <si>
    <t>cg10769767</t>
  </si>
  <si>
    <t>cg10791260</t>
  </si>
  <si>
    <t>cg10792544</t>
  </si>
  <si>
    <t>cg10803013</t>
  </si>
  <si>
    <t>cg10815995</t>
  </si>
  <si>
    <t>cg10823546</t>
  </si>
  <si>
    <t>cg10828820</t>
  </si>
  <si>
    <t>cg10835306</t>
  </si>
  <si>
    <t>cg10836809</t>
  </si>
  <si>
    <t>cg10853086</t>
  </si>
  <si>
    <t>cg10861135</t>
  </si>
  <si>
    <t>cg10885988</t>
  </si>
  <si>
    <t>cg10900550</t>
  </si>
  <si>
    <t>cg10912268</t>
  </si>
  <si>
    <t>cg10922163</t>
  </si>
  <si>
    <t>cg10922622</t>
  </si>
  <si>
    <t>cg10949773</t>
  </si>
  <si>
    <t>cg10962166</t>
  </si>
  <si>
    <t>cg11007123</t>
  </si>
  <si>
    <t>cg11011602</t>
  </si>
  <si>
    <t>cg11027140</t>
  </si>
  <si>
    <t>cg11042561</t>
  </si>
  <si>
    <t>cg11045524</t>
  </si>
  <si>
    <t>cg11050603</t>
  </si>
  <si>
    <t>cg11056832</t>
  </si>
  <si>
    <t>cg11107205</t>
  </si>
  <si>
    <t>cg11116440</t>
  </si>
  <si>
    <t>cg11124420</t>
  </si>
  <si>
    <t>cg11154542</t>
  </si>
  <si>
    <t>cg11163997</t>
  </si>
  <si>
    <t>cg11181577</t>
  </si>
  <si>
    <t>cg11181985</t>
  </si>
  <si>
    <t>cg11195662</t>
  </si>
  <si>
    <t>cg11198094</t>
  </si>
  <si>
    <t>cg11205200</t>
  </si>
  <si>
    <t>cg11213150</t>
  </si>
  <si>
    <t>cg11233228</t>
  </si>
  <si>
    <t>cg11272244</t>
  </si>
  <si>
    <t>cg11274211</t>
  </si>
  <si>
    <t>cg11283700</t>
  </si>
  <si>
    <t>cg11288092</t>
  </si>
  <si>
    <t>cg11299964</t>
  </si>
  <si>
    <t>cg11304734</t>
  </si>
  <si>
    <t>cg11308840</t>
  </si>
  <si>
    <t>cg11317199</t>
  </si>
  <si>
    <t>cg11326613</t>
  </si>
  <si>
    <t>cg11390905</t>
  </si>
  <si>
    <t>cg11423630</t>
  </si>
  <si>
    <t>cg11431402</t>
  </si>
  <si>
    <t>cg11443523</t>
  </si>
  <si>
    <t>cg11453712</t>
  </si>
  <si>
    <t>cg11466485</t>
  </si>
  <si>
    <t>cg11466908</t>
  </si>
  <si>
    <t>cg11496792</t>
  </si>
  <si>
    <t>cg11516606</t>
  </si>
  <si>
    <t>cg11522201</t>
  </si>
  <si>
    <t>cg11528835</t>
  </si>
  <si>
    <t>cg11530960</t>
  </si>
  <si>
    <t>cg11546621</t>
  </si>
  <si>
    <t>cg11549143</t>
  </si>
  <si>
    <t>cg11558474</t>
  </si>
  <si>
    <t>cg11580704</t>
  </si>
  <si>
    <t>cg11613890</t>
  </si>
  <si>
    <t>cg11628026</t>
  </si>
  <si>
    <t>cg11628487</t>
  </si>
  <si>
    <t>cg11656547</t>
  </si>
  <si>
    <t>cg11656817</t>
  </si>
  <si>
    <t>cg11680158</t>
  </si>
  <si>
    <t>cg11685547</t>
  </si>
  <si>
    <t>cg11709875</t>
  </si>
  <si>
    <t>cg11714502</t>
  </si>
  <si>
    <t>cg11724516</t>
  </si>
  <si>
    <t>cg11746851</t>
  </si>
  <si>
    <t>cg11790438</t>
  </si>
  <si>
    <t>cg11793722</t>
  </si>
  <si>
    <t>cg11799819</t>
  </si>
  <si>
    <t>cg11810498</t>
  </si>
  <si>
    <t>cg11825926</t>
  </si>
  <si>
    <t>cg11848496</t>
  </si>
  <si>
    <t>cg11873854</t>
  </si>
  <si>
    <t>cg11879188</t>
  </si>
  <si>
    <t>cg11884243</t>
  </si>
  <si>
    <t>cg11884704</t>
  </si>
  <si>
    <t>cg11890354</t>
  </si>
  <si>
    <t>cg11893652</t>
  </si>
  <si>
    <t>cg11912513</t>
  </si>
  <si>
    <t>cg11942470</t>
  </si>
  <si>
    <t>cg11943372</t>
  </si>
  <si>
    <t>cg11949945</t>
  </si>
  <si>
    <t>cg11980481</t>
  </si>
  <si>
    <t>cg11980791</t>
  </si>
  <si>
    <t>cg12002589</t>
  </si>
  <si>
    <t>cg12020464</t>
  </si>
  <si>
    <t>cg12043807</t>
  </si>
  <si>
    <t>cg12052661</t>
  </si>
  <si>
    <t>cg12063910</t>
  </si>
  <si>
    <t>cg12076931</t>
  </si>
  <si>
    <t>cg12149666</t>
  </si>
  <si>
    <t>cg12179661</t>
  </si>
  <si>
    <t>cg12188560</t>
  </si>
  <si>
    <t>cg12190044</t>
  </si>
  <si>
    <t>cg12231088</t>
  </si>
  <si>
    <t>cg12236164</t>
  </si>
  <si>
    <t>cg12252801</t>
  </si>
  <si>
    <t>cg12271587</t>
  </si>
  <si>
    <t>cg12277882</t>
  </si>
  <si>
    <t>cg12291380</t>
  </si>
  <si>
    <t>cg12294260</t>
  </si>
  <si>
    <t>cg12316147</t>
  </si>
  <si>
    <t>cg12316475</t>
  </si>
  <si>
    <t>cg12325507</t>
  </si>
  <si>
    <t>cg12336877</t>
  </si>
  <si>
    <t>cg12349646</t>
  </si>
  <si>
    <t>cg12370929</t>
  </si>
  <si>
    <t>cg12373084</t>
  </si>
  <si>
    <t>cg12373566</t>
  </si>
  <si>
    <t>cg12376422</t>
  </si>
  <si>
    <t>cg12377712</t>
  </si>
  <si>
    <t>cg12420104</t>
  </si>
  <si>
    <t>cg12438037</t>
  </si>
  <si>
    <t>cg12472181</t>
  </si>
  <si>
    <t>cg12484370</t>
  </si>
  <si>
    <t>cg12488447</t>
  </si>
  <si>
    <t>cg12494355</t>
  </si>
  <si>
    <t>cg12539975</t>
  </si>
  <si>
    <t>cg12545252</t>
  </si>
  <si>
    <t>cg12553490</t>
  </si>
  <si>
    <t>cg12555752</t>
  </si>
  <si>
    <t>cg12566821</t>
  </si>
  <si>
    <t>cg12568776</t>
  </si>
  <si>
    <t>cg12576700</t>
  </si>
  <si>
    <t>cg12603531</t>
  </si>
  <si>
    <t>cg12605157</t>
  </si>
  <si>
    <t>cg12611723</t>
  </si>
  <si>
    <t>cg12622986</t>
  </si>
  <si>
    <t>cg12624825</t>
  </si>
  <si>
    <t>cg12626956</t>
  </si>
  <si>
    <t>cg12658925</t>
  </si>
  <si>
    <t>cg12663855</t>
  </si>
  <si>
    <t>cg12675848</t>
  </si>
  <si>
    <t>cg12687527</t>
  </si>
  <si>
    <t>cg12697116</t>
  </si>
  <si>
    <t>cg12717594</t>
  </si>
  <si>
    <t>cg12747056</t>
  </si>
  <si>
    <t>cg12754854</t>
  </si>
  <si>
    <t>cg12763402</t>
  </si>
  <si>
    <t>cg12766106</t>
  </si>
  <si>
    <t>cg12777225</t>
  </si>
  <si>
    <t>cg12785353</t>
  </si>
  <si>
    <t>cg12800915</t>
  </si>
  <si>
    <t>cg12819393</t>
  </si>
  <si>
    <t>cg12830299</t>
  </si>
  <si>
    <t>cg12872489</t>
  </si>
  <si>
    <t>cg12876594</t>
  </si>
  <si>
    <t>cg12883878</t>
  </si>
  <si>
    <t>cg12894126</t>
  </si>
  <si>
    <t>cg12905114</t>
  </si>
  <si>
    <t>cg12933162</t>
  </si>
  <si>
    <t>cg12947510</t>
  </si>
  <si>
    <t>cg12969644</t>
  </si>
  <si>
    <t>cg12972233</t>
  </si>
  <si>
    <t>cg12986501</t>
  </si>
  <si>
    <t>cg13003878</t>
  </si>
  <si>
    <t>cg13005613</t>
  </si>
  <si>
    <t>cg13010497</t>
  </si>
  <si>
    <t>cg13016048</t>
  </si>
  <si>
    <t>cg13022129</t>
  </si>
  <si>
    <t>cg13036802</t>
  </si>
  <si>
    <t>cg13039704</t>
  </si>
  <si>
    <t>cg13060154</t>
  </si>
  <si>
    <t>cg13061648</t>
  </si>
  <si>
    <t>cg13068095</t>
  </si>
  <si>
    <t>cg13085976</t>
  </si>
  <si>
    <t>cg13101872</t>
  </si>
  <si>
    <t>cg13117809</t>
  </si>
  <si>
    <t>cg13134607</t>
  </si>
  <si>
    <t>cg13134662</t>
  </si>
  <si>
    <t>cg13153307</t>
  </si>
  <si>
    <t>cg13160888</t>
  </si>
  <si>
    <t>cg13216025</t>
  </si>
  <si>
    <t>cg13226172</t>
  </si>
  <si>
    <t>cg13234643</t>
  </si>
  <si>
    <t>cg13246426</t>
  </si>
  <si>
    <t>cg13249925</t>
  </si>
  <si>
    <t>cg13253220</t>
  </si>
  <si>
    <t>cg13254840</t>
  </si>
  <si>
    <t>cg13259605</t>
  </si>
  <si>
    <t>cg13274149</t>
  </si>
  <si>
    <t>cg13306784</t>
  </si>
  <si>
    <t>cg13316424</t>
  </si>
  <si>
    <t>cg13345318</t>
  </si>
  <si>
    <t>cg13367612</t>
  </si>
  <si>
    <t>cg13389382</t>
  </si>
  <si>
    <t>cg13390231</t>
  </si>
  <si>
    <t>cg13390441</t>
  </si>
  <si>
    <t>cg13391381</t>
  </si>
  <si>
    <t>cg13391488</t>
  </si>
  <si>
    <t>cg13391872</t>
  </si>
  <si>
    <t>cg13392861</t>
  </si>
  <si>
    <t>cg13393512</t>
  </si>
  <si>
    <t>cg13395868</t>
  </si>
  <si>
    <t>cg13396858</t>
  </si>
  <si>
    <t>cg13397260</t>
  </si>
  <si>
    <t>cg13397282</t>
  </si>
  <si>
    <t>cg13397818</t>
  </si>
  <si>
    <t>cg13399952</t>
  </si>
  <si>
    <t>cg13401301</t>
  </si>
  <si>
    <t>cg13402624</t>
  </si>
  <si>
    <t>cg13403259</t>
  </si>
  <si>
    <t>cg13404038</t>
  </si>
  <si>
    <t>cg13405678</t>
  </si>
  <si>
    <t>cg13406593</t>
  </si>
  <si>
    <t>cg13407274</t>
  </si>
  <si>
    <t>cg13407446</t>
  </si>
  <si>
    <t>cg13408027</t>
  </si>
  <si>
    <t>cg13408655</t>
  </si>
  <si>
    <t>cg13409409</t>
  </si>
  <si>
    <t>cg13409439</t>
  </si>
  <si>
    <t>cg13410614</t>
  </si>
  <si>
    <t>cg13410764</t>
  </si>
  <si>
    <t>cg13412498</t>
  </si>
  <si>
    <t>cg13412550</t>
  </si>
  <si>
    <t>cg13412754</t>
  </si>
  <si>
    <t>cg13413384</t>
  </si>
  <si>
    <t>cg13413996</t>
  </si>
  <si>
    <t>cg13415831</t>
  </si>
  <si>
    <t>cg13416598</t>
  </si>
  <si>
    <t>cg13417559</t>
  </si>
  <si>
    <t>cg13418964</t>
  </si>
  <si>
    <t>cg13419692</t>
  </si>
  <si>
    <t>cg13420089</t>
  </si>
  <si>
    <t>cg13420627</t>
  </si>
  <si>
    <t>cg13420975</t>
  </si>
  <si>
    <t>cg13421418</t>
  </si>
  <si>
    <t>cg13422921</t>
  </si>
  <si>
    <t>cg13423151</t>
  </si>
  <si>
    <t>cg13423371</t>
  </si>
  <si>
    <t>cg13424766</t>
  </si>
  <si>
    <t>cg13425279</t>
  </si>
  <si>
    <t>cg13425938</t>
  </si>
  <si>
    <t>cg13425998</t>
  </si>
  <si>
    <t>cg13426307</t>
  </si>
  <si>
    <t>cg13426351</t>
  </si>
  <si>
    <t>cg13427810</t>
  </si>
  <si>
    <t>cg13427827</t>
  </si>
  <si>
    <t>cg13428009</t>
  </si>
  <si>
    <t>cg13428213</t>
  </si>
  <si>
    <t>cg13428921</t>
  </si>
  <si>
    <t>cg13430189</t>
  </si>
  <si>
    <t>cg13430450</t>
  </si>
  <si>
    <t>cg13430489</t>
  </si>
  <si>
    <t>cg13430898</t>
  </si>
  <si>
    <t>cg13434142</t>
  </si>
  <si>
    <t>cg13434216</t>
  </si>
  <si>
    <t>cg13434764</t>
  </si>
  <si>
    <t>cg13436432</t>
  </si>
  <si>
    <t>cg13437277</t>
  </si>
  <si>
    <t>cg13439189</t>
  </si>
  <si>
    <t>cg13439463</t>
  </si>
  <si>
    <t>cg13440206</t>
  </si>
  <si>
    <t>cg13442656</t>
  </si>
  <si>
    <t>cg13442749</t>
  </si>
  <si>
    <t>cg13443165</t>
  </si>
  <si>
    <t>cg13443417</t>
  </si>
  <si>
    <t>cg13444533</t>
  </si>
  <si>
    <t>cg13445854</t>
  </si>
  <si>
    <t>cg13448127</t>
  </si>
  <si>
    <t>cg13451093</t>
  </si>
  <si>
    <t>cg13451433</t>
  </si>
  <si>
    <t>cg13451548</t>
  </si>
  <si>
    <t>cg13451651</t>
  </si>
  <si>
    <t>cg13454524</t>
  </si>
  <si>
    <t>cg13455444</t>
  </si>
  <si>
    <t>cg13455829</t>
  </si>
  <si>
    <t>cg13455998</t>
  </si>
  <si>
    <t>cg13456470</t>
  </si>
  <si>
    <t>cg13456688</t>
  </si>
  <si>
    <t>cg13457841</t>
  </si>
  <si>
    <t>cg13458384</t>
  </si>
  <si>
    <t>cg13458659</t>
  </si>
  <si>
    <t>cg13458875</t>
  </si>
  <si>
    <t>cg13459291</t>
  </si>
  <si>
    <t>cg13459493</t>
  </si>
  <si>
    <t>cg13459764</t>
  </si>
  <si>
    <t>cg13460858</t>
  </si>
  <si>
    <t>cg13461049</t>
  </si>
  <si>
    <t>cg13461190</t>
  </si>
  <si>
    <t>cg13461303</t>
  </si>
  <si>
    <t>cg13461890</t>
  </si>
  <si>
    <t>cg13462622</t>
  </si>
  <si>
    <t>cg13463033</t>
  </si>
  <si>
    <t>cg13463516</t>
  </si>
  <si>
    <t>cg13464240</t>
  </si>
  <si>
    <t>cg13464260</t>
  </si>
  <si>
    <t>cg13464337</t>
  </si>
  <si>
    <t>cg13466694</t>
  </si>
  <si>
    <t>cg13466725</t>
  </si>
  <si>
    <t>cg13467292</t>
  </si>
  <si>
    <t>cg13468680</t>
  </si>
  <si>
    <t>cg13468759</t>
  </si>
  <si>
    <t>cg13468804</t>
  </si>
  <si>
    <t>cg13469953</t>
  </si>
  <si>
    <t>cg13471254</t>
  </si>
  <si>
    <t>cg13471791</t>
  </si>
  <si>
    <t>cg13471844</t>
  </si>
  <si>
    <t>cg13471932</t>
  </si>
  <si>
    <t>cg13472594</t>
  </si>
  <si>
    <t>cg13473078</t>
  </si>
  <si>
    <t>cg13473179</t>
  </si>
  <si>
    <t>cg13473691</t>
  </si>
  <si>
    <t>cg13474083</t>
  </si>
  <si>
    <t>cg13474848</t>
  </si>
  <si>
    <t>cg13475333</t>
  </si>
  <si>
    <t>cg13476123</t>
  </si>
  <si>
    <t>cg13478737</t>
  </si>
  <si>
    <t>cg13481271</t>
  </si>
  <si>
    <t>cg13482309</t>
  </si>
  <si>
    <t>cg13482911</t>
  </si>
  <si>
    <t>cg13483502</t>
  </si>
  <si>
    <t>cg13484553</t>
  </si>
  <si>
    <t>cg13485366</t>
  </si>
  <si>
    <t>cg13485469</t>
  </si>
  <si>
    <t>cg13485980</t>
  </si>
  <si>
    <t>cg13486170</t>
  </si>
  <si>
    <t>cg13486627</t>
  </si>
  <si>
    <t>cg13486759</t>
  </si>
  <si>
    <t>cg13487127</t>
  </si>
  <si>
    <t>cg13487445</t>
  </si>
  <si>
    <t>cg13487456</t>
  </si>
  <si>
    <t>cg13487553</t>
  </si>
  <si>
    <t>cg13487682</t>
  </si>
  <si>
    <t>cg13487983</t>
  </si>
  <si>
    <t>cg13488220</t>
  </si>
  <si>
    <t>cg13488921</t>
  </si>
  <si>
    <t>cg13490117</t>
  </si>
  <si>
    <t>cg13490575</t>
  </si>
  <si>
    <t>cg13491071</t>
  </si>
  <si>
    <t>cg13491907</t>
  </si>
  <si>
    <t>cg13493766</t>
  </si>
  <si>
    <t>cg13494087</t>
  </si>
  <si>
    <t>cg13494827</t>
  </si>
  <si>
    <t>cg13495928</t>
  </si>
  <si>
    <t>cg13496160</t>
  </si>
  <si>
    <t>cg13496359</t>
  </si>
  <si>
    <t>cg13496596</t>
  </si>
  <si>
    <t>cg13499271</t>
  </si>
  <si>
    <t>cg13499395</t>
  </si>
  <si>
    <t>cg13500013</t>
  </si>
  <si>
    <t>cg13501527</t>
  </si>
  <si>
    <t>cg13502215</t>
  </si>
  <si>
    <t>cg13502514</t>
  </si>
  <si>
    <t>cg13503773</t>
  </si>
  <si>
    <t>cg13504844</t>
  </si>
  <si>
    <t>cg13504907</t>
  </si>
  <si>
    <t>cg13506510</t>
  </si>
  <si>
    <t>cg13508369</t>
  </si>
  <si>
    <t>cg13509765</t>
  </si>
  <si>
    <t>cg13510418</t>
  </si>
  <si>
    <t>cg13512951</t>
  </si>
  <si>
    <t>cg13513157</t>
  </si>
  <si>
    <t>cg13513188</t>
  </si>
  <si>
    <t>cg13513288</t>
  </si>
  <si>
    <t>cg13514049</t>
  </si>
  <si>
    <t>cg13515584</t>
  </si>
  <si>
    <t>cg13517516</t>
  </si>
  <si>
    <t>cg13517605</t>
  </si>
  <si>
    <t>cg13518232</t>
  </si>
  <si>
    <t>cg13519935</t>
  </si>
  <si>
    <t>cg13520053</t>
  </si>
  <si>
    <t>cg13521045</t>
  </si>
  <si>
    <t>cg13521678</t>
  </si>
  <si>
    <t>cg13521941</t>
  </si>
  <si>
    <t>cg13522776</t>
  </si>
  <si>
    <t>cg13523132</t>
  </si>
  <si>
    <t>cg13523217</t>
  </si>
  <si>
    <t>cg13523245</t>
  </si>
  <si>
    <t>cg13523512</t>
  </si>
  <si>
    <t>cg13525877</t>
  </si>
  <si>
    <t>cg13526642</t>
  </si>
  <si>
    <t>cg13527921</t>
  </si>
  <si>
    <t>cg13529086</t>
  </si>
  <si>
    <t>cg13530158</t>
  </si>
  <si>
    <t>cg13530999</t>
  </si>
  <si>
    <t>cg13531387</t>
  </si>
  <si>
    <t>cg13531502</t>
  </si>
  <si>
    <t>cg13531977</t>
  </si>
  <si>
    <t>cg13532055</t>
  </si>
  <si>
    <t>cg13533424</t>
  </si>
  <si>
    <t>cg13533616</t>
  </si>
  <si>
    <t>cg13533759</t>
  </si>
  <si>
    <t>cg13534368</t>
  </si>
  <si>
    <t>cg13534768</t>
  </si>
  <si>
    <t>cg13534791</t>
  </si>
  <si>
    <t>cg13535718</t>
  </si>
  <si>
    <t>cg13536491</t>
  </si>
  <si>
    <t>cg13537102</t>
  </si>
  <si>
    <t>cg13537416</t>
  </si>
  <si>
    <t>cg13537499</t>
  </si>
  <si>
    <t>cg13537774</t>
  </si>
  <si>
    <t>cg13538006</t>
  </si>
  <si>
    <t>cg13538475</t>
  </si>
  <si>
    <t>cg13539253</t>
  </si>
  <si>
    <t>cg13539487</t>
  </si>
  <si>
    <t>cg13539854</t>
  </si>
  <si>
    <t>cg13540147</t>
  </si>
  <si>
    <t>cg13540411</t>
  </si>
  <si>
    <t>cg13541257</t>
  </si>
  <si>
    <t>cg13541457</t>
  </si>
  <si>
    <t>cg13543286</t>
  </si>
  <si>
    <t>cg13543683</t>
  </si>
  <si>
    <t>cg13543915</t>
  </si>
  <si>
    <t>cg13544184</t>
  </si>
  <si>
    <t>cg13544806</t>
  </si>
  <si>
    <t>cg13546538</t>
  </si>
  <si>
    <t>cg13547551</t>
  </si>
  <si>
    <t>cg13548833</t>
  </si>
  <si>
    <t>cg13549174</t>
  </si>
  <si>
    <t>cg13550642</t>
  </si>
  <si>
    <t>cg13551141</t>
  </si>
  <si>
    <t>cg13551330</t>
  </si>
  <si>
    <t>cg13552337</t>
  </si>
  <si>
    <t>cg13554018</t>
  </si>
  <si>
    <t>cg13555464</t>
  </si>
  <si>
    <t>cg13557534</t>
  </si>
  <si>
    <t>cg13557939</t>
  </si>
  <si>
    <t>cg13558087</t>
  </si>
  <si>
    <t>cg13558912</t>
  </si>
  <si>
    <t>cg13559235</t>
  </si>
  <si>
    <t>cg13559820</t>
  </si>
  <si>
    <t>cg13560760</t>
  </si>
  <si>
    <t>cg13561157</t>
  </si>
  <si>
    <t>cg13561390</t>
  </si>
  <si>
    <t>cg13562011</t>
  </si>
  <si>
    <t>cg13562069</t>
  </si>
  <si>
    <t>cg13562353</t>
  </si>
  <si>
    <t>cg13562602</t>
  </si>
  <si>
    <t>cg13563728</t>
  </si>
  <si>
    <t>cg13563732</t>
  </si>
  <si>
    <t>cg13564742</t>
  </si>
  <si>
    <t>cg13565152</t>
  </si>
  <si>
    <t>cg13565499</t>
  </si>
  <si>
    <t>cg13565928</t>
  </si>
  <si>
    <t>cg13566088</t>
  </si>
  <si>
    <t>cg13566278</t>
  </si>
  <si>
    <t>cg13567403</t>
  </si>
  <si>
    <t>cg13567429</t>
  </si>
  <si>
    <t>cg13568213</t>
  </si>
  <si>
    <t>cg13568622</t>
  </si>
  <si>
    <t>cg13569051</t>
  </si>
  <si>
    <t>cg13569449</t>
  </si>
  <si>
    <t>cg13570169</t>
  </si>
  <si>
    <t>cg13570262</t>
  </si>
  <si>
    <t>cg13570660</t>
  </si>
  <si>
    <t>cg13571093</t>
  </si>
  <si>
    <t>cg13571972</t>
  </si>
  <si>
    <t>cg13572237</t>
  </si>
  <si>
    <t>cg13572892</t>
  </si>
  <si>
    <t>cg13572911</t>
  </si>
  <si>
    <t>cg13573210</t>
  </si>
  <si>
    <t>cg13573320</t>
  </si>
  <si>
    <t>cg13576095</t>
  </si>
  <si>
    <t>cg13576859</t>
  </si>
  <si>
    <t>cg13577194</t>
  </si>
  <si>
    <t>cg13577735</t>
  </si>
  <si>
    <t>cg13579295</t>
  </si>
  <si>
    <t>cg13579932</t>
  </si>
  <si>
    <t>cg13580382</t>
  </si>
  <si>
    <t>cg13580477</t>
  </si>
  <si>
    <t>cg13580827</t>
  </si>
  <si>
    <t>cg13581111</t>
  </si>
  <si>
    <t>cg13583183</t>
  </si>
  <si>
    <t>cg13584258</t>
  </si>
  <si>
    <t>cg13584693</t>
  </si>
  <si>
    <t>cg13585029</t>
  </si>
  <si>
    <t>cg13585927</t>
  </si>
  <si>
    <t>cg13586765</t>
  </si>
  <si>
    <t>cg13587236</t>
  </si>
  <si>
    <t>cg13587564</t>
  </si>
  <si>
    <t>cg13587621</t>
  </si>
  <si>
    <t>cg13587908</t>
  </si>
  <si>
    <t>cg13588127</t>
  </si>
  <si>
    <t>cg13588388</t>
  </si>
  <si>
    <t>cg13588599</t>
  </si>
  <si>
    <t>cg13589551</t>
  </si>
  <si>
    <t>cg13590414</t>
  </si>
  <si>
    <t>cg13590843</t>
  </si>
  <si>
    <t>cg13591091</t>
  </si>
  <si>
    <t>cg13592022</t>
  </si>
  <si>
    <t>cg13592750</t>
  </si>
  <si>
    <t>cg13593436</t>
  </si>
  <si>
    <t>cg13593689</t>
  </si>
  <si>
    <t>cg13593887</t>
  </si>
  <si>
    <t>cg13594542</t>
  </si>
  <si>
    <t>cg13595308</t>
  </si>
  <si>
    <t>cg13595415</t>
  </si>
  <si>
    <t>cg13595495</t>
  </si>
  <si>
    <t>cg13595518</t>
  </si>
  <si>
    <t>cg13595913</t>
  </si>
  <si>
    <t>cg13596208</t>
  </si>
  <si>
    <t>cg13596983</t>
  </si>
  <si>
    <t>cg13597397</t>
  </si>
  <si>
    <t>cg13597809</t>
  </si>
  <si>
    <t>cg13598426</t>
  </si>
  <si>
    <t>cg13598588</t>
  </si>
  <si>
    <t>cg13599062</t>
  </si>
  <si>
    <t>cg13599613</t>
  </si>
  <si>
    <t>cg13600201</t>
  </si>
  <si>
    <t>cg13600622</t>
  </si>
  <si>
    <t>cg13601517</t>
  </si>
  <si>
    <t>cg13602761</t>
  </si>
  <si>
    <t>cg13602921</t>
  </si>
  <si>
    <t>cg13604154</t>
  </si>
  <si>
    <t>cg13604445</t>
  </si>
  <si>
    <t>cg13605536</t>
  </si>
  <si>
    <t>cg13606569</t>
  </si>
  <si>
    <t>cg13608979</t>
  </si>
  <si>
    <t>cg13609497</t>
  </si>
  <si>
    <t>cg13609861</t>
  </si>
  <si>
    <t>cg13610168</t>
  </si>
  <si>
    <t>cg13610545</t>
  </si>
  <si>
    <t>cg13611204</t>
  </si>
  <si>
    <t>cg13611989</t>
  </si>
  <si>
    <t>cg13613011</t>
  </si>
  <si>
    <t>cg13613439</t>
  </si>
  <si>
    <t>cg13614036</t>
  </si>
  <si>
    <t>cg13614383</t>
  </si>
  <si>
    <t>cg13614631</t>
  </si>
  <si>
    <t>cg13614712</t>
  </si>
  <si>
    <t>cg13615030</t>
  </si>
  <si>
    <t>cg13615109</t>
  </si>
  <si>
    <t>cg13615136</t>
  </si>
  <si>
    <t>cg13615983</t>
  </si>
  <si>
    <t>cg13616427</t>
  </si>
  <si>
    <t>cg13617225</t>
  </si>
  <si>
    <t>cg13618969</t>
  </si>
  <si>
    <t>cg13619387</t>
  </si>
  <si>
    <t>cg13619877</t>
  </si>
  <si>
    <t>cg13620631</t>
  </si>
  <si>
    <t>cg13620715</t>
  </si>
  <si>
    <t>cg13621212</t>
  </si>
  <si>
    <t>cg13622546</t>
  </si>
  <si>
    <t>cg13622657</t>
  </si>
  <si>
    <t>cg13623452</t>
  </si>
  <si>
    <t>cg13624150</t>
  </si>
  <si>
    <t>cg13624860</t>
  </si>
  <si>
    <t>cg13625030</t>
  </si>
  <si>
    <t>cg13630562</t>
  </si>
  <si>
    <t>cg13631094</t>
  </si>
  <si>
    <t>cg13632058</t>
  </si>
  <si>
    <t>cg13632520</t>
  </si>
  <si>
    <t>cg13633657</t>
  </si>
  <si>
    <t>cg13634133</t>
  </si>
  <si>
    <t>cg13634994</t>
  </si>
  <si>
    <t>cg13636636</t>
  </si>
  <si>
    <t>cg13637402</t>
  </si>
  <si>
    <t>cg13638282</t>
  </si>
  <si>
    <t>cg13639016</t>
  </si>
  <si>
    <t>cg13639083</t>
  </si>
  <si>
    <t>cg13640690</t>
  </si>
  <si>
    <t>cg13641920</t>
  </si>
  <si>
    <t>cg13642142</t>
  </si>
  <si>
    <t>cg13642249</t>
  </si>
  <si>
    <t>cg13642260</t>
  </si>
  <si>
    <t>cg13642749</t>
  </si>
  <si>
    <t>cg13642849</t>
  </si>
  <si>
    <t>cg13643040</t>
  </si>
  <si>
    <t>cg13643774</t>
  </si>
  <si>
    <t>cg13644300</t>
  </si>
  <si>
    <t>cg13645106</t>
  </si>
  <si>
    <t>cg13646480</t>
  </si>
  <si>
    <t>cg13646785</t>
  </si>
  <si>
    <t>cg13647523</t>
  </si>
  <si>
    <t>cg13647978</t>
  </si>
  <si>
    <t>cg13648127</t>
  </si>
  <si>
    <t>cg13648550</t>
  </si>
  <si>
    <t>cg13649056</t>
  </si>
  <si>
    <t>cg13649103</t>
  </si>
  <si>
    <t>cg13649168</t>
  </si>
  <si>
    <t>cg13649309</t>
  </si>
  <si>
    <t>cg13649330</t>
  </si>
  <si>
    <t>cg13649502</t>
  </si>
  <si>
    <t>cg13649658</t>
  </si>
  <si>
    <t>cg13649864</t>
  </si>
  <si>
    <t>cg13650260</t>
  </si>
  <si>
    <t>cg13651137</t>
  </si>
  <si>
    <t>cg13651561</t>
  </si>
  <si>
    <t>cg13651833</t>
  </si>
  <si>
    <t>cg13651859</t>
  </si>
  <si>
    <t>cg13653963</t>
  </si>
  <si>
    <t>cg13653989</t>
  </si>
  <si>
    <t>cg13654103</t>
  </si>
  <si>
    <t>cg13654376</t>
  </si>
  <si>
    <t>cg13654445</t>
  </si>
  <si>
    <t>cg13654641</t>
  </si>
  <si>
    <t>cg13655250</t>
  </si>
  <si>
    <t>cg13656878</t>
  </si>
  <si>
    <t>cg13657200</t>
  </si>
  <si>
    <t>cg13657951</t>
  </si>
  <si>
    <t>cg13659252</t>
  </si>
  <si>
    <t>cg13659272</t>
  </si>
  <si>
    <t>cg13659419</t>
  </si>
  <si>
    <t>cg13659991</t>
  </si>
  <si>
    <t>cg13660174</t>
  </si>
  <si>
    <t>cg13660443</t>
  </si>
  <si>
    <t>cg13661129</t>
  </si>
  <si>
    <t>cg13661497</t>
  </si>
  <si>
    <t>cg13661827</t>
  </si>
  <si>
    <t>cg13662634</t>
  </si>
  <si>
    <t>cg13663116</t>
  </si>
  <si>
    <t>cg13663861</t>
  </si>
  <si>
    <t>cg13665149</t>
  </si>
  <si>
    <t>cg13665853</t>
  </si>
  <si>
    <t>cg13666340</t>
  </si>
  <si>
    <t>cg13666703</t>
  </si>
  <si>
    <t>cg13667150</t>
  </si>
  <si>
    <t>cg13667782</t>
  </si>
  <si>
    <t>cg13668306</t>
  </si>
  <si>
    <t>cg13668314</t>
  </si>
  <si>
    <t>cg13668471</t>
  </si>
  <si>
    <t>cg13669080</t>
  </si>
  <si>
    <t>cg13671721</t>
  </si>
  <si>
    <t>cg13672160</t>
  </si>
  <si>
    <t>cg13672638</t>
  </si>
  <si>
    <t>cg13672863</t>
  </si>
  <si>
    <t>cg13673023</t>
  </si>
  <si>
    <t>cg13673363</t>
  </si>
  <si>
    <t>cg13674556</t>
  </si>
  <si>
    <t>cg13675278</t>
  </si>
  <si>
    <t>cg13675379</t>
  </si>
  <si>
    <t>cg13675389</t>
  </si>
  <si>
    <t>cg13675835</t>
  </si>
  <si>
    <t>cg13676220</t>
  </si>
  <si>
    <t>cg13676383</t>
  </si>
  <si>
    <t>cg13676816</t>
  </si>
  <si>
    <t>cg13677022</t>
  </si>
  <si>
    <t>cg13677043</t>
  </si>
  <si>
    <t>cg13677058</t>
  </si>
  <si>
    <t>cg13677289</t>
  </si>
  <si>
    <t>cg13678205</t>
  </si>
  <si>
    <t>cg13678551</t>
  </si>
  <si>
    <t>cg13679216</t>
  </si>
  <si>
    <t>cg13679817</t>
  </si>
  <si>
    <t>cg13680706</t>
  </si>
  <si>
    <t>cg13681496</t>
  </si>
  <si>
    <t>cg13683194</t>
  </si>
  <si>
    <t>cg13683534</t>
  </si>
  <si>
    <t>cg13687497</t>
  </si>
  <si>
    <t>cg13688783</t>
  </si>
  <si>
    <t>cg13689006</t>
  </si>
  <si>
    <t>cg13689629</t>
  </si>
  <si>
    <t>cg13689681</t>
  </si>
  <si>
    <t>cg13690930</t>
  </si>
  <si>
    <t>cg13691277</t>
  </si>
  <si>
    <t>cg13692082</t>
  </si>
  <si>
    <t>cg13692543</t>
  </si>
  <si>
    <t>cg13692655</t>
  </si>
  <si>
    <t>cg13692739</t>
  </si>
  <si>
    <t>cg13693256</t>
  </si>
  <si>
    <t>cg13694179</t>
  </si>
  <si>
    <t>cg13694662</t>
  </si>
  <si>
    <t>cg13694800</t>
  </si>
  <si>
    <t>cg13695362</t>
  </si>
  <si>
    <t>cg13695933</t>
  </si>
  <si>
    <t>cg13696013</t>
  </si>
  <si>
    <t>cg13696609</t>
  </si>
  <si>
    <t>cg13696706</t>
  </si>
  <si>
    <t>cg13696752</t>
  </si>
  <si>
    <t>cg13698816</t>
  </si>
  <si>
    <t>cg13698865</t>
  </si>
  <si>
    <t>cg13698883</t>
  </si>
  <si>
    <t>cg13699121</t>
  </si>
  <si>
    <t>cg13699245</t>
  </si>
  <si>
    <t>cg13699650</t>
  </si>
  <si>
    <t>cg13701355</t>
  </si>
  <si>
    <t>cg13701730</t>
  </si>
  <si>
    <t>cg13701954</t>
  </si>
  <si>
    <t>cg13702226</t>
  </si>
  <si>
    <t>cg13702982</t>
  </si>
  <si>
    <t>cg13703070</t>
  </si>
  <si>
    <t>cg13704911</t>
  </si>
  <si>
    <t>cg13706404</t>
  </si>
  <si>
    <t>cg13706613</t>
  </si>
  <si>
    <t>cg13706769</t>
  </si>
  <si>
    <t>cg13707224</t>
  </si>
  <si>
    <t>cg13707645</t>
  </si>
  <si>
    <t>cg13707760</t>
  </si>
  <si>
    <t>cg13707943</t>
  </si>
  <si>
    <t>cg13708759</t>
  </si>
  <si>
    <t>cg13709263</t>
  </si>
  <si>
    <t>cg13709496</t>
  </si>
  <si>
    <t>cg13709547</t>
  </si>
  <si>
    <t>cg13709646</t>
  </si>
  <si>
    <t>cg13709720</t>
  </si>
  <si>
    <t>cg13709913</t>
  </si>
  <si>
    <t>cg13710542</t>
  </si>
  <si>
    <t>cg13711851</t>
  </si>
  <si>
    <t>cg13714256</t>
  </si>
  <si>
    <t>cg13714271</t>
  </si>
  <si>
    <t>cg13714791</t>
  </si>
  <si>
    <t>cg13715752</t>
  </si>
  <si>
    <t>cg13716321</t>
  </si>
  <si>
    <t>cg13717350</t>
  </si>
  <si>
    <t>cg13717540</t>
  </si>
  <si>
    <t>cg13718003</t>
  </si>
  <si>
    <t>cg13718141</t>
  </si>
  <si>
    <t>cg13718686</t>
  </si>
  <si>
    <t>cg13718870</t>
  </si>
  <si>
    <t>cg13718943</t>
  </si>
  <si>
    <t>cg13720865</t>
  </si>
  <si>
    <t>cg13721397</t>
  </si>
  <si>
    <t>cg13721989</t>
  </si>
  <si>
    <t>cg13723576</t>
  </si>
  <si>
    <t>cg13723594</t>
  </si>
  <si>
    <t>cg13723983</t>
  </si>
  <si>
    <t>cg13724288</t>
  </si>
  <si>
    <t>cg13724383</t>
  </si>
  <si>
    <t>cg13725752</t>
  </si>
  <si>
    <t>cg13726887</t>
  </si>
  <si>
    <t>cg13727089</t>
  </si>
  <si>
    <t>cg13727473</t>
  </si>
  <si>
    <t>cg13728439</t>
  </si>
  <si>
    <t>cg13728834</t>
  </si>
  <si>
    <t>cg13730392</t>
  </si>
  <si>
    <t>cg13730736</t>
  </si>
  <si>
    <t>cg13731106</t>
  </si>
  <si>
    <t>cg13731311</t>
  </si>
  <si>
    <t>cg13731828</t>
  </si>
  <si>
    <t>cg13732465</t>
  </si>
  <si>
    <t>cg13733737</t>
  </si>
  <si>
    <t>cg13734535</t>
  </si>
  <si>
    <t>cg13735759</t>
  </si>
  <si>
    <t>cg13736279</t>
  </si>
  <si>
    <t>cg13736497</t>
  </si>
  <si>
    <t>cg13737042</t>
  </si>
  <si>
    <t>cg13737493</t>
  </si>
  <si>
    <t>cg13738661</t>
  </si>
  <si>
    <t>cg13739485</t>
  </si>
  <si>
    <t>cg13739659</t>
  </si>
  <si>
    <t>cg13740339</t>
  </si>
  <si>
    <t>cg13740933</t>
  </si>
  <si>
    <t>cg13740985</t>
  </si>
  <si>
    <t>cg13741263</t>
  </si>
  <si>
    <t>cg13741304</t>
  </si>
  <si>
    <t>cg13741927</t>
  </si>
  <si>
    <t>cg13743091</t>
  </si>
  <si>
    <t>cg13743736</t>
  </si>
  <si>
    <t>cg13744452</t>
  </si>
  <si>
    <t>cg13745513</t>
  </si>
  <si>
    <t>cg13746518</t>
  </si>
  <si>
    <t>cg13748746</t>
  </si>
  <si>
    <t>cg13749670</t>
  </si>
  <si>
    <t>cg13750902</t>
  </si>
  <si>
    <t>cg13751330</t>
  </si>
  <si>
    <t>cg13751386</t>
  </si>
  <si>
    <t>cg13751796</t>
  </si>
  <si>
    <t>cg13751872</t>
  </si>
  <si>
    <t>cg13752043</t>
  </si>
  <si>
    <t>cg13752545</t>
  </si>
  <si>
    <t>cg13753183</t>
  </si>
  <si>
    <t>cg13753488</t>
  </si>
  <si>
    <t>cg13753527</t>
  </si>
  <si>
    <t>cg13753962</t>
  </si>
  <si>
    <t>cg13754355</t>
  </si>
  <si>
    <t>cg13754665</t>
  </si>
  <si>
    <t>cg13754720</t>
  </si>
  <si>
    <t>cg13755766</t>
  </si>
  <si>
    <t>cg13757845</t>
  </si>
  <si>
    <t>cg13759931</t>
  </si>
  <si>
    <t>cg13761284</t>
  </si>
  <si>
    <t>cg13761364</t>
  </si>
  <si>
    <t>cg13761419</t>
  </si>
  <si>
    <t>cg13762471</t>
  </si>
  <si>
    <t>cg13763482</t>
  </si>
  <si>
    <t>cg13763661</t>
  </si>
  <si>
    <t>cg13766560</t>
  </si>
  <si>
    <t>cg13766651</t>
  </si>
  <si>
    <t>cg13767223</t>
  </si>
  <si>
    <t>cg13767625</t>
  </si>
  <si>
    <t>cg13767778</t>
  </si>
  <si>
    <t>cg13769004</t>
  </si>
  <si>
    <t>cg13769916</t>
  </si>
  <si>
    <t>cg13770982</t>
  </si>
  <si>
    <t>cg13771254</t>
  </si>
  <si>
    <t>cg13771376</t>
  </si>
  <si>
    <t>cg13771918</t>
  </si>
  <si>
    <t>cg13773631</t>
  </si>
  <si>
    <t>cg13773633</t>
  </si>
  <si>
    <t>cg13774019</t>
  </si>
  <si>
    <t>cg13776158</t>
  </si>
  <si>
    <t>cg13776620</t>
  </si>
  <si>
    <t>cg13776718</t>
  </si>
  <si>
    <t>cg13777609</t>
  </si>
  <si>
    <t>cg13777700</t>
  </si>
  <si>
    <t>cg13778564</t>
  </si>
  <si>
    <t>cg13779795</t>
  </si>
  <si>
    <t>cg13780207</t>
  </si>
  <si>
    <t>cg13780516</t>
  </si>
  <si>
    <t>cg13780542</t>
  </si>
  <si>
    <t>cg13781414</t>
  </si>
  <si>
    <t>cg13781989</t>
  </si>
  <si>
    <t>cg13783653</t>
  </si>
  <si>
    <t>cg13784866</t>
  </si>
  <si>
    <t>cg13786567</t>
  </si>
  <si>
    <t>cg13788000</t>
  </si>
  <si>
    <t>cg13789147</t>
  </si>
  <si>
    <t>cg13790576</t>
  </si>
  <si>
    <t>cg13790785</t>
  </si>
  <si>
    <t>cg13791827</t>
  </si>
  <si>
    <t>cg13791971</t>
  </si>
  <si>
    <t>cg13792444</t>
  </si>
  <si>
    <t>cg13793214</t>
  </si>
  <si>
    <t>cg13793478</t>
  </si>
  <si>
    <t>cg13794268</t>
  </si>
  <si>
    <t>cg13794334</t>
  </si>
  <si>
    <t>cg13794404</t>
  </si>
  <si>
    <t>cg13795948</t>
  </si>
  <si>
    <t>cg13798270</t>
  </si>
  <si>
    <t>cg13798558</t>
  </si>
  <si>
    <t>cg13799986</t>
  </si>
  <si>
    <t>cg13800700</t>
  </si>
  <si>
    <t>cg13800802</t>
  </si>
  <si>
    <t>cg13801201</t>
  </si>
  <si>
    <t>cg13801740</t>
  </si>
  <si>
    <t>cg13802605</t>
  </si>
  <si>
    <t>cg13802760</t>
  </si>
  <si>
    <t>cg13803196</t>
  </si>
  <si>
    <t>cg13803266</t>
  </si>
  <si>
    <t>cg13803559</t>
  </si>
  <si>
    <t>cg13803727</t>
  </si>
  <si>
    <t>cg13803765</t>
  </si>
  <si>
    <t>cg13804171</t>
  </si>
  <si>
    <t>cg13804196</t>
  </si>
  <si>
    <t>cg13806966</t>
  </si>
  <si>
    <t>cg13807668</t>
  </si>
  <si>
    <t>cg13807871</t>
  </si>
  <si>
    <t>cg13808083</t>
  </si>
  <si>
    <t>cg13808574</t>
  </si>
  <si>
    <t>cg13810234</t>
  </si>
  <si>
    <t>cg13810570</t>
  </si>
  <si>
    <t>cg13810843</t>
  </si>
  <si>
    <t>cg13811240</t>
  </si>
  <si>
    <t>cg13811630</t>
  </si>
  <si>
    <t>cg13811879</t>
  </si>
  <si>
    <t>cg13811936</t>
  </si>
  <si>
    <t>cg13812452</t>
  </si>
  <si>
    <t>cg13812587</t>
  </si>
  <si>
    <t>cg13812927</t>
  </si>
  <si>
    <t>cg13813623</t>
  </si>
  <si>
    <t>cg13814351</t>
  </si>
  <si>
    <t>cg13814720</t>
  </si>
  <si>
    <t>cg13814950</t>
  </si>
  <si>
    <t>cg13815864</t>
  </si>
  <si>
    <t>cg13816466</t>
  </si>
  <si>
    <t>cg13817353</t>
  </si>
  <si>
    <t>cg13817920</t>
  </si>
  <si>
    <t>cg13818830</t>
  </si>
  <si>
    <t>cg13819005</t>
  </si>
  <si>
    <t>cg13819609</t>
  </si>
  <si>
    <t>cg13819687</t>
  </si>
  <si>
    <t>cg13819912</t>
  </si>
  <si>
    <t>cg13820281</t>
  </si>
  <si>
    <t>cg13820726</t>
  </si>
  <si>
    <t>cg13822008</t>
  </si>
  <si>
    <t>cg13822791</t>
  </si>
  <si>
    <t>cg13822849</t>
  </si>
  <si>
    <t>cg13823169</t>
  </si>
  <si>
    <t>cg13823234</t>
  </si>
  <si>
    <t>cg13823257</t>
  </si>
  <si>
    <t>cg13823840</t>
  </si>
  <si>
    <t>cg13824242</t>
  </si>
  <si>
    <t>cg13824385</t>
  </si>
  <si>
    <t>cg13824515</t>
  </si>
  <si>
    <t>cg13825112</t>
  </si>
  <si>
    <t>cg13827498</t>
  </si>
  <si>
    <t>cg13827677</t>
  </si>
  <si>
    <t>cg13827859</t>
  </si>
  <si>
    <t>cg13828183</t>
  </si>
  <si>
    <t>cg13828579</t>
  </si>
  <si>
    <t>cg13828808</t>
  </si>
  <si>
    <t>cg13828899</t>
  </si>
  <si>
    <t>cg13829189</t>
  </si>
  <si>
    <t>cg13829638</t>
  </si>
  <si>
    <t>cg13830329</t>
  </si>
  <si>
    <t>cg13830835</t>
  </si>
  <si>
    <t>cg13831141</t>
  </si>
  <si>
    <t>cg13831329</t>
  </si>
  <si>
    <t>cg13832372</t>
  </si>
  <si>
    <t>cg13832985</t>
  </si>
  <si>
    <t>cg13833607</t>
  </si>
  <si>
    <t>cg13834453</t>
  </si>
  <si>
    <t>cg13834896</t>
  </si>
  <si>
    <t>cg13834913</t>
  </si>
  <si>
    <t>cg13835053</t>
  </si>
  <si>
    <t>cg13835073</t>
  </si>
  <si>
    <t>cg13835114</t>
  </si>
  <si>
    <t>cg13835688</t>
  </si>
  <si>
    <t>cg13836380</t>
  </si>
  <si>
    <t>cg13836412</t>
  </si>
  <si>
    <t>cg13838057</t>
  </si>
  <si>
    <t>cg13838599</t>
  </si>
  <si>
    <t>cg13839781</t>
  </si>
  <si>
    <t>cg13839849</t>
  </si>
  <si>
    <t>cg13839855</t>
  </si>
  <si>
    <t>cg13842293</t>
  </si>
  <si>
    <t>cg13843091</t>
  </si>
  <si>
    <t>cg13845588</t>
  </si>
  <si>
    <t>cg13845692</t>
  </si>
  <si>
    <t>cg13845792</t>
  </si>
  <si>
    <t>cg13845858</t>
  </si>
  <si>
    <t>cg13846358</t>
  </si>
  <si>
    <t>cg13847322</t>
  </si>
  <si>
    <t>cg13848951</t>
  </si>
  <si>
    <t>cg13849232</t>
  </si>
  <si>
    <t>cg13849371</t>
  </si>
  <si>
    <t>cg13850312</t>
  </si>
  <si>
    <t>cg13850871</t>
  </si>
  <si>
    <t>cg13852822</t>
  </si>
  <si>
    <t>cg13852948</t>
  </si>
  <si>
    <t>cg13853035</t>
  </si>
  <si>
    <t>cg13854030</t>
  </si>
  <si>
    <t>cg13854495</t>
  </si>
  <si>
    <t>cg13854960</t>
  </si>
  <si>
    <t>cg13855364</t>
  </si>
  <si>
    <t>cg13855998</t>
  </si>
  <si>
    <t>cg13856126</t>
  </si>
  <si>
    <t>cg13856340</t>
  </si>
  <si>
    <t>cg13856602</t>
  </si>
  <si>
    <t>cg13857646</t>
  </si>
  <si>
    <t>cg13859347</t>
  </si>
  <si>
    <t>cg13859441</t>
  </si>
  <si>
    <t>cg13859589</t>
  </si>
  <si>
    <t>cg13859757</t>
  </si>
  <si>
    <t>cg13860266</t>
  </si>
  <si>
    <t>cg13861180</t>
  </si>
  <si>
    <t>cg13862682</t>
  </si>
  <si>
    <t>cg13862711</t>
  </si>
  <si>
    <t>cg13862983</t>
  </si>
  <si>
    <t>cg13863007</t>
  </si>
  <si>
    <t>cg13865347</t>
  </si>
  <si>
    <t>cg13865488</t>
  </si>
  <si>
    <t>cg13865502</t>
  </si>
  <si>
    <t>cg13866149</t>
  </si>
  <si>
    <t>cg13866795</t>
  </si>
  <si>
    <t>cg13867274</t>
  </si>
  <si>
    <t>cg13867370</t>
  </si>
  <si>
    <t>cg13867630</t>
  </si>
  <si>
    <t>cg13868050</t>
  </si>
  <si>
    <t>cg13869635</t>
  </si>
  <si>
    <t>cg13870494</t>
  </si>
  <si>
    <t>cg13871799</t>
  </si>
  <si>
    <t>cg13873209</t>
  </si>
  <si>
    <t>cg13873269</t>
  </si>
  <si>
    <t>cg13873387</t>
  </si>
  <si>
    <t>cg13874049</t>
  </si>
  <si>
    <t>cg13874498</t>
  </si>
  <si>
    <t>cg13875003</t>
  </si>
  <si>
    <t>cg13875133</t>
  </si>
  <si>
    <t>cg13875807</t>
  </si>
  <si>
    <t>cg13876315</t>
  </si>
  <si>
    <t>cg13877315</t>
  </si>
  <si>
    <t>cg13880081</t>
  </si>
  <si>
    <t>cg13880225</t>
  </si>
  <si>
    <t>cg13880868</t>
  </si>
  <si>
    <t>cg13881405</t>
  </si>
  <si>
    <t>cg13881619</t>
  </si>
  <si>
    <t>cg13882169</t>
  </si>
  <si>
    <t>cg13882285</t>
  </si>
  <si>
    <t>cg13882311</t>
  </si>
  <si>
    <t>cg13882486</t>
  </si>
  <si>
    <t>cg13883063</t>
  </si>
  <si>
    <t>cg13883232</t>
  </si>
  <si>
    <t>cg13883438</t>
  </si>
  <si>
    <t>cg13883479</t>
  </si>
  <si>
    <t>cg13883553</t>
  </si>
  <si>
    <t>cg13884376</t>
  </si>
  <si>
    <t>cg13884995</t>
  </si>
  <si>
    <t>cg13885535</t>
  </si>
  <si>
    <t>cg13887261</t>
  </si>
  <si>
    <t>cg13888445</t>
  </si>
  <si>
    <t>cg13888748</t>
  </si>
  <si>
    <t>cg13888853</t>
  </si>
  <si>
    <t>cg13888858</t>
  </si>
  <si>
    <t>cg13890487</t>
  </si>
  <si>
    <t>cg13890552</t>
  </si>
  <si>
    <t>cg13890649</t>
  </si>
  <si>
    <t>cg13891189</t>
  </si>
  <si>
    <t>cg13891576</t>
  </si>
  <si>
    <t>cg13891765</t>
  </si>
  <si>
    <t>cg13892889</t>
  </si>
  <si>
    <t>cg13894827</t>
  </si>
  <si>
    <t>cg13895979</t>
  </si>
  <si>
    <t>cg13897325</t>
  </si>
  <si>
    <t>cg13897882</t>
  </si>
  <si>
    <t>cg13898357</t>
  </si>
  <si>
    <t>cg13898564</t>
  </si>
  <si>
    <t>cg13898647</t>
  </si>
  <si>
    <t>cg13900023</t>
  </si>
  <si>
    <t>cg13900767</t>
  </si>
  <si>
    <t>cg13901134</t>
  </si>
  <si>
    <t>cg13902067</t>
  </si>
  <si>
    <t>cg13902108</t>
  </si>
  <si>
    <t>cg13902786</t>
  </si>
  <si>
    <t>cg13904199</t>
  </si>
  <si>
    <t>cg13904267</t>
  </si>
  <si>
    <t>cg13904574</t>
  </si>
  <si>
    <t>cg13905053</t>
  </si>
  <si>
    <t>cg13905333</t>
  </si>
  <si>
    <t>cg13905475</t>
  </si>
  <si>
    <t>cg13906573</t>
  </si>
  <si>
    <t>cg13907059</t>
  </si>
  <si>
    <t>cg13908632</t>
  </si>
  <si>
    <t>cg13908968</t>
  </si>
  <si>
    <t>cg13908988</t>
  </si>
  <si>
    <t>cg13909342</t>
  </si>
  <si>
    <t>cg13909412</t>
  </si>
  <si>
    <t>cg13910439</t>
  </si>
  <si>
    <t>cg13910573</t>
  </si>
  <si>
    <t>cg13910681</t>
  </si>
  <si>
    <t>cg13911801</t>
  </si>
  <si>
    <t>cg13912480</t>
  </si>
  <si>
    <t>cg13912573</t>
  </si>
  <si>
    <t>cg13912631</t>
  </si>
  <si>
    <t>cg13913130</t>
  </si>
  <si>
    <t>cg13913654</t>
  </si>
  <si>
    <t>cg13914004</t>
  </si>
  <si>
    <t>cg13914324</t>
  </si>
  <si>
    <t>cg13914893</t>
  </si>
  <si>
    <t>cg13915676</t>
  </si>
  <si>
    <t>cg13916080</t>
  </si>
  <si>
    <t>cg13916469</t>
  </si>
  <si>
    <t>cg13916603</t>
  </si>
  <si>
    <t>cg13916895</t>
  </si>
  <si>
    <t>cg13917020</t>
  </si>
  <si>
    <t>cg13920529</t>
  </si>
  <si>
    <t>cg13921605</t>
  </si>
  <si>
    <t>cg13922115</t>
  </si>
  <si>
    <t>cg13922421</t>
  </si>
  <si>
    <t>cg13923737</t>
  </si>
  <si>
    <t>cg13924015</t>
  </si>
  <si>
    <t>cg13924326</t>
  </si>
  <si>
    <t>cg13925809</t>
  </si>
  <si>
    <t>cg13926295</t>
  </si>
  <si>
    <t>cg13927228</t>
  </si>
  <si>
    <t>cg13928144</t>
  </si>
  <si>
    <t>cg13928146</t>
  </si>
  <si>
    <t>cg13928417</t>
  </si>
  <si>
    <t>cg13928485</t>
  </si>
  <si>
    <t>cg13928909</t>
  </si>
  <si>
    <t>cg13929128</t>
  </si>
  <si>
    <t>cg13929627</t>
  </si>
  <si>
    <t>cg13930557</t>
  </si>
  <si>
    <t>cg13930766</t>
  </si>
  <si>
    <t>cg13931112</t>
  </si>
  <si>
    <t>cg13932029</t>
  </si>
  <si>
    <t>cg13932122</t>
  </si>
  <si>
    <t>cg13933070</t>
  </si>
  <si>
    <t>cg13933729</t>
  </si>
  <si>
    <t>cg13934288</t>
  </si>
  <si>
    <t>cg13934792</t>
  </si>
  <si>
    <t>cg13935548</t>
  </si>
  <si>
    <t>cg13935741</t>
  </si>
  <si>
    <t>cg13936383</t>
  </si>
  <si>
    <t>cg13936668</t>
  </si>
  <si>
    <t>cg13937985</t>
  </si>
  <si>
    <t>cg13937986</t>
  </si>
  <si>
    <t>cg13938035</t>
  </si>
  <si>
    <t>cg13938702</t>
  </si>
  <si>
    <t>cg13938785</t>
  </si>
  <si>
    <t>cg13939166</t>
  </si>
  <si>
    <t>cg13939271</t>
  </si>
  <si>
    <t>cg13941235</t>
  </si>
  <si>
    <t>cg13942909</t>
  </si>
  <si>
    <t>cg13944395</t>
  </si>
  <si>
    <t>cg13944632</t>
  </si>
  <si>
    <t>cg13945224</t>
  </si>
  <si>
    <t>cg13945442</t>
  </si>
  <si>
    <t>cg13945576</t>
  </si>
  <si>
    <t>cg13946341</t>
  </si>
  <si>
    <t>cg13947243</t>
  </si>
  <si>
    <t>cg13947528</t>
  </si>
  <si>
    <t>cg13947653</t>
  </si>
  <si>
    <t>cg13947999</t>
  </si>
  <si>
    <t>cg13949132</t>
  </si>
  <si>
    <t>cg13949836</t>
  </si>
  <si>
    <t>cg13951272</t>
  </si>
  <si>
    <t>cg13951311</t>
  </si>
  <si>
    <t>cg13952840</t>
  </si>
  <si>
    <t>cg13953629</t>
  </si>
  <si>
    <t>cg13953955</t>
  </si>
  <si>
    <t>cg13953978</t>
  </si>
  <si>
    <t>cg13954127</t>
  </si>
  <si>
    <t>cg13955487</t>
  </si>
  <si>
    <t>cg13955758</t>
  </si>
  <si>
    <t>cg13956443</t>
  </si>
  <si>
    <t>cg13956452</t>
  </si>
  <si>
    <t>cg13956692</t>
  </si>
  <si>
    <t>cg13957113</t>
  </si>
  <si>
    <t>cg13958141</t>
  </si>
  <si>
    <t>cg13958199</t>
  </si>
  <si>
    <t>cg13958495</t>
  </si>
  <si>
    <t>cg13959241</t>
  </si>
  <si>
    <t>cg13960660</t>
  </si>
  <si>
    <t>cg13961124</t>
  </si>
  <si>
    <t>cg13961202</t>
  </si>
  <si>
    <t>cg13963210</t>
  </si>
  <si>
    <t>cg13963311</t>
  </si>
  <si>
    <t>cg13964439</t>
  </si>
  <si>
    <t>cg13964462</t>
  </si>
  <si>
    <t>cg13964726</t>
  </si>
  <si>
    <t>cg13966448</t>
  </si>
  <si>
    <t>cg13968218</t>
  </si>
  <si>
    <t>cg13969739</t>
  </si>
  <si>
    <t>cg13970341</t>
  </si>
  <si>
    <t>cg13971265</t>
  </si>
  <si>
    <t>cg13971484</t>
  </si>
  <si>
    <t>cg13971603</t>
  </si>
  <si>
    <t>cg13972491</t>
  </si>
  <si>
    <t>cg13973641</t>
  </si>
  <si>
    <t>cg13974165</t>
  </si>
  <si>
    <t>cg13974765</t>
  </si>
  <si>
    <t>cg13975009</t>
  </si>
  <si>
    <t>cg13975404</t>
  </si>
  <si>
    <t>cg13977320</t>
  </si>
  <si>
    <t>cg13977583</t>
  </si>
  <si>
    <t>cg13977834</t>
  </si>
  <si>
    <t>cg13978325</t>
  </si>
  <si>
    <t>cg13979277</t>
  </si>
  <si>
    <t>cg13979562</t>
  </si>
  <si>
    <t>cg13979800</t>
  </si>
  <si>
    <t>cg13980944</t>
  </si>
  <si>
    <t>cg13981026</t>
  </si>
  <si>
    <t>cg13982366</t>
  </si>
  <si>
    <t>cg13982688</t>
  </si>
  <si>
    <t>cg13983182</t>
  </si>
  <si>
    <t>cg13983779</t>
  </si>
  <si>
    <t>cg13984005</t>
  </si>
  <si>
    <t>cg13984810</t>
  </si>
  <si>
    <t>cg13985271</t>
  </si>
  <si>
    <t>cg13985445</t>
  </si>
  <si>
    <t>cg13985446</t>
  </si>
  <si>
    <t>cg13986249</t>
  </si>
  <si>
    <t>cg13986870</t>
  </si>
  <si>
    <t>cg13987088</t>
  </si>
  <si>
    <t>cg13987572</t>
  </si>
  <si>
    <t>cg13987586</t>
  </si>
  <si>
    <t>cg13989834</t>
  </si>
  <si>
    <t>cg13992683</t>
  </si>
  <si>
    <t>cg13993274</t>
  </si>
  <si>
    <t>cg13993914</t>
  </si>
  <si>
    <t>cg13996144</t>
  </si>
  <si>
    <t>cg13996750</t>
  </si>
  <si>
    <t>cg13998223</t>
  </si>
  <si>
    <t>cg13999433</t>
  </si>
  <si>
    <t>cg14000687</t>
  </si>
  <si>
    <t>cg14001518</t>
  </si>
  <si>
    <t>cg14001893</t>
  </si>
  <si>
    <t>cg14002328</t>
  </si>
  <si>
    <t>cg14002578</t>
  </si>
  <si>
    <t>cg14003237</t>
  </si>
  <si>
    <t>cg14003978</t>
  </si>
  <si>
    <t>cg14004457</t>
  </si>
  <si>
    <t>cg14004921</t>
  </si>
  <si>
    <t>cg14005120</t>
  </si>
  <si>
    <t>cg14005294</t>
  </si>
  <si>
    <t>cg14005531</t>
  </si>
  <si>
    <t>cg14006239</t>
  </si>
  <si>
    <t>cg14006266</t>
  </si>
  <si>
    <t>cg14006318</t>
  </si>
  <si>
    <t>cg14006569</t>
  </si>
  <si>
    <t>cg14006905</t>
  </si>
  <si>
    <t>cg14007156</t>
  </si>
  <si>
    <t>cg14010805</t>
  </si>
  <si>
    <t>cg14010829</t>
  </si>
  <si>
    <t>cg14011387</t>
  </si>
  <si>
    <t>cg14012599</t>
  </si>
  <si>
    <t>cg14013337</t>
  </si>
  <si>
    <t>cg14014506</t>
  </si>
  <si>
    <t>cg14015337</t>
  </si>
  <si>
    <t>cg14015706</t>
  </si>
  <si>
    <t>cg14016177</t>
  </si>
  <si>
    <t>cg14016518</t>
  </si>
  <si>
    <t>cg14016879</t>
  </si>
  <si>
    <t>cg14017036</t>
  </si>
  <si>
    <t>cg14018215</t>
  </si>
  <si>
    <t>cg14018414</t>
  </si>
  <si>
    <t>cg14018434</t>
  </si>
  <si>
    <t>cg14018454</t>
  </si>
  <si>
    <t>cg14019050</t>
  </si>
  <si>
    <t>cg14019826</t>
  </si>
  <si>
    <t>cg14020278</t>
  </si>
  <si>
    <t>cg14020652</t>
  </si>
  <si>
    <t>cg14022501</t>
  </si>
  <si>
    <t>cg14022794</t>
  </si>
  <si>
    <t>cg14023389</t>
  </si>
  <si>
    <t>cg14024579</t>
  </si>
  <si>
    <t>cg14024823</t>
  </si>
  <si>
    <t>cg14024965</t>
  </si>
  <si>
    <t>cg14025149</t>
  </si>
  <si>
    <t>cg14025518</t>
  </si>
  <si>
    <t>cg14025883</t>
  </si>
  <si>
    <t>cg14026960</t>
  </si>
  <si>
    <t>cg14027524</t>
  </si>
  <si>
    <t>cg14027891</t>
  </si>
  <si>
    <t>cg14030728</t>
  </si>
  <si>
    <t>cg14030997</t>
  </si>
  <si>
    <t>cg14031679</t>
  </si>
  <si>
    <t>cg14032734</t>
  </si>
  <si>
    <t>cg14032964</t>
  </si>
  <si>
    <t>cg14035521</t>
  </si>
  <si>
    <t>cg14035749</t>
  </si>
  <si>
    <t>cg14036069</t>
  </si>
  <si>
    <t>cg14036079</t>
  </si>
  <si>
    <t>cg14036226</t>
  </si>
  <si>
    <t>cg14037246</t>
  </si>
  <si>
    <t>cg14037250</t>
  </si>
  <si>
    <t>cg14037440</t>
  </si>
  <si>
    <t>cg14037948</t>
  </si>
  <si>
    <t>cg14038214</t>
  </si>
  <si>
    <t>cg14038878</t>
  </si>
  <si>
    <t>cg14039237</t>
  </si>
  <si>
    <t>cg14040871</t>
  </si>
  <si>
    <t>cg14041232</t>
  </si>
  <si>
    <t>cg14041462</t>
  </si>
  <si>
    <t>cg14042137</t>
  </si>
  <si>
    <t>cg14044120</t>
  </si>
  <si>
    <t>cg14044905</t>
  </si>
  <si>
    <t>cg14045140</t>
  </si>
  <si>
    <t>cg14046414</t>
  </si>
  <si>
    <t>cg14046566</t>
  </si>
  <si>
    <t>cg14046688</t>
  </si>
  <si>
    <t>cg14047387</t>
  </si>
  <si>
    <t>cg14048460</t>
  </si>
  <si>
    <t>cg14050363</t>
  </si>
  <si>
    <t>cg14051662</t>
  </si>
  <si>
    <t>cg14052511</t>
  </si>
  <si>
    <t>cg14052962</t>
  </si>
  <si>
    <t>cg14053997</t>
  </si>
  <si>
    <t>cg14054467</t>
  </si>
  <si>
    <t>cg14055193</t>
  </si>
  <si>
    <t>cg14055379</t>
  </si>
  <si>
    <t>cg14055887</t>
  </si>
  <si>
    <t>cg14057241</t>
  </si>
  <si>
    <t>cg14057303</t>
  </si>
  <si>
    <t>cg14057560</t>
  </si>
  <si>
    <t>cg14058848</t>
  </si>
  <si>
    <t>cg14059835</t>
  </si>
  <si>
    <t>cg14061230</t>
  </si>
  <si>
    <t>cg14061503</t>
  </si>
  <si>
    <t>cg14063357</t>
  </si>
  <si>
    <t>cg14063654</t>
  </si>
  <si>
    <t>cg14064762</t>
  </si>
  <si>
    <t>cg14065382</t>
  </si>
  <si>
    <t>cg14065446</t>
  </si>
  <si>
    <t>cg14067101</t>
  </si>
  <si>
    <t>cg14067233</t>
  </si>
  <si>
    <t>cg14067450</t>
  </si>
  <si>
    <t>cg14068176</t>
  </si>
  <si>
    <t>cg14068657</t>
  </si>
  <si>
    <t>cg14069026</t>
  </si>
  <si>
    <t>cg14069111</t>
  </si>
  <si>
    <t>cg14069279</t>
  </si>
  <si>
    <t>cg14069306</t>
  </si>
  <si>
    <t>cg14069683</t>
  </si>
  <si>
    <t>cg14069709</t>
  </si>
  <si>
    <t>cg14069928</t>
  </si>
  <si>
    <t>cg14069949</t>
  </si>
  <si>
    <t>cg14070275</t>
  </si>
  <si>
    <t>cg14070775</t>
  </si>
  <si>
    <t>cg14070821</t>
  </si>
  <si>
    <t>cg14071612</t>
  </si>
  <si>
    <t>cg14071650</t>
  </si>
  <si>
    <t>cg14073946</t>
  </si>
  <si>
    <t>cg14074366</t>
  </si>
  <si>
    <t>cg14074652</t>
  </si>
  <si>
    <t>cg14074896</t>
  </si>
  <si>
    <t>cg14075203</t>
  </si>
  <si>
    <t>cg14075496</t>
  </si>
  <si>
    <t>cg14076923</t>
  </si>
  <si>
    <t>cg14077232</t>
  </si>
  <si>
    <t>cg14077369</t>
  </si>
  <si>
    <t>cg14078687</t>
  </si>
  <si>
    <t>cg14079243</t>
  </si>
  <si>
    <t>cg14079473</t>
  </si>
  <si>
    <t>cg14080050</t>
  </si>
  <si>
    <t>cg14080129</t>
  </si>
  <si>
    <t>cg14080475</t>
  </si>
  <si>
    <t>cg14080888</t>
  </si>
  <si>
    <t>cg14081251</t>
  </si>
  <si>
    <t>cg14082645</t>
  </si>
  <si>
    <t>cg14082739</t>
  </si>
  <si>
    <t>cg14083554</t>
  </si>
  <si>
    <t>cg14085166</t>
  </si>
  <si>
    <t>cg14085500</t>
  </si>
  <si>
    <t>cg14085952</t>
  </si>
  <si>
    <t>cg14086692</t>
  </si>
  <si>
    <t>cg14086826</t>
  </si>
  <si>
    <t>cg14087401</t>
  </si>
  <si>
    <t>cg14090916</t>
  </si>
  <si>
    <t>cg14091230</t>
  </si>
  <si>
    <t>cg14091493</t>
  </si>
  <si>
    <t>cg14091497</t>
  </si>
  <si>
    <t>cg14091896</t>
  </si>
  <si>
    <t>cg14095100</t>
  </si>
  <si>
    <t>cg14095761</t>
  </si>
  <si>
    <t>cg14096074</t>
  </si>
  <si>
    <t>cg14097046</t>
  </si>
  <si>
    <t>cg14097499</t>
  </si>
  <si>
    <t>cg14099718</t>
  </si>
  <si>
    <t>cg14100888</t>
  </si>
  <si>
    <t>cg14102033</t>
  </si>
  <si>
    <t>cg14102267</t>
  </si>
  <si>
    <t>cg14102386</t>
  </si>
  <si>
    <t>cg14102988</t>
  </si>
  <si>
    <t>cg14103123</t>
  </si>
  <si>
    <t>cg14103872</t>
  </si>
  <si>
    <t>cg14104252</t>
  </si>
  <si>
    <t>cg14105019</t>
  </si>
  <si>
    <t>cg14106167</t>
  </si>
  <si>
    <t>cg14108356</t>
  </si>
  <si>
    <t>cg14108413</t>
  </si>
  <si>
    <t>cg14108527</t>
  </si>
  <si>
    <t>cg14108909</t>
  </si>
  <si>
    <t>cg14109456</t>
  </si>
  <si>
    <t>cg14110111</t>
  </si>
  <si>
    <t>cg14110709</t>
  </si>
  <si>
    <t>cg14111697</t>
  </si>
  <si>
    <t>cg14112217</t>
  </si>
  <si>
    <t>cg14113203</t>
  </si>
  <si>
    <t>cg14113351</t>
  </si>
  <si>
    <t>cg14114962</t>
  </si>
  <si>
    <t>cg14115249</t>
  </si>
  <si>
    <t>cg14115740</t>
  </si>
  <si>
    <t>cg14115884</t>
  </si>
  <si>
    <t>cg14116025</t>
  </si>
  <si>
    <t>cg14116725</t>
  </si>
  <si>
    <t>cg14116908</t>
  </si>
  <si>
    <t>cg14117044</t>
  </si>
  <si>
    <t>cg14118171</t>
  </si>
  <si>
    <t>cg14118398</t>
  </si>
  <si>
    <t>cg14118583</t>
  </si>
  <si>
    <t>cg14119001</t>
  </si>
  <si>
    <t>cg14119680</t>
  </si>
  <si>
    <t>cg14120359</t>
  </si>
  <si>
    <t>cg14120636</t>
  </si>
  <si>
    <t>cg14120667</t>
  </si>
  <si>
    <t>cg14120703</t>
  </si>
  <si>
    <t>cg14121593</t>
  </si>
  <si>
    <t>cg14122373</t>
  </si>
  <si>
    <t>cg14122506</t>
  </si>
  <si>
    <t>cg14122599</t>
  </si>
  <si>
    <t>cg14122961</t>
  </si>
  <si>
    <t>cg14123436</t>
  </si>
  <si>
    <t>cg14124066</t>
  </si>
  <si>
    <t>cg14125468</t>
  </si>
  <si>
    <t>cg14126392</t>
  </si>
  <si>
    <t>cg14126468</t>
  </si>
  <si>
    <t>cg14126733</t>
  </si>
  <si>
    <t>cg14126884</t>
  </si>
  <si>
    <t>cg14128068</t>
  </si>
  <si>
    <t>cg14130664</t>
  </si>
  <si>
    <t>cg14130908</t>
  </si>
  <si>
    <t>cg14131612</t>
  </si>
  <si>
    <t>cg14133064</t>
  </si>
  <si>
    <t>cg14133539</t>
  </si>
  <si>
    <t>cg14135731</t>
  </si>
  <si>
    <t>cg14135809</t>
  </si>
  <si>
    <t>cg14136168</t>
  </si>
  <si>
    <t>cg14136214</t>
  </si>
  <si>
    <t>cg14137694</t>
  </si>
  <si>
    <t>cg14138047</t>
  </si>
  <si>
    <t>cg14138312</t>
  </si>
  <si>
    <t>cg14139679</t>
  </si>
  <si>
    <t>cg14139935</t>
  </si>
  <si>
    <t>cg14140060</t>
  </si>
  <si>
    <t>cg14141238</t>
  </si>
  <si>
    <t>cg14142977</t>
  </si>
  <si>
    <t>cg14143519</t>
  </si>
  <si>
    <t>cg14144201</t>
  </si>
  <si>
    <t>cg14145338</t>
  </si>
  <si>
    <t>cg14146148</t>
  </si>
  <si>
    <t>cg14146751</t>
  </si>
  <si>
    <t>cg14148209</t>
  </si>
  <si>
    <t>cg14149774</t>
  </si>
  <si>
    <t>cg14149988</t>
  </si>
  <si>
    <t>cg14152912</t>
  </si>
  <si>
    <t>cg14153069</t>
  </si>
  <si>
    <t>cg14154547</t>
  </si>
  <si>
    <t>cg14155058</t>
  </si>
  <si>
    <t>cg14155193</t>
  </si>
  <si>
    <t>cg14156446</t>
  </si>
  <si>
    <t>cg14156498</t>
  </si>
  <si>
    <t>cg14159526</t>
  </si>
  <si>
    <t>cg14159539</t>
  </si>
  <si>
    <t>cg14160911</t>
  </si>
  <si>
    <t>cg14161094</t>
  </si>
  <si>
    <t>cg14161165</t>
  </si>
  <si>
    <t>cg14161705</t>
  </si>
  <si>
    <t>cg14162361</t>
  </si>
  <si>
    <t>cg14162552</t>
  </si>
  <si>
    <t>cg14163083</t>
  </si>
  <si>
    <t>cg14165766</t>
  </si>
  <si>
    <t>cg14166365</t>
  </si>
  <si>
    <t>cg14166377</t>
  </si>
  <si>
    <t>cg14166485</t>
  </si>
  <si>
    <t>cg14167017</t>
  </si>
  <si>
    <t>cg14168269</t>
  </si>
  <si>
    <t>cg14168316</t>
  </si>
  <si>
    <t>cg14169823</t>
  </si>
  <si>
    <t>cg14170181</t>
  </si>
  <si>
    <t>cg14170787</t>
  </si>
  <si>
    <t>cg14171944</t>
  </si>
  <si>
    <t>cg14172375</t>
  </si>
  <si>
    <t>cg14173147</t>
  </si>
  <si>
    <t>cg14176274</t>
  </si>
  <si>
    <t>cg14176475</t>
  </si>
  <si>
    <t>cg14176942</t>
  </si>
  <si>
    <t>cg14177401</t>
  </si>
  <si>
    <t>cg14178214</t>
  </si>
  <si>
    <t>cg14178348</t>
  </si>
  <si>
    <t>cg14178422</t>
  </si>
  <si>
    <t>cg14179065</t>
  </si>
  <si>
    <t>cg14179381</t>
  </si>
  <si>
    <t>cg14180030</t>
  </si>
  <si>
    <t>cg14181187</t>
  </si>
  <si>
    <t>cg14181345</t>
  </si>
  <si>
    <t>cg14181724</t>
  </si>
  <si>
    <t>cg14181777</t>
  </si>
  <si>
    <t>cg14184130</t>
  </si>
  <si>
    <t>cg14184237</t>
  </si>
  <si>
    <t>cg14184866</t>
  </si>
  <si>
    <t>cg14185099</t>
  </si>
  <si>
    <t>cg14185656</t>
  </si>
  <si>
    <t>cg14186304</t>
  </si>
  <si>
    <t>cg14186336</t>
  </si>
  <si>
    <t>cg14186558</t>
  </si>
  <si>
    <t>cg14186779</t>
  </si>
  <si>
    <t>cg14186944</t>
  </si>
  <si>
    <t>cg14187724</t>
  </si>
  <si>
    <t>cg14188507</t>
  </si>
  <si>
    <t>cg14188856</t>
  </si>
  <si>
    <t>cg14188862</t>
  </si>
  <si>
    <t>cg14190522</t>
  </si>
  <si>
    <t>cg14190683</t>
  </si>
  <si>
    <t>cg14191673</t>
  </si>
  <si>
    <t>cg14192188</t>
  </si>
  <si>
    <t>cg14192935</t>
  </si>
  <si>
    <t>cg14193314</t>
  </si>
  <si>
    <t>cg14193343</t>
  </si>
  <si>
    <t>cg14194496</t>
  </si>
  <si>
    <t>cg14195115</t>
  </si>
  <si>
    <t>cg14195117</t>
  </si>
  <si>
    <t>cg14196303</t>
  </si>
  <si>
    <t>cg14198873</t>
  </si>
  <si>
    <t>cg14199762</t>
  </si>
  <si>
    <t>cg14199961</t>
  </si>
  <si>
    <t>cg14200178</t>
  </si>
  <si>
    <t>cg14201417</t>
  </si>
  <si>
    <t>cg14203042</t>
  </si>
  <si>
    <t>cg14203417</t>
  </si>
  <si>
    <t>cg14204241</t>
  </si>
  <si>
    <t>cg14204281</t>
  </si>
  <si>
    <t>cg14205131</t>
  </si>
  <si>
    <t>cg14206056</t>
  </si>
  <si>
    <t>cg14206365</t>
  </si>
  <si>
    <t>cg14206615</t>
  </si>
  <si>
    <t>cg14206898</t>
  </si>
  <si>
    <t>cg14206983</t>
  </si>
  <si>
    <t>cg14207052</t>
  </si>
  <si>
    <t>cg14208057</t>
  </si>
  <si>
    <t>cg14208672</t>
  </si>
  <si>
    <t>cg14209064</t>
  </si>
  <si>
    <t>cg14211780</t>
  </si>
  <si>
    <t>cg14213824</t>
  </si>
  <si>
    <t>cg14214182</t>
  </si>
  <si>
    <t>cg14214257</t>
  </si>
  <si>
    <t>cg14214375</t>
  </si>
  <si>
    <t>cg14214651</t>
  </si>
  <si>
    <t>cg14214914</t>
  </si>
  <si>
    <t>cg14215186</t>
  </si>
  <si>
    <t>cg14215515</t>
  </si>
  <si>
    <t>cg14215689</t>
  </si>
  <si>
    <t>cg14215970</t>
  </si>
  <si>
    <t>cg14217552</t>
  </si>
  <si>
    <t>cg14218480</t>
  </si>
  <si>
    <t>cg14218621</t>
  </si>
  <si>
    <t>cg14219115</t>
  </si>
  <si>
    <t>cg14219918</t>
  </si>
  <si>
    <t>cg14220146</t>
  </si>
  <si>
    <t>cg14220634</t>
  </si>
  <si>
    <t>cg14221048</t>
  </si>
  <si>
    <t>cg14221252</t>
  </si>
  <si>
    <t>cg14221617</t>
  </si>
  <si>
    <t>cg14221766</t>
  </si>
  <si>
    <t>cg14222141</t>
  </si>
  <si>
    <t>cg14223444</t>
  </si>
  <si>
    <t>cg14223485</t>
  </si>
  <si>
    <t>cg14223856</t>
  </si>
  <si>
    <t>cg14224786</t>
  </si>
  <si>
    <t>cg14225090</t>
  </si>
  <si>
    <t>cg14225168</t>
  </si>
  <si>
    <t>cg14226702</t>
  </si>
  <si>
    <t>cg14227125</t>
  </si>
  <si>
    <t>cg14227418</t>
  </si>
  <si>
    <t>cg14228246</t>
  </si>
  <si>
    <t>cg14228460</t>
  </si>
  <si>
    <t>cg14228683</t>
  </si>
  <si>
    <t>cg14229404</t>
  </si>
  <si>
    <t>cg14230719</t>
  </si>
  <si>
    <t>cg14231326</t>
  </si>
  <si>
    <t>cg14231841</t>
  </si>
  <si>
    <t>cg14232108</t>
  </si>
  <si>
    <t>cg14233821</t>
  </si>
  <si>
    <t>cg14234105</t>
  </si>
  <si>
    <t>cg14234510</t>
  </si>
  <si>
    <t>cg14234545</t>
  </si>
  <si>
    <t>cg14235030</t>
  </si>
  <si>
    <t>cg14235155</t>
  </si>
  <si>
    <t>cg14235574</t>
  </si>
  <si>
    <t>cg14235800</t>
  </si>
  <si>
    <t>cg14235811</t>
  </si>
  <si>
    <t>cg14236758</t>
  </si>
  <si>
    <t>cg14237069</t>
  </si>
  <si>
    <t>cg14237147</t>
  </si>
  <si>
    <t>cg14237189</t>
  </si>
  <si>
    <t>cg14237223</t>
  </si>
  <si>
    <t>cg14240393</t>
  </si>
  <si>
    <t>cg14240647</t>
  </si>
  <si>
    <t>cg14241045</t>
  </si>
  <si>
    <t>cg14241370</t>
  </si>
  <si>
    <t>cg14244251</t>
  </si>
  <si>
    <t>cg14244402</t>
  </si>
  <si>
    <t>cg14244439</t>
  </si>
  <si>
    <t>cg14244674</t>
  </si>
  <si>
    <t>cg14244793</t>
  </si>
  <si>
    <t>cg14244887</t>
  </si>
  <si>
    <t>cg14245185</t>
  </si>
  <si>
    <t>cg14245228</t>
  </si>
  <si>
    <t>cg14246940</t>
  </si>
  <si>
    <t>cg14249155</t>
  </si>
  <si>
    <t>cg14249808</t>
  </si>
  <si>
    <t>cg14250427</t>
  </si>
  <si>
    <t>cg14251405</t>
  </si>
  <si>
    <t>cg14252148</t>
  </si>
  <si>
    <t>cg14252998</t>
  </si>
  <si>
    <t>cg14253875</t>
  </si>
  <si>
    <t>cg14254126</t>
  </si>
  <si>
    <t>cg14254422</t>
  </si>
  <si>
    <t>cg14254562</t>
  </si>
  <si>
    <t>cg14254686</t>
  </si>
  <si>
    <t>cg14254767</t>
  </si>
  <si>
    <t>cg14254966</t>
  </si>
  <si>
    <t>cg14255062</t>
  </si>
  <si>
    <t>cg14255076</t>
  </si>
  <si>
    <t>cg14255700</t>
  </si>
  <si>
    <t>cg14256493</t>
  </si>
  <si>
    <t>cg14256726</t>
  </si>
  <si>
    <t>cg14256983</t>
  </si>
  <si>
    <t>cg14257319</t>
  </si>
  <si>
    <t>cg14257429</t>
  </si>
  <si>
    <t>cg14258250</t>
  </si>
  <si>
    <t>cg14260162</t>
  </si>
  <si>
    <t>cg14260530</t>
  </si>
  <si>
    <t>cg14261395</t>
  </si>
  <si>
    <t>cg14261652</t>
  </si>
  <si>
    <t>cg14261785</t>
  </si>
  <si>
    <t>cg14263021</t>
  </si>
  <si>
    <t>cg14263222</t>
  </si>
  <si>
    <t>cg14263575</t>
  </si>
  <si>
    <t>cg14264316</t>
  </si>
  <si>
    <t>cg14264571</t>
  </si>
  <si>
    <t>cg14264768</t>
  </si>
  <si>
    <t>cg14265220</t>
  </si>
  <si>
    <t>cg14266770</t>
  </si>
  <si>
    <t>cg14267284</t>
  </si>
  <si>
    <t>cg14267542</t>
  </si>
  <si>
    <t>cg14267777</t>
  </si>
  <si>
    <t>cg14268714</t>
  </si>
  <si>
    <t>cg14269010</t>
  </si>
  <si>
    <t>cg14270346</t>
  </si>
  <si>
    <t>cg14270434</t>
  </si>
  <si>
    <t>cg14270612</t>
  </si>
  <si>
    <t>cg14270890</t>
  </si>
  <si>
    <t>cg14274542</t>
  </si>
  <si>
    <t>cg14275693</t>
  </si>
  <si>
    <t>cg14276557</t>
  </si>
  <si>
    <t>cg14276591</t>
  </si>
  <si>
    <t>cg14276698</t>
  </si>
  <si>
    <t>cg14278148</t>
  </si>
  <si>
    <t>cg14279035</t>
  </si>
  <si>
    <t>cg14279415</t>
  </si>
  <si>
    <t>cg14279528</t>
  </si>
  <si>
    <t>cg14279997</t>
  </si>
  <si>
    <t>cg14280576</t>
  </si>
  <si>
    <t>cg14280947</t>
  </si>
  <si>
    <t>cg14281144</t>
  </si>
  <si>
    <t>cg14281264</t>
  </si>
  <si>
    <t>cg14282304</t>
  </si>
  <si>
    <t>cg14282531</t>
  </si>
  <si>
    <t>cg14283140</t>
  </si>
  <si>
    <t>cg14285539</t>
  </si>
  <si>
    <t>cg14285881</t>
  </si>
  <si>
    <t>cg14286256</t>
  </si>
  <si>
    <t>cg14286378</t>
  </si>
  <si>
    <t>cg14286682</t>
  </si>
  <si>
    <t>cg14287618</t>
  </si>
  <si>
    <t>cg14288235</t>
  </si>
  <si>
    <t>cg14288424</t>
  </si>
  <si>
    <t>cg14288639</t>
  </si>
  <si>
    <t>cg14288876</t>
  </si>
  <si>
    <t>cg14289738</t>
  </si>
  <si>
    <t>cg14290593</t>
  </si>
  <si>
    <t>cg14291278</t>
  </si>
  <si>
    <t>cg14293223</t>
  </si>
  <si>
    <t>cg14293473</t>
  </si>
  <si>
    <t>cg14294240</t>
  </si>
  <si>
    <t>cg14294444</t>
  </si>
  <si>
    <t>cg14294646</t>
  </si>
  <si>
    <t>cg14295062</t>
  </si>
  <si>
    <t>cg14295611</t>
  </si>
  <si>
    <t>cg14297444</t>
  </si>
  <si>
    <t>cg14297546</t>
  </si>
  <si>
    <t>cg14297966</t>
  </si>
  <si>
    <t>cg14298589</t>
  </si>
  <si>
    <t>cg14299157</t>
  </si>
  <si>
    <t>cg14299675</t>
  </si>
  <si>
    <t>cg14299800</t>
  </si>
  <si>
    <t>cg14300019</t>
  </si>
  <si>
    <t>cg14300048</t>
  </si>
  <si>
    <t>cg14300823</t>
  </si>
  <si>
    <t>cg14303017</t>
  </si>
  <si>
    <t>cg14303187</t>
  </si>
  <si>
    <t>cg14304496</t>
  </si>
  <si>
    <t>cg14305028</t>
  </si>
  <si>
    <t>cg14305420</t>
  </si>
  <si>
    <t>cg14305659</t>
  </si>
  <si>
    <t>cg14305942</t>
  </si>
  <si>
    <t>cg14307214</t>
  </si>
  <si>
    <t>cg14307304</t>
  </si>
  <si>
    <t>cg14307853</t>
  </si>
  <si>
    <t>cg14308304</t>
  </si>
  <si>
    <t>cg14308424</t>
  </si>
  <si>
    <t>cg14310606</t>
  </si>
  <si>
    <t>cg14310831</t>
  </si>
  <si>
    <t>cg14312133</t>
  </si>
  <si>
    <t>cg14312921</t>
  </si>
  <si>
    <t>cg14312965</t>
  </si>
  <si>
    <t>cg14313748</t>
  </si>
  <si>
    <t>cg14313833</t>
  </si>
  <si>
    <t>cg14315842</t>
  </si>
  <si>
    <t>cg14316227</t>
  </si>
  <si>
    <t>cg14316431</t>
  </si>
  <si>
    <t>cg14316865</t>
  </si>
  <si>
    <t>cg14317712</t>
  </si>
  <si>
    <t>cg14318249</t>
  </si>
  <si>
    <t>cg14320195</t>
  </si>
  <si>
    <t>cg14320852</t>
  </si>
  <si>
    <t>cg14321284</t>
  </si>
  <si>
    <t>cg14321708</t>
  </si>
  <si>
    <t>cg14322343</t>
  </si>
  <si>
    <t>cg14322570</t>
  </si>
  <si>
    <t>cg14323067</t>
  </si>
  <si>
    <t>cg14323675</t>
  </si>
  <si>
    <t>cg14325160</t>
  </si>
  <si>
    <t>cg14326305</t>
  </si>
  <si>
    <t>cg14326607</t>
  </si>
  <si>
    <t>cg14326805</t>
  </si>
  <si>
    <t>cg14327393</t>
  </si>
  <si>
    <t>cg14328477</t>
  </si>
  <si>
    <t>cg14328779</t>
  </si>
  <si>
    <t>cg14329685</t>
  </si>
  <si>
    <t>cg14331104</t>
  </si>
  <si>
    <t>cg14331619</t>
  </si>
  <si>
    <t>cg14331623</t>
  </si>
  <si>
    <t>cg14333394</t>
  </si>
  <si>
    <t>cg14334041</t>
  </si>
  <si>
    <t>cg14334258</t>
  </si>
  <si>
    <t>cg14334350</t>
  </si>
  <si>
    <t>cg14334460</t>
  </si>
  <si>
    <t>cg14334824</t>
  </si>
  <si>
    <t>cg14335142</t>
  </si>
  <si>
    <t>cg14335159</t>
  </si>
  <si>
    <t>cg14335478</t>
  </si>
  <si>
    <t>cg14336658</t>
  </si>
  <si>
    <t>cg14337129</t>
  </si>
  <si>
    <t>cg14339760</t>
  </si>
  <si>
    <t>cg14340481</t>
  </si>
  <si>
    <t>cg14340852</t>
  </si>
  <si>
    <t>cg14341177</t>
  </si>
  <si>
    <t>cg14341520</t>
  </si>
  <si>
    <t>cg14341551</t>
  </si>
  <si>
    <t>cg14343178</t>
  </si>
  <si>
    <t>cg14343266</t>
  </si>
  <si>
    <t>cg14344989</t>
  </si>
  <si>
    <t>cg14346895</t>
  </si>
  <si>
    <t>cg14347914</t>
  </si>
  <si>
    <t>cg14350002</t>
  </si>
  <si>
    <t>cg14350114</t>
  </si>
  <si>
    <t>cg14350545</t>
  </si>
  <si>
    <t>cg14350693</t>
  </si>
  <si>
    <t>cg14350701</t>
  </si>
  <si>
    <t>cg14352140</t>
  </si>
  <si>
    <t>cg14352658</t>
  </si>
  <si>
    <t>cg14353001</t>
  </si>
  <si>
    <t>cg14353506</t>
  </si>
  <si>
    <t>cg14353956</t>
  </si>
  <si>
    <t>cg14354024</t>
  </si>
  <si>
    <t>cg14355192</t>
  </si>
  <si>
    <t>cg14356190</t>
  </si>
  <si>
    <t>cg14356362</t>
  </si>
  <si>
    <t>cg14357259</t>
  </si>
  <si>
    <t>cg14359934</t>
  </si>
  <si>
    <t>cg14360440</t>
  </si>
  <si>
    <t>cg14360663</t>
  </si>
  <si>
    <t>cg14361001</t>
  </si>
  <si>
    <t>cg14361033</t>
  </si>
  <si>
    <t>cg14361654</t>
  </si>
  <si>
    <t>cg14361741</t>
  </si>
  <si>
    <t>cg14361947</t>
  </si>
  <si>
    <t>cg14362370</t>
  </si>
  <si>
    <t>cg14363096</t>
  </si>
  <si>
    <t>cg14363185</t>
  </si>
  <si>
    <t>cg14363469</t>
  </si>
  <si>
    <t>cg14363954</t>
  </si>
  <si>
    <t>cg14363996</t>
  </si>
  <si>
    <t>cg14364129</t>
  </si>
  <si>
    <t>cg14364926</t>
  </si>
  <si>
    <t>cg14365300</t>
  </si>
  <si>
    <t>cg14365457</t>
  </si>
  <si>
    <t>cg14365564</t>
  </si>
  <si>
    <t>cg14365871</t>
  </si>
  <si>
    <t>cg14366256</t>
  </si>
  <si>
    <t>cg14367396</t>
  </si>
  <si>
    <t>cg14368247</t>
  </si>
  <si>
    <t>cg14368382</t>
  </si>
  <si>
    <t>cg14368473</t>
  </si>
  <si>
    <t>cg14368881</t>
  </si>
  <si>
    <t>cg14371312</t>
  </si>
  <si>
    <t>cg14372265</t>
  </si>
  <si>
    <t>cg14372452</t>
  </si>
  <si>
    <t>cg14372570</t>
  </si>
  <si>
    <t>cg14372996</t>
  </si>
  <si>
    <t>cg14374754</t>
  </si>
  <si>
    <t>cg14375461</t>
  </si>
  <si>
    <t>cg14375632</t>
  </si>
  <si>
    <t>cg14375640</t>
  </si>
  <si>
    <t>cg14375849</t>
  </si>
  <si>
    <t>cg14377171</t>
  </si>
  <si>
    <t>cg14377982</t>
  </si>
  <si>
    <t>cg14378608</t>
  </si>
  <si>
    <t>cg14379288</t>
  </si>
  <si>
    <t>cg14379939</t>
  </si>
  <si>
    <t>cg14380519</t>
  </si>
  <si>
    <t>cg14380600</t>
  </si>
  <si>
    <t>cg14380939</t>
  </si>
  <si>
    <t>cg14382750</t>
  </si>
  <si>
    <t>cg14383078</t>
  </si>
  <si>
    <t>cg14383549</t>
  </si>
  <si>
    <t>cg14383611</t>
  </si>
  <si>
    <t>cg14384093</t>
  </si>
  <si>
    <t>cg14384283</t>
  </si>
  <si>
    <t>cg14384930</t>
  </si>
  <si>
    <t>cg14385362</t>
  </si>
  <si>
    <t>cg14386867</t>
  </si>
  <si>
    <t>cg14388093</t>
  </si>
  <si>
    <t>cg14389418</t>
  </si>
  <si>
    <t>cg14389939</t>
  </si>
  <si>
    <t>cg14390143</t>
  </si>
  <si>
    <t>cg14391240</t>
  </si>
  <si>
    <t>cg14392725</t>
  </si>
  <si>
    <t>cg14392755</t>
  </si>
  <si>
    <t>cg14392772</t>
  </si>
  <si>
    <t>cg14392985</t>
  </si>
  <si>
    <t>cg14394077</t>
  </si>
  <si>
    <t>cg14395791</t>
  </si>
  <si>
    <t>cg14395897</t>
  </si>
  <si>
    <t>cg14396035</t>
  </si>
  <si>
    <t>cg14396800</t>
  </si>
  <si>
    <t>cg14396892</t>
  </si>
  <si>
    <t>cg14398359</t>
  </si>
  <si>
    <t>cg14398877</t>
  </si>
  <si>
    <t>cg14398988</t>
  </si>
  <si>
    <t>cg14399122</t>
  </si>
  <si>
    <t>cg14399183</t>
  </si>
  <si>
    <t>cg14399569</t>
  </si>
  <si>
    <t>cg14399863</t>
  </si>
  <si>
    <t>cg14400672</t>
  </si>
  <si>
    <t>cg14400763</t>
  </si>
  <si>
    <t>cg14403068</t>
  </si>
  <si>
    <t>cg14403200</t>
  </si>
  <si>
    <t>cg14403642</t>
  </si>
  <si>
    <t>cg14403776</t>
  </si>
  <si>
    <t>cg14404443</t>
  </si>
  <si>
    <t>cg14404481</t>
  </si>
  <si>
    <t>cg14405344</t>
  </si>
  <si>
    <t>cg14405448</t>
  </si>
  <si>
    <t>cg14405625</t>
  </si>
  <si>
    <t>cg14405643</t>
  </si>
  <si>
    <t>cg14405839</t>
  </si>
  <si>
    <t>cg14407698</t>
  </si>
  <si>
    <t>cg14408272</t>
  </si>
  <si>
    <t>cg14408339</t>
  </si>
  <si>
    <t>cg14408447</t>
  </si>
  <si>
    <t>cg14408997</t>
  </si>
  <si>
    <t>cg14409919</t>
  </si>
  <si>
    <t>cg14409940</t>
  </si>
  <si>
    <t>cg14410137</t>
  </si>
  <si>
    <t>cg14410198</t>
  </si>
  <si>
    <t>cg14410557</t>
  </si>
  <si>
    <t>cg14410589</t>
  </si>
  <si>
    <t>cg14411282</t>
  </si>
  <si>
    <t>cg14412459</t>
  </si>
  <si>
    <t>cg14412639</t>
  </si>
  <si>
    <t>cg14413165</t>
  </si>
  <si>
    <t>cg14413584</t>
  </si>
  <si>
    <t>cg14413721</t>
  </si>
  <si>
    <t>cg14413996</t>
  </si>
  <si>
    <t>cg14414100</t>
  </si>
  <si>
    <t>cg14414406</t>
  </si>
  <si>
    <t>cg14414873</t>
  </si>
  <si>
    <t>cg14415079</t>
  </si>
  <si>
    <t>cg14415770</t>
  </si>
  <si>
    <t>cg14415800</t>
  </si>
  <si>
    <t>cg14415829</t>
  </si>
  <si>
    <t>cg14415954</t>
  </si>
  <si>
    <t>cg14416047</t>
  </si>
  <si>
    <t>cg14416294</t>
  </si>
  <si>
    <t>cg14416875</t>
  </si>
  <si>
    <t>cg14417830</t>
  </si>
  <si>
    <t>cg14417974</t>
  </si>
  <si>
    <t>cg14418321</t>
  </si>
  <si>
    <t>cg14418690</t>
  </si>
  <si>
    <t>cg14418693</t>
  </si>
  <si>
    <t>cg14419310</t>
  </si>
  <si>
    <t>cg14420108</t>
  </si>
  <si>
    <t>cg14420982</t>
  </si>
  <si>
    <t>cg14421371</t>
  </si>
  <si>
    <t>cg14421779</t>
  </si>
  <si>
    <t>cg14422827</t>
  </si>
  <si>
    <t>cg14422903</t>
  </si>
  <si>
    <t>cg14423485</t>
  </si>
  <si>
    <t>cg14424770</t>
  </si>
  <si>
    <t>cg14424836</t>
  </si>
  <si>
    <t>cg14424963</t>
  </si>
  <si>
    <t>cg14425045</t>
  </si>
  <si>
    <t>cg14425428</t>
  </si>
  <si>
    <t>cg14425869</t>
  </si>
  <si>
    <t>cg14425888</t>
  </si>
  <si>
    <t>cg14426371</t>
  </si>
  <si>
    <t>cg14427972</t>
  </si>
  <si>
    <t>cg14428080</t>
  </si>
  <si>
    <t>cg14428225</t>
  </si>
  <si>
    <t>cg14431099</t>
  </si>
  <si>
    <t>cg14431587</t>
  </si>
  <si>
    <t>cg14431734</t>
  </si>
  <si>
    <t>cg14433392</t>
  </si>
  <si>
    <t>cg14434922</t>
  </si>
  <si>
    <t>cg14435659</t>
  </si>
  <si>
    <t>cg14436491</t>
  </si>
  <si>
    <t>cg14436735</t>
  </si>
  <si>
    <t>cg14437002</t>
  </si>
  <si>
    <t>cg14437996</t>
  </si>
  <si>
    <t>cg14438325</t>
  </si>
  <si>
    <t>cg14438363</t>
  </si>
  <si>
    <t>cg14439753</t>
  </si>
  <si>
    <t>cg14440550</t>
  </si>
  <si>
    <t>cg14442421</t>
  </si>
  <si>
    <t>cg14442518</t>
  </si>
  <si>
    <t>cg14443041</t>
  </si>
  <si>
    <t>cg14443182</t>
  </si>
  <si>
    <t>cg14443472</t>
  </si>
  <si>
    <t>cg14443692</t>
  </si>
  <si>
    <t>cg14443726</t>
  </si>
  <si>
    <t>cg14443925</t>
  </si>
  <si>
    <t>cg14444126</t>
  </si>
  <si>
    <t>cg14444476</t>
  </si>
  <si>
    <t>cg14445012</t>
  </si>
  <si>
    <t>cg14445047</t>
  </si>
  <si>
    <t>cg14445171</t>
  </si>
  <si>
    <t>cg14446406</t>
  </si>
  <si>
    <t>cg14446622</t>
  </si>
  <si>
    <t>cg14447608</t>
  </si>
  <si>
    <t>cg14447810</t>
  </si>
  <si>
    <t>cg14448248</t>
  </si>
  <si>
    <t>cg14448765</t>
  </si>
  <si>
    <t>cg14449524</t>
  </si>
  <si>
    <t>cg14450339</t>
  </si>
  <si>
    <t>cg14452299</t>
  </si>
  <si>
    <t>cg14452322</t>
  </si>
  <si>
    <t>cg14452816</t>
  </si>
  <si>
    <t>cg14453423</t>
  </si>
  <si>
    <t>cg14453967</t>
  </si>
  <si>
    <t>cg14458908</t>
  </si>
  <si>
    <t>cg14460431</t>
  </si>
  <si>
    <t>cg14461852</t>
  </si>
  <si>
    <t>cg14462040</t>
  </si>
  <si>
    <t>cg14462758</t>
  </si>
  <si>
    <t>cg14464245</t>
  </si>
  <si>
    <t>cg14464711</t>
  </si>
  <si>
    <t>cg14466251</t>
  </si>
  <si>
    <t>cg14467134</t>
  </si>
  <si>
    <t>cg14467281</t>
  </si>
  <si>
    <t>cg14467654</t>
  </si>
  <si>
    <t>cg14467690</t>
  </si>
  <si>
    <t>cg14468408</t>
  </si>
  <si>
    <t>cg14469684</t>
  </si>
  <si>
    <t>cg14469972</t>
  </si>
  <si>
    <t>cg14470448</t>
  </si>
  <si>
    <t>cg14470479</t>
  </si>
  <si>
    <t>cg14470976</t>
  </si>
  <si>
    <t>cg14471402</t>
  </si>
  <si>
    <t>cg14472086</t>
  </si>
  <si>
    <t>cg14472181</t>
  </si>
  <si>
    <t>cg14472972</t>
  </si>
  <si>
    <t>cg14473416</t>
  </si>
  <si>
    <t>cg14473811</t>
  </si>
  <si>
    <t>cg14473838</t>
  </si>
  <si>
    <t>cg14474791</t>
  </si>
  <si>
    <t>cg14476213</t>
  </si>
  <si>
    <t>cg14476358</t>
  </si>
  <si>
    <t>cg14476562</t>
  </si>
  <si>
    <t>cg14477471</t>
  </si>
  <si>
    <t>cg14477581</t>
  </si>
  <si>
    <t>cg14477673</t>
  </si>
  <si>
    <t>cg14478475</t>
  </si>
  <si>
    <t>cg14479136</t>
  </si>
  <si>
    <t>cg14479301</t>
  </si>
  <si>
    <t>cg14479306</t>
  </si>
  <si>
    <t>cg14481454</t>
  </si>
  <si>
    <t>cg14483161</t>
  </si>
  <si>
    <t>cg14484688</t>
  </si>
  <si>
    <t>cg14484793</t>
  </si>
  <si>
    <t>cg14485581</t>
  </si>
  <si>
    <t>cg14485901</t>
  </si>
  <si>
    <t>cg14486634</t>
  </si>
  <si>
    <t>cg14486892</t>
  </si>
  <si>
    <t>cg14487111</t>
  </si>
  <si>
    <t>cg14487855</t>
  </si>
  <si>
    <t>cg14488390</t>
  </si>
  <si>
    <t>cg14489049</t>
  </si>
  <si>
    <t>cg14489965</t>
  </si>
  <si>
    <t>cg14491667</t>
  </si>
  <si>
    <t>cg14492872</t>
  </si>
  <si>
    <t>cg14493055</t>
  </si>
  <si>
    <t>cg14493267</t>
  </si>
  <si>
    <t>cg14493637</t>
  </si>
  <si>
    <t>cg14494421</t>
  </si>
  <si>
    <t>cg14494733</t>
  </si>
  <si>
    <t>cg14495033</t>
  </si>
  <si>
    <t>cg14495399</t>
  </si>
  <si>
    <t>cg14495514</t>
  </si>
  <si>
    <t>cg14495958</t>
  </si>
  <si>
    <t>cg14496048</t>
  </si>
  <si>
    <t>cg14496346</t>
  </si>
  <si>
    <t>cg14497841</t>
  </si>
  <si>
    <t>cg14498394</t>
  </si>
  <si>
    <t>cg14501697</t>
  </si>
  <si>
    <t>cg14501985</t>
  </si>
  <si>
    <t>cg14502431</t>
  </si>
  <si>
    <t>cg14502669</t>
  </si>
  <si>
    <t>cg14502713</t>
  </si>
  <si>
    <t>cg14503357</t>
  </si>
  <si>
    <t>cg14503815</t>
  </si>
  <si>
    <t>cg14504259</t>
  </si>
  <si>
    <t>cg14504440</t>
  </si>
  <si>
    <t>cg14504522</t>
  </si>
  <si>
    <t>cg14504586</t>
  </si>
  <si>
    <t>cg14505439</t>
  </si>
  <si>
    <t>cg14505667</t>
  </si>
  <si>
    <t>cg14506032</t>
  </si>
  <si>
    <t>cg14506657</t>
  </si>
  <si>
    <t>cg14506722</t>
  </si>
  <si>
    <t>cg14507088</t>
  </si>
  <si>
    <t>cg14507845</t>
  </si>
  <si>
    <t>cg14508973</t>
  </si>
  <si>
    <t>cg14509153</t>
  </si>
  <si>
    <t>cg14509390</t>
  </si>
  <si>
    <t>cg14511376</t>
  </si>
  <si>
    <t>cg14512309</t>
  </si>
  <si>
    <t>cg14513210</t>
  </si>
  <si>
    <t>cg14513448</t>
  </si>
  <si>
    <t>cg14513680</t>
  </si>
  <si>
    <t>cg14514569</t>
  </si>
  <si>
    <t>cg14515381</t>
  </si>
  <si>
    <t>cg14519093</t>
  </si>
  <si>
    <t>cg14519323</t>
  </si>
  <si>
    <t>cg14519598</t>
  </si>
  <si>
    <t>cg14519950</t>
  </si>
  <si>
    <t>cg14520423</t>
  </si>
  <si>
    <t>cg14521115</t>
  </si>
  <si>
    <t>cg14521777</t>
  </si>
  <si>
    <t>cg14521987</t>
  </si>
  <si>
    <t>cg14522304</t>
  </si>
  <si>
    <t>cg14522767</t>
  </si>
  <si>
    <t>cg14523131</t>
  </si>
  <si>
    <t>cg14523204</t>
  </si>
  <si>
    <t>cg14523238</t>
  </si>
  <si>
    <t>cg14523259</t>
  </si>
  <si>
    <t>cg14525247</t>
  </si>
  <si>
    <t>cg14526997</t>
  </si>
  <si>
    <t>cg14527645</t>
  </si>
  <si>
    <t>cg14527875</t>
  </si>
  <si>
    <t>cg14529565</t>
  </si>
  <si>
    <t>cg14530184</t>
  </si>
  <si>
    <t>cg14531437</t>
  </si>
  <si>
    <t>cg14531834</t>
  </si>
  <si>
    <t>cg14532484</t>
  </si>
  <si>
    <t>cg14532894</t>
  </si>
  <si>
    <t>cg14533412</t>
  </si>
  <si>
    <t>cg14534848</t>
  </si>
  <si>
    <t>cg14535828</t>
  </si>
  <si>
    <t>cg14536881</t>
  </si>
  <si>
    <t>cg14536906</t>
  </si>
  <si>
    <t>cg14537179</t>
  </si>
  <si>
    <t>cg14538085</t>
  </si>
  <si>
    <t>cg14538806</t>
  </si>
  <si>
    <t>cg14540913</t>
  </si>
  <si>
    <t>cg14541011</t>
  </si>
  <si>
    <t>cg14541848</t>
  </si>
  <si>
    <t>cg14542950</t>
  </si>
  <si>
    <t>cg14543630</t>
  </si>
  <si>
    <t>cg14544641</t>
  </si>
  <si>
    <t>cg14545570</t>
  </si>
  <si>
    <t>cg14545834</t>
  </si>
  <si>
    <t>cg14547028</t>
  </si>
  <si>
    <t>cg14547996</t>
  </si>
  <si>
    <t>cg14548038</t>
  </si>
  <si>
    <t>cg14548264</t>
  </si>
  <si>
    <t>cg14549057</t>
  </si>
  <si>
    <t>cg14549951</t>
  </si>
  <si>
    <t>cg14550153</t>
  </si>
  <si>
    <t>cg14550760</t>
  </si>
  <si>
    <t>cg14551562</t>
  </si>
  <si>
    <t>cg14552026</t>
  </si>
  <si>
    <t>cg14552106</t>
  </si>
  <si>
    <t>cg14554176</t>
  </si>
  <si>
    <t>cg14554488</t>
  </si>
  <si>
    <t>cg14554618</t>
  </si>
  <si>
    <t>cg14555265</t>
  </si>
  <si>
    <t>cg14555996</t>
  </si>
  <si>
    <t>cg14556616</t>
  </si>
  <si>
    <t>cg14556677</t>
  </si>
  <si>
    <t>cg14557216</t>
  </si>
  <si>
    <t>cg14557554</t>
  </si>
  <si>
    <t>cg14557690</t>
  </si>
  <si>
    <t>cg14559176</t>
  </si>
  <si>
    <t>cg14560040</t>
  </si>
  <si>
    <t>cg14560064</t>
  </si>
  <si>
    <t>cg14560093</t>
  </si>
  <si>
    <t>cg14560364</t>
  </si>
  <si>
    <t>cg14560571</t>
  </si>
  <si>
    <t>cg14561360</t>
  </si>
  <si>
    <t>cg14561444</t>
  </si>
  <si>
    <t>cg14561892</t>
  </si>
  <si>
    <t>cg14561904</t>
  </si>
  <si>
    <t>cg14562158</t>
  </si>
  <si>
    <t>cg14562786</t>
  </si>
  <si>
    <t>cg14563449</t>
  </si>
  <si>
    <t>cg14563637</t>
  </si>
  <si>
    <t>cg14563790</t>
  </si>
  <si>
    <t>cg14563831</t>
  </si>
  <si>
    <t>cg14564021</t>
  </si>
  <si>
    <t>cg14564229</t>
  </si>
  <si>
    <t>cg14564826</t>
  </si>
  <si>
    <t>cg14565687</t>
  </si>
  <si>
    <t>cg14567085</t>
  </si>
  <si>
    <t>cg14567214</t>
  </si>
  <si>
    <t>cg14567374</t>
  </si>
  <si>
    <t>cg14569380</t>
  </si>
  <si>
    <t>cg14571284</t>
  </si>
  <si>
    <t>cg14572728</t>
  </si>
  <si>
    <t>cg14572845</t>
  </si>
  <si>
    <t>cg14574047</t>
  </si>
  <si>
    <t>cg14574728</t>
  </si>
  <si>
    <t>cg14575222</t>
  </si>
  <si>
    <t>cg14576258</t>
  </si>
  <si>
    <t>cg14576291</t>
  </si>
  <si>
    <t>cg14577406</t>
  </si>
  <si>
    <t>cg14578284</t>
  </si>
  <si>
    <t>cg14578355</t>
  </si>
  <si>
    <t>cg14578358</t>
  </si>
  <si>
    <t>cg14578701</t>
  </si>
  <si>
    <t>cg14578852</t>
  </si>
  <si>
    <t>cg14579864</t>
  </si>
  <si>
    <t>cg14580297</t>
  </si>
  <si>
    <t>cg14580996</t>
  </si>
  <si>
    <t>cg14581063</t>
  </si>
  <si>
    <t>cg14581628</t>
  </si>
  <si>
    <t>cg14581928</t>
  </si>
  <si>
    <t>cg14582501</t>
  </si>
  <si>
    <t>cg14582550</t>
  </si>
  <si>
    <t>cg14582636</t>
  </si>
  <si>
    <t>cg14582913</t>
  </si>
  <si>
    <t>cg14583686</t>
  </si>
  <si>
    <t>cg14585115</t>
  </si>
  <si>
    <t>cg14585174</t>
  </si>
  <si>
    <t>cg14585967</t>
  </si>
  <si>
    <t>cg14586500</t>
  </si>
  <si>
    <t>cg14586546</t>
  </si>
  <si>
    <t>cg14588448</t>
  </si>
  <si>
    <t>cg14588998</t>
  </si>
  <si>
    <t>cg14589236</t>
  </si>
  <si>
    <t>cg14590319</t>
  </si>
  <si>
    <t>cg14590331</t>
  </si>
  <si>
    <t>cg14591293</t>
  </si>
  <si>
    <t>cg14592830</t>
  </si>
  <si>
    <t>cg14593237</t>
  </si>
  <si>
    <t>cg14593536</t>
  </si>
  <si>
    <t>cg14594718</t>
  </si>
  <si>
    <t>cg14595570</t>
  </si>
  <si>
    <t>cg14596702</t>
  </si>
  <si>
    <t>cg14596987</t>
  </si>
  <si>
    <t>cg14597923</t>
  </si>
  <si>
    <t>cg14598025</t>
  </si>
  <si>
    <t>cg14599362</t>
  </si>
  <si>
    <t>cg14600363</t>
  </si>
  <si>
    <t>cg14600600</t>
  </si>
  <si>
    <t>cg14602234</t>
  </si>
  <si>
    <t>cg14603624</t>
  </si>
  <si>
    <t>cg14604007</t>
  </si>
  <si>
    <t>cg14604470</t>
  </si>
  <si>
    <t>cg14604475</t>
  </si>
  <si>
    <t>cg14604489</t>
  </si>
  <si>
    <t>cg14605447</t>
  </si>
  <si>
    <t>cg14605948</t>
  </si>
  <si>
    <t>cg14606321</t>
  </si>
  <si>
    <t>cg14607208</t>
  </si>
  <si>
    <t>cg14607955</t>
  </si>
  <si>
    <t>cg14609139</t>
  </si>
  <si>
    <t>cg14609668</t>
  </si>
  <si>
    <t>cg14610066</t>
  </si>
  <si>
    <t>cg14610335</t>
  </si>
  <si>
    <t>cg14611112</t>
  </si>
  <si>
    <t>cg14611152</t>
  </si>
  <si>
    <t>cg14611767</t>
  </si>
  <si>
    <t>cg14612966</t>
  </si>
  <si>
    <t>cg14614296</t>
  </si>
  <si>
    <t>cg14614337</t>
  </si>
  <si>
    <t>cg14614422</t>
  </si>
  <si>
    <t>cg14614490</t>
  </si>
  <si>
    <t>cg14614881</t>
  </si>
  <si>
    <t>cg14615377</t>
  </si>
  <si>
    <t>cg14615559</t>
  </si>
  <si>
    <t>cg14615893</t>
  </si>
  <si>
    <t>cg14615959</t>
  </si>
  <si>
    <t>cg14616345</t>
  </si>
  <si>
    <t>cg14618116</t>
  </si>
  <si>
    <t>cg14618634</t>
  </si>
  <si>
    <t>cg14618635</t>
  </si>
  <si>
    <t>cg14619560</t>
  </si>
  <si>
    <t>cg14622801</t>
  </si>
  <si>
    <t>cg14624381</t>
  </si>
  <si>
    <t>cg14625066</t>
  </si>
  <si>
    <t>cg14625154</t>
  </si>
  <si>
    <t>cg14625636</t>
  </si>
  <si>
    <t>cg14625975</t>
  </si>
  <si>
    <t>cg14629021</t>
  </si>
  <si>
    <t>cg14630692</t>
  </si>
  <si>
    <t>cg14631541</t>
  </si>
  <si>
    <t>cg14633052</t>
  </si>
  <si>
    <t>cg14633252</t>
  </si>
  <si>
    <t>cg14633329</t>
  </si>
  <si>
    <t>cg14635269</t>
  </si>
  <si>
    <t>cg14635629</t>
  </si>
  <si>
    <t>cg14636261</t>
  </si>
  <si>
    <t>cg14637470</t>
  </si>
  <si>
    <t>cg14638609</t>
  </si>
  <si>
    <t>cg14639919</t>
  </si>
  <si>
    <t>cg14640244</t>
  </si>
  <si>
    <t>cg14641472</t>
  </si>
  <si>
    <t>cg14641984</t>
  </si>
  <si>
    <t>cg14644008</t>
  </si>
  <si>
    <t>cg14645317</t>
  </si>
  <si>
    <t>cg14646548</t>
  </si>
  <si>
    <t>cg14646983</t>
  </si>
  <si>
    <t>cg14647253</t>
  </si>
  <si>
    <t>cg14648596</t>
  </si>
  <si>
    <t>cg14649449</t>
  </si>
  <si>
    <t>cg14651249</t>
  </si>
  <si>
    <t>cg14651896</t>
  </si>
  <si>
    <t>cg14651936</t>
  </si>
  <si>
    <t>cg14653977</t>
  </si>
  <si>
    <t>cg14654966</t>
  </si>
  <si>
    <t>cg14655242</t>
  </si>
  <si>
    <t>cg14655249</t>
  </si>
  <si>
    <t>cg14655590</t>
  </si>
  <si>
    <t>cg14655843</t>
  </si>
  <si>
    <t>cg14655994</t>
  </si>
  <si>
    <t>cg14656297</t>
  </si>
  <si>
    <t>cg14667033</t>
  </si>
  <si>
    <t>cg14695840</t>
  </si>
  <si>
    <t>cg14703163</t>
  </si>
  <si>
    <t>cg14715455</t>
  </si>
  <si>
    <t>cg14766769</t>
  </si>
  <si>
    <t>cg14802951</t>
  </si>
  <si>
    <t>cg14854310</t>
  </si>
  <si>
    <t>cg14871712</t>
  </si>
  <si>
    <t>cg14877741</t>
  </si>
  <si>
    <t>cg14916924</t>
  </si>
  <si>
    <t>cg14919562</t>
  </si>
  <si>
    <t>cg14928532</t>
  </si>
  <si>
    <t>cg14934821</t>
  </si>
  <si>
    <t>cg14952920</t>
  </si>
  <si>
    <t>cg14958041</t>
  </si>
  <si>
    <t>cg15000827</t>
  </si>
  <si>
    <t>cg15033036</t>
  </si>
  <si>
    <t>cg15072735</t>
  </si>
  <si>
    <t>cg15075170</t>
  </si>
  <si>
    <t>cg15083233</t>
  </si>
  <si>
    <t>cg15106452</t>
  </si>
  <si>
    <t>cg15139737</t>
  </si>
  <si>
    <t>cg15150472</t>
  </si>
  <si>
    <t>cg15183961</t>
  </si>
  <si>
    <t>cg15186584</t>
  </si>
  <si>
    <t>cg15188084</t>
  </si>
  <si>
    <t>cg15195276</t>
  </si>
  <si>
    <t>cg15237899</t>
  </si>
  <si>
    <t>cg15242570</t>
  </si>
  <si>
    <t>cg15248035</t>
  </si>
  <si>
    <t>cg15271616</t>
  </si>
  <si>
    <t>cg15282417</t>
  </si>
  <si>
    <t>cg15289658</t>
  </si>
  <si>
    <t>cg15330178</t>
  </si>
  <si>
    <t>cg15387123</t>
  </si>
  <si>
    <t>cg15396367</t>
  </si>
  <si>
    <t>cg15417498</t>
  </si>
  <si>
    <t>cg15418155</t>
  </si>
  <si>
    <t>cg15428653</t>
  </si>
  <si>
    <t>cg15459742</t>
  </si>
  <si>
    <t>cg15473423</t>
  </si>
  <si>
    <t>cg15473904</t>
  </si>
  <si>
    <t>cg15485728</t>
  </si>
  <si>
    <t>cg15504047</t>
  </si>
  <si>
    <t>cg15518883</t>
  </si>
  <si>
    <t>cg15526708</t>
  </si>
  <si>
    <t>cg15551881</t>
  </si>
  <si>
    <t>cg15583058</t>
  </si>
  <si>
    <t>cg15619125</t>
  </si>
  <si>
    <t>cg15623573</t>
  </si>
  <si>
    <t>cg15650274</t>
  </si>
  <si>
    <t>cg15664854</t>
  </si>
  <si>
    <t>cg15669228</t>
  </si>
  <si>
    <t>cg15670706</t>
  </si>
  <si>
    <t>cg15677916</t>
  </si>
  <si>
    <t>cg15689835</t>
  </si>
  <si>
    <t>cg15714041</t>
  </si>
  <si>
    <t>cg15739944</t>
  </si>
  <si>
    <t>cg15751452</t>
  </si>
  <si>
    <t>cg15753178</t>
  </si>
  <si>
    <t>cg15754405</t>
  </si>
  <si>
    <t>cg15769409</t>
  </si>
  <si>
    <t>cg15777570</t>
  </si>
  <si>
    <t>cg15785720</t>
  </si>
  <si>
    <t>cg15802898</t>
  </si>
  <si>
    <t>cg15814898</t>
  </si>
  <si>
    <t>cg15826006</t>
  </si>
  <si>
    <t>cg15829006</t>
  </si>
  <si>
    <t>cg15833797</t>
  </si>
  <si>
    <t>cg15850063</t>
  </si>
  <si>
    <t>cg15919045</t>
  </si>
  <si>
    <t>cg15919561</t>
  </si>
  <si>
    <t>cg15981195</t>
  </si>
  <si>
    <t>cg16025584</t>
  </si>
  <si>
    <t>cg16026088</t>
  </si>
  <si>
    <t>cg16037142</t>
  </si>
  <si>
    <t>cg16079347</t>
  </si>
  <si>
    <t>cg16082058</t>
  </si>
  <si>
    <t>cg16083800</t>
  </si>
  <si>
    <t>cg16093876</t>
  </si>
  <si>
    <t>cg16112945</t>
  </si>
  <si>
    <t>cg16147957</t>
  </si>
  <si>
    <t>cg16158807</t>
  </si>
  <si>
    <t>cg16160550</t>
  </si>
  <si>
    <t>cg16190350</t>
  </si>
  <si>
    <t>cg16213976</t>
  </si>
  <si>
    <t>cg16235034</t>
  </si>
  <si>
    <t>cg16242888</t>
  </si>
  <si>
    <t>cg16259069</t>
  </si>
  <si>
    <t>cg16274148</t>
  </si>
  <si>
    <t>cg16282910</t>
  </si>
  <si>
    <t>cg16284292</t>
  </si>
  <si>
    <t>cg16295988</t>
  </si>
  <si>
    <t>cg16351184</t>
  </si>
  <si>
    <t>cg16372751</t>
  </si>
  <si>
    <t>cg16386080</t>
  </si>
  <si>
    <t>cg16391101</t>
  </si>
  <si>
    <t>cg16408394</t>
  </si>
  <si>
    <t>cg16418630</t>
  </si>
  <si>
    <t>cg16480539</t>
  </si>
  <si>
    <t>cg16509045</t>
  </si>
  <si>
    <t>cg16510793</t>
  </si>
  <si>
    <t>cg16525358</t>
  </si>
  <si>
    <t>cg16536450</t>
  </si>
  <si>
    <t>cg16543294</t>
  </si>
  <si>
    <t>cg16598513</t>
  </si>
  <si>
    <t>cg16607364</t>
  </si>
  <si>
    <t>cg16626387</t>
  </si>
  <si>
    <t>cg16666160</t>
  </si>
  <si>
    <t>cg16688046</t>
  </si>
  <si>
    <t>cg16705389</t>
  </si>
  <si>
    <t>cg16714091</t>
  </si>
  <si>
    <t>cg16714096</t>
  </si>
  <si>
    <t>cg16758041</t>
  </si>
  <si>
    <t>cg16761041</t>
  </si>
  <si>
    <t>cg16769623</t>
  </si>
  <si>
    <t>cg16777839</t>
  </si>
  <si>
    <t>cg16785690</t>
  </si>
  <si>
    <t>cg16794665</t>
  </si>
  <si>
    <t>cg16799583</t>
  </si>
  <si>
    <t>cg16821755</t>
  </si>
  <si>
    <t>cg16829154</t>
  </si>
  <si>
    <t>cg16847800</t>
  </si>
  <si>
    <t>cg16872071</t>
  </si>
  <si>
    <t>cg16872918</t>
  </si>
  <si>
    <t>cg16874442</t>
  </si>
  <si>
    <t>cg16882684</t>
  </si>
  <si>
    <t>cg16894074</t>
  </si>
  <si>
    <t>cg16896647</t>
  </si>
  <si>
    <t>cg16898420</t>
  </si>
  <si>
    <t>cg16904306</t>
  </si>
  <si>
    <t>cg16947476</t>
  </si>
  <si>
    <t>cg16954458</t>
  </si>
  <si>
    <t>cg16956268</t>
  </si>
  <si>
    <t>cg16969852</t>
  </si>
  <si>
    <t>cg16989797</t>
  </si>
  <si>
    <t>cg16998207</t>
  </si>
  <si>
    <t>cg17009433</t>
  </si>
  <si>
    <t>cg17014378</t>
  </si>
  <si>
    <t>cg17018517</t>
  </si>
  <si>
    <t>cg17071957</t>
  </si>
  <si>
    <t>cg17141902</t>
  </si>
  <si>
    <t>cg17221864</t>
  </si>
  <si>
    <t>cg17235610</t>
  </si>
  <si>
    <t>cg17237460</t>
  </si>
  <si>
    <t>cg17276082</t>
  </si>
  <si>
    <t>cg17301902</t>
  </si>
  <si>
    <t>cg17320440</t>
  </si>
  <si>
    <t>cg17349081</t>
  </si>
  <si>
    <t>cg17353733</t>
  </si>
  <si>
    <t>cg17355191</t>
  </si>
  <si>
    <t>cg17379532</t>
  </si>
  <si>
    <t>cg17386777</t>
  </si>
  <si>
    <t>cg17406248</t>
  </si>
  <si>
    <t>cg17443080</t>
  </si>
  <si>
    <t>cg17457391</t>
  </si>
  <si>
    <t>cg17461735</t>
  </si>
  <si>
    <t>cg17465304</t>
  </si>
  <si>
    <t>cg17475200</t>
  </si>
  <si>
    <t>cg17482706</t>
  </si>
  <si>
    <t>cg17509612</t>
  </si>
  <si>
    <t>cg17511416</t>
  </si>
  <si>
    <t>cg17534202</t>
  </si>
  <si>
    <t>cg17536532</t>
  </si>
  <si>
    <t>cg17548900</t>
  </si>
  <si>
    <t>cg17605235</t>
  </si>
  <si>
    <t>cg17606287</t>
  </si>
  <si>
    <t>cg17617223</t>
  </si>
  <si>
    <t>cg17617387</t>
  </si>
  <si>
    <t>cg17680088</t>
  </si>
  <si>
    <t>cg17701168</t>
  </si>
  <si>
    <t>cg17727989</t>
  </si>
  <si>
    <t>cg17729572</t>
  </si>
  <si>
    <t>cg17739181</t>
  </si>
  <si>
    <t>cg17742155</t>
  </si>
  <si>
    <t>cg17749443</t>
  </si>
  <si>
    <t>cg17755352</t>
  </si>
  <si>
    <t>cg17787219</t>
  </si>
  <si>
    <t>cg17806889</t>
  </si>
  <si>
    <t>cg17868994</t>
  </si>
  <si>
    <t>cg17869514</t>
  </si>
  <si>
    <t>cg17885719</t>
  </si>
  <si>
    <t>cg17887537</t>
  </si>
  <si>
    <t>cg17896097</t>
  </si>
  <si>
    <t>cg17902858</t>
  </si>
  <si>
    <t>cg17909890</t>
  </si>
  <si>
    <t>cg17920936</t>
  </si>
  <si>
    <t>cg17926114</t>
  </si>
  <si>
    <t>cg17930194</t>
  </si>
  <si>
    <t>cg17936488</t>
  </si>
  <si>
    <t>cg17954486</t>
  </si>
  <si>
    <t>cg17959722</t>
  </si>
  <si>
    <t>cg17961200</t>
  </si>
  <si>
    <t>cg17963089</t>
  </si>
  <si>
    <t>cg18007899</t>
  </si>
  <si>
    <t>cg18033770</t>
  </si>
  <si>
    <t>cg18055467</t>
  </si>
  <si>
    <t>cg18089000</t>
  </si>
  <si>
    <t>cg18090228</t>
  </si>
  <si>
    <t>cg18094907</t>
  </si>
  <si>
    <t>cg18115406</t>
  </si>
  <si>
    <t>cg18116636</t>
  </si>
  <si>
    <t>cg18197998</t>
  </si>
  <si>
    <t>cg18217252</t>
  </si>
  <si>
    <t>cg18224492</t>
  </si>
  <si>
    <t>cg18274896</t>
  </si>
  <si>
    <t>cg18277979</t>
  </si>
  <si>
    <t>cg18286698</t>
  </si>
  <si>
    <t>cg18301466</t>
  </si>
  <si>
    <t>cg18323993</t>
  </si>
  <si>
    <t>cg18360149</t>
  </si>
  <si>
    <t>cg18382590</t>
  </si>
  <si>
    <t>cg18403613</t>
  </si>
  <si>
    <t>cg18426557</t>
  </si>
  <si>
    <t>cg18428134</t>
  </si>
  <si>
    <t>cg18428373</t>
  </si>
  <si>
    <t>cg18474135</t>
  </si>
  <si>
    <t>cg18500462</t>
  </si>
  <si>
    <t>cg18502630</t>
  </si>
  <si>
    <t>cg18506679</t>
  </si>
  <si>
    <t>cg18521771</t>
  </si>
  <si>
    <t>cg18540325</t>
  </si>
  <si>
    <t>cg18654956</t>
  </si>
  <si>
    <t>cg18676053</t>
  </si>
  <si>
    <t>cg18676764</t>
  </si>
  <si>
    <t>cg18689253</t>
  </si>
  <si>
    <t>cg18736279</t>
  </si>
  <si>
    <t>cg18776287</t>
  </si>
  <si>
    <t>cg18798099</t>
  </si>
  <si>
    <t>cg18799510</t>
  </si>
  <si>
    <t>cg18819574</t>
  </si>
  <si>
    <t>cg18823302</t>
  </si>
  <si>
    <t>cg18832897</t>
  </si>
  <si>
    <t>cg18836847</t>
  </si>
  <si>
    <t>cg18855096</t>
  </si>
  <si>
    <t>cg18861917</t>
  </si>
  <si>
    <t>cg18877028</t>
  </si>
  <si>
    <t>cg18894938</t>
  </si>
  <si>
    <t>cg18904346</t>
  </si>
  <si>
    <t>cg18909525</t>
  </si>
  <si>
    <t>cg18928153</t>
  </si>
  <si>
    <t>cg18978193</t>
  </si>
  <si>
    <t>cg18984452</t>
  </si>
  <si>
    <t>cg19005033</t>
  </si>
  <si>
    <t>cg19005891</t>
  </si>
  <si>
    <t>cg19009323</t>
  </si>
  <si>
    <t>cg19026306</t>
  </si>
  <si>
    <t>cg19044630</t>
  </si>
  <si>
    <t>cg19047861</t>
  </si>
  <si>
    <t>cg19078334</t>
  </si>
  <si>
    <t>cg19102271</t>
  </si>
  <si>
    <t>cg19113375</t>
  </si>
  <si>
    <t>cg19113603</t>
  </si>
  <si>
    <t>cg19123107</t>
  </si>
  <si>
    <t>cg19143209</t>
  </si>
  <si>
    <t>cg19169234</t>
  </si>
  <si>
    <t>cg19180498</t>
  </si>
  <si>
    <t>cg19207487</t>
  </si>
  <si>
    <t>cg19257550</t>
  </si>
  <si>
    <t>cg19259127</t>
  </si>
  <si>
    <t>cg19264651</t>
  </si>
  <si>
    <t>cg19275834</t>
  </si>
  <si>
    <t>cg19287114</t>
  </si>
  <si>
    <t>cg19318511</t>
  </si>
  <si>
    <t>cg19327614</t>
  </si>
  <si>
    <t>cg19343707</t>
  </si>
  <si>
    <t>cg19350728</t>
  </si>
  <si>
    <t>cg19363579</t>
  </si>
  <si>
    <t>cg19365406</t>
  </si>
  <si>
    <t>cg19367388</t>
  </si>
  <si>
    <t>cg19398446</t>
  </si>
  <si>
    <t>cg19401867</t>
  </si>
  <si>
    <t>cg19404582</t>
  </si>
  <si>
    <t>cg19427701</t>
  </si>
  <si>
    <t>cg19461644</t>
  </si>
  <si>
    <t>cg19466372</t>
  </si>
  <si>
    <t>cg19478072</t>
  </si>
  <si>
    <t>cg19499985</t>
  </si>
  <si>
    <t>cg19509891</t>
  </si>
  <si>
    <t>cg19519624</t>
  </si>
  <si>
    <t>cg19523029</t>
  </si>
  <si>
    <t>cg19539824</t>
  </si>
  <si>
    <t>cg19571727</t>
  </si>
  <si>
    <t>cg19635712</t>
  </si>
  <si>
    <t>cg19684883</t>
  </si>
  <si>
    <t>cg19687075</t>
  </si>
  <si>
    <t>cg19734228</t>
  </si>
  <si>
    <t>cg19743759</t>
  </si>
  <si>
    <t>cg19746397</t>
  </si>
  <si>
    <t>cg19793376</t>
  </si>
  <si>
    <t>cg19807207</t>
  </si>
  <si>
    <t>cg19823329</t>
  </si>
  <si>
    <t>cg19857538</t>
  </si>
  <si>
    <t>cg19863405</t>
  </si>
  <si>
    <t>cg19864487</t>
  </si>
  <si>
    <t>cg19872814</t>
  </si>
  <si>
    <t>cg19875976</t>
  </si>
  <si>
    <t>cg19881177</t>
  </si>
  <si>
    <t>cg19915050</t>
  </si>
  <si>
    <t>cg19920899</t>
  </si>
  <si>
    <t>cg19930004</t>
  </si>
  <si>
    <t>cg19944367</t>
  </si>
  <si>
    <t>cg19954739</t>
  </si>
  <si>
    <t>cg19973884</t>
  </si>
  <si>
    <t>cg19989242</t>
  </si>
  <si>
    <t>cg19998432</t>
  </si>
  <si>
    <t>cg20017995</t>
  </si>
  <si>
    <t>cg20029026</t>
  </si>
  <si>
    <t>cg20042013</t>
  </si>
  <si>
    <t>cg20042228</t>
  </si>
  <si>
    <t>cg20074048</t>
  </si>
  <si>
    <t>cg20083676</t>
  </si>
  <si>
    <t>cg20109151</t>
  </si>
  <si>
    <t>cg20123298</t>
  </si>
  <si>
    <t>cg20141118</t>
  </si>
  <si>
    <t>cg20143773</t>
  </si>
  <si>
    <t>cg20163243</t>
  </si>
  <si>
    <t>cg20174000</t>
  </si>
  <si>
    <t>cg20184732</t>
  </si>
  <si>
    <t>cg20188282</t>
  </si>
  <si>
    <t>cg20212823</t>
  </si>
  <si>
    <t>cg20216130</t>
  </si>
  <si>
    <t>cg20227976</t>
  </si>
  <si>
    <t>cg20300246</t>
  </si>
  <si>
    <t>cg20311390</t>
  </si>
  <si>
    <t>cg20324199</t>
  </si>
  <si>
    <t>cg20355301</t>
  </si>
  <si>
    <t>cg20356482</t>
  </si>
  <si>
    <t>cg20373761</t>
  </si>
  <si>
    <t>cg20388256</t>
  </si>
  <si>
    <t>cg20390606</t>
  </si>
  <si>
    <t>cg20393975</t>
  </si>
  <si>
    <t>cg20403073</t>
  </si>
  <si>
    <t>cg20413392</t>
  </si>
  <si>
    <t>cg20414506</t>
  </si>
  <si>
    <t>cg20422318</t>
  </si>
  <si>
    <t>cg20503329</t>
  </si>
  <si>
    <t>cg20511797</t>
  </si>
  <si>
    <t>cg20513721</t>
  </si>
  <si>
    <t>cg20555477</t>
  </si>
  <si>
    <t>cg20555507</t>
  </si>
  <si>
    <t>cg20555778</t>
  </si>
  <si>
    <t>cg20569825</t>
  </si>
  <si>
    <t>cg20593100</t>
  </si>
  <si>
    <t>cg20595300</t>
  </si>
  <si>
    <t>cg20603424</t>
  </si>
  <si>
    <t>cg20610181</t>
  </si>
  <si>
    <t>cg20640266</t>
  </si>
  <si>
    <t>cg20645649</t>
  </si>
  <si>
    <t>cg20669572</t>
  </si>
  <si>
    <t>cg20684399</t>
  </si>
  <si>
    <t>cg20684615</t>
  </si>
  <si>
    <t>cg20698037</t>
  </si>
  <si>
    <t>cg20704406</t>
  </si>
  <si>
    <t>cg20789691</t>
  </si>
  <si>
    <t>cg20819397</t>
  </si>
  <si>
    <t>cg20859708</t>
  </si>
  <si>
    <t>cg20894495</t>
  </si>
  <si>
    <t>cg20926353</t>
  </si>
  <si>
    <t>cg20939662</t>
  </si>
  <si>
    <t>cg20960456</t>
  </si>
  <si>
    <t>cg20997159</t>
  </si>
  <si>
    <t>cg20998090</t>
  </si>
  <si>
    <t>cg21009400</t>
  </si>
  <si>
    <t>cg21010262</t>
  </si>
  <si>
    <t>cg21066537</t>
  </si>
  <si>
    <t>cg21100683</t>
  </si>
  <si>
    <t>cg21103913</t>
  </si>
  <si>
    <t>cg21120249</t>
  </si>
  <si>
    <t>cg21122774</t>
  </si>
  <si>
    <t>cg21123355</t>
  </si>
  <si>
    <t>cg21140292</t>
  </si>
  <si>
    <t>cg21155870</t>
  </si>
  <si>
    <t>cg21156263</t>
  </si>
  <si>
    <t>cg21157115</t>
  </si>
  <si>
    <t>cg21157725</t>
  </si>
  <si>
    <t>cg21158781</t>
  </si>
  <si>
    <t>cg21159858</t>
  </si>
  <si>
    <t>cg21161526</t>
  </si>
  <si>
    <t>cg21161568</t>
  </si>
  <si>
    <t>cg21161931</t>
  </si>
  <si>
    <t>cg21162344</t>
  </si>
  <si>
    <t>cg21162977</t>
  </si>
  <si>
    <t>cg21163015</t>
  </si>
  <si>
    <t>cg21163478</t>
  </si>
  <si>
    <t>cg21164640</t>
  </si>
  <si>
    <t>cg21164967</t>
  </si>
  <si>
    <t>cg21165051</t>
  </si>
  <si>
    <t>cg21165437</t>
  </si>
  <si>
    <t>cg21166047</t>
  </si>
  <si>
    <t>cg21166852</t>
  </si>
  <si>
    <t>cg21167135</t>
  </si>
  <si>
    <t>cg21168038</t>
  </si>
  <si>
    <t>cg21168489</t>
  </si>
  <si>
    <t>cg21169101</t>
  </si>
  <si>
    <t>cg21169611</t>
  </si>
  <si>
    <t>cg21169779</t>
  </si>
  <si>
    <t>cg21170304</t>
  </si>
  <si>
    <t>cg21170636</t>
  </si>
  <si>
    <t>cg21171204</t>
  </si>
  <si>
    <t>cg21171304</t>
  </si>
  <si>
    <t>cg21171704</t>
  </si>
  <si>
    <t>cg21172209</t>
  </si>
  <si>
    <t>cg21172807</t>
  </si>
  <si>
    <t>cg21173192</t>
  </si>
  <si>
    <t>cg21173721</t>
  </si>
  <si>
    <t>cg21174626</t>
  </si>
  <si>
    <t>cg21174841</t>
  </si>
  <si>
    <t>cg21174903</t>
  </si>
  <si>
    <t>cg21174911</t>
  </si>
  <si>
    <t>cg21174917</t>
  </si>
  <si>
    <t>cg21175174</t>
  </si>
  <si>
    <t>cg21177384</t>
  </si>
  <si>
    <t>cg21177599</t>
  </si>
  <si>
    <t>cg21177880</t>
  </si>
  <si>
    <t>cg21178645</t>
  </si>
  <si>
    <t>cg21178711</t>
  </si>
  <si>
    <t>cg21179305</t>
  </si>
  <si>
    <t>cg21179618</t>
  </si>
  <si>
    <t>cg21179713</t>
  </si>
  <si>
    <t>cg21179912</t>
  </si>
  <si>
    <t>cg21181474</t>
  </si>
  <si>
    <t>cg21181547</t>
  </si>
  <si>
    <t>cg21182700</t>
  </si>
  <si>
    <t>cg21184111</t>
  </si>
  <si>
    <t>cg21184327</t>
  </si>
  <si>
    <t>cg21184518</t>
  </si>
  <si>
    <t>cg21184629</t>
  </si>
  <si>
    <t>cg21184699</t>
  </si>
  <si>
    <t>cg21184800</t>
  </si>
  <si>
    <t>cg21186235</t>
  </si>
  <si>
    <t>cg21186268</t>
  </si>
  <si>
    <t>cg21186778</t>
  </si>
  <si>
    <t>cg21187004</t>
  </si>
  <si>
    <t>cg21188559</t>
  </si>
  <si>
    <t>cg21188610</t>
  </si>
  <si>
    <t>cg21190130</t>
  </si>
  <si>
    <t>cg21190895</t>
  </si>
  <si>
    <t>cg21191461</t>
  </si>
  <si>
    <t>cg21192468</t>
  </si>
  <si>
    <t>cg21193071</t>
  </si>
  <si>
    <t>cg21193451</t>
  </si>
  <si>
    <t>cg21194517</t>
  </si>
  <si>
    <t>cg21195290</t>
  </si>
  <si>
    <t>cg21195383</t>
  </si>
  <si>
    <t>cg21195468</t>
  </si>
  <si>
    <t>cg21195491</t>
  </si>
  <si>
    <t>cg21196492</t>
  </si>
  <si>
    <t>cg21196839</t>
  </si>
  <si>
    <t>cg21197594</t>
  </si>
  <si>
    <t>cg21197678</t>
  </si>
  <si>
    <t>cg21197796</t>
  </si>
  <si>
    <t>cg21199659</t>
  </si>
  <si>
    <t>cg21201357</t>
  </si>
  <si>
    <t>cg21201448</t>
  </si>
  <si>
    <t>cg21201924</t>
  </si>
  <si>
    <t>cg21202136</t>
  </si>
  <si>
    <t>cg21203097</t>
  </si>
  <si>
    <t>cg21203775</t>
  </si>
  <si>
    <t>cg21203902</t>
  </si>
  <si>
    <t>cg21204870</t>
  </si>
  <si>
    <t>cg21205865</t>
  </si>
  <si>
    <t>cg21207320</t>
  </si>
  <si>
    <t>cg21208062</t>
  </si>
  <si>
    <t>cg21208686</t>
  </si>
  <si>
    <t>cg21209395</t>
  </si>
  <si>
    <t>cg21209691</t>
  </si>
  <si>
    <t>cg21209815</t>
  </si>
  <si>
    <t>cg21210124</t>
  </si>
  <si>
    <t>cg21211866</t>
  </si>
  <si>
    <t>cg21212076</t>
  </si>
  <si>
    <t>cg21212139</t>
  </si>
  <si>
    <t>cg21212713</t>
  </si>
  <si>
    <t>cg21212881</t>
  </si>
  <si>
    <t>cg21213111</t>
  </si>
  <si>
    <t>cg21213388</t>
  </si>
  <si>
    <t>cg21213430</t>
  </si>
  <si>
    <t>cg21213617</t>
  </si>
  <si>
    <t>cg21214566</t>
  </si>
  <si>
    <t>cg21215024</t>
  </si>
  <si>
    <t>cg21215818</t>
  </si>
  <si>
    <t>cg21216944</t>
  </si>
  <si>
    <t>cg21217329</t>
  </si>
  <si>
    <t>cg21218848</t>
  </si>
  <si>
    <t>cg21219525</t>
  </si>
  <si>
    <t>cg21219996</t>
  </si>
  <si>
    <t>cg21220462</t>
  </si>
  <si>
    <t>cg21221786</t>
  </si>
  <si>
    <t>cg21222007</t>
  </si>
  <si>
    <t>cg21222556</t>
  </si>
  <si>
    <t>cg21222989</t>
  </si>
  <si>
    <t>cg21223423</t>
  </si>
  <si>
    <t>cg21223771</t>
  </si>
  <si>
    <t>cg21224347</t>
  </si>
  <si>
    <t>cg21225319</t>
  </si>
  <si>
    <t>cg21226353</t>
  </si>
  <si>
    <t>cg21226665</t>
  </si>
  <si>
    <t>cg21226735</t>
  </si>
  <si>
    <t>cg21226933</t>
  </si>
  <si>
    <t>cg21226938</t>
  </si>
  <si>
    <t>cg21227274</t>
  </si>
  <si>
    <t>cg21227347</t>
  </si>
  <si>
    <t>cg21227867</t>
  </si>
  <si>
    <t>cg21228259</t>
  </si>
  <si>
    <t>cg21229482</t>
  </si>
  <si>
    <t>cg21229975</t>
  </si>
  <si>
    <t>cg21231302</t>
  </si>
  <si>
    <t>cg21231912</t>
  </si>
  <si>
    <t>cg21232397</t>
  </si>
  <si>
    <t>cg21232754</t>
  </si>
  <si>
    <t>cg21233189</t>
  </si>
  <si>
    <t>cg21233377</t>
  </si>
  <si>
    <t>cg21233878</t>
  </si>
  <si>
    <t>cg21234123</t>
  </si>
  <si>
    <t>cg21234471</t>
  </si>
  <si>
    <t>cg21235215</t>
  </si>
  <si>
    <t>cg21235987</t>
  </si>
  <si>
    <t>cg21236153</t>
  </si>
  <si>
    <t>cg21236177</t>
  </si>
  <si>
    <t>cg21236500</t>
  </si>
  <si>
    <t>cg21237939</t>
  </si>
  <si>
    <t>cg21238812</t>
  </si>
  <si>
    <t>cg21239436</t>
  </si>
  <si>
    <t>cg21240272</t>
  </si>
  <si>
    <t>cg21240351</t>
  </si>
  <si>
    <t>cg21240736</t>
  </si>
  <si>
    <t>cg21240847</t>
  </si>
  <si>
    <t>cg21241477</t>
  </si>
  <si>
    <t>cg21241814</t>
  </si>
  <si>
    <t>cg21241889</t>
  </si>
  <si>
    <t>cg21242376</t>
  </si>
  <si>
    <t>cg21243227</t>
  </si>
  <si>
    <t>cg21243848</t>
  </si>
  <si>
    <t>cg21244116</t>
  </si>
  <si>
    <t>cg21244253</t>
  </si>
  <si>
    <t>cg21245207</t>
  </si>
  <si>
    <t>cg21246991</t>
  </si>
  <si>
    <t>cg21247001</t>
  </si>
  <si>
    <t>cg21247874</t>
  </si>
  <si>
    <t>cg21248188</t>
  </si>
  <si>
    <t>cg21248989</t>
  </si>
  <si>
    <t>cg21249366</t>
  </si>
  <si>
    <t>cg21249481</t>
  </si>
  <si>
    <t>cg21249829</t>
  </si>
  <si>
    <t>cg21249865</t>
  </si>
  <si>
    <t>cg21251125</t>
  </si>
  <si>
    <t>cg21251197</t>
  </si>
  <si>
    <t>cg21251230</t>
  </si>
  <si>
    <t>cg21252047</t>
  </si>
  <si>
    <t>cg21252552</t>
  </si>
  <si>
    <t>cg21257293</t>
  </si>
  <si>
    <t>cg21266178</t>
  </si>
  <si>
    <t>cg21276022</t>
  </si>
  <si>
    <t>cg21296037</t>
  </si>
  <si>
    <t>cg21316772</t>
  </si>
  <si>
    <t>cg21327826</t>
  </si>
  <si>
    <t>cg21331335</t>
  </si>
  <si>
    <t>cg21374547</t>
  </si>
  <si>
    <t>cg21383720</t>
  </si>
  <si>
    <t>cg21387302</t>
  </si>
  <si>
    <t>cg21388169</t>
  </si>
  <si>
    <t>cg21395077</t>
  </si>
  <si>
    <t>cg21413251</t>
  </si>
  <si>
    <t>cg21436938</t>
  </si>
  <si>
    <t>cg21439463</t>
  </si>
  <si>
    <t>cg21468416</t>
  </si>
  <si>
    <t>cg21469772</t>
  </si>
  <si>
    <t>cg21504624</t>
  </si>
  <si>
    <t>cg21511069</t>
  </si>
  <si>
    <t>cg21525244</t>
  </si>
  <si>
    <t>cg21526212</t>
  </si>
  <si>
    <t>cg21559783</t>
  </si>
  <si>
    <t>cg21594558</t>
  </si>
  <si>
    <t>cg21606237</t>
  </si>
  <si>
    <t>cg21607453</t>
  </si>
  <si>
    <t>cg21608116</t>
  </si>
  <si>
    <t>cg21614231</t>
  </si>
  <si>
    <t>cg21624883</t>
  </si>
  <si>
    <t>cg21684470</t>
  </si>
  <si>
    <t>cg21717724</t>
  </si>
  <si>
    <t>cg21746459</t>
  </si>
  <si>
    <t>cg21753834</t>
  </si>
  <si>
    <t>cg21806109</t>
  </si>
  <si>
    <t>cg21891967</t>
  </si>
  <si>
    <t>cg21893220</t>
  </si>
  <si>
    <t>cg21912567</t>
  </si>
  <si>
    <t>cg21964481</t>
  </si>
  <si>
    <t>cg21984310</t>
  </si>
  <si>
    <t>cg22002668</t>
  </si>
  <si>
    <t>cg22018784</t>
  </si>
  <si>
    <t>cg22032035</t>
  </si>
  <si>
    <t>cg22073802</t>
  </si>
  <si>
    <t>cg22078859</t>
  </si>
  <si>
    <t>cg22092745</t>
  </si>
  <si>
    <t>cg22098556</t>
  </si>
  <si>
    <t>cg22101703</t>
  </si>
  <si>
    <t>cg22105022</t>
  </si>
  <si>
    <t>cg22110273</t>
  </si>
  <si>
    <t>cg22110492</t>
  </si>
  <si>
    <t>cg22143282</t>
  </si>
  <si>
    <t>cg22153116</t>
  </si>
  <si>
    <t>cg22170618</t>
  </si>
  <si>
    <t>cg22175178</t>
  </si>
  <si>
    <t>cg22185643</t>
  </si>
  <si>
    <t>cg22192879</t>
  </si>
  <si>
    <t>cg22199779</t>
  </si>
  <si>
    <t>cg22244122</t>
  </si>
  <si>
    <t>cg22257574</t>
  </si>
  <si>
    <t>cg22257667</t>
  </si>
  <si>
    <t>cg22262168</t>
  </si>
  <si>
    <t>cg22284222</t>
  </si>
  <si>
    <t>cg22289360</t>
  </si>
  <si>
    <t>cg22304376</t>
  </si>
  <si>
    <t>cg22320235</t>
  </si>
  <si>
    <t>cg22344641</t>
  </si>
  <si>
    <t>cg22361321</t>
  </si>
  <si>
    <t>cg22367771</t>
  </si>
  <si>
    <t>cg22370339</t>
  </si>
  <si>
    <t>cg22397447</t>
  </si>
  <si>
    <t>cg22402007</t>
  </si>
  <si>
    <t>cg22420756</t>
  </si>
  <si>
    <t>cg22425466</t>
  </si>
  <si>
    <t>cg22438810</t>
  </si>
  <si>
    <t>cg22447839</t>
  </si>
  <si>
    <t>cg22455660</t>
  </si>
  <si>
    <t>cg22466590</t>
  </si>
  <si>
    <t>cg22482658</t>
  </si>
  <si>
    <t>cg22503400</t>
  </si>
  <si>
    <t>cg22535403</t>
  </si>
  <si>
    <t>cg22552736</t>
  </si>
  <si>
    <t>cg22571217</t>
  </si>
  <si>
    <t>cg22576265</t>
  </si>
  <si>
    <t>cg22579849</t>
  </si>
  <si>
    <t>cg22580065</t>
  </si>
  <si>
    <t>cg22582025</t>
  </si>
  <si>
    <t>cg22582113</t>
  </si>
  <si>
    <t>cg22587514</t>
  </si>
  <si>
    <t>cg22588936</t>
  </si>
  <si>
    <t>cg22658985</t>
  </si>
  <si>
    <t>cg22695151</t>
  </si>
  <si>
    <t>cg22719586</t>
  </si>
  <si>
    <t>cg22731190</t>
  </si>
  <si>
    <t>cg22747092</t>
  </si>
  <si>
    <t>cg22753607</t>
  </si>
  <si>
    <t>cg22775000</t>
  </si>
  <si>
    <t>cg22807823</t>
  </si>
  <si>
    <t>cg22828581</t>
  </si>
  <si>
    <t>cg22851781</t>
  </si>
  <si>
    <t>cg22863798</t>
  </si>
  <si>
    <t>cg22882201</t>
  </si>
  <si>
    <t>cg22902266</t>
  </si>
  <si>
    <t>cg22920498</t>
  </si>
  <si>
    <t>cg22924796</t>
  </si>
  <si>
    <t>cg22937320</t>
  </si>
  <si>
    <t>cg22968991</t>
  </si>
  <si>
    <t>cg22984256</t>
  </si>
  <si>
    <t>cg23003832</t>
  </si>
  <si>
    <t>cg23006204</t>
  </si>
  <si>
    <t>cg23017840</t>
  </si>
  <si>
    <t>cg23053961</t>
  </si>
  <si>
    <t>cg23059452</t>
  </si>
  <si>
    <t>cg23075568</t>
  </si>
  <si>
    <t>cg23124755</t>
  </si>
  <si>
    <t>cg23152772</t>
  </si>
  <si>
    <t>cg23155805</t>
  </si>
  <si>
    <t>cg23213170</t>
  </si>
  <si>
    <t>cg23233605</t>
  </si>
  <si>
    <t>cg23234510</t>
  </si>
  <si>
    <t>cg23255280</t>
  </si>
  <si>
    <t>cg23282771</t>
  </si>
  <si>
    <t>cg23300289</t>
  </si>
  <si>
    <t>cg23300897</t>
  </si>
  <si>
    <t>cg23313665</t>
  </si>
  <si>
    <t>cg23323867</t>
  </si>
  <si>
    <t>cg23333878</t>
  </si>
  <si>
    <t>cg23340478</t>
  </si>
  <si>
    <t>cg23342516</t>
  </si>
  <si>
    <t>cg23371825</t>
  </si>
  <si>
    <t>cg23379309</t>
  </si>
  <si>
    <t>cg23395310</t>
  </si>
  <si>
    <t>cg23420005</t>
  </si>
  <si>
    <t>cg23426587</t>
  </si>
  <si>
    <t>cg23449780</t>
  </si>
  <si>
    <t>cg23469878</t>
  </si>
  <si>
    <t>cg23492392</t>
  </si>
  <si>
    <t>cg23493585</t>
  </si>
  <si>
    <t>cg23553442</t>
  </si>
  <si>
    <t>cg23558473</t>
  </si>
  <si>
    <t>cg23565561</t>
  </si>
  <si>
    <t>cg23579062</t>
  </si>
  <si>
    <t>cg23583420</t>
  </si>
  <si>
    <t>cg23606421</t>
  </si>
  <si>
    <t>cg23617327</t>
  </si>
  <si>
    <t>cg23644854</t>
  </si>
  <si>
    <t>cg23655719</t>
  </si>
  <si>
    <t>cg23676114</t>
  </si>
  <si>
    <t>cg23699638</t>
  </si>
  <si>
    <t>cg23726526</t>
  </si>
  <si>
    <t>cg23743670</t>
  </si>
  <si>
    <t>cg23771929</t>
  </si>
  <si>
    <t>cg23804481</t>
  </si>
  <si>
    <t>cg23805360</t>
  </si>
  <si>
    <t>cg23815000</t>
  </si>
  <si>
    <t>cg23858286</t>
  </si>
  <si>
    <t>cg23861715</t>
  </si>
  <si>
    <t>cg23867978</t>
  </si>
  <si>
    <t>cg23902823</t>
  </si>
  <si>
    <t>cg23916167</t>
  </si>
  <si>
    <t>cg23916845</t>
  </si>
  <si>
    <t>cg23927014</t>
  </si>
  <si>
    <t>cg23964386</t>
  </si>
  <si>
    <t>cg24015249</t>
  </si>
  <si>
    <t>cg24046474</t>
  </si>
  <si>
    <t>cg24052851</t>
  </si>
  <si>
    <t>cg24062472</t>
  </si>
  <si>
    <t>cg24091498</t>
  </si>
  <si>
    <t>cg24119045</t>
  </si>
  <si>
    <t>cg24121001</t>
  </si>
  <si>
    <t>cg24142106</t>
  </si>
  <si>
    <t>cg24197888</t>
  </si>
  <si>
    <t>cg24267699</t>
  </si>
  <si>
    <t>cg24293567</t>
  </si>
  <si>
    <t>cg24313597</t>
  </si>
  <si>
    <t>cg24333422</t>
  </si>
  <si>
    <t>cg24340029</t>
  </si>
  <si>
    <t>cg24341498</t>
  </si>
  <si>
    <t>cg24354213</t>
  </si>
  <si>
    <t>cg24382823</t>
  </si>
  <si>
    <t>cg24443250</t>
  </si>
  <si>
    <t>cg24456846</t>
  </si>
  <si>
    <t>cg24468682</t>
  </si>
  <si>
    <t>cg24475171</t>
  </si>
  <si>
    <t>cg24537038</t>
  </si>
  <si>
    <t>cg24545967</t>
  </si>
  <si>
    <t>cg24556026</t>
  </si>
  <si>
    <t>cg24574495</t>
  </si>
  <si>
    <t>cg24595126</t>
  </si>
  <si>
    <t>cg24611631</t>
  </si>
  <si>
    <t>cg24622726</t>
  </si>
  <si>
    <t>cg24666695</t>
  </si>
  <si>
    <t>cg24730207</t>
  </si>
  <si>
    <t>cg24754277</t>
  </si>
  <si>
    <t>cg24761882</t>
  </si>
  <si>
    <t>cg24765394</t>
  </si>
  <si>
    <t>cg24770649</t>
  </si>
  <si>
    <t>cg24794433</t>
  </si>
  <si>
    <t>cg24818566</t>
  </si>
  <si>
    <t>cg24840072</t>
  </si>
  <si>
    <t>cg24852661</t>
  </si>
  <si>
    <t>cg24870676</t>
  </si>
  <si>
    <t>cg24871887</t>
  </si>
  <si>
    <t>cg24910675</t>
  </si>
  <si>
    <t>cg24912419</t>
  </si>
  <si>
    <t>cg24954168</t>
  </si>
  <si>
    <t>cg25020204</t>
  </si>
  <si>
    <t>cg25061843</t>
  </si>
  <si>
    <t>cg25068445</t>
  </si>
  <si>
    <t>cg25073708</t>
  </si>
  <si>
    <t>cg25090291</t>
  </si>
  <si>
    <t>cg25092540</t>
  </si>
  <si>
    <t>cg25118574</t>
  </si>
  <si>
    <t>cg25130385</t>
  </si>
  <si>
    <t>cg25141720</t>
  </si>
  <si>
    <t>cg25162921</t>
  </si>
  <si>
    <t>cg25179291</t>
  </si>
  <si>
    <t>cg25186211</t>
  </si>
  <si>
    <t>cg25200616</t>
  </si>
  <si>
    <t>cg25230532</t>
  </si>
  <si>
    <t>cg25249613</t>
  </si>
  <si>
    <t>cg25297277</t>
  </si>
  <si>
    <t>cg25307641</t>
  </si>
  <si>
    <t>cg25327452</t>
  </si>
  <si>
    <t>cg25344672</t>
  </si>
  <si>
    <t>cg25384157</t>
  </si>
  <si>
    <t>cg25391162</t>
  </si>
  <si>
    <t>cg25420952</t>
  </si>
  <si>
    <t>cg25449976</t>
  </si>
  <si>
    <t>cg25454755</t>
  </si>
  <si>
    <t>cg25479216</t>
  </si>
  <si>
    <t>cg25494064</t>
  </si>
  <si>
    <t>cg25509782</t>
  </si>
  <si>
    <t>cg25512587</t>
  </si>
  <si>
    <t>cg25530169</t>
  </si>
  <si>
    <t>cg25537774</t>
  </si>
  <si>
    <t>cg25542041</t>
  </si>
  <si>
    <t>cg25569582</t>
  </si>
  <si>
    <t>cg25570629</t>
  </si>
  <si>
    <t>cg25574769</t>
  </si>
  <si>
    <t>cg25580018</t>
  </si>
  <si>
    <t>cg25587233</t>
  </si>
  <si>
    <t>cg25591036</t>
  </si>
  <si>
    <t>cg25628743</t>
  </si>
  <si>
    <t>cg25632316</t>
  </si>
  <si>
    <t>cg25732252</t>
  </si>
  <si>
    <t>cg25744056</t>
  </si>
  <si>
    <t>cg25772769</t>
  </si>
  <si>
    <t>cg25812043</t>
  </si>
  <si>
    <t>cg25817244</t>
  </si>
  <si>
    <t>cg25822709</t>
  </si>
  <si>
    <t>cg25826098</t>
  </si>
  <si>
    <t>cg25884399</t>
  </si>
  <si>
    <t>cg25903966</t>
  </si>
  <si>
    <t>cg25905812</t>
  </si>
  <si>
    <t>cg25921461</t>
  </si>
  <si>
    <t>cg25927642</t>
  </si>
  <si>
    <t>cg25934198</t>
  </si>
  <si>
    <t>cg25935911</t>
  </si>
  <si>
    <t>cg25952247</t>
  </si>
  <si>
    <t>cg25954354</t>
  </si>
  <si>
    <t>cg25972405</t>
  </si>
  <si>
    <t>cg25983144</t>
  </si>
  <si>
    <t>cg26007077</t>
  </si>
  <si>
    <t>cg26014373</t>
  </si>
  <si>
    <t>cg26045119</t>
  </si>
  <si>
    <t>cg26053066</t>
  </si>
  <si>
    <t>cg26054672</t>
  </si>
  <si>
    <t>cg26056770</t>
  </si>
  <si>
    <t>cg26129108</t>
  </si>
  <si>
    <t>cg26164184</t>
  </si>
  <si>
    <t>cg26181372</t>
  </si>
  <si>
    <t>cg26220339</t>
  </si>
  <si>
    <t>cg26228569</t>
  </si>
  <si>
    <t>cg26232708</t>
  </si>
  <si>
    <t>cg26266274</t>
  </si>
  <si>
    <t>cg26288249</t>
  </si>
  <si>
    <t>cg26325209</t>
  </si>
  <si>
    <t>cg26349332</t>
  </si>
  <si>
    <t>cg26354398</t>
  </si>
  <si>
    <t>cg26364911</t>
  </si>
  <si>
    <t>cg26381783</t>
  </si>
  <si>
    <t>cg26386402</t>
  </si>
  <si>
    <t>cg26428825</t>
  </si>
  <si>
    <t>cg26430027</t>
  </si>
  <si>
    <t>cg26447413</t>
  </si>
  <si>
    <t>cg26461589</t>
  </si>
  <si>
    <t>cg26491484</t>
  </si>
  <si>
    <t>cg26520847</t>
  </si>
  <si>
    <t>cg26556078</t>
  </si>
  <si>
    <t>cg26581729</t>
  </si>
  <si>
    <t>cg26587051</t>
  </si>
  <si>
    <t>cg26607748</t>
  </si>
  <si>
    <t>cg26624914</t>
  </si>
  <si>
    <t>cg26664539</t>
  </si>
  <si>
    <t>cg26672426</t>
  </si>
  <si>
    <t>cg26681123</t>
  </si>
  <si>
    <t>cg26739510</t>
  </si>
  <si>
    <t>cg26756625</t>
  </si>
  <si>
    <t>cg26759551</t>
  </si>
  <si>
    <t>cg26779406</t>
  </si>
  <si>
    <t>cg26805528</t>
  </si>
  <si>
    <t>cg26831962</t>
  </si>
  <si>
    <t>cg26833602</t>
  </si>
  <si>
    <t>cg26850145</t>
  </si>
  <si>
    <t>cg26867575</t>
  </si>
  <si>
    <t>cg26907842</t>
  </si>
  <si>
    <t>cg26920757</t>
  </si>
  <si>
    <t>cg26943001</t>
  </si>
  <si>
    <t>cg26944151</t>
  </si>
  <si>
    <t>cg26945413</t>
  </si>
  <si>
    <t>cg26947060</t>
  </si>
  <si>
    <t>cg26949731</t>
  </si>
  <si>
    <t>cg26951763</t>
  </si>
  <si>
    <t>cg26964989</t>
  </si>
  <si>
    <t>cg26966384</t>
  </si>
  <si>
    <t>cg26979829</t>
  </si>
  <si>
    <t>cg26982695</t>
  </si>
  <si>
    <t>cg27024922</t>
  </si>
  <si>
    <t>cg27044506</t>
  </si>
  <si>
    <t>cg27099274</t>
  </si>
  <si>
    <t>cg27114512</t>
  </si>
  <si>
    <t>cg27152619</t>
  </si>
  <si>
    <t>cg27154237</t>
  </si>
  <si>
    <t>cg27163412</t>
  </si>
  <si>
    <t>cg27196842</t>
  </si>
  <si>
    <t>cg27204993</t>
  </si>
  <si>
    <t>cg27218220</t>
  </si>
  <si>
    <t>cg27286999</t>
  </si>
  <si>
    <t>cg27291231</t>
  </si>
  <si>
    <t>cg27322545</t>
  </si>
  <si>
    <t>cg27331292</t>
  </si>
  <si>
    <t>cg27336178</t>
  </si>
  <si>
    <t>cg27344462</t>
  </si>
  <si>
    <t>cg27363091</t>
  </si>
  <si>
    <t>cg27388345</t>
  </si>
  <si>
    <t>cg27408683</t>
  </si>
  <si>
    <t>cg27443224</t>
  </si>
  <si>
    <t>cg27478879</t>
  </si>
  <si>
    <t>cg27490193</t>
  </si>
  <si>
    <t>cg27497285</t>
  </si>
  <si>
    <t>cg27510871</t>
  </si>
  <si>
    <t>cg27558876</t>
  </si>
  <si>
    <t>cg27563126</t>
  </si>
  <si>
    <t>cg27592318</t>
  </si>
  <si>
    <t>cg27603630</t>
  </si>
  <si>
    <t>cg27649806</t>
  </si>
  <si>
    <t>cg27650175</t>
  </si>
  <si>
    <t>ch.9.16291106F</t>
  </si>
  <si>
    <t>ch.9.377428R</t>
  </si>
  <si>
    <t>ch.9.72278394R</t>
  </si>
  <si>
    <t>ch.9.941347R</t>
  </si>
  <si>
    <t>ch.9.77067993R</t>
  </si>
  <si>
    <t>ch.9.79515146F</t>
  </si>
  <si>
    <t>ch.9.1009386R</t>
  </si>
  <si>
    <t>ch.9.86947500F</t>
  </si>
  <si>
    <t>ch.9.1241711R</t>
  </si>
  <si>
    <t>ch.9.1355968F</t>
  </si>
  <si>
    <t>ch.9.97139671F</t>
  </si>
  <si>
    <t>ch.9.98937537R</t>
  </si>
  <si>
    <t>ch.9.1449587R</t>
  </si>
  <si>
    <t>ch.9.98957343R</t>
  </si>
  <si>
    <t>ch.9.107006705R</t>
  </si>
  <si>
    <t>ch.9.109254566R</t>
  </si>
  <si>
    <t>ch.9.120878154R</t>
  </si>
  <si>
    <t>ch.9.2042397F</t>
  </si>
  <si>
    <t>ch.9.2051689R</t>
  </si>
  <si>
    <t>ch.9.129616782F</t>
  </si>
  <si>
    <t>ch.9.130720330F</t>
  </si>
  <si>
    <t>ch.9.2172872F</t>
  </si>
  <si>
    <t>ch.9.2262725R</t>
  </si>
  <si>
    <t>ch.9.138894394R</t>
  </si>
  <si>
    <t>cg00001582</t>
  </si>
  <si>
    <t>cg00003722</t>
  </si>
  <si>
    <t>cg00006081</t>
  </si>
  <si>
    <t>cg00008671</t>
  </si>
  <si>
    <t>cg00010168</t>
  </si>
  <si>
    <t>cg00015024</t>
  </si>
  <si>
    <t>cg00022101</t>
  </si>
  <si>
    <t>cg00023233</t>
  </si>
  <si>
    <t>cg00025991</t>
  </si>
  <si>
    <t>cg00031402</t>
  </si>
  <si>
    <t>cg00036324</t>
  </si>
  <si>
    <t>cg00036732</t>
  </si>
  <si>
    <t>cg00037952</t>
  </si>
  <si>
    <t>cg00042156</t>
  </si>
  <si>
    <t>cg00045902</t>
  </si>
  <si>
    <t>cg00051979</t>
  </si>
  <si>
    <t>cg00055555</t>
  </si>
  <si>
    <t>cg00056497</t>
  </si>
  <si>
    <t>cg00057700</t>
  </si>
  <si>
    <t>cg00058771</t>
  </si>
  <si>
    <t>cg00060641</t>
  </si>
  <si>
    <t>cg00064080</t>
  </si>
  <si>
    <t>cg00064235</t>
  </si>
  <si>
    <t>cg00074415</t>
  </si>
  <si>
    <t>cg00075956</t>
  </si>
  <si>
    <t>cg00088042</t>
  </si>
  <si>
    <t>cg00090782</t>
  </si>
  <si>
    <t>cg00091760</t>
  </si>
  <si>
    <t>cg00097539</t>
  </si>
  <si>
    <t>cg00098286</t>
  </si>
  <si>
    <t>cg00101602</t>
  </si>
  <si>
    <t>cg00101693</t>
  </si>
  <si>
    <t>cg00110277</t>
  </si>
  <si>
    <t>cg00111977</t>
  </si>
  <si>
    <t>cg00113050</t>
  </si>
  <si>
    <t>cg00118442</t>
  </si>
  <si>
    <t>cg00122347</t>
  </si>
  <si>
    <t>cg00122944</t>
  </si>
  <si>
    <t>cg00128695</t>
  </si>
  <si>
    <t>cg00134210</t>
  </si>
  <si>
    <t>cg00135371</t>
  </si>
  <si>
    <t>cg00142482</t>
  </si>
  <si>
    <t>cg00143362</t>
  </si>
  <si>
    <t>cg00143643</t>
  </si>
  <si>
    <t>cg00146027</t>
  </si>
  <si>
    <t>cg00152126</t>
  </si>
  <si>
    <t>cg00153041</t>
  </si>
  <si>
    <t>cg00155879</t>
  </si>
  <si>
    <t>cg00159908</t>
  </si>
  <si>
    <t>cg00169964</t>
  </si>
  <si>
    <t>cg00170242</t>
  </si>
  <si>
    <t>cg00179795</t>
  </si>
  <si>
    <t>cg00183957</t>
  </si>
  <si>
    <t>cg00186580</t>
  </si>
  <si>
    <t>cg00187299</t>
  </si>
  <si>
    <t>cg00189366</t>
  </si>
  <si>
    <t>cg00190065</t>
  </si>
  <si>
    <t>cg00193959</t>
  </si>
  <si>
    <t>cg00196715</t>
  </si>
  <si>
    <t>cg00198759</t>
  </si>
  <si>
    <t>cg00203461</t>
  </si>
  <si>
    <t>cg00206052</t>
  </si>
  <si>
    <t>cg00208412</t>
  </si>
  <si>
    <t>cg00210249</t>
  </si>
  <si>
    <t>cg00214688</t>
  </si>
  <si>
    <t>cg00218215</t>
  </si>
  <si>
    <t>cg00222656</t>
  </si>
  <si>
    <t>cg00230393</t>
  </si>
  <si>
    <t>cg00231099</t>
  </si>
  <si>
    <t>cg00234046</t>
  </si>
  <si>
    <t>cg00236005</t>
  </si>
  <si>
    <t>cg00238318</t>
  </si>
  <si>
    <t>cg00239870</t>
  </si>
  <si>
    <t>cg00239899</t>
  </si>
  <si>
    <t>cg00242325</t>
  </si>
  <si>
    <t>cg00244001</t>
  </si>
  <si>
    <t>cg00244882</t>
  </si>
  <si>
    <t>cg00244983</t>
  </si>
  <si>
    <t>cg00246041</t>
  </si>
  <si>
    <t>cg00248174</t>
  </si>
  <si>
    <t>cg00252733</t>
  </si>
  <si>
    <t>cg00261534</t>
  </si>
  <si>
    <t>cg00266388</t>
  </si>
  <si>
    <t>cg00267286</t>
  </si>
  <si>
    <t>cg00268338</t>
  </si>
  <si>
    <t>cg00272971</t>
  </si>
  <si>
    <t>cg00273657</t>
  </si>
  <si>
    <t>cg00276797</t>
  </si>
  <si>
    <t>cg00277334</t>
  </si>
  <si>
    <t>cg00277384</t>
  </si>
  <si>
    <t>cg00281132</t>
  </si>
  <si>
    <t>cg00282704</t>
  </si>
  <si>
    <t>cg00291478</t>
  </si>
  <si>
    <t>cg00296348</t>
  </si>
  <si>
    <t>cg00301555</t>
  </si>
  <si>
    <t>cg00303111</t>
  </si>
  <si>
    <t>cg00303776</t>
  </si>
  <si>
    <t>cg00306905</t>
  </si>
  <si>
    <t>cg00308909</t>
  </si>
  <si>
    <t>cg00311046</t>
  </si>
  <si>
    <t>cg00313973</t>
  </si>
  <si>
    <t>cg00320980</t>
  </si>
  <si>
    <t>cg00321555</t>
  </si>
  <si>
    <t>cg00321709</t>
  </si>
  <si>
    <t>cg00322946</t>
  </si>
  <si>
    <t>cg00324748</t>
  </si>
  <si>
    <t>cg00332951</t>
  </si>
  <si>
    <t>cg00337466</t>
  </si>
  <si>
    <t>cg00339441</t>
  </si>
  <si>
    <t>cg00341191</t>
  </si>
  <si>
    <t>cg00349404</t>
  </si>
  <si>
    <t>cg00350920</t>
  </si>
  <si>
    <t>cg00351324</t>
  </si>
  <si>
    <t>cg00351443</t>
  </si>
  <si>
    <t>cg00351930</t>
  </si>
  <si>
    <t>cg00355235</t>
  </si>
  <si>
    <t>cg00355377</t>
  </si>
  <si>
    <t>cg00357213</t>
  </si>
  <si>
    <t>cg00357888</t>
  </si>
  <si>
    <t>cg00360414</t>
  </si>
  <si>
    <t>cg00360718</t>
  </si>
  <si>
    <t>cg00363177</t>
  </si>
  <si>
    <t>cg00368604</t>
  </si>
  <si>
    <t>cg00369716</t>
  </si>
  <si>
    <t>cg00375132</t>
  </si>
  <si>
    <t>cg00375691</t>
  </si>
  <si>
    <t>cg00376625</t>
  </si>
  <si>
    <t>cg00377169</t>
  </si>
  <si>
    <t>cg00377915</t>
  </si>
  <si>
    <t>cg00378730</t>
  </si>
  <si>
    <t>cg00379708</t>
  </si>
  <si>
    <t>cg00387771</t>
  </si>
  <si>
    <t>cg00388521</t>
  </si>
  <si>
    <t>cg00390945</t>
  </si>
  <si>
    <t>cg00391884</t>
  </si>
  <si>
    <t>cg00398816</t>
  </si>
  <si>
    <t>cg00400632</t>
  </si>
  <si>
    <t>cg00402586</t>
  </si>
  <si>
    <t>cg00404025</t>
  </si>
  <si>
    <t>cg00404436</t>
  </si>
  <si>
    <t>cg00404838</t>
  </si>
  <si>
    <t>cg00406392</t>
  </si>
  <si>
    <t>cg00409684</t>
  </si>
  <si>
    <t>cg00418663</t>
  </si>
  <si>
    <t>cg00419159</t>
  </si>
  <si>
    <t>cg00422566</t>
  </si>
  <si>
    <t>cg00422638</t>
  </si>
  <si>
    <t>cg00424785</t>
  </si>
  <si>
    <t>cg00425177</t>
  </si>
  <si>
    <t>cg00425843</t>
  </si>
  <si>
    <t>cg00431050</t>
  </si>
  <si>
    <t>cg00435305</t>
  </si>
  <si>
    <t>cg00436603</t>
  </si>
  <si>
    <t>cg00442109</t>
  </si>
  <si>
    <t>cg00443797</t>
  </si>
  <si>
    <t>cg00444341</t>
  </si>
  <si>
    <t>cg00446900</t>
  </si>
  <si>
    <t>cg00451807</t>
  </si>
  <si>
    <t>cg00453272</t>
  </si>
  <si>
    <t>cg00455523</t>
  </si>
  <si>
    <t>cg00458351</t>
  </si>
  <si>
    <t>cg00458754</t>
  </si>
  <si>
    <t>cg00459068</t>
  </si>
  <si>
    <t>cg00460092</t>
  </si>
  <si>
    <t>cg00462411</t>
  </si>
  <si>
    <t>cg00466898</t>
  </si>
  <si>
    <t>cg00467420</t>
  </si>
  <si>
    <t>cg00468125</t>
  </si>
  <si>
    <t>cg00469508</t>
  </si>
  <si>
    <t>cg00478333</t>
  </si>
  <si>
    <t>cg00479240</t>
  </si>
  <si>
    <t>cg00486352</t>
  </si>
  <si>
    <t>cg00492979</t>
  </si>
  <si>
    <t>cg00495658</t>
  </si>
  <si>
    <t>cg00498305</t>
  </si>
  <si>
    <t>cg00498419</t>
  </si>
  <si>
    <t>cg00499245</t>
  </si>
  <si>
    <t>cg00499822</t>
  </si>
  <si>
    <t>cg00505570</t>
  </si>
  <si>
    <t>cg00519829</t>
  </si>
  <si>
    <t>cg00520307</t>
  </si>
  <si>
    <t>cg00520933</t>
  </si>
  <si>
    <t>cg00522048</t>
  </si>
  <si>
    <t>cg00523450</t>
  </si>
  <si>
    <t>cg00524814</t>
  </si>
  <si>
    <t>cg00525508</t>
  </si>
  <si>
    <t>cg00526835</t>
  </si>
  <si>
    <t>cg00527653</t>
  </si>
  <si>
    <t>cg00532335</t>
  </si>
  <si>
    <t>cg00538888</t>
  </si>
  <si>
    <t>cg00540866</t>
  </si>
  <si>
    <t>cg00541002</t>
  </si>
  <si>
    <t>cg00542261</t>
  </si>
  <si>
    <t>cg00543474</t>
  </si>
  <si>
    <t>cg00544337</t>
  </si>
  <si>
    <t>cg00546180</t>
  </si>
  <si>
    <t>cg00547480</t>
  </si>
  <si>
    <t>cg00548173</t>
  </si>
  <si>
    <t>cg00549450</t>
  </si>
  <si>
    <t>cg00552696</t>
  </si>
  <si>
    <t>cg00555393</t>
  </si>
  <si>
    <t>cg00556087</t>
  </si>
  <si>
    <t>cg00564723</t>
  </si>
  <si>
    <t>cg00566868</t>
  </si>
  <si>
    <t>cg00568128</t>
  </si>
  <si>
    <t>cg00572560</t>
  </si>
  <si>
    <t>cg00572739</t>
  </si>
  <si>
    <t>cg00578885</t>
  </si>
  <si>
    <t>cg00580604</t>
  </si>
  <si>
    <t>cg00580715</t>
  </si>
  <si>
    <t>cg00586644</t>
  </si>
  <si>
    <t>cg00591421</t>
  </si>
  <si>
    <t>cg00594003</t>
  </si>
  <si>
    <t>cg00594191</t>
  </si>
  <si>
    <t>cg00595223</t>
  </si>
  <si>
    <t>cg00598397</t>
  </si>
  <si>
    <t>cg00600684</t>
  </si>
  <si>
    <t>cg00602655</t>
  </si>
  <si>
    <t>cg00606662</t>
  </si>
  <si>
    <t>cg00606880</t>
  </si>
  <si>
    <t>cg00612625</t>
  </si>
  <si>
    <t>cg00613113</t>
  </si>
  <si>
    <t>cg00613753</t>
  </si>
  <si>
    <t>cg00614684</t>
  </si>
  <si>
    <t>cg00617691</t>
  </si>
  <si>
    <t>cg00618155</t>
  </si>
  <si>
    <t>cg00618542</t>
  </si>
  <si>
    <t>cg00621240</t>
  </si>
  <si>
    <t>cg00622318</t>
  </si>
  <si>
    <t>cg00622749</t>
  </si>
  <si>
    <t>cg00623593</t>
  </si>
  <si>
    <t>cg00625450</t>
  </si>
  <si>
    <t>cg00634698</t>
  </si>
  <si>
    <t>cg00636809</t>
  </si>
  <si>
    <t>cg00641579</t>
  </si>
  <si>
    <t>cg00642607</t>
  </si>
  <si>
    <t>cg00643123</t>
  </si>
  <si>
    <t>cg00645917</t>
  </si>
  <si>
    <t>cg00646347</t>
  </si>
  <si>
    <t>cg00646492</t>
  </si>
  <si>
    <t>cg00648452</t>
  </si>
  <si>
    <t>cg00651087</t>
  </si>
  <si>
    <t>cg00652657</t>
  </si>
  <si>
    <t>cg00653650</t>
  </si>
  <si>
    <t>cg00653847</t>
  </si>
  <si>
    <t>cg00660106</t>
  </si>
  <si>
    <t>cg00666074</t>
  </si>
  <si>
    <t>cg00668937</t>
  </si>
  <si>
    <t>cg00675372</t>
  </si>
  <si>
    <t>cg00676833</t>
  </si>
  <si>
    <t>cg00690609</t>
  </si>
  <si>
    <t>cg00690901</t>
  </si>
  <si>
    <t>cg00693419</t>
  </si>
  <si>
    <t>cg00697129</t>
  </si>
  <si>
    <t>cg00699831</t>
  </si>
  <si>
    <t>cg00700466</t>
  </si>
  <si>
    <t>cg00700969</t>
  </si>
  <si>
    <t>cg00712075</t>
  </si>
  <si>
    <t>cg00712181</t>
  </si>
  <si>
    <t>cg00713247</t>
  </si>
  <si>
    <t>cg00722041</t>
  </si>
  <si>
    <t>cg00725244</t>
  </si>
  <si>
    <t>cg00730561</t>
  </si>
  <si>
    <t>cg00730780</t>
  </si>
  <si>
    <t>cg00733567</t>
  </si>
  <si>
    <t>cg00737841</t>
  </si>
  <si>
    <t>cg00738660</t>
  </si>
  <si>
    <t>cg00739593</t>
  </si>
  <si>
    <t>cg00741609</t>
  </si>
  <si>
    <t>cg00744431</t>
  </si>
  <si>
    <t>cg00748911</t>
  </si>
  <si>
    <t>cg00753039</t>
  </si>
  <si>
    <t>cg00762662</t>
  </si>
  <si>
    <t>cg00766889</t>
  </si>
  <si>
    <t>cg00772091</t>
  </si>
  <si>
    <t>cg00775939</t>
  </si>
  <si>
    <t>cg00779313</t>
  </si>
  <si>
    <t>cg00779924</t>
  </si>
  <si>
    <t>cg00783006</t>
  </si>
  <si>
    <t>cg00783952</t>
  </si>
  <si>
    <t>cg00787013</t>
  </si>
  <si>
    <t>cg00790395</t>
  </si>
  <si>
    <t>cg00793774</t>
  </si>
  <si>
    <t>cg00797058</t>
  </si>
  <si>
    <t>cg00797152</t>
  </si>
  <si>
    <t>cg00803827</t>
  </si>
  <si>
    <t>cg00805360</t>
  </si>
  <si>
    <t>cg00809729</t>
  </si>
  <si>
    <t>cg00812831</t>
  </si>
  <si>
    <t>cg00816676</t>
  </si>
  <si>
    <t>cg00817464</t>
  </si>
  <si>
    <t>cg00818106</t>
  </si>
  <si>
    <t>cg00818903</t>
  </si>
  <si>
    <t>cg00824767</t>
  </si>
  <si>
    <t>cg00825597</t>
  </si>
  <si>
    <t>cg00826728</t>
  </si>
  <si>
    <t>cg00827976</t>
  </si>
  <si>
    <t>cg00828439</t>
  </si>
  <si>
    <t>cg00830735</t>
  </si>
  <si>
    <t>cg00831931</t>
  </si>
  <si>
    <t>cg00833352</t>
  </si>
  <si>
    <t>cg00833552</t>
  </si>
  <si>
    <t>cg00836119</t>
  </si>
  <si>
    <t>cg00836755</t>
  </si>
  <si>
    <t>cg00838337</t>
  </si>
  <si>
    <t>cg00845901</t>
  </si>
  <si>
    <t>cg00850193</t>
  </si>
  <si>
    <t>cg00850340</t>
  </si>
  <si>
    <t>cg00851482</t>
  </si>
  <si>
    <t>cg00851987</t>
  </si>
  <si>
    <t>cg00855501</t>
  </si>
  <si>
    <t>cg00857182</t>
  </si>
  <si>
    <t>cg00857536</t>
  </si>
  <si>
    <t>cg00857846</t>
  </si>
  <si>
    <t>cg00858027</t>
  </si>
  <si>
    <t>cg00861772</t>
  </si>
  <si>
    <t>cg00863716</t>
  </si>
  <si>
    <t>cg00873937</t>
  </si>
  <si>
    <t>cg00875476</t>
  </si>
  <si>
    <t>cg00875849</t>
  </si>
  <si>
    <t>cg00876273</t>
  </si>
  <si>
    <t>cg00877329</t>
  </si>
  <si>
    <t>cg00883565</t>
  </si>
  <si>
    <t>cg00899160</t>
  </si>
  <si>
    <t>cg00899659</t>
  </si>
  <si>
    <t>cg00902104</t>
  </si>
  <si>
    <t>cg00902587</t>
  </si>
  <si>
    <t>cg00903452</t>
  </si>
  <si>
    <t>cg00904823</t>
  </si>
  <si>
    <t>cg00909156</t>
  </si>
  <si>
    <t>cg00909259</t>
  </si>
  <si>
    <t>cg00914033</t>
  </si>
  <si>
    <t>cg00923295</t>
  </si>
  <si>
    <t>cg00924909</t>
  </si>
  <si>
    <t>cg00925871</t>
  </si>
  <si>
    <t>cg00928816</t>
  </si>
  <si>
    <t>cg00932063</t>
  </si>
  <si>
    <t>cg00933813</t>
  </si>
  <si>
    <t>cg00936935</t>
  </si>
  <si>
    <t>cg00939082</t>
  </si>
  <si>
    <t>cg00939347</t>
  </si>
  <si>
    <t>cg00941203</t>
  </si>
  <si>
    <t>cg00950086</t>
  </si>
  <si>
    <t>cg00954566</t>
  </si>
  <si>
    <t>cg00956114</t>
  </si>
  <si>
    <t>cg00957665</t>
  </si>
  <si>
    <t>cg00961517</t>
  </si>
  <si>
    <t>cg00961866</t>
  </si>
  <si>
    <t>cg00981795</t>
  </si>
  <si>
    <t>cg00982799</t>
  </si>
  <si>
    <t>cg00983482</t>
  </si>
  <si>
    <t>cg00983732</t>
  </si>
  <si>
    <t>cg00986047</t>
  </si>
  <si>
    <t>cg00988841</t>
  </si>
  <si>
    <t>cg00989323</t>
  </si>
  <si>
    <t>cg00989575</t>
  </si>
  <si>
    <t>cg00991496</t>
  </si>
  <si>
    <t>cg00992348</t>
  </si>
  <si>
    <t>cg00994717</t>
  </si>
  <si>
    <t>cg00997424</t>
  </si>
  <si>
    <t>cg01001533</t>
  </si>
  <si>
    <t>cg01004363</t>
  </si>
  <si>
    <t>cg01005506</t>
  </si>
  <si>
    <t>cg01007305</t>
  </si>
  <si>
    <t>cg01011533</t>
  </si>
  <si>
    <t>cg01020035</t>
  </si>
  <si>
    <t>cg01022670</t>
  </si>
  <si>
    <t>cg01038940</t>
  </si>
  <si>
    <t>cg01040533</t>
  </si>
  <si>
    <t>cg01042100</t>
  </si>
  <si>
    <t>cg01045622</t>
  </si>
  <si>
    <t>cg01047414</t>
  </si>
  <si>
    <t>cg01053681</t>
  </si>
  <si>
    <t>cg01054775</t>
  </si>
  <si>
    <t>cg01055714</t>
  </si>
  <si>
    <t>cg01056004</t>
  </si>
  <si>
    <t>cg01062834</t>
  </si>
  <si>
    <t>cg01066431</t>
  </si>
  <si>
    <t>cg01068136</t>
  </si>
  <si>
    <t>cg01068320</t>
  </si>
  <si>
    <t>cg01069043</t>
  </si>
  <si>
    <t>cg01072936</t>
  </si>
  <si>
    <t>cg01073605</t>
  </si>
  <si>
    <t>cg01077354</t>
  </si>
  <si>
    <t>cg01078989</t>
  </si>
  <si>
    <t>cg01082512</t>
  </si>
  <si>
    <t>cg01083633</t>
  </si>
  <si>
    <t>cg01085228</t>
  </si>
  <si>
    <t>cg01085537</t>
  </si>
  <si>
    <t>cg01088382</t>
  </si>
  <si>
    <t>cg01088863</t>
  </si>
  <si>
    <t>cg01089189</t>
  </si>
  <si>
    <t>cg01092890</t>
  </si>
  <si>
    <t>cg01100984</t>
  </si>
  <si>
    <t>cg01107874</t>
  </si>
  <si>
    <t>cg01109287</t>
  </si>
  <si>
    <t>cg01110552</t>
  </si>
  <si>
    <t>cg01112784</t>
  </si>
  <si>
    <t>cg01117364</t>
  </si>
  <si>
    <t>cg01119777</t>
  </si>
  <si>
    <t>cg01120434</t>
  </si>
  <si>
    <t>cg01122251</t>
  </si>
  <si>
    <t>cg01127249</t>
  </si>
  <si>
    <t>cg01130322</t>
  </si>
  <si>
    <t>cg01131241</t>
  </si>
  <si>
    <t>cg01134643</t>
  </si>
  <si>
    <t>cg01134967</t>
  </si>
  <si>
    <t>cg01137532</t>
  </si>
  <si>
    <t>cg01140244</t>
  </si>
  <si>
    <t>cg01140247</t>
  </si>
  <si>
    <t>cg01141074</t>
  </si>
  <si>
    <t>cg01150866</t>
  </si>
  <si>
    <t>cg01151966</t>
  </si>
  <si>
    <t>cg01152906</t>
  </si>
  <si>
    <t>cg01154537</t>
  </si>
  <si>
    <t>cg01158937</t>
  </si>
  <si>
    <t>cg01160241</t>
  </si>
  <si>
    <t>cg01160452</t>
  </si>
  <si>
    <t>cg01162436</t>
  </si>
  <si>
    <t>cg01162610</t>
  </si>
  <si>
    <t>cg01164291</t>
  </si>
  <si>
    <t>cg01170247</t>
  </si>
  <si>
    <t>cg01172656</t>
  </si>
  <si>
    <t>cg01174428</t>
  </si>
  <si>
    <t>cg01185921</t>
  </si>
  <si>
    <t>cg01188244</t>
  </si>
  <si>
    <t>cg01189604</t>
  </si>
  <si>
    <t>cg01190024</t>
  </si>
  <si>
    <t>cg01195910</t>
  </si>
  <si>
    <t>cg01202155</t>
  </si>
  <si>
    <t>cg01204210</t>
  </si>
  <si>
    <t>cg01204683</t>
  </si>
  <si>
    <t>cg01206915</t>
  </si>
  <si>
    <t>cg01207600</t>
  </si>
  <si>
    <t>cg01211065</t>
  </si>
  <si>
    <t>cg01216745</t>
  </si>
  <si>
    <t>cg01217329</t>
  </si>
  <si>
    <t>cg01223697</t>
  </si>
  <si>
    <t>cg01225454</t>
  </si>
  <si>
    <t>cg01227028</t>
  </si>
  <si>
    <t>cg01228636</t>
  </si>
  <si>
    <t>cg01233968</t>
  </si>
  <si>
    <t>cg01239367</t>
  </si>
  <si>
    <t>cg01246254</t>
  </si>
  <si>
    <t>cg01247788</t>
  </si>
  <si>
    <t>cg01247987</t>
  </si>
  <si>
    <t>cg01249544</t>
  </si>
  <si>
    <t>cg01250603</t>
  </si>
  <si>
    <t>cg01250961</t>
  </si>
  <si>
    <t>cg01253386</t>
  </si>
  <si>
    <t>cg01254559</t>
  </si>
  <si>
    <t>cg01255894</t>
  </si>
  <si>
    <t>cg01263532</t>
  </si>
  <si>
    <t>cg01266390</t>
  </si>
  <si>
    <t>cg01267522</t>
  </si>
  <si>
    <t>cg01269299</t>
  </si>
  <si>
    <t>cg01270221</t>
  </si>
  <si>
    <t>cg01270230</t>
  </si>
  <si>
    <t>cg01271835</t>
  </si>
  <si>
    <t>cg01272400</t>
  </si>
  <si>
    <t>cg01273309</t>
  </si>
  <si>
    <t>cg01274715</t>
  </si>
  <si>
    <t>cg01275661</t>
  </si>
  <si>
    <t>cg01275830</t>
  </si>
  <si>
    <t>cg01276201</t>
  </si>
  <si>
    <t>cg01284033</t>
  </si>
  <si>
    <t>cg01289902</t>
  </si>
  <si>
    <t>cg01290009</t>
  </si>
  <si>
    <t>cg01290459</t>
  </si>
  <si>
    <t>cg01299369</t>
  </si>
  <si>
    <t>cg01300641</t>
  </si>
  <si>
    <t>cg01304144</t>
  </si>
  <si>
    <t>cg01305427</t>
  </si>
  <si>
    <t>cg01307776</t>
  </si>
  <si>
    <t>cg01310321</t>
  </si>
  <si>
    <t>cg01311537</t>
  </si>
  <si>
    <t>cg01312265</t>
  </si>
  <si>
    <t>cg01315067</t>
  </si>
  <si>
    <t>cg01315572</t>
  </si>
  <si>
    <t>cg01316152</t>
  </si>
  <si>
    <t>cg01322555</t>
  </si>
  <si>
    <t>cg01327877</t>
  </si>
  <si>
    <t>cg01330741</t>
  </si>
  <si>
    <t>cg01344797</t>
  </si>
  <si>
    <t>cg01350680</t>
  </si>
  <si>
    <t>cg01354384</t>
  </si>
  <si>
    <t>cg01354426</t>
  </si>
  <si>
    <t>cg01354923</t>
  </si>
  <si>
    <t>cg01355957</t>
  </si>
  <si>
    <t>cg01357233</t>
  </si>
  <si>
    <t>cg01357381</t>
  </si>
  <si>
    <t>cg01360325</t>
  </si>
  <si>
    <t>cg01367750</t>
  </si>
  <si>
    <t>cg01375259</t>
  </si>
  <si>
    <t>cg01376839</t>
  </si>
  <si>
    <t>cg01378456</t>
  </si>
  <si>
    <t>cg01381797</t>
  </si>
  <si>
    <t>cg01383345</t>
  </si>
  <si>
    <t>cg01385327</t>
  </si>
  <si>
    <t>cg01389728</t>
  </si>
  <si>
    <t>cg01390168</t>
  </si>
  <si>
    <t>cg01394390</t>
  </si>
  <si>
    <t>cg01403058</t>
  </si>
  <si>
    <t>cg01408571</t>
  </si>
  <si>
    <t>cg01413281</t>
  </si>
  <si>
    <t>cg01420088</t>
  </si>
  <si>
    <t>cg01421726</t>
  </si>
  <si>
    <t>cg01422243</t>
  </si>
  <si>
    <t>cg01424263</t>
  </si>
  <si>
    <t>cg01424281</t>
  </si>
  <si>
    <t>cg01428849</t>
  </si>
  <si>
    <t>cg01430385</t>
  </si>
  <si>
    <t>cg01430807</t>
  </si>
  <si>
    <t>cg01433114</t>
  </si>
  <si>
    <t>cg01434562</t>
  </si>
  <si>
    <t>cg01448258</t>
  </si>
  <si>
    <t>cg01449674</t>
  </si>
  <si>
    <t>cg01449818</t>
  </si>
  <si>
    <t>cg01450600</t>
  </si>
  <si>
    <t>cg01452506</t>
  </si>
  <si>
    <t>cg01457986</t>
  </si>
  <si>
    <t>cg01458105</t>
  </si>
  <si>
    <t>cg01461840</t>
  </si>
  <si>
    <t>cg01464748</t>
  </si>
  <si>
    <t>cg01465325</t>
  </si>
  <si>
    <t>cg01465364</t>
  </si>
  <si>
    <t>cg01466017</t>
  </si>
  <si>
    <t>cg01476795</t>
  </si>
  <si>
    <t>cg01477633</t>
  </si>
  <si>
    <t>cg01479818</t>
  </si>
  <si>
    <t>cg01481646</t>
  </si>
  <si>
    <t>cg01483063</t>
  </si>
  <si>
    <t>cg01483832</t>
  </si>
  <si>
    <t>cg01484915</t>
  </si>
  <si>
    <t>cg01486146</t>
  </si>
  <si>
    <t>cg01489057</t>
  </si>
  <si>
    <t>cg01492853</t>
  </si>
  <si>
    <t>cg01496220</t>
  </si>
  <si>
    <t>cg01496720</t>
  </si>
  <si>
    <t>cg01498907</t>
  </si>
  <si>
    <t>cg01503450</t>
  </si>
  <si>
    <t>cg01508796</t>
  </si>
  <si>
    <t>cg01534887</t>
  </si>
  <si>
    <t>cg01553209</t>
  </si>
  <si>
    <t>cg01558777</t>
  </si>
  <si>
    <t>cg01560871</t>
  </si>
  <si>
    <t>cg01561194</t>
  </si>
  <si>
    <t>cg01566955</t>
  </si>
  <si>
    <t>cg01572333</t>
  </si>
  <si>
    <t>cg01573089</t>
  </si>
  <si>
    <t>cg01597891</t>
  </si>
  <si>
    <t>cg01603079</t>
  </si>
  <si>
    <t>cg01604073</t>
  </si>
  <si>
    <t>cg01614169</t>
  </si>
  <si>
    <t>cg01614759</t>
  </si>
  <si>
    <t>cg01615827</t>
  </si>
  <si>
    <t>cg01628053</t>
  </si>
  <si>
    <t>cg01635405</t>
  </si>
  <si>
    <t>cg01646289</t>
  </si>
  <si>
    <t>cg01657744</t>
  </si>
  <si>
    <t>cg01664833</t>
  </si>
  <si>
    <t>cg01667332</t>
  </si>
  <si>
    <t>cg01674036</t>
  </si>
  <si>
    <t>cg01679690</t>
  </si>
  <si>
    <t>cg01687711</t>
  </si>
  <si>
    <t>cg01698036</t>
  </si>
  <si>
    <t>cg01727419</t>
  </si>
  <si>
    <t>cg01736278</t>
  </si>
  <si>
    <t>cg01749530</t>
  </si>
  <si>
    <t>cg01754756</t>
  </si>
  <si>
    <t>cg01757745</t>
  </si>
  <si>
    <t>cg01765473</t>
  </si>
  <si>
    <t>cg01776592</t>
  </si>
  <si>
    <t>cg01782066</t>
  </si>
  <si>
    <t>cg01782320</t>
  </si>
  <si>
    <t>cg01812599</t>
  </si>
  <si>
    <t>cg01816336</t>
  </si>
  <si>
    <t>cg01816726</t>
  </si>
  <si>
    <t>cg01824517</t>
  </si>
  <si>
    <t>cg01830644</t>
  </si>
  <si>
    <t>cg01833196</t>
  </si>
  <si>
    <t>cg01833521</t>
  </si>
  <si>
    <t>cg01838941</t>
  </si>
  <si>
    <t>cg01839993</t>
  </si>
  <si>
    <t>cg01841312</t>
  </si>
  <si>
    <t>cg01842314</t>
  </si>
  <si>
    <t>cg01851208</t>
  </si>
  <si>
    <t>cg01858517</t>
  </si>
  <si>
    <t>cg01862366</t>
  </si>
  <si>
    <t>cg01874697</t>
  </si>
  <si>
    <t>cg01905698</t>
  </si>
  <si>
    <t>cg01934883</t>
  </si>
  <si>
    <t>cg01951947</t>
  </si>
  <si>
    <t>cg01960926</t>
  </si>
  <si>
    <t>cg01968793</t>
  </si>
  <si>
    <t>cg01969916</t>
  </si>
  <si>
    <t>cg01977213</t>
  </si>
  <si>
    <t>cg01981762</t>
  </si>
  <si>
    <t>cg01987516</t>
  </si>
  <si>
    <t>cg02017257</t>
  </si>
  <si>
    <t>cg02022481</t>
  </si>
  <si>
    <t>cg02027800</t>
  </si>
  <si>
    <t>cg02036336</t>
  </si>
  <si>
    <t>cg02040734</t>
  </si>
  <si>
    <t>cg02041677</t>
  </si>
  <si>
    <t>cg02044689</t>
  </si>
  <si>
    <t>cg02045451</t>
  </si>
  <si>
    <t>cg02047359</t>
  </si>
  <si>
    <t>cg02052399</t>
  </si>
  <si>
    <t>cg02059512</t>
  </si>
  <si>
    <t>cg02059586</t>
  </si>
  <si>
    <t>cg02060689</t>
  </si>
  <si>
    <t>cg02061224</t>
  </si>
  <si>
    <t>cg02064267</t>
  </si>
  <si>
    <t>cg02068171</t>
  </si>
  <si>
    <t>cg02068232</t>
  </si>
  <si>
    <t>cg02069524</t>
  </si>
  <si>
    <t>cg02070205</t>
  </si>
  <si>
    <t>cg02073427</t>
  </si>
  <si>
    <t>cg02075054</t>
  </si>
  <si>
    <t>cg02079551</t>
  </si>
  <si>
    <t>cg02081841</t>
  </si>
  <si>
    <t>cg02086431</t>
  </si>
  <si>
    <t>cg02089135</t>
  </si>
  <si>
    <t>cg02091168</t>
  </si>
  <si>
    <t>cg02092295</t>
  </si>
  <si>
    <t>cg02093062</t>
  </si>
  <si>
    <t>cg02094827</t>
  </si>
  <si>
    <t>cg02096397</t>
  </si>
  <si>
    <t>cg02097433</t>
  </si>
  <si>
    <t>cg02103843</t>
  </si>
  <si>
    <t>cg02110141</t>
  </si>
  <si>
    <t>cg02114903</t>
  </si>
  <si>
    <t>cg02122927</t>
  </si>
  <si>
    <t>cg02122937</t>
  </si>
  <si>
    <t>cg02128191</t>
  </si>
  <si>
    <t>cg02132307</t>
  </si>
  <si>
    <t>cg02138953</t>
  </si>
  <si>
    <t>cg02145310</t>
  </si>
  <si>
    <t>cg02147231</t>
  </si>
  <si>
    <t>cg02148404</t>
  </si>
  <si>
    <t>cg02148975</t>
  </si>
  <si>
    <t>cg02160826</t>
  </si>
  <si>
    <t>cg02161900</t>
  </si>
  <si>
    <t>cg02167020</t>
  </si>
  <si>
    <t>cg02167201</t>
  </si>
  <si>
    <t>cg02167865</t>
  </si>
  <si>
    <t>cg02169487</t>
  </si>
  <si>
    <t>cg02172819</t>
  </si>
  <si>
    <t>cg02173970</t>
  </si>
  <si>
    <t>cg02174341</t>
  </si>
  <si>
    <t>cg02175231</t>
  </si>
  <si>
    <t>cg02179239</t>
  </si>
  <si>
    <t>cg02179700</t>
  </si>
  <si>
    <t>cg02187457</t>
  </si>
  <si>
    <t>cg02189719</t>
  </si>
  <si>
    <t>cg02191862</t>
  </si>
  <si>
    <t>cg02193611</t>
  </si>
  <si>
    <t>cg02195105</t>
  </si>
  <si>
    <t>cg02204442</t>
  </si>
  <si>
    <t>cg02205181</t>
  </si>
  <si>
    <t>cg02209504</t>
  </si>
  <si>
    <t>cg02210151</t>
  </si>
  <si>
    <t>cg02210222</t>
  </si>
  <si>
    <t>cg02211449</t>
  </si>
  <si>
    <t>cg02212491</t>
  </si>
  <si>
    <t>cg02215776</t>
  </si>
  <si>
    <t>cg02217247</t>
  </si>
  <si>
    <t>cg02222362</t>
  </si>
  <si>
    <t>cg02225096</t>
  </si>
  <si>
    <t>cg02225485</t>
  </si>
  <si>
    <t>cg02231843</t>
  </si>
  <si>
    <t>cg02233518</t>
  </si>
  <si>
    <t>cg02234281</t>
  </si>
  <si>
    <t>cg02235497</t>
  </si>
  <si>
    <t>cg02238549</t>
  </si>
  <si>
    <t>cg02238747</t>
  </si>
  <si>
    <t>cg02240936</t>
  </si>
  <si>
    <t>cg02241235</t>
  </si>
  <si>
    <t>cg02241986</t>
  </si>
  <si>
    <t>cg02249292</t>
  </si>
  <si>
    <t>cg02249930</t>
  </si>
  <si>
    <t>cg02249958</t>
  </si>
  <si>
    <t>cg02250046</t>
  </si>
  <si>
    <t>cg02254605</t>
  </si>
  <si>
    <t>cg02254798</t>
  </si>
  <si>
    <t>cg02255721</t>
  </si>
  <si>
    <t>cg02256560</t>
  </si>
  <si>
    <t>cg02262662</t>
  </si>
  <si>
    <t>cg02271943</t>
  </si>
  <si>
    <t>cg02274509</t>
  </si>
  <si>
    <t>cg02284273</t>
  </si>
  <si>
    <t>cg02291245</t>
  </si>
  <si>
    <t>cg02292533</t>
  </si>
  <si>
    <t>cg02292704</t>
  </si>
  <si>
    <t>cg02294146</t>
  </si>
  <si>
    <t>cg02297879</t>
  </si>
  <si>
    <t>cg02302097</t>
  </si>
  <si>
    <t>cg02304285</t>
  </si>
  <si>
    <t>cg02308150</t>
  </si>
  <si>
    <t>cg02313850</t>
  </si>
  <si>
    <t>cg02314201</t>
  </si>
  <si>
    <t>cg02314339</t>
  </si>
  <si>
    <t>cg02314702</t>
  </si>
  <si>
    <t>cg02317321</t>
  </si>
  <si>
    <t>cg02320980</t>
  </si>
  <si>
    <t>cg02323003</t>
  </si>
  <si>
    <t>cg02327373</t>
  </si>
  <si>
    <t>cg02327997</t>
  </si>
  <si>
    <t>cg02329425</t>
  </si>
  <si>
    <t>cg02330106</t>
  </si>
  <si>
    <t>cg02330874</t>
  </si>
  <si>
    <t>cg02332696</t>
  </si>
  <si>
    <t>cg02334081</t>
  </si>
  <si>
    <t>cg02334521</t>
  </si>
  <si>
    <t>cg02334915</t>
  </si>
  <si>
    <t>cg02336542</t>
  </si>
  <si>
    <t>cg02337436</t>
  </si>
  <si>
    <t>cg02339742</t>
  </si>
  <si>
    <t>cg02344361</t>
  </si>
  <si>
    <t>cg02347573</t>
  </si>
  <si>
    <t>cg02351369</t>
  </si>
  <si>
    <t>cg02353154</t>
  </si>
  <si>
    <t>cg02353184</t>
  </si>
  <si>
    <t>cg02358630</t>
  </si>
  <si>
    <t>cg02363677</t>
  </si>
  <si>
    <t>cg02373750</t>
  </si>
  <si>
    <t>cg02374486</t>
  </si>
  <si>
    <t>cg02376426</t>
  </si>
  <si>
    <t>cg02380151</t>
  </si>
  <si>
    <t>cg02383399</t>
  </si>
  <si>
    <t>cg02385091</t>
  </si>
  <si>
    <t>cg02387403</t>
  </si>
  <si>
    <t>cg02388416</t>
  </si>
  <si>
    <t>cg02388849</t>
  </si>
  <si>
    <t>cg02388882</t>
  </si>
  <si>
    <t>cg02389513</t>
  </si>
  <si>
    <t>cg02390637</t>
  </si>
  <si>
    <t>cg02390947</t>
  </si>
  <si>
    <t>cg02393810</t>
  </si>
  <si>
    <t>cg02394395</t>
  </si>
  <si>
    <t>cg02396116</t>
  </si>
  <si>
    <t>cg02401235</t>
  </si>
  <si>
    <t>cg02402091</t>
  </si>
  <si>
    <t>cg02408538</t>
  </si>
  <si>
    <t>cg02410304</t>
  </si>
  <si>
    <t>cg02411502</t>
  </si>
  <si>
    <t>cg02412684</t>
  </si>
  <si>
    <t>cg02415341</t>
  </si>
  <si>
    <t>cg02430497</t>
  </si>
  <si>
    <t>cg02432295</t>
  </si>
  <si>
    <t>cg02437376</t>
  </si>
  <si>
    <t>cg02439077</t>
  </si>
  <si>
    <t>cg02448743</t>
  </si>
  <si>
    <t>cg02449762</t>
  </si>
  <si>
    <t>cg02450004</t>
  </si>
  <si>
    <t>cg02460344</t>
  </si>
  <si>
    <t>cg02464921</t>
  </si>
  <si>
    <t>cg02465859</t>
  </si>
  <si>
    <t>cg02466572</t>
  </si>
  <si>
    <t>cg02483596</t>
  </si>
  <si>
    <t>cg02484745</t>
  </si>
  <si>
    <t>cg02498207</t>
  </si>
  <si>
    <t>cg02499967</t>
  </si>
  <si>
    <t>cg02502704</t>
  </si>
  <si>
    <t>cg02503633</t>
  </si>
  <si>
    <t>cg02503850</t>
  </si>
  <si>
    <t>cg02505177</t>
  </si>
  <si>
    <t>cg02507296</t>
  </si>
  <si>
    <t>cg02514686</t>
  </si>
  <si>
    <t>cg02519037</t>
  </si>
  <si>
    <t>cg02522627</t>
  </si>
  <si>
    <t>cg02523018</t>
  </si>
  <si>
    <t>cg02529095</t>
  </si>
  <si>
    <t>cg02531768</t>
  </si>
  <si>
    <t>cg02535060</t>
  </si>
  <si>
    <t>cg02539530</t>
  </si>
  <si>
    <t>cg02550110</t>
  </si>
  <si>
    <t>cg02561009</t>
  </si>
  <si>
    <t>cg02564536</t>
  </si>
  <si>
    <t>cg02567788</t>
  </si>
  <si>
    <t>cg02569613</t>
  </si>
  <si>
    <t>cg02572552</t>
  </si>
  <si>
    <t>cg02575691</t>
  </si>
  <si>
    <t>cg02576296</t>
  </si>
  <si>
    <t>cg02578740</t>
  </si>
  <si>
    <t>cg02580250</t>
  </si>
  <si>
    <t>cg02581163</t>
  </si>
  <si>
    <t>cg02584319</t>
  </si>
  <si>
    <t>cg02585098</t>
  </si>
  <si>
    <t>cg02586182</t>
  </si>
  <si>
    <t>cg02592348</t>
  </si>
  <si>
    <t>cg02594677</t>
  </si>
  <si>
    <t>cg02598564</t>
  </si>
  <si>
    <t>cg02599225</t>
  </si>
  <si>
    <t>cg02602472</t>
  </si>
  <si>
    <t>cg02609848</t>
  </si>
  <si>
    <t>cg02611874</t>
  </si>
  <si>
    <t>cg02613286</t>
  </si>
  <si>
    <t>cg02616604</t>
  </si>
  <si>
    <t>cg02617791</t>
  </si>
  <si>
    <t>cg02617919</t>
  </si>
  <si>
    <t>cg02627875</t>
  </si>
  <si>
    <t>cg02628907</t>
  </si>
  <si>
    <t>cg02630694</t>
  </si>
  <si>
    <t>cg02631917</t>
  </si>
  <si>
    <t>cg02636348</t>
  </si>
  <si>
    <t>cg02645368</t>
  </si>
  <si>
    <t>cg02646251</t>
  </si>
  <si>
    <t>cg02651776</t>
  </si>
  <si>
    <t>cg02653800</t>
  </si>
  <si>
    <t>cg02660480</t>
  </si>
  <si>
    <t>cg02662441</t>
  </si>
  <si>
    <t>cg02675535</t>
  </si>
  <si>
    <t>cg02676262</t>
  </si>
  <si>
    <t>cg02676865</t>
  </si>
  <si>
    <t>cg02684562</t>
  </si>
  <si>
    <t>cg02689489</t>
  </si>
  <si>
    <t>cg02690368</t>
  </si>
  <si>
    <t>cg02690638</t>
  </si>
  <si>
    <t>cg02696879</t>
  </si>
  <si>
    <t>cg02697115</t>
  </si>
  <si>
    <t>cg02697989</t>
  </si>
  <si>
    <t>cg02699461</t>
  </si>
  <si>
    <t>cg02700106</t>
  </si>
  <si>
    <t>cg02700194</t>
  </si>
  <si>
    <t>cg02700606</t>
  </si>
  <si>
    <t>cg02702510</t>
  </si>
  <si>
    <t>cg02708506</t>
  </si>
  <si>
    <t>cg02711147</t>
  </si>
  <si>
    <t>cg02711387</t>
  </si>
  <si>
    <t>cg02712553</t>
  </si>
  <si>
    <t>cg02713180</t>
  </si>
  <si>
    <t>cg02720321</t>
  </si>
  <si>
    <t>cg02722808</t>
  </si>
  <si>
    <t>cg02726847</t>
  </si>
  <si>
    <t>cg02727811</t>
  </si>
  <si>
    <t>cg02728050</t>
  </si>
  <si>
    <t>cg02731293</t>
  </si>
  <si>
    <t>cg02731464</t>
  </si>
  <si>
    <t>cg02732134</t>
  </si>
  <si>
    <t>cg02743070</t>
  </si>
  <si>
    <t>cg02746161</t>
  </si>
  <si>
    <t>cg02749825</t>
  </si>
  <si>
    <t>cg02750471</t>
  </si>
  <si>
    <t>cg02754943</t>
  </si>
  <si>
    <t>cg02755871</t>
  </si>
  <si>
    <t>cg02757432</t>
  </si>
  <si>
    <t>cg02765177</t>
  </si>
  <si>
    <t>cg02765343</t>
  </si>
  <si>
    <t>cg02767601</t>
  </si>
  <si>
    <t>cg02770097</t>
  </si>
  <si>
    <t>cg02772099</t>
  </si>
  <si>
    <t>cg02772663</t>
  </si>
  <si>
    <t>cg02773436</t>
  </si>
  <si>
    <t>cg02774632</t>
  </si>
  <si>
    <t>cg02775617</t>
  </si>
  <si>
    <t>cg02775927</t>
  </si>
  <si>
    <t>cg02780029</t>
  </si>
  <si>
    <t>cg02783838</t>
  </si>
  <si>
    <t>cg02788264</t>
  </si>
  <si>
    <t>cg02790177</t>
  </si>
  <si>
    <t>cg02793400</t>
  </si>
  <si>
    <t>cg02795976</t>
  </si>
  <si>
    <t>cg02795981</t>
  </si>
  <si>
    <t>cg02799090</t>
  </si>
  <si>
    <t>cg02803139</t>
  </si>
  <si>
    <t>cg02807446</t>
  </si>
  <si>
    <t>cg02813021</t>
  </si>
  <si>
    <t>cg02825723</t>
  </si>
  <si>
    <t>cg02831294</t>
  </si>
  <si>
    <t>cg02835981</t>
  </si>
  <si>
    <t>cg02840794</t>
  </si>
  <si>
    <t>cg02847649</t>
  </si>
  <si>
    <t>cg02848101</t>
  </si>
  <si>
    <t>cg02850392</t>
  </si>
  <si>
    <t>cg02851087</t>
  </si>
  <si>
    <t>cg02851873</t>
  </si>
  <si>
    <t>cg02858066</t>
  </si>
  <si>
    <t>cg02858159</t>
  </si>
  <si>
    <t>cg02863237</t>
  </si>
  <si>
    <t>cg02872914</t>
  </si>
  <si>
    <t>cg02875787</t>
  </si>
  <si>
    <t>cg02876062</t>
  </si>
  <si>
    <t>cg02876466</t>
  </si>
  <si>
    <t>cg02878821</t>
  </si>
  <si>
    <t>cg02878913</t>
  </si>
  <si>
    <t>cg02881374</t>
  </si>
  <si>
    <t>cg02881742</t>
  </si>
  <si>
    <t>cg02888518</t>
  </si>
  <si>
    <t>cg02888699</t>
  </si>
  <si>
    <t>cg02888745</t>
  </si>
  <si>
    <t>cg02891579</t>
  </si>
  <si>
    <t>cg02892577</t>
  </si>
  <si>
    <t>cg02894374</t>
  </si>
  <si>
    <t>cg02897042</t>
  </si>
  <si>
    <t>cg02897533</t>
  </si>
  <si>
    <t>cg02897537</t>
  </si>
  <si>
    <t>cg02899093</t>
  </si>
  <si>
    <t>cg02899903</t>
  </si>
  <si>
    <t>cg02900332</t>
  </si>
  <si>
    <t>cg02900516</t>
  </si>
  <si>
    <t>cg02902969</t>
  </si>
  <si>
    <t>cg02903126</t>
  </si>
  <si>
    <t>cg02909379</t>
  </si>
  <si>
    <t>cg02909866</t>
  </si>
  <si>
    <t>cg02915029</t>
  </si>
  <si>
    <t>cg02916470</t>
  </si>
  <si>
    <t>cg02924954</t>
  </si>
  <si>
    <t>cg02927679</t>
  </si>
  <si>
    <t>cg02927836</t>
  </si>
  <si>
    <t>cg02933909</t>
  </si>
  <si>
    <t>cg02937925</t>
  </si>
  <si>
    <t>cg02940555</t>
  </si>
  <si>
    <t>cg02945785</t>
  </si>
  <si>
    <t>cg02946754</t>
  </si>
  <si>
    <t>cg02947450</t>
  </si>
  <si>
    <t>cg02947784</t>
  </si>
  <si>
    <t>cg02949340</t>
  </si>
  <si>
    <t>cg02950892</t>
  </si>
  <si>
    <t>cg02955037</t>
  </si>
  <si>
    <t>cg02956254</t>
  </si>
  <si>
    <t>cg02960688</t>
  </si>
  <si>
    <t>cg02961196</t>
  </si>
  <si>
    <t>cg02962299</t>
  </si>
  <si>
    <t>cg02964752</t>
  </si>
  <si>
    <t>cg02974659</t>
  </si>
  <si>
    <t>cg02978204</t>
  </si>
  <si>
    <t>cg02980499</t>
  </si>
  <si>
    <t>cg02981003</t>
  </si>
  <si>
    <t>cg02981064</t>
  </si>
  <si>
    <t>cg02982198</t>
  </si>
  <si>
    <t>cg02985250</t>
  </si>
  <si>
    <t>cg02987618</t>
  </si>
  <si>
    <t>cg02995013</t>
  </si>
  <si>
    <t>cg02997119</t>
  </si>
  <si>
    <t>cg03000869</t>
  </si>
  <si>
    <t>cg03009785</t>
  </si>
  <si>
    <t>cg03016936</t>
  </si>
  <si>
    <t>cg03018949</t>
  </si>
  <si>
    <t>cg03020000</t>
  </si>
  <si>
    <t>cg03023891</t>
  </si>
  <si>
    <t>cg03028769</t>
  </si>
  <si>
    <t>cg03029893</t>
  </si>
  <si>
    <t>cg03033796</t>
  </si>
  <si>
    <t>cg03037075</t>
  </si>
  <si>
    <t>cg03037366</t>
  </si>
  <si>
    <t>cg03037620</t>
  </si>
  <si>
    <t>cg03047570</t>
  </si>
  <si>
    <t>cg03051116</t>
  </si>
  <si>
    <t>cg03051983</t>
  </si>
  <si>
    <t>cg03053579</t>
  </si>
  <si>
    <t>cg03056513</t>
  </si>
  <si>
    <t>cg03057072</t>
  </si>
  <si>
    <t>cg03057409</t>
  </si>
  <si>
    <t>cg03059807</t>
  </si>
  <si>
    <t>cg03061778</t>
  </si>
  <si>
    <t>cg03072003</t>
  </si>
  <si>
    <t>cg03072035</t>
  </si>
  <si>
    <t>cg03075487</t>
  </si>
  <si>
    <t>cg03078672</t>
  </si>
  <si>
    <t>cg03084724</t>
  </si>
  <si>
    <t>cg03087203</t>
  </si>
  <si>
    <t>cg03088705</t>
  </si>
  <si>
    <t>cg03098589</t>
  </si>
  <si>
    <t>cg03099492</t>
  </si>
  <si>
    <t>cg03100686</t>
  </si>
  <si>
    <t>cg03103035</t>
  </si>
  <si>
    <t>cg03105348</t>
  </si>
  <si>
    <t>cg03107310</t>
  </si>
  <si>
    <t>cg03109101</t>
  </si>
  <si>
    <t>cg03110382</t>
  </si>
  <si>
    <t>cg03110654</t>
  </si>
  <si>
    <t>cg03110921</t>
  </si>
  <si>
    <t>cg03111039</t>
  </si>
  <si>
    <t>cg03115558</t>
  </si>
  <si>
    <t>cg03122453</t>
  </si>
  <si>
    <t>cg03123170</t>
  </si>
  <si>
    <t>cg03127349</t>
  </si>
  <si>
    <t>cg03127722</t>
  </si>
  <si>
    <t>cg03129384</t>
  </si>
  <si>
    <t>cg03131097</t>
  </si>
  <si>
    <t>cg03137908</t>
  </si>
  <si>
    <t>cg03141090</t>
  </si>
  <si>
    <t>cg03142365</t>
  </si>
  <si>
    <t>cg03147470</t>
  </si>
  <si>
    <t>cg03152899</t>
  </si>
  <si>
    <t>cg03153178</t>
  </si>
  <si>
    <t>cg03155724</t>
  </si>
  <si>
    <t>cg03156112</t>
  </si>
  <si>
    <t>cg03157179</t>
  </si>
  <si>
    <t>cg03161190</t>
  </si>
  <si>
    <t>cg03167948</t>
  </si>
  <si>
    <t>cg03167951</t>
  </si>
  <si>
    <t>cg03172717</t>
  </si>
  <si>
    <t>cg03173714</t>
  </si>
  <si>
    <t>cg03174507</t>
  </si>
  <si>
    <t>cg03180187</t>
  </si>
  <si>
    <t>cg03183877</t>
  </si>
  <si>
    <t>cg03190891</t>
  </si>
  <si>
    <t>cg03194442</t>
  </si>
  <si>
    <t>cg03200890</t>
  </si>
  <si>
    <t>cg03202564</t>
  </si>
  <si>
    <t>cg03205140</t>
  </si>
  <si>
    <t>cg03205208</t>
  </si>
  <si>
    <t>cg03207667</t>
  </si>
  <si>
    <t>cg03208426</t>
  </si>
  <si>
    <t>cg03210827</t>
  </si>
  <si>
    <t>cg03211864</t>
  </si>
  <si>
    <t>cg03214660</t>
  </si>
  <si>
    <t>cg03216580</t>
  </si>
  <si>
    <t>cg03216823</t>
  </si>
  <si>
    <t>cg03223072</t>
  </si>
  <si>
    <t>cg03230579</t>
  </si>
  <si>
    <t>cg03237648</t>
  </si>
  <si>
    <t>cg03251249</t>
  </si>
  <si>
    <t>cg03253489</t>
  </si>
  <si>
    <t>cg03254336</t>
  </si>
  <si>
    <t>cg03254875</t>
  </si>
  <si>
    <t>cg03259292</t>
  </si>
  <si>
    <t>cg03259469</t>
  </si>
  <si>
    <t>cg03261682</t>
  </si>
  <si>
    <t>cg03265692</t>
  </si>
  <si>
    <t>cg03269050</t>
  </si>
  <si>
    <t>cg03269171</t>
  </si>
  <si>
    <t>cg03273183</t>
  </si>
  <si>
    <t>cg03277153</t>
  </si>
  <si>
    <t>cg03279443</t>
  </si>
  <si>
    <t>cg03283421</t>
  </si>
  <si>
    <t>cg03284055</t>
  </si>
  <si>
    <t>cg03284640</t>
  </si>
  <si>
    <t>cg03285073</t>
  </si>
  <si>
    <t>cg03288797</t>
  </si>
  <si>
    <t>cg03293884</t>
  </si>
  <si>
    <t>cg03299991</t>
  </si>
  <si>
    <t>cg03300883</t>
  </si>
  <si>
    <t>cg03303359</t>
  </si>
  <si>
    <t>cg03304019</t>
  </si>
  <si>
    <t>cg03308038</t>
  </si>
  <si>
    <t>cg03325931</t>
  </si>
  <si>
    <t>cg03326306</t>
  </si>
  <si>
    <t>cg03327325</t>
  </si>
  <si>
    <t>cg03339956</t>
  </si>
  <si>
    <t>cg03340365</t>
  </si>
  <si>
    <t>cg03353654</t>
  </si>
  <si>
    <t>cg03359508</t>
  </si>
  <si>
    <t>cg03369906</t>
  </si>
  <si>
    <t>cg03370951</t>
  </si>
  <si>
    <t>cg03371700</t>
  </si>
  <si>
    <t>cg03376308</t>
  </si>
  <si>
    <t>cg03387256</t>
  </si>
  <si>
    <t>cg03390723</t>
  </si>
  <si>
    <t>cg03393426</t>
  </si>
  <si>
    <t>cg03397442</t>
  </si>
  <si>
    <t>cg03400421</t>
  </si>
  <si>
    <t>cg03401662</t>
  </si>
  <si>
    <t>cg03404726</t>
  </si>
  <si>
    <t>cg03408893</t>
  </si>
  <si>
    <t>cg03410667</t>
  </si>
  <si>
    <t>cg03411288</t>
  </si>
  <si>
    <t>cg03412153</t>
  </si>
  <si>
    <t>cg03417182</t>
  </si>
  <si>
    <t>cg03417317</t>
  </si>
  <si>
    <t>cg03418237</t>
  </si>
  <si>
    <t>cg03423968</t>
  </si>
  <si>
    <t>cg03425217</t>
  </si>
  <si>
    <t>cg03425262</t>
  </si>
  <si>
    <t>cg03428375</t>
  </si>
  <si>
    <t>cg03435248</t>
  </si>
  <si>
    <t>cg03444838</t>
  </si>
  <si>
    <t>cg03446289</t>
  </si>
  <si>
    <t>cg03446458</t>
  </si>
  <si>
    <t>cg03456651</t>
  </si>
  <si>
    <t>cg03459202</t>
  </si>
  <si>
    <t>cg03460777</t>
  </si>
  <si>
    <t>cg03462940</t>
  </si>
  <si>
    <t>cg03468115</t>
  </si>
  <si>
    <t>cg03471571</t>
  </si>
  <si>
    <t>cg03472000</t>
  </si>
  <si>
    <t>cg03475172</t>
  </si>
  <si>
    <t>cg03477112</t>
  </si>
  <si>
    <t>cg03480068</t>
  </si>
  <si>
    <t>cg03481488</t>
  </si>
  <si>
    <t>cg03484490</t>
  </si>
  <si>
    <t>cg03485533</t>
  </si>
  <si>
    <t>cg03487065</t>
  </si>
  <si>
    <t>cg03493300</t>
  </si>
  <si>
    <t>cg03497907</t>
  </si>
  <si>
    <t>cg03503087</t>
  </si>
  <si>
    <t>cg03505638</t>
  </si>
  <si>
    <t>cg03510732</t>
  </si>
  <si>
    <t>cg03512426</t>
  </si>
  <si>
    <t>cg03522063</t>
  </si>
  <si>
    <t>cg03524461</t>
  </si>
  <si>
    <t>cg03524533</t>
  </si>
  <si>
    <t>cg03525069</t>
  </si>
  <si>
    <t>cg03528710</t>
  </si>
  <si>
    <t>cg03530074</t>
  </si>
  <si>
    <t>cg03537591</t>
  </si>
  <si>
    <t>cg03539850</t>
  </si>
  <si>
    <t>cg03546235</t>
  </si>
  <si>
    <t>cg03548330</t>
  </si>
  <si>
    <t>cg03549506</t>
  </si>
  <si>
    <t>cg03549582</t>
  </si>
  <si>
    <t>cg03552039</t>
  </si>
  <si>
    <t>cg03554914</t>
  </si>
  <si>
    <t>cg03558688</t>
  </si>
  <si>
    <t>cg03565475</t>
  </si>
  <si>
    <t>cg03572133</t>
  </si>
  <si>
    <t>cg03573683</t>
  </si>
  <si>
    <t>cg03574360</t>
  </si>
  <si>
    <t>cg03575602</t>
  </si>
  <si>
    <t>cg03576555</t>
  </si>
  <si>
    <t>cg03580065</t>
  </si>
  <si>
    <t>cg03580759</t>
  </si>
  <si>
    <t>cg03584380</t>
  </si>
  <si>
    <t>cg03587042</t>
  </si>
  <si>
    <t>cg03588966</t>
  </si>
  <si>
    <t>cg03596280</t>
  </si>
  <si>
    <t>cg03599037</t>
  </si>
  <si>
    <t>cg03608003</t>
  </si>
  <si>
    <t>cg03609639</t>
  </si>
  <si>
    <t>cg03612747</t>
  </si>
  <si>
    <t>cg03613178</t>
  </si>
  <si>
    <t>cg03613717</t>
  </si>
  <si>
    <t>cg03616221</t>
  </si>
  <si>
    <t>cg03620167</t>
  </si>
  <si>
    <t>cg03622709</t>
  </si>
  <si>
    <t>cg03623354</t>
  </si>
  <si>
    <t>cg03623770</t>
  </si>
  <si>
    <t>cg03628800</t>
  </si>
  <si>
    <t>cg03629447</t>
  </si>
  <si>
    <t>cg03629943</t>
  </si>
  <si>
    <t>cg03630088</t>
  </si>
  <si>
    <t>cg03634479</t>
  </si>
  <si>
    <t>cg03635932</t>
  </si>
  <si>
    <t>cg03640944</t>
  </si>
  <si>
    <t>cg03640969</t>
  </si>
  <si>
    <t>cg03642224</t>
  </si>
  <si>
    <t>cg03643904</t>
  </si>
  <si>
    <t>cg03648155</t>
  </si>
  <si>
    <t>cg03651219</t>
  </si>
  <si>
    <t>cg03651886</t>
  </si>
  <si>
    <t>cg03652343</t>
  </si>
  <si>
    <t>cg03654668</t>
  </si>
  <si>
    <t>cg03658066</t>
  </si>
  <si>
    <t>cg03658471</t>
  </si>
  <si>
    <t>cg03662571</t>
  </si>
  <si>
    <t>cg03666796</t>
  </si>
  <si>
    <t>cg03669298</t>
  </si>
  <si>
    <t>cg03669358</t>
  </si>
  <si>
    <t>cg03669785</t>
  </si>
  <si>
    <t>cg03680517</t>
  </si>
  <si>
    <t>cg03690162</t>
  </si>
  <si>
    <t>cg03690956</t>
  </si>
  <si>
    <t>cg03694279</t>
  </si>
  <si>
    <t>cg03696346</t>
  </si>
  <si>
    <t>cg03699459</t>
  </si>
  <si>
    <t>cg03699765</t>
  </si>
  <si>
    <t>cg03704503</t>
  </si>
  <si>
    <t>cg03706395</t>
  </si>
  <si>
    <t>cg03709271</t>
  </si>
  <si>
    <t>cg03712061</t>
  </si>
  <si>
    <t>cg03713666</t>
  </si>
  <si>
    <t>cg03716936</t>
  </si>
  <si>
    <t>cg03717931</t>
  </si>
  <si>
    <t>cg03719128</t>
  </si>
  <si>
    <t>cg03719236</t>
  </si>
  <si>
    <t>cg03727169</t>
  </si>
  <si>
    <t>cg03727700</t>
  </si>
  <si>
    <t>cg03730709</t>
  </si>
  <si>
    <t>cg03737135</t>
  </si>
  <si>
    <t>cg03740167</t>
  </si>
  <si>
    <t>cg03745912</t>
  </si>
  <si>
    <t>cg03748042</t>
  </si>
  <si>
    <t>cg03748352</t>
  </si>
  <si>
    <t>cg03752935</t>
  </si>
  <si>
    <t>cg03754605</t>
  </si>
  <si>
    <t>cg03754708</t>
  </si>
  <si>
    <t>cg03755123</t>
  </si>
  <si>
    <t>cg03758181</t>
  </si>
  <si>
    <t>cg03761560</t>
  </si>
  <si>
    <t>cg03761665</t>
  </si>
  <si>
    <t>cg03764193</t>
  </si>
  <si>
    <t>cg03764518</t>
  </si>
  <si>
    <t>cg03767951</t>
  </si>
  <si>
    <t>cg03771939</t>
  </si>
  <si>
    <t>cg03775372</t>
  </si>
  <si>
    <t>cg03778899</t>
  </si>
  <si>
    <t>cg03780078</t>
  </si>
  <si>
    <t>cg03780264</t>
  </si>
  <si>
    <t>cg03785652</t>
  </si>
  <si>
    <t>cg03787876</t>
  </si>
  <si>
    <t>cg03789601</t>
  </si>
  <si>
    <t>cg03792491</t>
  </si>
  <si>
    <t>cg03793951</t>
  </si>
  <si>
    <t>cg03801300</t>
  </si>
  <si>
    <t>cg03810913</t>
  </si>
  <si>
    <t>cg03816954</t>
  </si>
  <si>
    <t>cg03817621</t>
  </si>
  <si>
    <t>cg03820909</t>
  </si>
  <si>
    <t>cg03824122</t>
  </si>
  <si>
    <t>cg03826317</t>
  </si>
  <si>
    <t>cg03830401</t>
  </si>
  <si>
    <t>cg03834055</t>
  </si>
  <si>
    <t>cg03838714</t>
  </si>
  <si>
    <t>cg03848545</t>
  </si>
  <si>
    <t>cg03851159</t>
  </si>
  <si>
    <t>cg03852041</t>
  </si>
  <si>
    <t>cg03852570</t>
  </si>
  <si>
    <t>cg03855529</t>
  </si>
  <si>
    <t>cg03859893</t>
  </si>
  <si>
    <t>cg03861065</t>
  </si>
  <si>
    <t>cg03865281</t>
  </si>
  <si>
    <t>cg03871549</t>
  </si>
  <si>
    <t>cg03871675</t>
  </si>
  <si>
    <t>cg03872339</t>
  </si>
  <si>
    <t>cg03876676</t>
  </si>
  <si>
    <t>cg03877267</t>
  </si>
  <si>
    <t>cg03880642</t>
  </si>
  <si>
    <t>cg03885037</t>
  </si>
  <si>
    <t>cg03885119</t>
  </si>
  <si>
    <t>cg03885270</t>
  </si>
  <si>
    <t>cg03885929</t>
  </si>
  <si>
    <t>cg03887584</t>
  </si>
  <si>
    <t>cg03892812</t>
  </si>
  <si>
    <t>cg03897125</t>
  </si>
  <si>
    <t>cg03897139</t>
  </si>
  <si>
    <t>cg03902201</t>
  </si>
  <si>
    <t>cg03905463</t>
  </si>
  <si>
    <t>cg03906820</t>
  </si>
  <si>
    <t>cg03907390</t>
  </si>
  <si>
    <t>cg03920764</t>
  </si>
  <si>
    <t>cg03922262</t>
  </si>
  <si>
    <t>cg03922381</t>
  </si>
  <si>
    <t>cg03932039</t>
  </si>
  <si>
    <t>cg03932201</t>
  </si>
  <si>
    <t>cg03932441</t>
  </si>
  <si>
    <t>cg03936104</t>
  </si>
  <si>
    <t>cg03936193</t>
  </si>
  <si>
    <t>cg03943081</t>
  </si>
  <si>
    <t>cg03946324</t>
  </si>
  <si>
    <t>cg03958038</t>
  </si>
  <si>
    <t>cg03958112</t>
  </si>
  <si>
    <t>cg03959347</t>
  </si>
  <si>
    <t>cg03965620</t>
  </si>
  <si>
    <t>cg03965739</t>
  </si>
  <si>
    <t>cg03966161</t>
  </si>
  <si>
    <t>cg03970483</t>
  </si>
  <si>
    <t>cg03970591</t>
  </si>
  <si>
    <t>cg03974204</t>
  </si>
  <si>
    <t>cg03979024</t>
  </si>
  <si>
    <t>cg03993087</t>
  </si>
  <si>
    <t>cg04001802</t>
  </si>
  <si>
    <t>cg04006718</t>
  </si>
  <si>
    <t>cg04009446</t>
  </si>
  <si>
    <t>cg04012681</t>
  </si>
  <si>
    <t>cg04031344</t>
  </si>
  <si>
    <t>cg04031454</t>
  </si>
  <si>
    <t>cg04037905</t>
  </si>
  <si>
    <t>cg04041960</t>
  </si>
  <si>
    <t>cg04044502</t>
  </si>
  <si>
    <t>cg04046427</t>
  </si>
  <si>
    <t>cg04050331</t>
  </si>
  <si>
    <t>cg04055053</t>
  </si>
  <si>
    <t>cg04055819</t>
  </si>
  <si>
    <t>cg04058169</t>
  </si>
  <si>
    <t>cg04059318</t>
  </si>
  <si>
    <t>cg04060075</t>
  </si>
  <si>
    <t>cg04065885</t>
  </si>
  <si>
    <t>cg04068341</t>
  </si>
  <si>
    <t>cg04070533</t>
  </si>
  <si>
    <t>cg04070692</t>
  </si>
  <si>
    <t>cg04071427</t>
  </si>
  <si>
    <t>cg04071446</t>
  </si>
  <si>
    <t>cg04071798</t>
  </si>
  <si>
    <t>cg04074033</t>
  </si>
  <si>
    <t>cg04074321</t>
  </si>
  <si>
    <t>cg04074404</t>
  </si>
  <si>
    <t>cg04075783</t>
  </si>
  <si>
    <t>cg04081651</t>
  </si>
  <si>
    <t>cg04084348</t>
  </si>
  <si>
    <t>cg04088969</t>
  </si>
  <si>
    <t>cg04089434</t>
  </si>
  <si>
    <t>cg04090697</t>
  </si>
  <si>
    <t>cg04107759</t>
  </si>
  <si>
    <t>cg04110868</t>
  </si>
  <si>
    <t>cg04112126</t>
  </si>
  <si>
    <t>cg04113225</t>
  </si>
  <si>
    <t>cg04117029</t>
  </si>
  <si>
    <t>cg04117301</t>
  </si>
  <si>
    <t>cg04119844</t>
  </si>
  <si>
    <t>cg04124361</t>
  </si>
  <si>
    <t>cg04126866</t>
  </si>
  <si>
    <t>cg04127044</t>
  </si>
  <si>
    <t>cg04128746</t>
  </si>
  <si>
    <t>cg04137702</t>
  </si>
  <si>
    <t>cg04138001</t>
  </si>
  <si>
    <t>cg04148002</t>
  </si>
  <si>
    <t>cg04149179</t>
  </si>
  <si>
    <t>cg04149578</t>
  </si>
  <si>
    <t>cg04154276</t>
  </si>
  <si>
    <t>cg04159077</t>
  </si>
  <si>
    <t>cg04159420</t>
  </si>
  <si>
    <t>cg04170354</t>
  </si>
  <si>
    <t>cg04171665</t>
  </si>
  <si>
    <t>cg04172994</t>
  </si>
  <si>
    <t>cg04173397</t>
  </si>
  <si>
    <t>cg04174358</t>
  </si>
  <si>
    <t>cg04177244</t>
  </si>
  <si>
    <t>cg04179706</t>
  </si>
  <si>
    <t>cg04181181</t>
  </si>
  <si>
    <t>cg04181644</t>
  </si>
  <si>
    <t>cg04188986</t>
  </si>
  <si>
    <t>cg04190888</t>
  </si>
  <si>
    <t>cg04192327</t>
  </si>
  <si>
    <t>cg04192867</t>
  </si>
  <si>
    <t>cg04195133</t>
  </si>
  <si>
    <t>cg04198535</t>
  </si>
  <si>
    <t>cg04204967</t>
  </si>
  <si>
    <t>cg04207413</t>
  </si>
  <si>
    <t>cg04209885</t>
  </si>
  <si>
    <t>cg04214573</t>
  </si>
  <si>
    <t>cg04215475</t>
  </si>
  <si>
    <t>cg04215703</t>
  </si>
  <si>
    <t>cg04215870</t>
  </si>
  <si>
    <t>cg04217539</t>
  </si>
  <si>
    <t>cg04221117</t>
  </si>
  <si>
    <t>cg04221624</t>
  </si>
  <si>
    <t>cg04225510</t>
  </si>
  <si>
    <t>cg04225554</t>
  </si>
  <si>
    <t>cg04229986</t>
  </si>
  <si>
    <t>cg04231319</t>
  </si>
  <si>
    <t>cg04234156</t>
  </si>
  <si>
    <t>cg04234474</t>
  </si>
  <si>
    <t>cg04238871</t>
  </si>
  <si>
    <t>cg04241725</t>
  </si>
  <si>
    <t>cg04244152</t>
  </si>
  <si>
    <t>cg04249706</t>
  </si>
  <si>
    <t>cg04249737</t>
  </si>
  <si>
    <t>cg04256907</t>
  </si>
  <si>
    <t>cg04259358</t>
  </si>
  <si>
    <t>cg04263391</t>
  </si>
  <si>
    <t>cg04265961</t>
  </si>
  <si>
    <t>cg04268405</t>
  </si>
  <si>
    <t>cg04269057</t>
  </si>
  <si>
    <t>cg04271103</t>
  </si>
  <si>
    <t>cg04271445</t>
  </si>
  <si>
    <t>cg04271617</t>
  </si>
  <si>
    <t>cg04271791</t>
  </si>
  <si>
    <t>cg04273871</t>
  </si>
  <si>
    <t>cg04275239</t>
  </si>
  <si>
    <t>cg04275337</t>
  </si>
  <si>
    <t>cg04275404</t>
  </si>
  <si>
    <t>cg04278975</t>
  </si>
  <si>
    <t>cg04283751</t>
  </si>
  <si>
    <t>cg04284122</t>
  </si>
  <si>
    <t>cg04284317</t>
  </si>
  <si>
    <t>cg04285822</t>
  </si>
  <si>
    <t>cg04287375</t>
  </si>
  <si>
    <t>cg04289069</t>
  </si>
  <si>
    <t>cg04290666</t>
  </si>
  <si>
    <t>cg04291842</t>
  </si>
  <si>
    <t>cg04298626</t>
  </si>
  <si>
    <t>cg04301263</t>
  </si>
  <si>
    <t>cg04302492</t>
  </si>
  <si>
    <t>cg04304802</t>
  </si>
  <si>
    <t>cg04305134</t>
  </si>
  <si>
    <t>cg04308323</t>
  </si>
  <si>
    <t>cg04309849</t>
  </si>
  <si>
    <t>cg04319990</t>
  </si>
  <si>
    <t>cg04320760</t>
  </si>
  <si>
    <t>cg04322429</t>
  </si>
  <si>
    <t>cg04322596</t>
  </si>
  <si>
    <t>cg04323925</t>
  </si>
  <si>
    <t>cg04327529</t>
  </si>
  <si>
    <t>cg04327538</t>
  </si>
  <si>
    <t>cg04328219</t>
  </si>
  <si>
    <t>cg04330176</t>
  </si>
  <si>
    <t>cg04333785</t>
  </si>
  <si>
    <t>cg04336905</t>
  </si>
  <si>
    <t>cg04343868</t>
  </si>
  <si>
    <t>cg04347264</t>
  </si>
  <si>
    <t>cg04350610</t>
  </si>
  <si>
    <t>cg04355037</t>
  </si>
  <si>
    <t>cg04356980</t>
  </si>
  <si>
    <t>cg04359915</t>
  </si>
  <si>
    <t>cg04366815</t>
  </si>
  <si>
    <t>cg04366880</t>
  </si>
  <si>
    <t>cg04366994</t>
  </si>
  <si>
    <t>cg04367093</t>
  </si>
  <si>
    <t>cg04369919</t>
  </si>
  <si>
    <t>cg04370247</t>
  </si>
  <si>
    <t>cg04374015</t>
  </si>
  <si>
    <t>cg04377282</t>
  </si>
  <si>
    <t>cg04387396</t>
  </si>
  <si>
    <t>cg04387475</t>
  </si>
  <si>
    <t>cg04390488</t>
  </si>
  <si>
    <t>cg04391569</t>
  </si>
  <si>
    <t>cg04395954</t>
  </si>
  <si>
    <t>cg04398285</t>
  </si>
  <si>
    <t>cg04401038</t>
  </si>
  <si>
    <t>cg04402875</t>
  </si>
  <si>
    <t>cg04405466</t>
  </si>
  <si>
    <t>cg04408200</t>
  </si>
  <si>
    <t>cg04411086</t>
  </si>
  <si>
    <t>cg04411454</t>
  </si>
  <si>
    <t>cg04414459</t>
  </si>
  <si>
    <t>cg04418529</t>
  </si>
  <si>
    <t>cg04421269</t>
  </si>
  <si>
    <t>cg04421348</t>
  </si>
  <si>
    <t>cg04421971</t>
  </si>
  <si>
    <t>cg04422256</t>
  </si>
  <si>
    <t>cg04423342</t>
  </si>
  <si>
    <t>cg04424930</t>
  </si>
  <si>
    <t>cg04426620</t>
  </si>
  <si>
    <t>cg04426842</t>
  </si>
  <si>
    <t>cg04426977</t>
  </si>
  <si>
    <t>cg04436469</t>
  </si>
  <si>
    <t>cg04436818</t>
  </si>
  <si>
    <t>cg04438074</t>
  </si>
  <si>
    <t>cg04438395</t>
  </si>
  <si>
    <t>cg04439776</t>
  </si>
  <si>
    <t>cg04444771</t>
  </si>
  <si>
    <t>cg04447284</t>
  </si>
  <si>
    <t>cg04447323</t>
  </si>
  <si>
    <t>cg04449397</t>
  </si>
  <si>
    <t>cg04450857</t>
  </si>
  <si>
    <t>cg04451703</t>
  </si>
  <si>
    <t>cg04451798</t>
  </si>
  <si>
    <t>cg04452040</t>
  </si>
  <si>
    <t>cg04453371</t>
  </si>
  <si>
    <t>cg04457572</t>
  </si>
  <si>
    <t>cg04457792</t>
  </si>
  <si>
    <t>cg04466253</t>
  </si>
  <si>
    <t>cg04473030</t>
  </si>
  <si>
    <t>cg04475085</t>
  </si>
  <si>
    <t>cg04476927</t>
  </si>
  <si>
    <t>cg04488529</t>
  </si>
  <si>
    <t>cg04489717</t>
  </si>
  <si>
    <t>cg04490211</t>
  </si>
  <si>
    <t>cg04492228</t>
  </si>
  <si>
    <t>cg04494136</t>
  </si>
  <si>
    <t>cg04496042</t>
  </si>
  <si>
    <t>cg04500084</t>
  </si>
  <si>
    <t>cg04506911</t>
  </si>
  <si>
    <t>cg04507071</t>
  </si>
  <si>
    <t>cg04510209</t>
  </si>
  <si>
    <t>cg04512383</t>
  </si>
  <si>
    <t>cg04513549</t>
  </si>
  <si>
    <t>cg04516672</t>
  </si>
  <si>
    <t>cg04521765</t>
  </si>
  <si>
    <t>cg04525441</t>
  </si>
  <si>
    <t>cg04529370</t>
  </si>
  <si>
    <t>cg04540870</t>
  </si>
  <si>
    <t>cg04543156</t>
  </si>
  <si>
    <t>cg04544485</t>
  </si>
  <si>
    <t>cg04549162</t>
  </si>
  <si>
    <t>cg04549524</t>
  </si>
  <si>
    <t>cg04550285</t>
  </si>
  <si>
    <t>cg04552206</t>
  </si>
  <si>
    <t>cg04554652</t>
  </si>
  <si>
    <t>cg04556008</t>
  </si>
  <si>
    <t>cg04556519</t>
  </si>
  <si>
    <t>cg04557357</t>
  </si>
  <si>
    <t>cg04557665</t>
  </si>
  <si>
    <t>cg04565740</t>
  </si>
  <si>
    <t>cg04568797</t>
  </si>
  <si>
    <t>cg04590721</t>
  </si>
  <si>
    <t>cg04590978</t>
  </si>
  <si>
    <t>cg04609350</t>
  </si>
  <si>
    <t>cg04611159</t>
  </si>
  <si>
    <t>cg04611179</t>
  </si>
  <si>
    <t>cg04611437</t>
  </si>
  <si>
    <t>cg04614459</t>
  </si>
  <si>
    <t>cg04616691</t>
  </si>
  <si>
    <t>cg04617428</t>
  </si>
  <si>
    <t>cg04619047</t>
  </si>
  <si>
    <t>cg04621893</t>
  </si>
  <si>
    <t>cg04621997</t>
  </si>
  <si>
    <t>cg04623172</t>
  </si>
  <si>
    <t>cg04638265</t>
  </si>
  <si>
    <t>cg04640972</t>
  </si>
  <si>
    <t>cg04641787</t>
  </si>
  <si>
    <t>cg04645567</t>
  </si>
  <si>
    <t>cg04646451</t>
  </si>
  <si>
    <t>cg04649260</t>
  </si>
  <si>
    <t>cg04658591</t>
  </si>
  <si>
    <t>cg04665423</t>
  </si>
  <si>
    <t>cg04670666</t>
  </si>
  <si>
    <t>cg04677227</t>
  </si>
  <si>
    <t>cg04677340</t>
  </si>
  <si>
    <t>cg04678570</t>
  </si>
  <si>
    <t>cg04686790</t>
  </si>
  <si>
    <t>cg04688368</t>
  </si>
  <si>
    <t>cg04689582</t>
  </si>
  <si>
    <t>cg04694991</t>
  </si>
  <si>
    <t>cg04697262</t>
  </si>
  <si>
    <t>cg04700861</t>
  </si>
  <si>
    <t>cg04701182</t>
  </si>
  <si>
    <t>cg04703950</t>
  </si>
  <si>
    <t>cg04704631</t>
  </si>
  <si>
    <t>cg04714110</t>
  </si>
  <si>
    <t>cg04714939</t>
  </si>
  <si>
    <t>cg04726013</t>
  </si>
  <si>
    <t>cg04728480</t>
  </si>
  <si>
    <t>cg04738091</t>
  </si>
  <si>
    <t>cg04749316</t>
  </si>
  <si>
    <t>cg04750910</t>
  </si>
  <si>
    <t>cg04752299</t>
  </si>
  <si>
    <t>cg04752650</t>
  </si>
  <si>
    <t>cg04757991</t>
  </si>
  <si>
    <t>cg04759335</t>
  </si>
  <si>
    <t>cg04762351</t>
  </si>
  <si>
    <t>cg04764597</t>
  </si>
  <si>
    <t>cg04764902</t>
  </si>
  <si>
    <t>cg04764907</t>
  </si>
  <si>
    <t>cg04765277</t>
  </si>
  <si>
    <t>cg04766005</t>
  </si>
  <si>
    <t>cg04766371</t>
  </si>
  <si>
    <t>cg04768368</t>
  </si>
  <si>
    <t>cg04768425</t>
  </si>
  <si>
    <t>cg04768459</t>
  </si>
  <si>
    <t>cg04769618</t>
  </si>
  <si>
    <t>cg04772326</t>
  </si>
  <si>
    <t>cg04773745</t>
  </si>
  <si>
    <t>cg04774227</t>
  </si>
  <si>
    <t>cg04774476</t>
  </si>
  <si>
    <t>cg04774581</t>
  </si>
  <si>
    <t>cg04779860</t>
  </si>
  <si>
    <t>cg04780563</t>
  </si>
  <si>
    <t>cg04781305</t>
  </si>
  <si>
    <t>cg04784635</t>
  </si>
  <si>
    <t>cg04788372</t>
  </si>
  <si>
    <t>cg04788957</t>
  </si>
  <si>
    <t>cg04798796</t>
  </si>
  <si>
    <t>cg04804726</t>
  </si>
  <si>
    <t>cg04804772</t>
  </si>
  <si>
    <t>cg04806237</t>
  </si>
  <si>
    <t>cg04812509</t>
  </si>
  <si>
    <t>cg04815301</t>
  </si>
  <si>
    <t>cg04819760</t>
  </si>
  <si>
    <t>cg04820634</t>
  </si>
  <si>
    <t>cg04824711</t>
  </si>
  <si>
    <t>cg04825162</t>
  </si>
  <si>
    <t>cg04825276</t>
  </si>
  <si>
    <t>cg04825431</t>
  </si>
  <si>
    <t>cg04827593</t>
  </si>
  <si>
    <t>cg04827919</t>
  </si>
  <si>
    <t>cg04829143</t>
  </si>
  <si>
    <t>cg04829946</t>
  </si>
  <si>
    <t>cg04834572</t>
  </si>
  <si>
    <t>cg04835284</t>
  </si>
  <si>
    <t>cg04837783</t>
  </si>
  <si>
    <t>cg04838832</t>
  </si>
  <si>
    <t>cg04839259</t>
  </si>
  <si>
    <t>cg04839409</t>
  </si>
  <si>
    <t>cg04839761</t>
  </si>
  <si>
    <t>cg04840290</t>
  </si>
  <si>
    <t>cg04843252</t>
  </si>
  <si>
    <t>cg04844987</t>
  </si>
  <si>
    <t>cg04846036</t>
  </si>
  <si>
    <t>cg04847478</t>
  </si>
  <si>
    <t>cg04847825</t>
  </si>
  <si>
    <t>cg04850779</t>
  </si>
  <si>
    <t>cg04850999</t>
  </si>
  <si>
    <t>cg04855826</t>
  </si>
  <si>
    <t>cg04858230</t>
  </si>
  <si>
    <t>cg04858631</t>
  </si>
  <si>
    <t>cg04859918</t>
  </si>
  <si>
    <t>cg04861968</t>
  </si>
  <si>
    <t>cg04869006</t>
  </si>
  <si>
    <t>cg04872541</t>
  </si>
  <si>
    <t>cg04876028</t>
  </si>
  <si>
    <t>cg04876500</t>
  </si>
  <si>
    <t>cg04876582</t>
  </si>
  <si>
    <t>cg04880063</t>
  </si>
  <si>
    <t>cg04886846</t>
  </si>
  <si>
    <t>cg04887078</t>
  </si>
  <si>
    <t>cg04899273</t>
  </si>
  <si>
    <t>cg04899563</t>
  </si>
  <si>
    <t>cg04902811</t>
  </si>
  <si>
    <t>cg04903360</t>
  </si>
  <si>
    <t>cg04904468</t>
  </si>
  <si>
    <t>cg04907738</t>
  </si>
  <si>
    <t>cg04911695</t>
  </si>
  <si>
    <t>cg04911819</t>
  </si>
  <si>
    <t>cg04917197</t>
  </si>
  <si>
    <t>cg04918978</t>
  </si>
  <si>
    <t>cg04920385</t>
  </si>
  <si>
    <t>cg04922833</t>
  </si>
  <si>
    <t>cg04922880</t>
  </si>
  <si>
    <t>cg04923620</t>
  </si>
  <si>
    <t>cg04923845</t>
  </si>
  <si>
    <t>cg04925803</t>
  </si>
  <si>
    <t>cg04930661</t>
  </si>
  <si>
    <t>cg04935278</t>
  </si>
  <si>
    <t>cg04936274</t>
  </si>
  <si>
    <t>cg04939496</t>
  </si>
  <si>
    <t>cg04939649</t>
  </si>
  <si>
    <t>cg04942107</t>
  </si>
  <si>
    <t>cg04942755</t>
  </si>
  <si>
    <t>cg04943625</t>
  </si>
  <si>
    <t>cg04944537</t>
  </si>
  <si>
    <t>cg04944583</t>
  </si>
  <si>
    <t>cg04944931</t>
  </si>
  <si>
    <t>cg04948438</t>
  </si>
  <si>
    <t>cg04955405</t>
  </si>
  <si>
    <t>cg04956801</t>
  </si>
  <si>
    <t>cg04957198</t>
  </si>
  <si>
    <t>cg04958872</t>
  </si>
  <si>
    <t>cg04964571</t>
  </si>
  <si>
    <t>cg04965811</t>
  </si>
  <si>
    <t>cg04970150</t>
  </si>
  <si>
    <t>cg04972529</t>
  </si>
  <si>
    <t>cg04973995</t>
  </si>
  <si>
    <t>cg04976075</t>
  </si>
  <si>
    <t>cg04982951</t>
  </si>
  <si>
    <t>cg04984663</t>
  </si>
  <si>
    <t>cg04991805</t>
  </si>
  <si>
    <t>cg04996918</t>
  </si>
  <si>
    <t>cg04999588</t>
  </si>
  <si>
    <t>cg05005968</t>
  </si>
  <si>
    <t>cg05008139</t>
  </si>
  <si>
    <t>cg05010113</t>
  </si>
  <si>
    <t>cg05013695</t>
  </si>
  <si>
    <t>cg05017154</t>
  </si>
  <si>
    <t>cg05017168</t>
  </si>
  <si>
    <t>cg05019661</t>
  </si>
  <si>
    <t>cg05025427</t>
  </si>
  <si>
    <t>cg05026403</t>
  </si>
  <si>
    <t>cg05030346</t>
  </si>
  <si>
    <t>cg05033052</t>
  </si>
  <si>
    <t>cg05034809</t>
  </si>
  <si>
    <t>cg05036314</t>
  </si>
  <si>
    <t>cg05036715</t>
  </si>
  <si>
    <t>cg05038152</t>
  </si>
  <si>
    <t>cg05042728</t>
  </si>
  <si>
    <t>cg05045130</t>
  </si>
  <si>
    <t>cg05050592</t>
  </si>
  <si>
    <t>cg05058846</t>
  </si>
  <si>
    <t>cg05061073</t>
  </si>
  <si>
    <t>cg05062679</t>
  </si>
  <si>
    <t>cg05064489</t>
  </si>
  <si>
    <t>cg05064937</t>
  </si>
  <si>
    <t>cg05066621</t>
  </si>
  <si>
    <t>cg05068943</t>
  </si>
  <si>
    <t>cg05087983</t>
  </si>
  <si>
    <t>cg05088680</t>
  </si>
  <si>
    <t>cg05096777</t>
  </si>
  <si>
    <t>cg05097887</t>
  </si>
  <si>
    <t>cg05098118</t>
  </si>
  <si>
    <t>cg05104995</t>
  </si>
  <si>
    <t>cg05111616</t>
  </si>
  <si>
    <t>cg05111829</t>
  </si>
  <si>
    <t>cg05117785</t>
  </si>
  <si>
    <t>cg05119686</t>
  </si>
  <si>
    <t>cg05120428</t>
  </si>
  <si>
    <t>cg05122950</t>
  </si>
  <si>
    <t>cg05123019</t>
  </si>
  <si>
    <t>cg05123263</t>
  </si>
  <si>
    <t>cg05125693</t>
  </si>
  <si>
    <t>cg05131347</t>
  </si>
  <si>
    <t>cg05131533</t>
  </si>
  <si>
    <t>cg05135499</t>
  </si>
  <si>
    <t>cg05138040</t>
  </si>
  <si>
    <t>cg05138702</t>
  </si>
  <si>
    <t>cg05140650</t>
  </si>
  <si>
    <t>cg05141574</t>
  </si>
  <si>
    <t>cg05141578</t>
  </si>
  <si>
    <t>cg05144067</t>
  </si>
  <si>
    <t>cg05144147</t>
  </si>
  <si>
    <t>cg05151811</t>
  </si>
  <si>
    <t>cg05157833</t>
  </si>
  <si>
    <t>cg05162358</t>
  </si>
  <si>
    <t>cg05166684</t>
  </si>
  <si>
    <t>cg05168453</t>
  </si>
  <si>
    <t>cg05174943</t>
  </si>
  <si>
    <t>cg05181041</t>
  </si>
  <si>
    <t>cg05184308</t>
  </si>
  <si>
    <t>cg05184372</t>
  </si>
  <si>
    <t>cg05187965</t>
  </si>
  <si>
    <t>cg05189242</t>
  </si>
  <si>
    <t>cg05192293</t>
  </si>
  <si>
    <t>cg05192538</t>
  </si>
  <si>
    <t>cg05194426</t>
  </si>
  <si>
    <t>cg05196187</t>
  </si>
  <si>
    <t>cg05198963</t>
  </si>
  <si>
    <t>cg05200540</t>
  </si>
  <si>
    <t>cg05202729</t>
  </si>
  <si>
    <t>cg05205813</t>
  </si>
  <si>
    <t>cg05208364</t>
  </si>
  <si>
    <t>cg05211996</t>
  </si>
  <si>
    <t>cg05214088</t>
  </si>
  <si>
    <t>cg05214460</t>
  </si>
  <si>
    <t>cg05215056</t>
  </si>
  <si>
    <t>cg05219131</t>
  </si>
  <si>
    <t>cg05219423</t>
  </si>
  <si>
    <t>cg05219493</t>
  </si>
  <si>
    <t>cg05219593</t>
  </si>
  <si>
    <t>cg05220599</t>
  </si>
  <si>
    <t>cg05221664</t>
  </si>
  <si>
    <t>cg05222243</t>
  </si>
  <si>
    <t>cg05223847</t>
  </si>
  <si>
    <t>cg05228404</t>
  </si>
  <si>
    <t>cg05230927</t>
  </si>
  <si>
    <t>cg05236965</t>
  </si>
  <si>
    <t>cg05238276</t>
  </si>
  <si>
    <t>cg05238375</t>
  </si>
  <si>
    <t>cg05238976</t>
  </si>
  <si>
    <t>cg05241265</t>
  </si>
  <si>
    <t>cg05241536</t>
  </si>
  <si>
    <t>cg05251190</t>
  </si>
  <si>
    <t>cg05256420</t>
  </si>
  <si>
    <t>cg05265607</t>
  </si>
  <si>
    <t>cg05266786</t>
  </si>
  <si>
    <t>cg05269080</t>
  </si>
  <si>
    <t>cg05284276</t>
  </si>
  <si>
    <t>cg05285582</t>
  </si>
  <si>
    <t>cg05291508</t>
  </si>
  <si>
    <t>cg05291666</t>
  </si>
  <si>
    <t>cg05306173</t>
  </si>
  <si>
    <t>cg05307477</t>
  </si>
  <si>
    <t>cg05307923</t>
  </si>
  <si>
    <t>cg05309934</t>
  </si>
  <si>
    <t>cg05311383</t>
  </si>
  <si>
    <t>cg05311720</t>
  </si>
  <si>
    <t>cg05311909</t>
  </si>
  <si>
    <t>cg05317686</t>
  </si>
  <si>
    <t>cg05320607</t>
  </si>
  <si>
    <t>cg05324273</t>
  </si>
  <si>
    <t>cg05324516</t>
  </si>
  <si>
    <t>cg05324789</t>
  </si>
  <si>
    <t>cg05326036</t>
  </si>
  <si>
    <t>cg05327931</t>
  </si>
  <si>
    <t>cg05329692</t>
  </si>
  <si>
    <t>cg05333368</t>
  </si>
  <si>
    <t>cg05334414</t>
  </si>
  <si>
    <t>cg05343088</t>
  </si>
  <si>
    <t>cg05350358</t>
  </si>
  <si>
    <t>cg05351173</t>
  </si>
  <si>
    <t>cg05352321</t>
  </si>
  <si>
    <t>cg05358228</t>
  </si>
  <si>
    <t>cg05358439</t>
  </si>
  <si>
    <t>cg05359750</t>
  </si>
  <si>
    <t>cg05364307</t>
  </si>
  <si>
    <t>cg05368033</t>
  </si>
  <si>
    <t>cg05370838</t>
  </si>
  <si>
    <t>cg05375443</t>
  </si>
  <si>
    <t>cg05379597</t>
  </si>
  <si>
    <t>cg05387692</t>
  </si>
  <si>
    <t>cg05388865</t>
  </si>
  <si>
    <t>cg05391011</t>
  </si>
  <si>
    <t>cg05393045</t>
  </si>
  <si>
    <t>cg05393736</t>
  </si>
  <si>
    <t>cg05396900</t>
  </si>
  <si>
    <t>cg05397646</t>
  </si>
  <si>
    <t>cg05399434</t>
  </si>
  <si>
    <t>cg05400498</t>
  </si>
  <si>
    <t>cg05400741</t>
  </si>
  <si>
    <t>cg05403832</t>
  </si>
  <si>
    <t>cg05406498</t>
  </si>
  <si>
    <t>cg05407489</t>
  </si>
  <si>
    <t>cg05407757</t>
  </si>
  <si>
    <t>cg05413465</t>
  </si>
  <si>
    <t>cg05428706</t>
  </si>
  <si>
    <t>cg05429686</t>
  </si>
  <si>
    <t>cg05432973</t>
  </si>
  <si>
    <t>cg05433039</t>
  </si>
  <si>
    <t>cg05440249</t>
  </si>
  <si>
    <t>cg05440642</t>
  </si>
  <si>
    <t>cg05441133</t>
  </si>
  <si>
    <t>cg05441518</t>
  </si>
  <si>
    <t>cg05444548</t>
  </si>
  <si>
    <t>cg05445097</t>
  </si>
  <si>
    <t>cg05446127</t>
  </si>
  <si>
    <t>cg05450336</t>
  </si>
  <si>
    <t>cg05450805</t>
  </si>
  <si>
    <t>cg05453333</t>
  </si>
  <si>
    <t>cg05454446</t>
  </si>
  <si>
    <t>cg05457221</t>
  </si>
  <si>
    <t>cg05459190</t>
  </si>
  <si>
    <t>cg05461734</t>
  </si>
  <si>
    <t>cg05462208</t>
  </si>
  <si>
    <t>cg05467828</t>
  </si>
  <si>
    <t>cg05468559</t>
  </si>
  <si>
    <t>cg05468584</t>
  </si>
  <si>
    <t>cg05475934</t>
  </si>
  <si>
    <t>cg05477444</t>
  </si>
  <si>
    <t>cg05480883</t>
  </si>
  <si>
    <t>cg05482236</t>
  </si>
  <si>
    <t>cg05483559</t>
  </si>
  <si>
    <t>cg05483617</t>
  </si>
  <si>
    <t>cg05484691</t>
  </si>
  <si>
    <t>cg05491346</t>
  </si>
  <si>
    <t>cg05491762</t>
  </si>
  <si>
    <t>cg05492075</t>
  </si>
  <si>
    <t>cg05493509</t>
  </si>
  <si>
    <t>cg05493526</t>
  </si>
  <si>
    <t>cg05498024</t>
  </si>
  <si>
    <t>cg05498539</t>
  </si>
  <si>
    <t>cg05508585</t>
  </si>
  <si>
    <t>cg05516746</t>
  </si>
  <si>
    <t>cg05518803</t>
  </si>
  <si>
    <t>cg05521089</t>
  </si>
  <si>
    <t>cg05521261</t>
  </si>
  <si>
    <t>cg05523877</t>
  </si>
  <si>
    <t>cg05525499</t>
  </si>
  <si>
    <t>cg05525601</t>
  </si>
  <si>
    <t>cg05525648</t>
  </si>
  <si>
    <t>cg05527752</t>
  </si>
  <si>
    <t>cg05530751</t>
  </si>
  <si>
    <t>cg05532178</t>
  </si>
  <si>
    <t>cg05533705</t>
  </si>
  <si>
    <t>cg05539217</t>
  </si>
  <si>
    <t>cg05540413</t>
  </si>
  <si>
    <t>cg05549897</t>
  </si>
  <si>
    <t>cg05563110</t>
  </si>
  <si>
    <t>cg05569909</t>
  </si>
  <si>
    <t>cg05570367</t>
  </si>
  <si>
    <t>cg05572410</t>
  </si>
  <si>
    <t>cg05573737</t>
  </si>
  <si>
    <t>cg05575054</t>
  </si>
  <si>
    <t>cg05580001</t>
  </si>
  <si>
    <t>cg05588111</t>
  </si>
  <si>
    <t>cg05591004</t>
  </si>
  <si>
    <t>cg05591270</t>
  </si>
  <si>
    <t>cg05591902</t>
  </si>
  <si>
    <t>cg05595753</t>
  </si>
  <si>
    <t>cg05595800</t>
  </si>
  <si>
    <t>cg05598595</t>
  </si>
  <si>
    <t>cg05602439</t>
  </si>
  <si>
    <t>cg05609218</t>
  </si>
  <si>
    <t>cg05609254</t>
  </si>
  <si>
    <t>cg05611731</t>
  </si>
  <si>
    <t>cg05613447</t>
  </si>
  <si>
    <t>cg05615477</t>
  </si>
  <si>
    <t>cg05620165</t>
  </si>
  <si>
    <t>cg05622307</t>
  </si>
  <si>
    <t>cg05622577</t>
  </si>
  <si>
    <t>cg05623815</t>
  </si>
  <si>
    <t>cg05625526</t>
  </si>
  <si>
    <t>cg05636681</t>
  </si>
  <si>
    <t>cg05638776</t>
  </si>
  <si>
    <t>cg05640731</t>
  </si>
  <si>
    <t>cg05645634</t>
  </si>
  <si>
    <t>cg05649708</t>
  </si>
  <si>
    <t>cg05652102</t>
  </si>
  <si>
    <t>cg05652533</t>
  </si>
  <si>
    <t>cg05653400</t>
  </si>
  <si>
    <t>cg05658858</t>
  </si>
  <si>
    <t>cg05665581</t>
  </si>
  <si>
    <t>cg05670885</t>
  </si>
  <si>
    <t>cg05671070</t>
  </si>
  <si>
    <t>cg05683857</t>
  </si>
  <si>
    <t>cg05683999</t>
  </si>
  <si>
    <t>cg05686026</t>
  </si>
  <si>
    <t>cg05694250</t>
  </si>
  <si>
    <t>cg05696353</t>
  </si>
  <si>
    <t>cg05697873</t>
  </si>
  <si>
    <t>cg05700141</t>
  </si>
  <si>
    <t>cg05702052</t>
  </si>
  <si>
    <t>cg05711710</t>
  </si>
  <si>
    <t>cg05717160</t>
  </si>
  <si>
    <t>cg05719742</t>
  </si>
  <si>
    <t>cg05724240</t>
  </si>
  <si>
    <t>cg05729995</t>
  </si>
  <si>
    <t>cg05734295</t>
  </si>
  <si>
    <t>cg05734675</t>
  </si>
  <si>
    <t>cg05737535</t>
  </si>
  <si>
    <t>cg05740243</t>
  </si>
  <si>
    <t>cg05740895</t>
  </si>
  <si>
    <t>cg05746872</t>
  </si>
  <si>
    <t>cg05750029</t>
  </si>
  <si>
    <t>cg05755354</t>
  </si>
  <si>
    <t>cg05759150</t>
  </si>
  <si>
    <t>cg05762326</t>
  </si>
  <si>
    <t>cg05762578</t>
  </si>
  <si>
    <t>cg05762694</t>
  </si>
  <si>
    <t>cg05764011</t>
  </si>
  <si>
    <t>cg05775658</t>
  </si>
  <si>
    <t>cg05778706</t>
  </si>
  <si>
    <t>cg05781049</t>
  </si>
  <si>
    <t>cg05785932</t>
  </si>
  <si>
    <t>cg05785989</t>
  </si>
  <si>
    <t>cg05791881</t>
  </si>
  <si>
    <t>cg05791938</t>
  </si>
  <si>
    <t>cg05797937</t>
  </si>
  <si>
    <t>cg05800336</t>
  </si>
  <si>
    <t>cg05801246</t>
  </si>
  <si>
    <t>cg05803853</t>
  </si>
  <si>
    <t>cg05805172</t>
  </si>
  <si>
    <t>cg05806875</t>
  </si>
  <si>
    <t>cg05808225</t>
  </si>
  <si>
    <t>cg05815419</t>
  </si>
  <si>
    <t>cg05822658</t>
  </si>
  <si>
    <t>cg05823146</t>
  </si>
  <si>
    <t>cg05825420</t>
  </si>
  <si>
    <t>cg05831672</t>
  </si>
  <si>
    <t>cg05835416</t>
  </si>
  <si>
    <t>cg05846798</t>
  </si>
  <si>
    <t>cg05846894</t>
  </si>
  <si>
    <t>cg05848463</t>
  </si>
  <si>
    <t>cg05848785</t>
  </si>
  <si>
    <t>cg05858126</t>
  </si>
  <si>
    <t>cg05860475</t>
  </si>
  <si>
    <t>cg05869429</t>
  </si>
  <si>
    <t>cg05871136</t>
  </si>
  <si>
    <t>cg05886574</t>
  </si>
  <si>
    <t>cg05887821</t>
  </si>
  <si>
    <t>cg05888120</t>
  </si>
  <si>
    <t>cg05889321</t>
  </si>
  <si>
    <t>cg05892817</t>
  </si>
  <si>
    <t>cg05893785</t>
  </si>
  <si>
    <t>cg05896468</t>
  </si>
  <si>
    <t>cg05901522</t>
  </si>
  <si>
    <t>cg05906620</t>
  </si>
  <si>
    <t>cg05906809</t>
  </si>
  <si>
    <t>cg05906871</t>
  </si>
  <si>
    <t>cg05926837</t>
  </si>
  <si>
    <t>cg05942349</t>
  </si>
  <si>
    <t>cg05947505</t>
  </si>
  <si>
    <t>cg05950509</t>
  </si>
  <si>
    <t>cg05951296</t>
  </si>
  <si>
    <t>cg05951994</t>
  </si>
  <si>
    <t>cg05956183</t>
  </si>
  <si>
    <t>cg05963962</t>
  </si>
  <si>
    <t>cg05966978</t>
  </si>
  <si>
    <t>cg05969808</t>
  </si>
  <si>
    <t>cg05972792</t>
  </si>
  <si>
    <t>cg05979232</t>
  </si>
  <si>
    <t>cg05981379</t>
  </si>
  <si>
    <t>cg05982835</t>
  </si>
  <si>
    <t>cg05983405</t>
  </si>
  <si>
    <t>cg05983906</t>
  </si>
  <si>
    <t>cg05985066</t>
  </si>
  <si>
    <t>cg05985401</t>
  </si>
  <si>
    <t>cg05988358</t>
  </si>
  <si>
    <t>cg05989059</t>
  </si>
  <si>
    <t>cg05991092</t>
  </si>
  <si>
    <t>cg05994982</t>
  </si>
  <si>
    <t>cg05998064</t>
  </si>
  <si>
    <t>cg06010324</t>
  </si>
  <si>
    <t>cg06012872</t>
  </si>
  <si>
    <t>cg06013258</t>
  </si>
  <si>
    <t>cg06020207</t>
  </si>
  <si>
    <t>cg06020238</t>
  </si>
  <si>
    <t>cg06020537</t>
  </si>
  <si>
    <t>cg06021865</t>
  </si>
  <si>
    <t>cg06024834</t>
  </si>
  <si>
    <t>cg06027843</t>
  </si>
  <si>
    <t>cg06032021</t>
  </si>
  <si>
    <t>cg06032048</t>
  </si>
  <si>
    <t>cg06035247</t>
  </si>
  <si>
    <t>cg06035456</t>
  </si>
  <si>
    <t>cg06036471</t>
  </si>
  <si>
    <t>cg06039355</t>
  </si>
  <si>
    <t>cg06040071</t>
  </si>
  <si>
    <t>cg06043042</t>
  </si>
  <si>
    <t>cg06045319</t>
  </si>
  <si>
    <t>cg06048750</t>
  </si>
  <si>
    <t>cg06051213</t>
  </si>
  <si>
    <t>cg06051961</t>
  </si>
  <si>
    <t>cg06052984</t>
  </si>
  <si>
    <t>cg06061092</t>
  </si>
  <si>
    <t>cg06061238</t>
  </si>
  <si>
    <t>cg06061492</t>
  </si>
  <si>
    <t>cg06072769</t>
  </si>
  <si>
    <t>cg06073351</t>
  </si>
  <si>
    <t>cg06075311</t>
  </si>
  <si>
    <t>cg06079468</t>
  </si>
  <si>
    <t>cg06081691</t>
  </si>
  <si>
    <t>cg06083652</t>
  </si>
  <si>
    <t>cg06091119</t>
  </si>
  <si>
    <t>cg06094515</t>
  </si>
  <si>
    <t>cg06097370</t>
  </si>
  <si>
    <t>cg06107137</t>
  </si>
  <si>
    <t>cg06108782</t>
  </si>
  <si>
    <t>cg06109724</t>
  </si>
  <si>
    <t>cg06112654</t>
  </si>
  <si>
    <t>cg06118999</t>
  </si>
  <si>
    <t>cg06119296</t>
  </si>
  <si>
    <t>cg06119461</t>
  </si>
  <si>
    <t>cg06119630</t>
  </si>
  <si>
    <t>cg06121800</t>
  </si>
  <si>
    <t>cg06127294</t>
  </si>
  <si>
    <t>cg06128509</t>
  </si>
  <si>
    <t>cg06132862</t>
  </si>
  <si>
    <t>cg06134936</t>
  </si>
  <si>
    <t>cg06139836</t>
  </si>
  <si>
    <t>cg06141846</t>
  </si>
  <si>
    <t>cg06144361</t>
  </si>
  <si>
    <t>cg06145565</t>
  </si>
  <si>
    <t>cg06147895</t>
  </si>
  <si>
    <t>cg06154060</t>
  </si>
  <si>
    <t>cg06155833</t>
  </si>
  <si>
    <t>cg06156195</t>
  </si>
  <si>
    <t>cg06156502</t>
  </si>
  <si>
    <t>cg06157318</t>
  </si>
  <si>
    <t>cg06169131</t>
  </si>
  <si>
    <t>cg06169961</t>
  </si>
  <si>
    <t>cg06173833</t>
  </si>
  <si>
    <t>cg06174962</t>
  </si>
  <si>
    <t>cg06175907</t>
  </si>
  <si>
    <t>cg06175955</t>
  </si>
  <si>
    <t>cg06183410</t>
  </si>
  <si>
    <t>cg06185830</t>
  </si>
  <si>
    <t>cg06188744</t>
  </si>
  <si>
    <t>cg06193766</t>
  </si>
  <si>
    <t>cg06197024</t>
  </si>
  <si>
    <t>cg06201219</t>
  </si>
  <si>
    <t>cg06201950</t>
  </si>
  <si>
    <t>cg06202094</t>
  </si>
  <si>
    <t>cg06204623</t>
  </si>
  <si>
    <t>cg06206603</t>
  </si>
  <si>
    <t>cg06206628</t>
  </si>
  <si>
    <t>cg06211110</t>
  </si>
  <si>
    <t>cg06211744</t>
  </si>
  <si>
    <t>cg06213468</t>
  </si>
  <si>
    <t>cg06214126</t>
  </si>
  <si>
    <t>cg06216683</t>
  </si>
  <si>
    <t>cg06219732</t>
  </si>
  <si>
    <t>cg06221416</t>
  </si>
  <si>
    <t>cg06222206</t>
  </si>
  <si>
    <t>cg06223926</t>
  </si>
  <si>
    <t>cg06230736</t>
  </si>
  <si>
    <t>cg06236573</t>
  </si>
  <si>
    <t>cg06237092</t>
  </si>
  <si>
    <t>cg06248061</t>
  </si>
  <si>
    <t>cg06258207</t>
  </si>
  <si>
    <t>cg06266973</t>
  </si>
  <si>
    <t>cg06276663</t>
  </si>
  <si>
    <t>cg06279274</t>
  </si>
  <si>
    <t>cg06281694</t>
  </si>
  <si>
    <t>cg06286028</t>
  </si>
  <si>
    <t>cg06291867</t>
  </si>
  <si>
    <t>cg06293636</t>
  </si>
  <si>
    <t>cg06297554</t>
  </si>
  <si>
    <t>cg06298519</t>
  </si>
  <si>
    <t>cg06298666</t>
  </si>
  <si>
    <t>cg06300254</t>
  </si>
  <si>
    <t>cg06303635</t>
  </si>
  <si>
    <t>cg06309629</t>
  </si>
  <si>
    <t>cg06322432</t>
  </si>
  <si>
    <t>cg06322518</t>
  </si>
  <si>
    <t>cg06323290</t>
  </si>
  <si>
    <t>cg06326667</t>
  </si>
  <si>
    <t>cg06328674</t>
  </si>
  <si>
    <t>cg06329606</t>
  </si>
  <si>
    <t>cg06332304</t>
  </si>
  <si>
    <t>cg06348245</t>
  </si>
  <si>
    <t>cg06352406</t>
  </si>
  <si>
    <t>cg06352464</t>
  </si>
  <si>
    <t>cg06358541</t>
  </si>
  <si>
    <t>cg06359132</t>
  </si>
  <si>
    <t>cg06361405</t>
  </si>
  <si>
    <t>cg06363569</t>
  </si>
  <si>
    <t>cg06369992</t>
  </si>
  <si>
    <t>cg06370069</t>
  </si>
  <si>
    <t>cg06371211</t>
  </si>
  <si>
    <t>cg06371452</t>
  </si>
  <si>
    <t>cg06372475</t>
  </si>
  <si>
    <t>cg06374610</t>
  </si>
  <si>
    <t>cg06376599</t>
  </si>
  <si>
    <t>cg06379721</t>
  </si>
  <si>
    <t>cg06380820</t>
  </si>
  <si>
    <t>cg06385202</t>
  </si>
  <si>
    <t>cg06388605</t>
  </si>
  <si>
    <t>cg06397264</t>
  </si>
  <si>
    <t>cg06403156</t>
  </si>
  <si>
    <t>cg06403617</t>
  </si>
  <si>
    <t>cg06407390</t>
  </si>
  <si>
    <t>cg06408912</t>
  </si>
  <si>
    <t>cg06410158</t>
  </si>
  <si>
    <t>cg06410970</t>
  </si>
  <si>
    <t>cg06411551</t>
  </si>
  <si>
    <t>cg06411987</t>
  </si>
  <si>
    <t>cg06416034</t>
  </si>
  <si>
    <t>cg06416097</t>
  </si>
  <si>
    <t>cg06422108</t>
  </si>
  <si>
    <t>cg06422309</t>
  </si>
  <si>
    <t>cg06422685</t>
  </si>
  <si>
    <t>cg06423252</t>
  </si>
  <si>
    <t>cg06424719</t>
  </si>
  <si>
    <t>cg06428195</t>
  </si>
  <si>
    <t>cg06439603</t>
  </si>
  <si>
    <t>cg06439736</t>
  </si>
  <si>
    <t>cg06440041</t>
  </si>
  <si>
    <t>cg06441362</t>
  </si>
  <si>
    <t>cg06451536</t>
  </si>
  <si>
    <t>cg06459669</t>
  </si>
  <si>
    <t>cg06460983</t>
  </si>
  <si>
    <t>cg06466222</t>
  </si>
  <si>
    <t>cg06470552</t>
  </si>
  <si>
    <t>cg06472423</t>
  </si>
  <si>
    <t>cg06481887</t>
  </si>
  <si>
    <t>cg06484553</t>
  </si>
  <si>
    <t>cg06492521</t>
  </si>
  <si>
    <t>cg06496470</t>
  </si>
  <si>
    <t>cg06497848</t>
  </si>
  <si>
    <t>cg06498400</t>
  </si>
  <si>
    <t>cg06499637</t>
  </si>
  <si>
    <t>cg06507307</t>
  </si>
  <si>
    <t>cg06513979</t>
  </si>
  <si>
    <t>cg06516328</t>
  </si>
  <si>
    <t>cg06518233</t>
  </si>
  <si>
    <t>cg06520331</t>
  </si>
  <si>
    <t>cg06520675</t>
  </si>
  <si>
    <t>cg06526882</t>
  </si>
  <si>
    <t>cg06529416</t>
  </si>
  <si>
    <t>cg06529643</t>
  </si>
  <si>
    <t>cg06532493</t>
  </si>
  <si>
    <t>cg06533529</t>
  </si>
  <si>
    <t>cg06534568</t>
  </si>
  <si>
    <t>cg06535993</t>
  </si>
  <si>
    <t>cg06539629</t>
  </si>
  <si>
    <t>cg06542614</t>
  </si>
  <si>
    <t>cg06550582</t>
  </si>
  <si>
    <t>cg06550984</t>
  </si>
  <si>
    <t>cg06553513</t>
  </si>
  <si>
    <t>cg06559368</t>
  </si>
  <si>
    <t>cg06559839</t>
  </si>
  <si>
    <t>cg06562029</t>
  </si>
  <si>
    <t>cg06562644</t>
  </si>
  <si>
    <t>cg06563471</t>
  </si>
  <si>
    <t>cg06564860</t>
  </si>
  <si>
    <t>cg06566239</t>
  </si>
  <si>
    <t>cg06569729</t>
  </si>
  <si>
    <t>cg06571559</t>
  </si>
  <si>
    <t>cg06572384</t>
  </si>
  <si>
    <t>cg06579154</t>
  </si>
  <si>
    <t>cg06581033</t>
  </si>
  <si>
    <t>cg06584433</t>
  </si>
  <si>
    <t>cg06594919</t>
  </si>
  <si>
    <t>cg06601203</t>
  </si>
  <si>
    <t>cg06605803</t>
  </si>
  <si>
    <t>cg06613783</t>
  </si>
  <si>
    <t>cg06620993</t>
  </si>
  <si>
    <t>cg06621060</t>
  </si>
  <si>
    <t>cg06623385</t>
  </si>
  <si>
    <t>cg06632098</t>
  </si>
  <si>
    <t>cg06633310</t>
  </si>
  <si>
    <t>cg06633739</t>
  </si>
  <si>
    <t>cg06636246</t>
  </si>
  <si>
    <t>cg06637963</t>
  </si>
  <si>
    <t>cg06639691</t>
  </si>
  <si>
    <t>cg06642248</t>
  </si>
  <si>
    <t>cg06644457</t>
  </si>
  <si>
    <t>cg06655361</t>
  </si>
  <si>
    <t>cg06671614</t>
  </si>
  <si>
    <t>cg06679692</t>
  </si>
  <si>
    <t>cg06682402</t>
  </si>
  <si>
    <t>cg06685340</t>
  </si>
  <si>
    <t>cg06687848</t>
  </si>
  <si>
    <t>cg06691520</t>
  </si>
  <si>
    <t>cg06691888</t>
  </si>
  <si>
    <t>cg06692023</t>
  </si>
  <si>
    <t>cg06692050</t>
  </si>
  <si>
    <t>cg06692260</t>
  </si>
  <si>
    <t>cg06712026</t>
  </si>
  <si>
    <t>cg06723904</t>
  </si>
  <si>
    <t>cg06730723</t>
  </si>
  <si>
    <t>cg06731059</t>
  </si>
  <si>
    <t>cg06731125</t>
  </si>
  <si>
    <t>cg06731162</t>
  </si>
  <si>
    <t>cg06732450</t>
  </si>
  <si>
    <t>cg06733394</t>
  </si>
  <si>
    <t>cg06739303</t>
  </si>
  <si>
    <t>cg06740578</t>
  </si>
  <si>
    <t>cg06748146</t>
  </si>
  <si>
    <t>cg06756557</t>
  </si>
  <si>
    <t>cg06759405</t>
  </si>
  <si>
    <t>cg06760536</t>
  </si>
  <si>
    <t>cg06763909</t>
  </si>
  <si>
    <t>cg06764565</t>
  </si>
  <si>
    <t>cg06765035</t>
  </si>
  <si>
    <t>cg06765475</t>
  </si>
  <si>
    <t>cg06767766</t>
  </si>
  <si>
    <t>cg06788249</t>
  </si>
  <si>
    <t>cg06788631</t>
  </si>
  <si>
    <t>cg06791446</t>
  </si>
  <si>
    <t>cg06792952</t>
  </si>
  <si>
    <t>cg06793286</t>
  </si>
  <si>
    <t>cg06800458</t>
  </si>
  <si>
    <t>cg06806958</t>
  </si>
  <si>
    <t>cg06811295</t>
  </si>
  <si>
    <t>cg06813382</t>
  </si>
  <si>
    <t>cg06817864</t>
  </si>
  <si>
    <t>cg06817917</t>
  </si>
  <si>
    <t>cg06821075</t>
  </si>
  <si>
    <t>cg06822062</t>
  </si>
  <si>
    <t>cg06822067</t>
  </si>
  <si>
    <t>cg06823512</t>
  </si>
  <si>
    <t>cg06825166</t>
  </si>
  <si>
    <t>cg06829584</t>
  </si>
  <si>
    <t>cg06832449</t>
  </si>
  <si>
    <t>cg06833823</t>
  </si>
  <si>
    <t>cg06834534</t>
  </si>
  <si>
    <t>cg06837068</t>
  </si>
  <si>
    <t>cg06837731</t>
  </si>
  <si>
    <t>cg06839377</t>
  </si>
  <si>
    <t>cg06840491</t>
  </si>
  <si>
    <t>cg06847424</t>
  </si>
  <si>
    <t>cg06848711</t>
  </si>
  <si>
    <t>cg06850005</t>
  </si>
  <si>
    <t>cg06854084</t>
  </si>
  <si>
    <t>cg06854478</t>
  </si>
  <si>
    <t>cg06857304</t>
  </si>
  <si>
    <t>cg06872286</t>
  </si>
  <si>
    <t>cg06874403</t>
  </si>
  <si>
    <t>cg06884789</t>
  </si>
  <si>
    <t>cg06888271</t>
  </si>
  <si>
    <t>cg06891538</t>
  </si>
  <si>
    <t>cg06891775</t>
  </si>
  <si>
    <t>cg06893069</t>
  </si>
  <si>
    <t>cg06893302</t>
  </si>
  <si>
    <t>cg06895675</t>
  </si>
  <si>
    <t>cg06898923</t>
  </si>
  <si>
    <t>cg06905083</t>
  </si>
  <si>
    <t>cg06906682</t>
  </si>
  <si>
    <t>cg06908778</t>
  </si>
  <si>
    <t>cg06913021</t>
  </si>
  <si>
    <t>cg06916873</t>
  </si>
  <si>
    <t>cg06919865</t>
  </si>
  <si>
    <t>cg06920946</t>
  </si>
  <si>
    <t>cg06926300</t>
  </si>
  <si>
    <t>cg06931253</t>
  </si>
  <si>
    <t>cg06935264</t>
  </si>
  <si>
    <t>cg06937617</t>
  </si>
  <si>
    <t>cg06937939</t>
  </si>
  <si>
    <t>cg06939941</t>
  </si>
  <si>
    <t>cg06946708</t>
  </si>
  <si>
    <t>cg06947608</t>
  </si>
  <si>
    <t>cg06950844</t>
  </si>
  <si>
    <t>cg06953130</t>
  </si>
  <si>
    <t>cg06958964</t>
  </si>
  <si>
    <t>cg06964541</t>
  </si>
  <si>
    <t>cg06965072</t>
  </si>
  <si>
    <t>cg06966363</t>
  </si>
  <si>
    <t>cg06967120</t>
  </si>
  <si>
    <t>cg06967602</t>
  </si>
  <si>
    <t>cg06967828</t>
  </si>
  <si>
    <t>cg06973667</t>
  </si>
  <si>
    <t>cg06974458</t>
  </si>
  <si>
    <t>cg06979680</t>
  </si>
  <si>
    <t>cg06981182</t>
  </si>
  <si>
    <t>cg06982745</t>
  </si>
  <si>
    <t>cg06985415</t>
  </si>
  <si>
    <t>cg06987616</t>
  </si>
  <si>
    <t>cg06988995</t>
  </si>
  <si>
    <t>cg06994016</t>
  </si>
  <si>
    <t>cg06994272</t>
  </si>
  <si>
    <t>cg06996389</t>
  </si>
  <si>
    <t>cg06996423</t>
  </si>
  <si>
    <t>cg06999856</t>
  </si>
  <si>
    <t>cg07000686</t>
  </si>
  <si>
    <t>cg07001334</t>
  </si>
  <si>
    <t>cg07001963</t>
  </si>
  <si>
    <t>cg07002061</t>
  </si>
  <si>
    <t>cg07002403</t>
  </si>
  <si>
    <t>cg07005799</t>
  </si>
  <si>
    <t>cg07007723</t>
  </si>
  <si>
    <t>cg07009981</t>
  </si>
  <si>
    <t>cg07010146</t>
  </si>
  <si>
    <t>cg07014438</t>
  </si>
  <si>
    <t>cg07015485</t>
  </si>
  <si>
    <t>cg07017119</t>
  </si>
  <si>
    <t>cg07018648</t>
  </si>
  <si>
    <t>cg07021678</t>
  </si>
  <si>
    <t>cg07023791</t>
  </si>
  <si>
    <t>cg07027251</t>
  </si>
  <si>
    <t>cg07028733</t>
  </si>
  <si>
    <t>cg07029975</t>
  </si>
  <si>
    <t>cg07030336</t>
  </si>
  <si>
    <t>cg07036530</t>
  </si>
  <si>
    <t>cg07037112</t>
  </si>
  <si>
    <t>cg07039130</t>
  </si>
  <si>
    <t>cg07041470</t>
  </si>
  <si>
    <t>cg07042289</t>
  </si>
  <si>
    <t>cg07044749</t>
  </si>
  <si>
    <t>cg07046369</t>
  </si>
  <si>
    <t>cg07048415</t>
  </si>
  <si>
    <t>cg07050616</t>
  </si>
  <si>
    <t>cg07062043</t>
  </si>
  <si>
    <t>cg07071978</t>
  </si>
  <si>
    <t>cg07073391</t>
  </si>
  <si>
    <t>cg07081759</t>
  </si>
  <si>
    <t>cg07083272</t>
  </si>
  <si>
    <t>cg07086898</t>
  </si>
  <si>
    <t>cg07087457</t>
  </si>
  <si>
    <t>cg07092097</t>
  </si>
  <si>
    <t>cg07093456</t>
  </si>
  <si>
    <t>cg07093501</t>
  </si>
  <si>
    <t>cg07095457</t>
  </si>
  <si>
    <t>cg07098752</t>
  </si>
  <si>
    <t>cg07109115</t>
  </si>
  <si>
    <t>cg07109438</t>
  </si>
  <si>
    <t>cg07112562</t>
  </si>
  <si>
    <t>cg07128021</t>
  </si>
  <si>
    <t>cg07130508</t>
  </si>
  <si>
    <t>cg07133930</t>
  </si>
  <si>
    <t>cg07137277</t>
  </si>
  <si>
    <t>cg07137429</t>
  </si>
  <si>
    <t>cg07140468</t>
  </si>
  <si>
    <t>cg07143468</t>
  </si>
  <si>
    <t>cg07143898</t>
  </si>
  <si>
    <t>cg07146435</t>
  </si>
  <si>
    <t>cg07147614</t>
  </si>
  <si>
    <t>cg07149459</t>
  </si>
  <si>
    <t>cg07150538</t>
  </si>
  <si>
    <t>cg07152582</t>
  </si>
  <si>
    <t>cg07161848</t>
  </si>
  <si>
    <t>cg07161872</t>
  </si>
  <si>
    <t>cg07162085</t>
  </si>
  <si>
    <t>cg07166896</t>
  </si>
  <si>
    <t>cg07168060</t>
  </si>
  <si>
    <t>cg07183447</t>
  </si>
  <si>
    <t>cg07186576</t>
  </si>
  <si>
    <t>cg07187105</t>
  </si>
  <si>
    <t>cg07190914</t>
  </si>
  <si>
    <t>cg07192047</t>
  </si>
  <si>
    <t>cg07196383</t>
  </si>
  <si>
    <t>cg07199412</t>
  </si>
  <si>
    <t>cg07200748</t>
  </si>
  <si>
    <t>cg07201017</t>
  </si>
  <si>
    <t>cg07205883</t>
  </si>
  <si>
    <t>cg07210263</t>
  </si>
  <si>
    <t>cg07214490</t>
  </si>
  <si>
    <t>cg07217563</t>
  </si>
  <si>
    <t>cg07217928</t>
  </si>
  <si>
    <t>cg07219844</t>
  </si>
  <si>
    <t>cg07221526</t>
  </si>
  <si>
    <t>cg07226755</t>
  </si>
  <si>
    <t>cg07232642</t>
  </si>
  <si>
    <t>cg07233135</t>
  </si>
  <si>
    <t>cg07236146</t>
  </si>
  <si>
    <t>cg07236840</t>
  </si>
  <si>
    <t>cg07238926</t>
  </si>
  <si>
    <t>cg07240689</t>
  </si>
  <si>
    <t>cg07244202</t>
  </si>
  <si>
    <t>cg07247190</t>
  </si>
  <si>
    <t>cg07247998</t>
  </si>
  <si>
    <t>cg07248748</t>
  </si>
  <si>
    <t>cg07256869</t>
  </si>
  <si>
    <t>cg07260003</t>
  </si>
  <si>
    <t>cg07262450</t>
  </si>
  <si>
    <t>cg07262659</t>
  </si>
  <si>
    <t>cg07270175</t>
  </si>
  <si>
    <t>cg07271757</t>
  </si>
  <si>
    <t>cg07273847</t>
  </si>
  <si>
    <t>cg07281414</t>
  </si>
  <si>
    <t>cg07290761</t>
  </si>
  <si>
    <t>cg07291135</t>
  </si>
  <si>
    <t>cg07300640</t>
  </si>
  <si>
    <t>cg07301969</t>
  </si>
  <si>
    <t>cg07302910</t>
  </si>
  <si>
    <t>cg07304173</t>
  </si>
  <si>
    <t>cg07314148</t>
  </si>
  <si>
    <t>cg07316170</t>
  </si>
  <si>
    <t>cg07317843</t>
  </si>
  <si>
    <t>cg07318609</t>
  </si>
  <si>
    <t>cg07326267</t>
  </si>
  <si>
    <t>cg07329116</t>
  </si>
  <si>
    <t>cg07330489</t>
  </si>
  <si>
    <t>cg07338448</t>
  </si>
  <si>
    <t>cg07341129</t>
  </si>
  <si>
    <t>cg07341378</t>
  </si>
  <si>
    <t>cg07343478</t>
  </si>
  <si>
    <t>cg07344086</t>
  </si>
  <si>
    <t>cg07345108</t>
  </si>
  <si>
    <t>cg07346178</t>
  </si>
  <si>
    <t>cg07351143</t>
  </si>
  <si>
    <t>cg07351991</t>
  </si>
  <si>
    <t>cg07355157</t>
  </si>
  <si>
    <t>cg07356483</t>
  </si>
  <si>
    <t>cg07356555</t>
  </si>
  <si>
    <t>cg07356667</t>
  </si>
  <si>
    <t>cg07361056</t>
  </si>
  <si>
    <t>cg07367735</t>
  </si>
  <si>
    <t>cg07370745</t>
  </si>
  <si>
    <t>cg07371029</t>
  </si>
  <si>
    <t>cg07371628</t>
  </si>
  <si>
    <t>cg07372974</t>
  </si>
  <si>
    <t>cg07374823</t>
  </si>
  <si>
    <t>cg07379167</t>
  </si>
  <si>
    <t>cg07381930</t>
  </si>
  <si>
    <t>cg07382132</t>
  </si>
  <si>
    <t>cg07383464</t>
  </si>
  <si>
    <t>cg07388132</t>
  </si>
  <si>
    <t>cg07389273</t>
  </si>
  <si>
    <t>cg07389627</t>
  </si>
  <si>
    <t>cg07392307</t>
  </si>
  <si>
    <t>cg07397033</t>
  </si>
  <si>
    <t>cg07400503</t>
  </si>
  <si>
    <t>cg07402396</t>
  </si>
  <si>
    <t>cg07408340</t>
  </si>
  <si>
    <t>cg07410075</t>
  </si>
  <si>
    <t>cg07418124</t>
  </si>
  <si>
    <t>cg07418777</t>
  </si>
  <si>
    <t>cg07423571</t>
  </si>
  <si>
    <t>cg07424295</t>
  </si>
  <si>
    <t>cg07436701</t>
  </si>
  <si>
    <t>cg07440775</t>
  </si>
  <si>
    <t>cg07441319</t>
  </si>
  <si>
    <t>cg07446677</t>
  </si>
  <si>
    <t>cg07451524</t>
  </si>
  <si>
    <t>cg07452799</t>
  </si>
  <si>
    <t>cg07455815</t>
  </si>
  <si>
    <t>cg07457429</t>
  </si>
  <si>
    <t>cg07471565</t>
  </si>
  <si>
    <t>cg07472097</t>
  </si>
  <si>
    <t>cg07472373</t>
  </si>
  <si>
    <t>cg07473030</t>
  </si>
  <si>
    <t>cg07473138</t>
  </si>
  <si>
    <t>cg07481027</t>
  </si>
  <si>
    <t>cg07483709</t>
  </si>
  <si>
    <t>cg07488327</t>
  </si>
  <si>
    <t>cg07489134</t>
  </si>
  <si>
    <t>cg07491858</t>
  </si>
  <si>
    <t>cg07492910</t>
  </si>
  <si>
    <t>cg07501070</t>
  </si>
  <si>
    <t>cg07505629</t>
  </si>
  <si>
    <t>cg07512258</t>
  </si>
  <si>
    <t>cg07518851</t>
  </si>
  <si>
    <t>cg07520810</t>
  </si>
  <si>
    <t>cg07525420</t>
  </si>
  <si>
    <t>cg07526069</t>
  </si>
  <si>
    <t>cg07529353</t>
  </si>
  <si>
    <t>cg07536328</t>
  </si>
  <si>
    <t>cg07539450</t>
  </si>
  <si>
    <t>cg07544837</t>
  </si>
  <si>
    <t>cg07545081</t>
  </si>
  <si>
    <t>cg07546326</t>
  </si>
  <si>
    <t>cg07551060</t>
  </si>
  <si>
    <t>cg07551200</t>
  </si>
  <si>
    <t>cg07554053</t>
  </si>
  <si>
    <t>cg07554771</t>
  </si>
  <si>
    <t>cg07554775</t>
  </si>
  <si>
    <t>cg07560520</t>
  </si>
  <si>
    <t>cg07562817</t>
  </si>
  <si>
    <t>cg07562888</t>
  </si>
  <si>
    <t>cg07566917</t>
  </si>
  <si>
    <t>cg07567376</t>
  </si>
  <si>
    <t>cg07570421</t>
  </si>
  <si>
    <t>cg07570687</t>
  </si>
  <si>
    <t>cg07571142</t>
  </si>
  <si>
    <t>cg07580789</t>
  </si>
  <si>
    <t>cg07580867</t>
  </si>
  <si>
    <t>cg07582655</t>
  </si>
  <si>
    <t>cg07588413</t>
  </si>
  <si>
    <t>cg07593205</t>
  </si>
  <si>
    <t>cg07596401</t>
  </si>
  <si>
    <t>cg07605285</t>
  </si>
  <si>
    <t>cg07605938</t>
  </si>
  <si>
    <t>cg07606384</t>
  </si>
  <si>
    <t>cg07608867</t>
  </si>
  <si>
    <t>cg07621046</t>
  </si>
  <si>
    <t>cg07629776</t>
  </si>
  <si>
    <t>cg07630274</t>
  </si>
  <si>
    <t>cg07633835</t>
  </si>
  <si>
    <t>cg07634082</t>
  </si>
  <si>
    <t>cg07636870</t>
  </si>
  <si>
    <t>cg07637213</t>
  </si>
  <si>
    <t>cg07637239</t>
  </si>
  <si>
    <t>cg07637516</t>
  </si>
  <si>
    <t>cg07638334</t>
  </si>
  <si>
    <t>cg07638650</t>
  </si>
  <si>
    <t>cg07638935</t>
  </si>
  <si>
    <t>cg07639900</t>
  </si>
  <si>
    <t>cg07639982</t>
  </si>
  <si>
    <t>cg07640747</t>
  </si>
  <si>
    <t>cg07641134</t>
  </si>
  <si>
    <t>cg07655617</t>
  </si>
  <si>
    <t>cg07656883</t>
  </si>
  <si>
    <t>cg07658809</t>
  </si>
  <si>
    <t>cg07660114</t>
  </si>
  <si>
    <t>cg07660665</t>
  </si>
  <si>
    <t>cg07665134</t>
  </si>
  <si>
    <t>cg07668267</t>
  </si>
  <si>
    <t>cg07668657</t>
  </si>
  <si>
    <t>cg07670676</t>
  </si>
  <si>
    <t>cg07673578</t>
  </si>
  <si>
    <t>cg07673866</t>
  </si>
  <si>
    <t>cg07679896</t>
  </si>
  <si>
    <t>cg07682515</t>
  </si>
  <si>
    <t>cg07684796</t>
  </si>
  <si>
    <t>cg07686528</t>
  </si>
  <si>
    <t>cg07689301</t>
  </si>
  <si>
    <t>cg07694544</t>
  </si>
  <si>
    <t>cg07695771</t>
  </si>
  <si>
    <t>cg07706776</t>
  </si>
  <si>
    <t>cg07706844</t>
  </si>
  <si>
    <t>cg07708951</t>
  </si>
  <si>
    <t>cg07711397</t>
  </si>
  <si>
    <t>cg07712541</t>
  </si>
  <si>
    <t>cg07721658</t>
  </si>
  <si>
    <t>cg07721777</t>
  </si>
  <si>
    <t>cg07728307</t>
  </si>
  <si>
    <t>cg07733247</t>
  </si>
  <si>
    <t>cg07740574</t>
  </si>
  <si>
    <t>cg07743805</t>
  </si>
  <si>
    <t>cg07746882</t>
  </si>
  <si>
    <t>cg07754940</t>
  </si>
  <si>
    <t>cg07755196</t>
  </si>
  <si>
    <t>cg07760622</t>
  </si>
  <si>
    <t>cg07764113</t>
  </si>
  <si>
    <t>cg07769277</t>
  </si>
  <si>
    <t>cg07773116</t>
  </si>
  <si>
    <t>cg07780895</t>
  </si>
  <si>
    <t>cg07783889</t>
  </si>
  <si>
    <t>cg07787771</t>
  </si>
  <si>
    <t>cg07793207</t>
  </si>
  <si>
    <t>cg07795447</t>
  </si>
  <si>
    <t>cg07803482</t>
  </si>
  <si>
    <t>cg07804728</t>
  </si>
  <si>
    <t>cg07807481</t>
  </si>
  <si>
    <t>cg07810522</t>
  </si>
  <si>
    <t>cg07811779</t>
  </si>
  <si>
    <t>cg07813460</t>
  </si>
  <si>
    <t>cg07814707</t>
  </si>
  <si>
    <t>cg07819944</t>
  </si>
  <si>
    <t>cg07824182</t>
  </si>
  <si>
    <t>cg07828472</t>
  </si>
  <si>
    <t>cg07831277</t>
  </si>
  <si>
    <t>cg07833262</t>
  </si>
  <si>
    <t>cg07834476</t>
  </si>
  <si>
    <t>cg07852757</t>
  </si>
  <si>
    <t>cg07855525</t>
  </si>
  <si>
    <t>cg07863877</t>
  </si>
  <si>
    <t>cg07864467</t>
  </si>
  <si>
    <t>cg07865216</t>
  </si>
  <si>
    <t>cg07867665</t>
  </si>
  <si>
    <t>cg07869048</t>
  </si>
  <si>
    <t>cg07869405</t>
  </si>
  <si>
    <t>cg07871503</t>
  </si>
  <si>
    <t>cg07874507</t>
  </si>
  <si>
    <t>cg07876930</t>
  </si>
  <si>
    <t>cg07888661</t>
  </si>
  <si>
    <t>cg07889827</t>
  </si>
  <si>
    <t>cg07894883</t>
  </si>
  <si>
    <t>cg07896099</t>
  </si>
  <si>
    <t>cg07898573</t>
  </si>
  <si>
    <t>cg07900328</t>
  </si>
  <si>
    <t>cg07902545</t>
  </si>
  <si>
    <t>cg07903860</t>
  </si>
  <si>
    <t>cg07907597</t>
  </si>
  <si>
    <t>cg07908874</t>
  </si>
  <si>
    <t>cg07913620</t>
  </si>
  <si>
    <t>cg07914075</t>
  </si>
  <si>
    <t>cg07914282</t>
  </si>
  <si>
    <t>cg07914867</t>
  </si>
  <si>
    <t>cg07919443</t>
  </si>
  <si>
    <t>cg07919805</t>
  </si>
  <si>
    <t>cg07927953</t>
  </si>
  <si>
    <t>cg07930366</t>
  </si>
  <si>
    <t>cg07931714</t>
  </si>
  <si>
    <t>cg07933035</t>
  </si>
  <si>
    <t>cg07934217</t>
  </si>
  <si>
    <t>cg07934434</t>
  </si>
  <si>
    <t>cg07936368</t>
  </si>
  <si>
    <t>cg07944707</t>
  </si>
  <si>
    <t>cg07944762</t>
  </si>
  <si>
    <t>cg07948196</t>
  </si>
  <si>
    <t>cg07958093</t>
  </si>
  <si>
    <t>cg07959124</t>
  </si>
  <si>
    <t>cg07962672</t>
  </si>
  <si>
    <t>cg07963497</t>
  </si>
  <si>
    <t>cg07969473</t>
  </si>
  <si>
    <t>cg07969475</t>
  </si>
  <si>
    <t>cg07975680</t>
  </si>
  <si>
    <t>cg07977933</t>
  </si>
  <si>
    <t>cg07978738</t>
  </si>
  <si>
    <t>cg07981355</t>
  </si>
  <si>
    <t>cg07983394</t>
  </si>
  <si>
    <t>cg07984358</t>
  </si>
  <si>
    <t>cg07986222</t>
  </si>
  <si>
    <t>cg07986469</t>
  </si>
  <si>
    <t>cg07990749</t>
  </si>
  <si>
    <t>cg07991241</t>
  </si>
  <si>
    <t>cg07995365</t>
  </si>
  <si>
    <t>cg08012454</t>
  </si>
  <si>
    <t>cg08020381</t>
  </si>
  <si>
    <t>cg08034216</t>
  </si>
  <si>
    <t>cg08078028</t>
  </si>
  <si>
    <t>cg08079580</t>
  </si>
  <si>
    <t>cg08096168</t>
  </si>
  <si>
    <t>cg08101174</t>
  </si>
  <si>
    <t>cg08102619</t>
  </si>
  <si>
    <t>cg08129312</t>
  </si>
  <si>
    <t>cg08151063</t>
  </si>
  <si>
    <t>cg08158570</t>
  </si>
  <si>
    <t>cg08177017</t>
  </si>
  <si>
    <t>cg08181251</t>
  </si>
  <si>
    <t>cg08192285</t>
  </si>
  <si>
    <t>cg08194405</t>
  </si>
  <si>
    <t>cg08195412</t>
  </si>
  <si>
    <t>cg08198102</t>
  </si>
  <si>
    <t>cg08198609</t>
  </si>
  <si>
    <t>cg08200419</t>
  </si>
  <si>
    <t>cg08209549</t>
  </si>
  <si>
    <t>cg08211028</t>
  </si>
  <si>
    <t>cg08215036</t>
  </si>
  <si>
    <t>cg08218646</t>
  </si>
  <si>
    <t>cg08218734</t>
  </si>
  <si>
    <t>cg08220966</t>
  </si>
  <si>
    <t>cg08222002</t>
  </si>
  <si>
    <t>cg08226752</t>
  </si>
  <si>
    <t>cg08227353</t>
  </si>
  <si>
    <t>cg08229320</t>
  </si>
  <si>
    <t>cg08234418</t>
  </si>
  <si>
    <t>cg08242493</t>
  </si>
  <si>
    <t>cg08245930</t>
  </si>
  <si>
    <t>cg08251248</t>
  </si>
  <si>
    <t>cg08256088</t>
  </si>
  <si>
    <t>cg08259450</t>
  </si>
  <si>
    <t>cg08266923</t>
  </si>
  <si>
    <t>cg08267250</t>
  </si>
  <si>
    <t>cg08283464</t>
  </si>
  <si>
    <t>cg08284443</t>
  </si>
  <si>
    <t>cg08284926</t>
  </si>
  <si>
    <t>cg08293528</t>
  </si>
  <si>
    <t>cg08293536</t>
  </si>
  <si>
    <t>cg08295661</t>
  </si>
  <si>
    <t>cg08296390</t>
  </si>
  <si>
    <t>cg08300860</t>
  </si>
  <si>
    <t>cg08302300</t>
  </si>
  <si>
    <t>cg08302433</t>
  </si>
  <si>
    <t>cg08303483</t>
  </si>
  <si>
    <t>cg08304503</t>
  </si>
  <si>
    <t>cg08306766</t>
  </si>
  <si>
    <t>cg08308257</t>
  </si>
  <si>
    <t>cg08314679</t>
  </si>
  <si>
    <t>cg08315834</t>
  </si>
  <si>
    <t>cg08322149</t>
  </si>
  <si>
    <t>cg08326300</t>
  </si>
  <si>
    <t>cg08326879</t>
  </si>
  <si>
    <t>cg08327394</t>
  </si>
  <si>
    <t>cg08327428</t>
  </si>
  <si>
    <t>cg08329473</t>
  </si>
  <si>
    <t>cg08329561</t>
  </si>
  <si>
    <t>cg08332148</t>
  </si>
  <si>
    <t>cg08343265</t>
  </si>
  <si>
    <t>cg08343600</t>
  </si>
  <si>
    <t>cg08349093</t>
  </si>
  <si>
    <t>cg08354614</t>
  </si>
  <si>
    <t>cg08355227</t>
  </si>
  <si>
    <t>cg08356028</t>
  </si>
  <si>
    <t>cg08356522</t>
  </si>
  <si>
    <t>cg08368875</t>
  </si>
  <si>
    <t>cg08385211</t>
  </si>
  <si>
    <t>cg08387381</t>
  </si>
  <si>
    <t>cg08390786</t>
  </si>
  <si>
    <t>cg08400019</t>
  </si>
  <si>
    <t>cg08406102</t>
  </si>
  <si>
    <t>cg08409361</t>
  </si>
  <si>
    <t>cg08410227</t>
  </si>
  <si>
    <t>cg08410533</t>
  </si>
  <si>
    <t>cg08415998</t>
  </si>
  <si>
    <t>cg08421587</t>
  </si>
  <si>
    <t>cg08423533</t>
  </si>
  <si>
    <t>cg08428819</t>
  </si>
  <si>
    <t>cg08431860</t>
  </si>
  <si>
    <t>cg08434300</t>
  </si>
  <si>
    <t>cg08436313</t>
  </si>
  <si>
    <t>cg08437570</t>
  </si>
  <si>
    <t>cg08441029</t>
  </si>
  <si>
    <t>cg08443351</t>
  </si>
  <si>
    <t>cg08451832</t>
  </si>
  <si>
    <t>cg08457332</t>
  </si>
  <si>
    <t>cg08458487</t>
  </si>
  <si>
    <t>cg08461586</t>
  </si>
  <si>
    <t>cg08463681</t>
  </si>
  <si>
    <t>cg08465862</t>
  </si>
  <si>
    <t>cg08466030</t>
  </si>
  <si>
    <t>cg08469491</t>
  </si>
  <si>
    <t>cg08469939</t>
  </si>
  <si>
    <t>cg08476984</t>
  </si>
  <si>
    <t>cg08482531</t>
  </si>
  <si>
    <t>cg08489478</t>
  </si>
  <si>
    <t>cg08495770</t>
  </si>
  <si>
    <t>cg08496291</t>
  </si>
  <si>
    <t>cg08497766</t>
  </si>
  <si>
    <t>cg08498533</t>
  </si>
  <si>
    <t>cg08499347</t>
  </si>
  <si>
    <t>cg08514530</t>
  </si>
  <si>
    <t>cg08514558</t>
  </si>
  <si>
    <t>cg08521987</t>
  </si>
  <si>
    <t>cg08524514</t>
  </si>
  <si>
    <t>cg08529260</t>
  </si>
  <si>
    <t>cg08529882</t>
  </si>
  <si>
    <t>cg08529931</t>
  </si>
  <si>
    <t>cg08538369</t>
  </si>
  <si>
    <t>cg08546229</t>
  </si>
  <si>
    <t>cg08554440</t>
  </si>
  <si>
    <t>cg08555772</t>
  </si>
  <si>
    <t>cg08564026</t>
  </si>
  <si>
    <t>cg08567142</t>
  </si>
  <si>
    <t>cg08571304</t>
  </si>
  <si>
    <t>cg08580591</t>
  </si>
  <si>
    <t>cg08581745</t>
  </si>
  <si>
    <t>cg08592527</t>
  </si>
  <si>
    <t>cg08594183</t>
  </si>
  <si>
    <t>cg08598287</t>
  </si>
  <si>
    <t>cg08598296</t>
  </si>
  <si>
    <t>cg08601192</t>
  </si>
  <si>
    <t>cg08602190</t>
  </si>
  <si>
    <t>cg08605157</t>
  </si>
  <si>
    <t>cg08612140</t>
  </si>
  <si>
    <t>cg08613606</t>
  </si>
  <si>
    <t>cg08614242</t>
  </si>
  <si>
    <t>cg08614871</t>
  </si>
  <si>
    <t>cg08615567</t>
  </si>
  <si>
    <t>cg08617801</t>
  </si>
  <si>
    <t>cg08619295</t>
  </si>
  <si>
    <t>cg08625909</t>
  </si>
  <si>
    <t>cg08627010</t>
  </si>
  <si>
    <t>cg08627986</t>
  </si>
  <si>
    <t>cg08629856</t>
  </si>
  <si>
    <t>cg08638312</t>
  </si>
  <si>
    <t>cg08641278</t>
  </si>
  <si>
    <t>cg08650507</t>
  </si>
  <si>
    <t>cg08650639</t>
  </si>
  <si>
    <t>cg08659980</t>
  </si>
  <si>
    <t>cg08661112</t>
  </si>
  <si>
    <t>cg08670288</t>
  </si>
  <si>
    <t>cg08672557</t>
  </si>
  <si>
    <t>cg08675654</t>
  </si>
  <si>
    <t>cg08677617</t>
  </si>
  <si>
    <t>cg08678202</t>
  </si>
  <si>
    <t>cg08682341</t>
  </si>
  <si>
    <t>cg08687958</t>
  </si>
  <si>
    <t>cg08688773</t>
  </si>
  <si>
    <t>cg08690241</t>
  </si>
  <si>
    <t>cg08694280</t>
  </si>
  <si>
    <t>cg08702225</t>
  </si>
  <si>
    <t>cg08711724</t>
  </si>
  <si>
    <t>cg08716889</t>
  </si>
  <si>
    <t>cg08720786</t>
  </si>
  <si>
    <t>cg08723318</t>
  </si>
  <si>
    <t>cg08724254</t>
  </si>
  <si>
    <t>cg08728732</t>
  </si>
  <si>
    <t>cg08734090</t>
  </si>
  <si>
    <t>cg08735411</t>
  </si>
  <si>
    <t>cg08740008</t>
  </si>
  <si>
    <t>cg08741898</t>
  </si>
  <si>
    <t>cg08742246</t>
  </si>
  <si>
    <t>cg08745329</t>
  </si>
  <si>
    <t>cg08750509</t>
  </si>
  <si>
    <t>cg08756008</t>
  </si>
  <si>
    <t>cg08756640</t>
  </si>
  <si>
    <t>cg08763309</t>
  </si>
  <si>
    <t>cg08772003</t>
  </si>
  <si>
    <t>cg08779706</t>
  </si>
  <si>
    <t>cg08780887</t>
  </si>
  <si>
    <t>cg08780974</t>
  </si>
  <si>
    <t>cg08783695</t>
  </si>
  <si>
    <t>cg08792634</t>
  </si>
  <si>
    <t>cg08794198</t>
  </si>
  <si>
    <t>cg08797625</t>
  </si>
  <si>
    <t>cg08799394</t>
  </si>
  <si>
    <t>cg08812276</t>
  </si>
  <si>
    <t>cg08813539</t>
  </si>
  <si>
    <t>cg08813925</t>
  </si>
  <si>
    <t>cg08815081</t>
  </si>
  <si>
    <t>cg08815970</t>
  </si>
  <si>
    <t>cg08822360</t>
  </si>
  <si>
    <t>cg08826264</t>
  </si>
  <si>
    <t>cg08827391</t>
  </si>
  <si>
    <t>cg08829841</t>
  </si>
  <si>
    <t>cg08831594</t>
  </si>
  <si>
    <t>cg08832069</t>
  </si>
  <si>
    <t>cg08834350</t>
  </si>
  <si>
    <t>cg08834573</t>
  </si>
  <si>
    <t>cg08837449</t>
  </si>
  <si>
    <t>cg08849875</t>
  </si>
  <si>
    <t>cg08856118</t>
  </si>
  <si>
    <t>cg08858466</t>
  </si>
  <si>
    <t>cg08859916</t>
  </si>
  <si>
    <t>cg08867390</t>
  </si>
  <si>
    <t>cg08872425</t>
  </si>
  <si>
    <t>cg08874035</t>
  </si>
  <si>
    <t>cg08874645</t>
  </si>
  <si>
    <t>cg08883995</t>
  </si>
  <si>
    <t>cg08887961</t>
  </si>
  <si>
    <t>cg08890360</t>
  </si>
  <si>
    <t>cg08891559</t>
  </si>
  <si>
    <t>cg08892082</t>
  </si>
  <si>
    <t>cg08899523</t>
  </si>
  <si>
    <t>cg08901339</t>
  </si>
  <si>
    <t>cg08903089</t>
  </si>
  <si>
    <t>cg08913117</t>
  </si>
  <si>
    <t>cg08913530</t>
  </si>
  <si>
    <t>cg08917117</t>
  </si>
  <si>
    <t>cg08918274</t>
  </si>
  <si>
    <t>cg08920210</t>
  </si>
  <si>
    <t>cg08926571</t>
  </si>
  <si>
    <t>cg08949408</t>
  </si>
  <si>
    <t>cg08951005</t>
  </si>
  <si>
    <t>cg08954352</t>
  </si>
  <si>
    <t>cg08954863</t>
  </si>
  <si>
    <t>cg08958656</t>
  </si>
  <si>
    <t>cg08958793</t>
  </si>
  <si>
    <t>cg08961906</t>
  </si>
  <si>
    <t>cg08962038</t>
  </si>
  <si>
    <t>cg08966306</t>
  </si>
  <si>
    <t>cg08966978</t>
  </si>
  <si>
    <t>cg08968863</t>
  </si>
  <si>
    <t>cg08969304</t>
  </si>
  <si>
    <t>cg08971562</t>
  </si>
  <si>
    <t>cg08971769</t>
  </si>
  <si>
    <t>cg08975917</t>
  </si>
  <si>
    <t>cg08976451</t>
  </si>
  <si>
    <t>cg08978835</t>
  </si>
  <si>
    <t>cg08979862</t>
  </si>
  <si>
    <t>cg08980711</t>
  </si>
  <si>
    <t>cg08980995</t>
  </si>
  <si>
    <t>cg08982017</t>
  </si>
  <si>
    <t>cg08989478</t>
  </si>
  <si>
    <t>cg08991610</t>
  </si>
  <si>
    <t>cg08995089</t>
  </si>
  <si>
    <t>cg08996579</t>
  </si>
  <si>
    <t>cg09000469</t>
  </si>
  <si>
    <t>cg09005971</t>
  </si>
  <si>
    <t>cg09010998</t>
  </si>
  <si>
    <t>cg09014154</t>
  </si>
  <si>
    <t>cg09014603</t>
  </si>
  <si>
    <t>cg09017139</t>
  </si>
  <si>
    <t>cg09019457</t>
  </si>
  <si>
    <t>cg09019938</t>
  </si>
  <si>
    <t>cg09023869</t>
  </si>
  <si>
    <t>cg09031776</t>
  </si>
  <si>
    <t>cg09035552</t>
  </si>
  <si>
    <t>cg09036297</t>
  </si>
  <si>
    <t>cg09038267</t>
  </si>
  <si>
    <t>cg09045305</t>
  </si>
  <si>
    <t>cg09059181</t>
  </si>
  <si>
    <t>cg09062323</t>
  </si>
  <si>
    <t>cg09064095</t>
  </si>
  <si>
    <t>cg09068759</t>
  </si>
  <si>
    <t>cg09068993</t>
  </si>
  <si>
    <t>cg09070492</t>
  </si>
  <si>
    <t>cg09077126</t>
  </si>
  <si>
    <t>cg09082487</t>
  </si>
  <si>
    <t>cg09085932</t>
  </si>
  <si>
    <t>cg09089615</t>
  </si>
  <si>
    <t>cg09090896</t>
  </si>
  <si>
    <t>cg09092356</t>
  </si>
  <si>
    <t>cg09093312</t>
  </si>
  <si>
    <t>cg09095221</t>
  </si>
  <si>
    <t>cg09095892</t>
  </si>
  <si>
    <t>cg09096787</t>
  </si>
  <si>
    <t>cg09097341</t>
  </si>
  <si>
    <t>cg09098522</t>
  </si>
  <si>
    <t>cg09101902</t>
  </si>
  <si>
    <t>cg09105933</t>
  </si>
  <si>
    <t>cg09109724</t>
  </si>
  <si>
    <t>cg09111482</t>
  </si>
  <si>
    <t>cg09112790</t>
  </si>
  <si>
    <t>cg09113440</t>
  </si>
  <si>
    <t>cg09119776</t>
  </si>
  <si>
    <t>cg09121772</t>
  </si>
  <si>
    <t>cg09122387</t>
  </si>
  <si>
    <t>cg09122458</t>
  </si>
  <si>
    <t>cg09122655</t>
  </si>
  <si>
    <t>cg09123368</t>
  </si>
  <si>
    <t>cg09124518</t>
  </si>
  <si>
    <t>cg09127607</t>
  </si>
  <si>
    <t>cg09138865</t>
  </si>
  <si>
    <t>cg09143949</t>
  </si>
  <si>
    <t>cg09144424</t>
  </si>
  <si>
    <t>cg09144592</t>
  </si>
  <si>
    <t>cg09145139</t>
  </si>
  <si>
    <t>cg09146197</t>
  </si>
  <si>
    <t>cg09146428</t>
  </si>
  <si>
    <t>cg09153518</t>
  </si>
  <si>
    <t>cg09154166</t>
  </si>
  <si>
    <t>cg09154558</t>
  </si>
  <si>
    <t>cg09155001</t>
  </si>
  <si>
    <t>cg09155024</t>
  </si>
  <si>
    <t>cg09163720</t>
  </si>
  <si>
    <t>cg09164955</t>
  </si>
  <si>
    <t>cg09177132</t>
  </si>
  <si>
    <t>cg09183138</t>
  </si>
  <si>
    <t>cg09183671</t>
  </si>
  <si>
    <t>cg09185231</t>
  </si>
  <si>
    <t>cg09185754</t>
  </si>
  <si>
    <t>cg09192377</t>
  </si>
  <si>
    <t>cg09194742</t>
  </si>
  <si>
    <t>cg09195868</t>
  </si>
  <si>
    <t>cg09197508</t>
  </si>
  <si>
    <t>cg09204631</t>
  </si>
  <si>
    <t>cg09210135</t>
  </si>
  <si>
    <t>cg09216797</t>
  </si>
  <si>
    <t>cg09218240</t>
  </si>
  <si>
    <t>cg09221159</t>
  </si>
  <si>
    <t>cg09223928</t>
  </si>
  <si>
    <t>cg09227150</t>
  </si>
  <si>
    <t>cg09229668</t>
  </si>
  <si>
    <t>cg09230812</t>
  </si>
  <si>
    <t>cg09231992</t>
  </si>
  <si>
    <t>cg09238992</t>
  </si>
  <si>
    <t>cg09239524</t>
  </si>
  <si>
    <t>cg09245378</t>
  </si>
  <si>
    <t>cg09252806</t>
  </si>
  <si>
    <t>cg09254322</t>
  </si>
  <si>
    <t>cg09255061</t>
  </si>
  <si>
    <t>cg09255332</t>
  </si>
  <si>
    <t>cg09263024</t>
  </si>
  <si>
    <t>cg09264782</t>
  </si>
  <si>
    <t>cg09268307</t>
  </si>
  <si>
    <t>cg09269454</t>
  </si>
  <si>
    <t>cg09270484</t>
  </si>
  <si>
    <t>cg09271157</t>
  </si>
  <si>
    <t>cg09272405</t>
  </si>
  <si>
    <t>cg09272748</t>
  </si>
  <si>
    <t>cg09273059</t>
  </si>
  <si>
    <t>cg09274040</t>
  </si>
  <si>
    <t>cg09275408</t>
  </si>
  <si>
    <t>cg09275783</t>
  </si>
  <si>
    <t>cg09277467</t>
  </si>
  <si>
    <t>cg09280022</t>
  </si>
  <si>
    <t>cg09280462</t>
  </si>
  <si>
    <t>cg09283120</t>
  </si>
  <si>
    <t>cg09290866</t>
  </si>
  <si>
    <t>cg09291654</t>
  </si>
  <si>
    <t>cg09298183</t>
  </si>
  <si>
    <t>cg09305334</t>
  </si>
  <si>
    <t>cg09307788</t>
  </si>
  <si>
    <t>cg09308536</t>
  </si>
  <si>
    <t>cg09316607</t>
  </si>
  <si>
    <t>cg09318857</t>
  </si>
  <si>
    <t>cg09319822</t>
  </si>
  <si>
    <t>cg09323247</t>
  </si>
  <si>
    <t>cg09329936</t>
  </si>
  <si>
    <t>cg09330153</t>
  </si>
  <si>
    <t>cg09330643</t>
  </si>
  <si>
    <t>cg09337375</t>
  </si>
  <si>
    <t>cg09341008</t>
  </si>
  <si>
    <t>cg09342940</t>
  </si>
  <si>
    <t>cg09344098</t>
  </si>
  <si>
    <t>cg09346030</t>
  </si>
  <si>
    <t>cg09351894</t>
  </si>
  <si>
    <t>cg09352789</t>
  </si>
  <si>
    <t>cg09354331</t>
  </si>
  <si>
    <t>cg09361094</t>
  </si>
  <si>
    <t>cg09361469</t>
  </si>
  <si>
    <t>cg09362300</t>
  </si>
  <si>
    <t>cg09371530</t>
  </si>
  <si>
    <t>cg09372891</t>
  </si>
  <si>
    <t>cg09398185</t>
  </si>
  <si>
    <t>cg09400194</t>
  </si>
  <si>
    <t>cg09405083</t>
  </si>
  <si>
    <t>cg09405788</t>
  </si>
  <si>
    <t>cg09409486</t>
  </si>
  <si>
    <t>cg09410871</t>
  </si>
  <si>
    <t>cg09415366</t>
  </si>
  <si>
    <t>cg09417176</t>
  </si>
  <si>
    <t>cg09418511</t>
  </si>
  <si>
    <t>cg09419900</t>
  </si>
  <si>
    <t>cg09425247</t>
  </si>
  <si>
    <t>cg09425356</t>
  </si>
  <si>
    <t>cg09426810</t>
  </si>
  <si>
    <t>cg09432613</t>
  </si>
  <si>
    <t>cg09437327</t>
  </si>
  <si>
    <t>cg09440270</t>
  </si>
  <si>
    <t>cg09443153</t>
  </si>
  <si>
    <t>cg09444036</t>
  </si>
  <si>
    <t>cg09450835</t>
  </si>
  <si>
    <t>cg09454892</t>
  </si>
  <si>
    <t>cg09455513</t>
  </si>
  <si>
    <t>cg09465149</t>
  </si>
  <si>
    <t>cg09469430</t>
  </si>
  <si>
    <t>cg09470010</t>
  </si>
  <si>
    <t>cg09471709</t>
  </si>
  <si>
    <t>cg09473745</t>
  </si>
  <si>
    <t>cg09474173</t>
  </si>
  <si>
    <t>cg09476099</t>
  </si>
  <si>
    <t>cg09478103</t>
  </si>
  <si>
    <t>cg09479906</t>
  </si>
  <si>
    <t>cg09480837</t>
  </si>
  <si>
    <t>cg09483247</t>
  </si>
  <si>
    <t>cg09491962</t>
  </si>
  <si>
    <t>cg09501025</t>
  </si>
  <si>
    <t>cg09505233</t>
  </si>
  <si>
    <t>cg09509179</t>
  </si>
  <si>
    <t>cg09509592</t>
  </si>
  <si>
    <t>cg09510780</t>
  </si>
  <si>
    <t>cg09511126</t>
  </si>
  <si>
    <t>cg09512236</t>
  </si>
  <si>
    <t>cg09514185</t>
  </si>
  <si>
    <t>cg09515568</t>
  </si>
  <si>
    <t>cg09519218</t>
  </si>
  <si>
    <t>cg09519462</t>
  </si>
  <si>
    <t>cg09521743</t>
  </si>
  <si>
    <t>cg09528884</t>
  </si>
  <si>
    <t>cg09530438</t>
  </si>
  <si>
    <t>cg09533473</t>
  </si>
  <si>
    <t>cg09536375</t>
  </si>
  <si>
    <t>cg09536984</t>
  </si>
  <si>
    <t>cg09542745</t>
  </si>
  <si>
    <t>cg09544380</t>
  </si>
  <si>
    <t>cg09545510</t>
  </si>
  <si>
    <t>cg09547170</t>
  </si>
  <si>
    <t>cg09550257</t>
  </si>
  <si>
    <t>cg09551147</t>
  </si>
  <si>
    <t>cg09551938</t>
  </si>
  <si>
    <t>cg09552892</t>
  </si>
  <si>
    <t>cg09553346</t>
  </si>
  <si>
    <t>cg09553982</t>
  </si>
  <si>
    <t>cg09554983</t>
  </si>
  <si>
    <t>cg09555367</t>
  </si>
  <si>
    <t>cg09558425</t>
  </si>
  <si>
    <t>cg09559798</t>
  </si>
  <si>
    <t>cg09563120</t>
  </si>
  <si>
    <t>cg09572377</t>
  </si>
  <si>
    <t>cg09573585</t>
  </si>
  <si>
    <t>cg09579808</t>
  </si>
  <si>
    <t>cg09584691</t>
  </si>
  <si>
    <t>cg09586183</t>
  </si>
  <si>
    <t>cg09593028</t>
  </si>
  <si>
    <t>cg09602138</t>
  </si>
  <si>
    <t>cg09602753</t>
  </si>
  <si>
    <t>cg09603795</t>
  </si>
  <si>
    <t>cg09607482</t>
  </si>
  <si>
    <t>cg09607489</t>
  </si>
  <si>
    <t>cg09608028</t>
  </si>
  <si>
    <t>cg09608533</t>
  </si>
  <si>
    <t>cg09610735</t>
  </si>
  <si>
    <t>cg09612413</t>
  </si>
  <si>
    <t>cg09614300</t>
  </si>
  <si>
    <t>cg09614349</t>
  </si>
  <si>
    <t>cg09614479</t>
  </si>
  <si>
    <t>cg09614653</t>
  </si>
  <si>
    <t>cg09617416</t>
  </si>
  <si>
    <t>cg09617901</t>
  </si>
  <si>
    <t>cg09619146</t>
  </si>
  <si>
    <t>cg09622269</t>
  </si>
  <si>
    <t>cg09623279</t>
  </si>
  <si>
    <t>cg09623377</t>
  </si>
  <si>
    <t>cg09624870</t>
  </si>
  <si>
    <t>cg09625024</t>
  </si>
  <si>
    <t>cg09625781</t>
  </si>
  <si>
    <t>cg09626299</t>
  </si>
  <si>
    <t>cg09627060</t>
  </si>
  <si>
    <t>cg09631043</t>
  </si>
  <si>
    <t>cg09631472</t>
  </si>
  <si>
    <t>cg09637449</t>
  </si>
  <si>
    <t>cg09647147</t>
  </si>
  <si>
    <t>cg09647352</t>
  </si>
  <si>
    <t>cg09649196</t>
  </si>
  <si>
    <t>cg09649486</t>
  </si>
  <si>
    <t>cg09656274</t>
  </si>
  <si>
    <t>cg09656541</t>
  </si>
  <si>
    <t>cg09658720</t>
  </si>
  <si>
    <t>cg09661010</t>
  </si>
  <si>
    <t>cg09662431</t>
  </si>
  <si>
    <t>cg09674175</t>
  </si>
  <si>
    <t>cg09676171</t>
  </si>
  <si>
    <t>cg09686390</t>
  </si>
  <si>
    <t>cg09688726</t>
  </si>
  <si>
    <t>cg09694606</t>
  </si>
  <si>
    <t>cg09699225</t>
  </si>
  <si>
    <t>cg09699593</t>
  </si>
  <si>
    <t>cg09701700</t>
  </si>
  <si>
    <t>cg09702315</t>
  </si>
  <si>
    <t>cg09707253</t>
  </si>
  <si>
    <t>cg09713234</t>
  </si>
  <si>
    <t>cg09716878</t>
  </si>
  <si>
    <t>cg09721427</t>
  </si>
  <si>
    <t>cg09722785</t>
  </si>
  <si>
    <t>cg09728012</t>
  </si>
  <si>
    <t>cg09728120</t>
  </si>
  <si>
    <t>cg09729955</t>
  </si>
  <si>
    <t>cg09732284</t>
  </si>
  <si>
    <t>cg09735723</t>
  </si>
  <si>
    <t>cg09738881</t>
  </si>
  <si>
    <t>cg09740179</t>
  </si>
  <si>
    <t>cg09740313</t>
  </si>
  <si>
    <t>cg09744068</t>
  </si>
  <si>
    <t>cg09746086</t>
  </si>
  <si>
    <t>cg09753644</t>
  </si>
  <si>
    <t>cg09753778</t>
  </si>
  <si>
    <t>cg09757353</t>
  </si>
  <si>
    <t>cg09758680</t>
  </si>
  <si>
    <t>cg09760081</t>
  </si>
  <si>
    <t>cg09761351</t>
  </si>
  <si>
    <t>cg09763180</t>
  </si>
  <si>
    <t>cg09764807</t>
  </si>
  <si>
    <t>cg09770154</t>
  </si>
  <si>
    <t>cg09775312</t>
  </si>
  <si>
    <t>cg09780955</t>
  </si>
  <si>
    <t>cg09788111</t>
  </si>
  <si>
    <t>cg09797463</t>
  </si>
  <si>
    <t>cg09800975</t>
  </si>
  <si>
    <t>cg09801824</t>
  </si>
  <si>
    <t>cg09804178</t>
  </si>
  <si>
    <t>cg09805925</t>
  </si>
  <si>
    <t>cg09806262</t>
  </si>
  <si>
    <t>cg09810750</t>
  </si>
  <si>
    <t>cg09816788</t>
  </si>
  <si>
    <t>cg09819651</t>
  </si>
  <si>
    <t>cg09821400</t>
  </si>
  <si>
    <t>cg09823154</t>
  </si>
  <si>
    <t>cg09827902</t>
  </si>
  <si>
    <t>cg09832911</t>
  </si>
  <si>
    <t>cg09837088</t>
  </si>
  <si>
    <t>cg09837243</t>
  </si>
  <si>
    <t>cg09837995</t>
  </si>
  <si>
    <t>cg09839204</t>
  </si>
  <si>
    <t>cg09843855</t>
  </si>
  <si>
    <t>cg09845293</t>
  </si>
  <si>
    <t>cg09864156</t>
  </si>
  <si>
    <t>cg09865173</t>
  </si>
  <si>
    <t>cg09866104</t>
  </si>
  <si>
    <t>cg09871669</t>
  </si>
  <si>
    <t>cg09872088</t>
  </si>
  <si>
    <t>cg09873215</t>
  </si>
  <si>
    <t>cg09873544</t>
  </si>
  <si>
    <t>cg09874752</t>
  </si>
  <si>
    <t>cg09875661</t>
  </si>
  <si>
    <t>cg09888137</t>
  </si>
  <si>
    <t>cg09890775</t>
  </si>
  <si>
    <t>cg09892390</t>
  </si>
  <si>
    <t>cg09895190</t>
  </si>
  <si>
    <t>cg09895590</t>
  </si>
  <si>
    <t>cg09896602</t>
  </si>
  <si>
    <t>cg09897604</t>
  </si>
  <si>
    <t>cg09898217</t>
  </si>
  <si>
    <t>cg09899989</t>
  </si>
  <si>
    <t>cg09900832</t>
  </si>
  <si>
    <t>cg09905852</t>
  </si>
  <si>
    <t>cg09906751</t>
  </si>
  <si>
    <t>cg09907570</t>
  </si>
  <si>
    <t>cg09908372</t>
  </si>
  <si>
    <t>cg09910120</t>
  </si>
  <si>
    <t>cg09911401</t>
  </si>
  <si>
    <t>cg09911554</t>
  </si>
  <si>
    <t>cg09914304</t>
  </si>
  <si>
    <t>cg09918091</t>
  </si>
  <si>
    <t>cg09923293</t>
  </si>
  <si>
    <t>cg09924848</t>
  </si>
  <si>
    <t>cg09926135</t>
  </si>
  <si>
    <t>cg09926728</t>
  </si>
  <si>
    <t>cg09930328</t>
  </si>
  <si>
    <t>cg09930496</t>
  </si>
  <si>
    <t>cg09932774</t>
  </si>
  <si>
    <t>cg09933190</t>
  </si>
  <si>
    <t>cg09936190</t>
  </si>
  <si>
    <t>cg09936762</t>
  </si>
  <si>
    <t>cg09941381</t>
  </si>
  <si>
    <t>cg09943714</t>
  </si>
  <si>
    <t>cg09944020</t>
  </si>
  <si>
    <t>cg09952232</t>
  </si>
  <si>
    <t>cg09953287</t>
  </si>
  <si>
    <t>cg09955645</t>
  </si>
  <si>
    <t>cg09955886</t>
  </si>
  <si>
    <t>cg09956859</t>
  </si>
  <si>
    <t>cg09958065</t>
  </si>
  <si>
    <t>cg09962984</t>
  </si>
  <si>
    <t>cg09978996</t>
  </si>
  <si>
    <t>cg09982314</t>
  </si>
  <si>
    <t>cg09985802</t>
  </si>
  <si>
    <t>cg09986353</t>
  </si>
  <si>
    <t>cg09990481</t>
  </si>
  <si>
    <t>cg09991092</t>
  </si>
  <si>
    <t>cg09993459</t>
  </si>
  <si>
    <t>cg10004365</t>
  </si>
  <si>
    <t>cg10014190</t>
  </si>
  <si>
    <t>cg10017260</t>
  </si>
  <si>
    <t>cg10022914</t>
  </si>
  <si>
    <t>cg10024587</t>
  </si>
  <si>
    <t>cg10028071</t>
  </si>
  <si>
    <t>cg10028578</t>
  </si>
  <si>
    <t>cg10030710</t>
  </si>
  <si>
    <t>cg10038087</t>
  </si>
  <si>
    <t>cg10041069</t>
  </si>
  <si>
    <t>cg10043047</t>
  </si>
  <si>
    <t>cg10045103</t>
  </si>
  <si>
    <t>cg10045321</t>
  </si>
  <si>
    <t>cg10053162</t>
  </si>
  <si>
    <t>cg10053339</t>
  </si>
  <si>
    <t>cg10056203</t>
  </si>
  <si>
    <t>cg10068572</t>
  </si>
  <si>
    <t>cg10077985</t>
  </si>
  <si>
    <t>cg10079318</t>
  </si>
  <si>
    <t>cg10080966</t>
  </si>
  <si>
    <t>cg10081681</t>
  </si>
  <si>
    <t>cg10084213</t>
  </si>
  <si>
    <t>cg10089865</t>
  </si>
  <si>
    <t>cg10090122</t>
  </si>
  <si>
    <t>cg10092652</t>
  </si>
  <si>
    <t>cg10098216</t>
  </si>
  <si>
    <t>cg10099930</t>
  </si>
  <si>
    <t>cg10103942</t>
  </si>
  <si>
    <t>cg10105110</t>
  </si>
  <si>
    <t>cg10106016</t>
  </si>
  <si>
    <t>cg10107322</t>
  </si>
  <si>
    <t>cg10110933</t>
  </si>
  <si>
    <t>cg10113589</t>
  </si>
  <si>
    <t>cg10116181</t>
  </si>
  <si>
    <t>cg10116432</t>
  </si>
  <si>
    <t>cg10119075</t>
  </si>
  <si>
    <t>cg10125451</t>
  </si>
  <si>
    <t>cg10125882</t>
  </si>
  <si>
    <t>cg10131095</t>
  </si>
  <si>
    <t>cg10144198</t>
  </si>
  <si>
    <t>cg10144336</t>
  </si>
  <si>
    <t>cg10146112</t>
  </si>
  <si>
    <t>cg10148293</t>
  </si>
  <si>
    <t>cg10149021</t>
  </si>
  <si>
    <t>cg10151454</t>
  </si>
  <si>
    <t>cg10153082</t>
  </si>
  <si>
    <t>cg10154626</t>
  </si>
  <si>
    <t>cg10155681</t>
  </si>
  <si>
    <t>cg10157558</t>
  </si>
  <si>
    <t>cg10158133</t>
  </si>
  <si>
    <t>cg10158681</t>
  </si>
  <si>
    <t>cg10160939</t>
  </si>
  <si>
    <t>cg10163377</t>
  </si>
  <si>
    <t>cg10165222</t>
  </si>
  <si>
    <t>cg10165474</t>
  </si>
  <si>
    <t>cg10166314</t>
  </si>
  <si>
    <t>cg10167888</t>
  </si>
  <si>
    <t>cg10168709</t>
  </si>
  <si>
    <t>cg10171347</t>
  </si>
  <si>
    <t>cg10171504</t>
  </si>
  <si>
    <t>cg10173001</t>
  </si>
  <si>
    <t>cg10180050</t>
  </si>
  <si>
    <t>cg10182697</t>
  </si>
  <si>
    <t>cg10185984</t>
  </si>
  <si>
    <t>cg10186347</t>
  </si>
  <si>
    <t>cg10191248</t>
  </si>
  <si>
    <t>cg10195050</t>
  </si>
  <si>
    <t>cg10198568</t>
  </si>
  <si>
    <t>cg10199606</t>
  </si>
  <si>
    <t>cg10200202</t>
  </si>
  <si>
    <t>cg10203034</t>
  </si>
  <si>
    <t>cg10206588</t>
  </si>
  <si>
    <t>cg10206933</t>
  </si>
  <si>
    <t>cg10211252</t>
  </si>
  <si>
    <t>cg10219425</t>
  </si>
  <si>
    <t>cg10220527</t>
  </si>
  <si>
    <t>cg10222574</t>
  </si>
  <si>
    <t>cg10231344</t>
  </si>
  <si>
    <t>cg10232140</t>
  </si>
  <si>
    <t>cg10232265</t>
  </si>
  <si>
    <t>cg10233401</t>
  </si>
  <si>
    <t>cg10234723</t>
  </si>
  <si>
    <t>cg10234776</t>
  </si>
  <si>
    <t>cg10238051</t>
  </si>
  <si>
    <t>cg10238445</t>
  </si>
  <si>
    <t>cg10241117</t>
  </si>
  <si>
    <t>cg10245915</t>
  </si>
  <si>
    <t>cg10247268</t>
  </si>
  <si>
    <t>cg10254690</t>
  </si>
  <si>
    <t>cg10255097</t>
  </si>
  <si>
    <t>cg10257610</t>
  </si>
  <si>
    <t>cg10258957</t>
  </si>
  <si>
    <t>cg10262188</t>
  </si>
  <si>
    <t>cg10271260</t>
  </si>
  <si>
    <t>cg10273420</t>
  </si>
  <si>
    <t>cg10279204</t>
  </si>
  <si>
    <t>cg10280347</t>
  </si>
  <si>
    <t>cg10285845</t>
  </si>
  <si>
    <t>cg10289976</t>
  </si>
  <si>
    <t>cg10292430</t>
  </si>
  <si>
    <t>cg10296027</t>
  </si>
  <si>
    <t>cg10298203</t>
  </si>
  <si>
    <t>cg10299976</t>
  </si>
  <si>
    <t>cg10300729</t>
  </si>
  <si>
    <t>cg10307076</t>
  </si>
  <si>
    <t>cg10307119</t>
  </si>
  <si>
    <t>cg10308810</t>
  </si>
  <si>
    <t>cg10311806</t>
  </si>
  <si>
    <t>cg10313043</t>
  </si>
  <si>
    <t>cg10314139</t>
  </si>
  <si>
    <t>cg10314295</t>
  </si>
  <si>
    <t>cg10315366</t>
  </si>
  <si>
    <t>cg10318647</t>
  </si>
  <si>
    <t>cg10318661</t>
  </si>
  <si>
    <t>cg10319870</t>
  </si>
  <si>
    <t>cg10320160</t>
  </si>
  <si>
    <t>cg10325336</t>
  </si>
  <si>
    <t>cg10334976</t>
  </si>
  <si>
    <t>cg10338124</t>
  </si>
  <si>
    <t>cg10343327</t>
  </si>
  <si>
    <t>cg10345369</t>
  </si>
  <si>
    <t>cg10347635</t>
  </si>
  <si>
    <t>cg10348208</t>
  </si>
  <si>
    <t>cg10353925</t>
  </si>
  <si>
    <t>cg10354195</t>
  </si>
  <si>
    <t>cg10359932</t>
  </si>
  <si>
    <t>cg10367730</t>
  </si>
  <si>
    <t>cg10369116</t>
  </si>
  <si>
    <t>cg10371050</t>
  </si>
  <si>
    <t>cg10374248</t>
  </si>
  <si>
    <t>cg10374402</t>
  </si>
  <si>
    <t>cg10376731</t>
  </si>
  <si>
    <t>cg10377211</t>
  </si>
  <si>
    <t>cg10381771</t>
  </si>
  <si>
    <t>cg10399824</t>
  </si>
  <si>
    <t>cg10402121</t>
  </si>
  <si>
    <t>cg10402715</t>
  </si>
  <si>
    <t>cg10406360</t>
  </si>
  <si>
    <t>cg10407585</t>
  </si>
  <si>
    <t>cg10410412</t>
  </si>
  <si>
    <t>cg10413954</t>
  </si>
  <si>
    <t>cg10420063</t>
  </si>
  <si>
    <t>cg10420150</t>
  </si>
  <si>
    <t>cg10430941</t>
  </si>
  <si>
    <t>cg10431652</t>
  </si>
  <si>
    <t>cg10432626</t>
  </si>
  <si>
    <t>cg10435021</t>
  </si>
  <si>
    <t>cg10435618</t>
  </si>
  <si>
    <t>cg10437245</t>
  </si>
  <si>
    <t>cg10441934</t>
  </si>
  <si>
    <t>cg10447404</t>
  </si>
  <si>
    <t>cg10458494</t>
  </si>
  <si>
    <t>cg10461852</t>
  </si>
  <si>
    <t>cg10465519</t>
  </si>
  <si>
    <t>cg10475928</t>
  </si>
  <si>
    <t>cg10476206</t>
  </si>
  <si>
    <t>cg10477193</t>
  </si>
  <si>
    <t>cg10477603</t>
  </si>
  <si>
    <t>cg10477754</t>
  </si>
  <si>
    <t>cg10482913</t>
  </si>
  <si>
    <t>cg10491120</t>
  </si>
  <si>
    <t>cg10491556</t>
  </si>
  <si>
    <t>cg10492716</t>
  </si>
  <si>
    <t>cg10493125</t>
  </si>
  <si>
    <t>cg10494981</t>
  </si>
  <si>
    <t>cg10496420</t>
  </si>
  <si>
    <t>cg10501008</t>
  </si>
  <si>
    <t>cg10501360</t>
  </si>
  <si>
    <t>cg10502884</t>
  </si>
  <si>
    <t>cg10503199</t>
  </si>
  <si>
    <t>cg10514593</t>
  </si>
  <si>
    <t>cg10521450</t>
  </si>
  <si>
    <t>cg10522115</t>
  </si>
  <si>
    <t>cg10530153</t>
  </si>
  <si>
    <t>cg10530568</t>
  </si>
  <si>
    <t>cg10531748</t>
  </si>
  <si>
    <t>cg10537247</t>
  </si>
  <si>
    <t>cg10540364</t>
  </si>
  <si>
    <t>cg10542123</t>
  </si>
  <si>
    <t>cg10543363</t>
  </si>
  <si>
    <t>cg10548978</t>
  </si>
  <si>
    <t>cg10549018</t>
  </si>
  <si>
    <t>cg10549974</t>
  </si>
  <si>
    <t>cg10556384</t>
  </si>
  <si>
    <t>cg10568634</t>
  </si>
  <si>
    <t>cg10572195</t>
  </si>
  <si>
    <t>cg10580626</t>
  </si>
  <si>
    <t>cg10581650</t>
  </si>
  <si>
    <t>cg10583664</t>
  </si>
  <si>
    <t>cg10584904</t>
  </si>
  <si>
    <t>cg10586147</t>
  </si>
  <si>
    <t>cg10589034</t>
  </si>
  <si>
    <t>cg10592592</t>
  </si>
  <si>
    <t>cg10598776</t>
  </si>
  <si>
    <t>cg10601026</t>
  </si>
  <si>
    <t>cg10603156</t>
  </si>
  <si>
    <t>cg10605977</t>
  </si>
  <si>
    <t>cg10608230</t>
  </si>
  <si>
    <t>cg10609984</t>
  </si>
  <si>
    <t>cg10610270</t>
  </si>
  <si>
    <t>cg10610648</t>
  </si>
  <si>
    <t>cg10612237</t>
  </si>
  <si>
    <t>cg10615065</t>
  </si>
  <si>
    <t>cg10615091</t>
  </si>
  <si>
    <t>cg10616319</t>
  </si>
  <si>
    <t>cg10616411</t>
  </si>
  <si>
    <t>cg10627429</t>
  </si>
  <si>
    <t>cg10628465</t>
  </si>
  <si>
    <t>cg10632966</t>
  </si>
  <si>
    <t>cg10638605</t>
  </si>
  <si>
    <t>cg10640731</t>
  </si>
  <si>
    <t>cg10642548</t>
  </si>
  <si>
    <t>cg10648197</t>
  </si>
  <si>
    <t>cg10650018</t>
  </si>
  <si>
    <t>cg10652915</t>
  </si>
  <si>
    <t>cg10661376</t>
  </si>
  <si>
    <t>cg10664162</t>
  </si>
  <si>
    <t>cg10664971</t>
  </si>
  <si>
    <t>cg10668198</t>
  </si>
  <si>
    <t>cg10675120</t>
  </si>
  <si>
    <t>cg10680511</t>
  </si>
  <si>
    <t>cg10684627</t>
  </si>
  <si>
    <t>cg10686550</t>
  </si>
  <si>
    <t>cg10705379</t>
  </si>
  <si>
    <t>cg10710457</t>
  </si>
  <si>
    <t>cg10711775</t>
  </si>
  <si>
    <t>cg10712934</t>
  </si>
  <si>
    <t>cg10721450</t>
  </si>
  <si>
    <t>cg10724130</t>
  </si>
  <si>
    <t>cg10725316</t>
  </si>
  <si>
    <t>cg10728451</t>
  </si>
  <si>
    <t>cg10732920</t>
  </si>
  <si>
    <t>cg10739686</t>
  </si>
  <si>
    <t>cg10740367</t>
  </si>
  <si>
    <t>cg10740594</t>
  </si>
  <si>
    <t>cg10741308</t>
  </si>
  <si>
    <t>cg10742801</t>
  </si>
  <si>
    <t>cg10743378</t>
  </si>
  <si>
    <t>cg10750182</t>
  </si>
  <si>
    <t>cg10753298</t>
  </si>
  <si>
    <t>cg10754935</t>
  </si>
  <si>
    <t>cg10756170</t>
  </si>
  <si>
    <t>cg10764388</t>
  </si>
  <si>
    <t>cg10765471</t>
  </si>
  <si>
    <t>cg10767045</t>
  </si>
  <si>
    <t>cg10770832</t>
  </si>
  <si>
    <t>cg10772263</t>
  </si>
  <si>
    <t>cg10773266</t>
  </si>
  <si>
    <t>cg10775039</t>
  </si>
  <si>
    <t>cg10775229</t>
  </si>
  <si>
    <t>cg10775231</t>
  </si>
  <si>
    <t>cg10779126</t>
  </si>
  <si>
    <t>cg10780164</t>
  </si>
  <si>
    <t>cg10782139</t>
  </si>
  <si>
    <t>cg10785295</t>
  </si>
  <si>
    <t>cg10788901</t>
  </si>
  <si>
    <t>cg10802936</t>
  </si>
  <si>
    <t>cg10802977</t>
  </si>
  <si>
    <t>cg10812439</t>
  </si>
  <si>
    <t>cg10815947</t>
  </si>
  <si>
    <t>cg10817301</t>
  </si>
  <si>
    <t>cg10820186</t>
  </si>
  <si>
    <t>cg10825471</t>
  </si>
  <si>
    <t>cg10826702</t>
  </si>
  <si>
    <t>cg10827854</t>
  </si>
  <si>
    <t>cg10829629</t>
  </si>
  <si>
    <t>cg10830905</t>
  </si>
  <si>
    <t>cg10836540</t>
  </si>
  <si>
    <t>cg10837142</t>
  </si>
  <si>
    <t>cg10842141</t>
  </si>
  <si>
    <t>cg10844272</t>
  </si>
  <si>
    <t>cg10844884</t>
  </si>
  <si>
    <t>cg10846980</t>
  </si>
  <si>
    <t>cg10847390</t>
  </si>
  <si>
    <t>cg10850838</t>
  </si>
  <si>
    <t>cg10852684</t>
  </si>
  <si>
    <t>cg10856045</t>
  </si>
  <si>
    <t>cg10857905</t>
  </si>
  <si>
    <t>cg10860095</t>
  </si>
  <si>
    <t>cg10860308</t>
  </si>
  <si>
    <t>cg10872209</t>
  </si>
  <si>
    <t>cg10874314</t>
  </si>
  <si>
    <t>cg10882226</t>
  </si>
  <si>
    <t>cg10882886</t>
  </si>
  <si>
    <t>cg10888900</t>
  </si>
  <si>
    <t>cg10894697</t>
  </si>
  <si>
    <t>cg10903132</t>
  </si>
  <si>
    <t>cg10911243</t>
  </si>
  <si>
    <t>cg10913777</t>
  </si>
  <si>
    <t>cg10915716</t>
  </si>
  <si>
    <t>cg10919111</t>
  </si>
  <si>
    <t>cg10920545</t>
  </si>
  <si>
    <t>cg10923219</t>
  </si>
  <si>
    <t>cg10924085</t>
  </si>
  <si>
    <t>cg10924188</t>
  </si>
  <si>
    <t>cg10928925</t>
  </si>
  <si>
    <t>cg10956096</t>
  </si>
  <si>
    <t>cg10958397</t>
  </si>
  <si>
    <t>cg10961853</t>
  </si>
  <si>
    <t>cg10963664</t>
  </si>
  <si>
    <t>cg10967735</t>
  </si>
  <si>
    <t>cg10973038</t>
  </si>
  <si>
    <t>cg10974128</t>
  </si>
  <si>
    <t>cg10979742</t>
  </si>
  <si>
    <t>cg10982433</t>
  </si>
  <si>
    <t>cg10982567</t>
  </si>
  <si>
    <t>cg10983115</t>
  </si>
  <si>
    <t>cg10983208</t>
  </si>
  <si>
    <t>cg10984000</t>
  </si>
  <si>
    <t>cg10984252</t>
  </si>
  <si>
    <t>cg10988324</t>
  </si>
  <si>
    <t>cg10988628</t>
  </si>
  <si>
    <t>cg10989255</t>
  </si>
  <si>
    <t>cg10991599</t>
  </si>
  <si>
    <t>cg10992686</t>
  </si>
  <si>
    <t>cg10999413</t>
  </si>
  <si>
    <t>cg11001712</t>
  </si>
  <si>
    <t>cg11007110</t>
  </si>
  <si>
    <t>cg11007492</t>
  </si>
  <si>
    <t>cg11009771</t>
  </si>
  <si>
    <t>cg11014794</t>
  </si>
  <si>
    <t>cg11014810</t>
  </si>
  <si>
    <t>cg11024722</t>
  </si>
  <si>
    <t>cg11026745</t>
  </si>
  <si>
    <t>cg11027005</t>
  </si>
  <si>
    <t>cg11028409</t>
  </si>
  <si>
    <t>cg11028710</t>
  </si>
  <si>
    <t>cg11034619</t>
  </si>
  <si>
    <t>cg11034911</t>
  </si>
  <si>
    <t>cg11035271</t>
  </si>
  <si>
    <t>cg11035304</t>
  </si>
  <si>
    <t>cg11038604</t>
  </si>
  <si>
    <t>cg11042214</t>
  </si>
  <si>
    <t>cg11046864</t>
  </si>
  <si>
    <t>cg11053546</t>
  </si>
  <si>
    <t>cg11054379</t>
  </si>
  <si>
    <t>cg11057378</t>
  </si>
  <si>
    <t>cg11063811</t>
  </si>
  <si>
    <t>cg11065917</t>
  </si>
  <si>
    <t>cg11069748</t>
  </si>
  <si>
    <t>cg11084269</t>
  </si>
  <si>
    <t>cg11085581</t>
  </si>
  <si>
    <t>cg11096063</t>
  </si>
  <si>
    <t>cg11101117</t>
  </si>
  <si>
    <t>cg11106262</t>
  </si>
  <si>
    <t>cg11111696</t>
  </si>
  <si>
    <t>cg11115427</t>
  </si>
  <si>
    <t>cg11115673</t>
  </si>
  <si>
    <t>cg11116274</t>
  </si>
  <si>
    <t>cg11119655</t>
  </si>
  <si>
    <t>cg11124080</t>
  </si>
  <si>
    <t>cg11124260</t>
  </si>
  <si>
    <t>cg11126081</t>
  </si>
  <si>
    <t>cg11127249</t>
  </si>
  <si>
    <t>cg11128436</t>
  </si>
  <si>
    <t>cg11136386</t>
  </si>
  <si>
    <t>cg11141336</t>
  </si>
  <si>
    <t>cg11148307</t>
  </si>
  <si>
    <t>cg11149409</t>
  </si>
  <si>
    <t>cg11150068</t>
  </si>
  <si>
    <t>cg11152574</t>
  </si>
  <si>
    <t>cg11161142</t>
  </si>
  <si>
    <t>cg11174260</t>
  </si>
  <si>
    <t>cg11175310</t>
  </si>
  <si>
    <t>cg11175977</t>
  </si>
  <si>
    <t>cg11181587</t>
  </si>
  <si>
    <t>cg11189134</t>
  </si>
  <si>
    <t>cg11196237</t>
  </si>
  <si>
    <t>cg11198676</t>
  </si>
  <si>
    <t>cg11198912</t>
  </si>
  <si>
    <t>cg11199097</t>
  </si>
  <si>
    <t>cg11200042</t>
  </si>
  <si>
    <t>cg11201761</t>
  </si>
  <si>
    <t>cg11204562</t>
  </si>
  <si>
    <t>cg11212172</t>
  </si>
  <si>
    <t>cg11218842</t>
  </si>
  <si>
    <t>cg11222626</t>
  </si>
  <si>
    <t>cg11223286</t>
  </si>
  <si>
    <t>cg11223735</t>
  </si>
  <si>
    <t>cg11226562</t>
  </si>
  <si>
    <t>cg11228126</t>
  </si>
  <si>
    <t>cg11229663</t>
  </si>
  <si>
    <t>cg11235543</t>
  </si>
  <si>
    <t>cg11239697</t>
  </si>
  <si>
    <t>cg11243001</t>
  </si>
  <si>
    <t>cg11243835</t>
  </si>
  <si>
    <t>cg11251234</t>
  </si>
  <si>
    <t>cg11257689</t>
  </si>
  <si>
    <t>cg11258001</t>
  </si>
  <si>
    <t>cg11261261</t>
  </si>
  <si>
    <t>cg11267527</t>
  </si>
  <si>
    <t>cg11276093</t>
  </si>
  <si>
    <t>cg11276172</t>
  </si>
  <si>
    <t>cg11278857</t>
  </si>
  <si>
    <t>cg11282650</t>
  </si>
  <si>
    <t>cg11285912</t>
  </si>
  <si>
    <t>cg11287521</t>
  </si>
  <si>
    <t>cg11287903</t>
  </si>
  <si>
    <t>cg11289941</t>
  </si>
  <si>
    <t>cg11292440</t>
  </si>
  <si>
    <t>cg11301077</t>
  </si>
  <si>
    <t>cg11310017</t>
  </si>
  <si>
    <t>cg11310684</t>
  </si>
  <si>
    <t>cg11312674</t>
  </si>
  <si>
    <t>cg11315633</t>
  </si>
  <si>
    <t>cg11316940</t>
  </si>
  <si>
    <t>cg11334772</t>
  </si>
  <si>
    <t>cg11338156</t>
  </si>
  <si>
    <t>cg11343657</t>
  </si>
  <si>
    <t>cg11345432</t>
  </si>
  <si>
    <t>cg11345811</t>
  </si>
  <si>
    <t>cg11348552</t>
  </si>
  <si>
    <t>cg11349980</t>
  </si>
  <si>
    <t>cg11351927</t>
  </si>
  <si>
    <t>cg11356398</t>
  </si>
  <si>
    <t>cg11367260</t>
  </si>
  <si>
    <t>cg11367401</t>
  </si>
  <si>
    <t>cg11367939</t>
  </si>
  <si>
    <t>cg11368900</t>
  </si>
  <si>
    <t>cg11373323</t>
  </si>
  <si>
    <t>cg11377397</t>
  </si>
  <si>
    <t>cg11385165</t>
  </si>
  <si>
    <t>cg11388507</t>
  </si>
  <si>
    <t>cg11390957</t>
  </si>
  <si>
    <t>cg11393614</t>
  </si>
  <si>
    <t>cg11395579</t>
  </si>
  <si>
    <t>cg11400759</t>
  </si>
  <si>
    <t>cg11402396</t>
  </si>
  <si>
    <t>cg11404751</t>
  </si>
  <si>
    <t>cg11407514</t>
  </si>
  <si>
    <t>cg11408900</t>
  </si>
  <si>
    <t>cg11409572</t>
  </si>
  <si>
    <t>cg11411220</t>
  </si>
  <si>
    <t>cg11411705</t>
  </si>
  <si>
    <t>cg11415548</t>
  </si>
  <si>
    <t>cg11423998</t>
  </si>
  <si>
    <t>cg11438428</t>
  </si>
  <si>
    <t>cg11438755</t>
  </si>
  <si>
    <t>cg11443787</t>
  </si>
  <si>
    <t>cg11451315</t>
  </si>
  <si>
    <t>cg11453347</t>
  </si>
  <si>
    <t>cg11453400</t>
  </si>
  <si>
    <t>cg11454459</t>
  </si>
  <si>
    <t>cg11455642</t>
  </si>
  <si>
    <t>cg11461825</t>
  </si>
  <si>
    <t>cg11464297</t>
  </si>
  <si>
    <t>cg11464895</t>
  </si>
  <si>
    <t>cg11480019</t>
  </si>
  <si>
    <t>cg11481582</t>
  </si>
  <si>
    <t>cg11482422</t>
  </si>
  <si>
    <t>cg11485894</t>
  </si>
  <si>
    <t>cg11495006</t>
  </si>
  <si>
    <t>cg11495285</t>
  </si>
  <si>
    <t>cg11495430</t>
  </si>
  <si>
    <t>cg11498156</t>
  </si>
  <si>
    <t>cg11500467</t>
  </si>
  <si>
    <t>cg11503710</t>
  </si>
  <si>
    <t>cg11518184</t>
  </si>
  <si>
    <t>cg11519256</t>
  </si>
  <si>
    <t>cg11524309</t>
  </si>
  <si>
    <t>cg11531947</t>
  </si>
  <si>
    <t>cg11535638</t>
  </si>
  <si>
    <t>cg11547448</t>
  </si>
  <si>
    <t>cg11548411</t>
  </si>
  <si>
    <t>cg11560627</t>
  </si>
  <si>
    <t>cg11573170</t>
  </si>
  <si>
    <t>cg11574094</t>
  </si>
  <si>
    <t>cg11575901</t>
  </si>
  <si>
    <t>cg11579421</t>
  </si>
  <si>
    <t>cg11580028</t>
  </si>
  <si>
    <t>cg11580790</t>
  </si>
  <si>
    <t>cg11589800</t>
  </si>
  <si>
    <t>cg11594010</t>
  </si>
  <si>
    <t>cg11595245</t>
  </si>
  <si>
    <t>cg11596479</t>
  </si>
  <si>
    <t>cg11600683</t>
  </si>
  <si>
    <t>cg11601663</t>
  </si>
  <si>
    <t>cg11612555</t>
  </si>
  <si>
    <t>cg11613902</t>
  </si>
  <si>
    <t>cg11614536</t>
  </si>
  <si>
    <t>cg11615495</t>
  </si>
  <si>
    <t>cg11627393</t>
  </si>
  <si>
    <t>cg11630148</t>
  </si>
  <si>
    <t>cg11631091</t>
  </si>
  <si>
    <t>cg11639651</t>
  </si>
  <si>
    <t>cg11640544</t>
  </si>
  <si>
    <t>cg11645821</t>
  </si>
  <si>
    <t>cg11646078</t>
  </si>
  <si>
    <t>cg11650479</t>
  </si>
  <si>
    <t>cg11659652</t>
  </si>
  <si>
    <t>cg11660725</t>
  </si>
  <si>
    <t>cg11668923</t>
  </si>
  <si>
    <t>cg11671075</t>
  </si>
  <si>
    <t>cg11673092</t>
  </si>
  <si>
    <t>cg11673920</t>
  </si>
  <si>
    <t>cg11676342</t>
  </si>
  <si>
    <t>cg11684930</t>
  </si>
  <si>
    <t>cg11685391</t>
  </si>
  <si>
    <t>cg11685898</t>
  </si>
  <si>
    <t>cg11688553</t>
  </si>
  <si>
    <t>cg11688874</t>
  </si>
  <si>
    <t>cg11692403</t>
  </si>
  <si>
    <t>cg11697244</t>
  </si>
  <si>
    <t>cg11699515</t>
  </si>
  <si>
    <t>cg11700824</t>
  </si>
  <si>
    <t>cg11702613</t>
  </si>
  <si>
    <t>cg11704601</t>
  </si>
  <si>
    <t>cg11705167</t>
  </si>
  <si>
    <t>cg11709896</t>
  </si>
  <si>
    <t>cg11710969</t>
  </si>
  <si>
    <t>cg11711816</t>
  </si>
  <si>
    <t>cg11715102</t>
  </si>
  <si>
    <t>cg11716380</t>
  </si>
  <si>
    <t>cg11716598</t>
  </si>
  <si>
    <t>cg11719946</t>
  </si>
  <si>
    <t>cg11721913</t>
  </si>
  <si>
    <t>cg11722139</t>
  </si>
  <si>
    <t>cg11725852</t>
  </si>
  <si>
    <t>cg11727031</t>
  </si>
  <si>
    <t>cg11728546</t>
  </si>
  <si>
    <t>cg11728900</t>
  </si>
  <si>
    <t>cg11730722</t>
  </si>
  <si>
    <t>cg11732197</t>
  </si>
  <si>
    <t>cg11736228</t>
  </si>
  <si>
    <t>cg11737230</t>
  </si>
  <si>
    <t>cg11748081</t>
  </si>
  <si>
    <t>cg11748187</t>
  </si>
  <si>
    <t>cg11753018</t>
  </si>
  <si>
    <t>cg11756136</t>
  </si>
  <si>
    <t>cg11764368</t>
  </si>
  <si>
    <t>cg11766676</t>
  </si>
  <si>
    <t>cg11770664</t>
  </si>
  <si>
    <t>cg11772224</t>
  </si>
  <si>
    <t>cg11776930</t>
  </si>
  <si>
    <t>cg11778453</t>
  </si>
  <si>
    <t>cg11788945</t>
  </si>
  <si>
    <t>cg11791710</t>
  </si>
  <si>
    <t>cg11793631</t>
  </si>
  <si>
    <t>cg11795674</t>
  </si>
  <si>
    <t>cg11798390</t>
  </si>
  <si>
    <t>cg11799172</t>
  </si>
  <si>
    <t>cg11801524</t>
  </si>
  <si>
    <t>cg11801857</t>
  </si>
  <si>
    <t>cg11803859</t>
  </si>
  <si>
    <t>cg11804932</t>
  </si>
  <si>
    <t>cg11813497</t>
  </si>
  <si>
    <t>cg11815199</t>
  </si>
  <si>
    <t>cg11819799</t>
  </si>
  <si>
    <t>cg11820931</t>
  </si>
  <si>
    <t>cg11832281</t>
  </si>
  <si>
    <t>cg11836236</t>
  </si>
  <si>
    <t>cg11836884</t>
  </si>
  <si>
    <t>cg11837215</t>
  </si>
  <si>
    <t>cg11839566</t>
  </si>
  <si>
    <t>cg11840849</t>
  </si>
  <si>
    <t>cg11845728</t>
  </si>
  <si>
    <t>cg11847468</t>
  </si>
  <si>
    <t>cg11847543</t>
  </si>
  <si>
    <t>cg11848113</t>
  </si>
  <si>
    <t>cg11849327</t>
  </si>
  <si>
    <t>cg11849692</t>
  </si>
  <si>
    <t>cg11854504</t>
  </si>
  <si>
    <t>cg11856002</t>
  </si>
  <si>
    <t>cg11856949</t>
  </si>
  <si>
    <t>cg11860238</t>
  </si>
  <si>
    <t>cg11861709</t>
  </si>
  <si>
    <t>cg11862565</t>
  </si>
  <si>
    <t>cg11865413</t>
  </si>
  <si>
    <t>cg11867607</t>
  </si>
  <si>
    <t>cg11873372</t>
  </si>
  <si>
    <t>cg11876524</t>
  </si>
  <si>
    <t>cg11877297</t>
  </si>
  <si>
    <t>cg11880652</t>
  </si>
  <si>
    <t>cg11880855</t>
  </si>
  <si>
    <t>cg11880892</t>
  </si>
  <si>
    <t>cg11889730</t>
  </si>
  <si>
    <t>cg11893763</t>
  </si>
  <si>
    <t>cg11898816</t>
  </si>
  <si>
    <t>cg11898958</t>
  </si>
  <si>
    <t>cg11903920</t>
  </si>
  <si>
    <t>cg11904435</t>
  </si>
  <si>
    <t>cg11904869</t>
  </si>
  <si>
    <t>cg11915309</t>
  </si>
  <si>
    <t>cg11915901</t>
  </si>
  <si>
    <t>cg11917579</t>
  </si>
  <si>
    <t>cg11917694</t>
  </si>
  <si>
    <t>cg11922164</t>
  </si>
  <si>
    <t>cg11929896</t>
  </si>
  <si>
    <t>cg11930665</t>
  </si>
  <si>
    <t>cg11931116</t>
  </si>
  <si>
    <t>cg11936643</t>
  </si>
  <si>
    <t>cg11939940</t>
  </si>
  <si>
    <t>cg11940526</t>
  </si>
  <si>
    <t>cg11942936</t>
  </si>
  <si>
    <t>cg11943820</t>
  </si>
  <si>
    <t>cg11944393</t>
  </si>
  <si>
    <t>cg11944757</t>
  </si>
  <si>
    <t>cg11945674</t>
  </si>
  <si>
    <t>cg11948469</t>
  </si>
  <si>
    <t>cg11951218</t>
  </si>
  <si>
    <t>cg11953749</t>
  </si>
  <si>
    <t>cg11954230</t>
  </si>
  <si>
    <t>cg11957248</t>
  </si>
  <si>
    <t>cg11962774</t>
  </si>
  <si>
    <t>cg11973177</t>
  </si>
  <si>
    <t>cg11974768</t>
  </si>
  <si>
    <t>cg11983612</t>
  </si>
  <si>
    <t>cg11985856</t>
  </si>
  <si>
    <t>cg12007257</t>
  </si>
  <si>
    <t>cg12008118</t>
  </si>
  <si>
    <t>cg12011977</t>
  </si>
  <si>
    <t>cg12014008</t>
  </si>
  <si>
    <t>cg12014886</t>
  </si>
  <si>
    <t>cg12022294</t>
  </si>
  <si>
    <t>cg12022630</t>
  </si>
  <si>
    <t>cg12024826</t>
  </si>
  <si>
    <t>cg12025380</t>
  </si>
  <si>
    <t>cg12026992</t>
  </si>
  <si>
    <t>cg12032370</t>
  </si>
  <si>
    <t>cg12037162</t>
  </si>
  <si>
    <t>cg12037550</t>
  </si>
  <si>
    <t>cg12039624</t>
  </si>
  <si>
    <t>cg12044919</t>
  </si>
  <si>
    <t>cg12049367</t>
  </si>
  <si>
    <t>cg12050175</t>
  </si>
  <si>
    <t>cg12051364</t>
  </si>
  <si>
    <t>cg12052052</t>
  </si>
  <si>
    <t>cg12052765</t>
  </si>
  <si>
    <t>cg12054976</t>
  </si>
  <si>
    <t>cg12067979</t>
  </si>
  <si>
    <t>cg12069540</t>
  </si>
  <si>
    <t>cg12074985</t>
  </si>
  <si>
    <t>cg12082352</t>
  </si>
  <si>
    <t>cg12083893</t>
  </si>
  <si>
    <t>cg12087468</t>
  </si>
  <si>
    <t>cg12087643</t>
  </si>
  <si>
    <t>cg12089350</t>
  </si>
  <si>
    <t>cg12094736</t>
  </si>
  <si>
    <t>cg12098511</t>
  </si>
  <si>
    <t>cg12098569</t>
  </si>
  <si>
    <t>cg12098963</t>
  </si>
  <si>
    <t>cg12100026</t>
  </si>
  <si>
    <t>cg12106945</t>
  </si>
  <si>
    <t>cg12108265</t>
  </si>
  <si>
    <t>cg12109455</t>
  </si>
  <si>
    <t>cg12116164</t>
  </si>
  <si>
    <t>cg12117986</t>
  </si>
  <si>
    <t>cg12120360</t>
  </si>
  <si>
    <t>cg12121535</t>
  </si>
  <si>
    <t>cg12124955</t>
  </si>
  <si>
    <t>cg12126869</t>
  </si>
  <si>
    <t>cg12128893</t>
  </si>
  <si>
    <t>cg12135286</t>
  </si>
  <si>
    <t>cg12137206</t>
  </si>
  <si>
    <t>cg12138150</t>
  </si>
  <si>
    <t>cg12143181</t>
  </si>
  <si>
    <t>cg12144272</t>
  </si>
  <si>
    <t>cg12147622</t>
  </si>
  <si>
    <t>cg12151542</t>
  </si>
  <si>
    <t>cg12155165</t>
  </si>
  <si>
    <t>cg12160258</t>
  </si>
  <si>
    <t>cg12161970</t>
  </si>
  <si>
    <t>cg12172295</t>
  </si>
  <si>
    <t>cg12176426</t>
  </si>
  <si>
    <t>cg12177113</t>
  </si>
  <si>
    <t>cg12177407</t>
  </si>
  <si>
    <t>cg12179023</t>
  </si>
  <si>
    <t>cg12182708</t>
  </si>
  <si>
    <t>cg12191422</t>
  </si>
  <si>
    <t>cg12213494</t>
  </si>
  <si>
    <t>cg12213850</t>
  </si>
  <si>
    <t>cg12216772</t>
  </si>
  <si>
    <t>cg12216863</t>
  </si>
  <si>
    <t>cg12217383</t>
  </si>
  <si>
    <t>cg12217939</t>
  </si>
  <si>
    <t>cg12219469</t>
  </si>
  <si>
    <t>cg12225526</t>
  </si>
  <si>
    <t>cg12234392</t>
  </si>
  <si>
    <t>cg12236857</t>
  </si>
  <si>
    <t>cg12242345</t>
  </si>
  <si>
    <t>cg12245996</t>
  </si>
  <si>
    <t>cg12247545</t>
  </si>
  <si>
    <t>cg12251804</t>
  </si>
  <si>
    <t>cg12255897</t>
  </si>
  <si>
    <t>cg12257894</t>
  </si>
  <si>
    <t>cg12258093</t>
  </si>
  <si>
    <t>cg12258864</t>
  </si>
  <si>
    <t>cg12261786</t>
  </si>
  <si>
    <t>cg12264949</t>
  </si>
  <si>
    <t>cg12265908</t>
  </si>
  <si>
    <t>cg12271079</t>
  </si>
  <si>
    <t>cg12272369</t>
  </si>
  <si>
    <t>cg12273694</t>
  </si>
  <si>
    <t>cg12275410</t>
  </si>
  <si>
    <t>cg12289553</t>
  </si>
  <si>
    <t>cg12290779</t>
  </si>
  <si>
    <t>cg12291519</t>
  </si>
  <si>
    <t>cg12297409</t>
  </si>
  <si>
    <t>cg12297839</t>
  </si>
  <si>
    <t>cg12298562</t>
  </si>
  <si>
    <t>cg12299478</t>
  </si>
  <si>
    <t>cg12303521</t>
  </si>
  <si>
    <t>cg12312265</t>
  </si>
  <si>
    <t>cg12315959</t>
  </si>
  <si>
    <t>cg12317856</t>
  </si>
  <si>
    <t>cg12319143</t>
  </si>
  <si>
    <t>cg12320621</t>
  </si>
  <si>
    <t>cg12322373</t>
  </si>
  <si>
    <t>cg12323347</t>
  </si>
  <si>
    <t>cg12324745</t>
  </si>
  <si>
    <t>cg12324970</t>
  </si>
  <si>
    <t>cg12326923</t>
  </si>
  <si>
    <t>cg12329168</t>
  </si>
  <si>
    <t>cg12329460</t>
  </si>
  <si>
    <t>cg12331332</t>
  </si>
  <si>
    <t>cg12332776</t>
  </si>
  <si>
    <t>cg12336290</t>
  </si>
  <si>
    <t>cg12340219</t>
  </si>
  <si>
    <t>cg12342451</t>
  </si>
  <si>
    <t>cg12349300</t>
  </si>
  <si>
    <t>cg12354318</t>
  </si>
  <si>
    <t>cg12360759</t>
  </si>
  <si>
    <t>cg12362662</t>
  </si>
  <si>
    <t>cg12364943</t>
  </si>
  <si>
    <t>cg12378436</t>
  </si>
  <si>
    <t>cg12378817</t>
  </si>
  <si>
    <t>cg12379046</t>
  </si>
  <si>
    <t>cg12380209</t>
  </si>
  <si>
    <t>cg12390946</t>
  </si>
  <si>
    <t>cg12391279</t>
  </si>
  <si>
    <t>cg12399393</t>
  </si>
  <si>
    <t>cg12404181</t>
  </si>
  <si>
    <t>cg12405139</t>
  </si>
  <si>
    <t>cg12406703</t>
  </si>
  <si>
    <t>cg12409149</t>
  </si>
  <si>
    <t>cg12417539</t>
  </si>
  <si>
    <t>cg12417955</t>
  </si>
  <si>
    <t>cg12420900</t>
  </si>
  <si>
    <t>cg12428160</t>
  </si>
  <si>
    <t>cg12433084</t>
  </si>
  <si>
    <t>cg12433559</t>
  </si>
  <si>
    <t>cg12434312</t>
  </si>
  <si>
    <t>cg12438430</t>
  </si>
  <si>
    <t>cg12448312</t>
  </si>
  <si>
    <t>cg12450708</t>
  </si>
  <si>
    <t>cg12451280</t>
  </si>
  <si>
    <t>cg12454705</t>
  </si>
  <si>
    <t>cg12456539</t>
  </si>
  <si>
    <t>cg12457238</t>
  </si>
  <si>
    <t>cg12466037</t>
  </si>
  <si>
    <t>cg12471044</t>
  </si>
  <si>
    <t>cg12474983</t>
  </si>
  <si>
    <t>cg12476490</t>
  </si>
  <si>
    <t>cg12477923</t>
  </si>
  <si>
    <t>cg12479507</t>
  </si>
  <si>
    <t>cg12482983</t>
  </si>
  <si>
    <t>cg12484738</t>
  </si>
  <si>
    <t>cg12485652</t>
  </si>
  <si>
    <t>cg12486840</t>
  </si>
  <si>
    <t>cg12487789</t>
  </si>
  <si>
    <t>cg12488005</t>
  </si>
  <si>
    <t>cg12488207</t>
  </si>
  <si>
    <t>cg12490835</t>
  </si>
  <si>
    <t>cg12495996</t>
  </si>
  <si>
    <t>cg12497224</t>
  </si>
  <si>
    <t>cg12497543</t>
  </si>
  <si>
    <t>cg12497883</t>
  </si>
  <si>
    <t>cg12499572</t>
  </si>
  <si>
    <t>cg12506775</t>
  </si>
  <si>
    <t>cg12507869</t>
  </si>
  <si>
    <t>cg12508258</t>
  </si>
  <si>
    <t>cg12510201</t>
  </si>
  <si>
    <t>cg12512545</t>
  </si>
  <si>
    <t>cg12513352</t>
  </si>
  <si>
    <t>cg12513520</t>
  </si>
  <si>
    <t>cg12520276</t>
  </si>
  <si>
    <t>cg12521736</t>
  </si>
  <si>
    <t>cg12523226</t>
  </si>
  <si>
    <t>cg12525330</t>
  </si>
  <si>
    <t>cg12533206</t>
  </si>
  <si>
    <t>cg12533479</t>
  </si>
  <si>
    <t>cg12536451</t>
  </si>
  <si>
    <t>cg12537286</t>
  </si>
  <si>
    <t>cg12537302</t>
  </si>
  <si>
    <t>cg12538467</t>
  </si>
  <si>
    <t>cg12553292</t>
  </si>
  <si>
    <t>cg12554194</t>
  </si>
  <si>
    <t>cg12559997</t>
  </si>
  <si>
    <t>cg12562327</t>
  </si>
  <si>
    <t>cg12563178</t>
  </si>
  <si>
    <t>cg12569007</t>
  </si>
  <si>
    <t>cg12570716</t>
  </si>
  <si>
    <t>cg12574576</t>
  </si>
  <si>
    <t>cg12575438</t>
  </si>
  <si>
    <t>cg12575674</t>
  </si>
  <si>
    <t>cg12578480</t>
  </si>
  <si>
    <t>cg12581741</t>
  </si>
  <si>
    <t>cg12583095</t>
  </si>
  <si>
    <t>cg12583199</t>
  </si>
  <si>
    <t>cg12586347</t>
  </si>
  <si>
    <t>cg12589188</t>
  </si>
  <si>
    <t>cg12591302</t>
  </si>
  <si>
    <t>cg12591454</t>
  </si>
  <si>
    <t>cg12598937</t>
  </si>
  <si>
    <t>cg12601963</t>
  </si>
  <si>
    <t>cg12610070</t>
  </si>
  <si>
    <t>cg12614090</t>
  </si>
  <si>
    <t>cg12614318</t>
  </si>
  <si>
    <t>cg12614968</t>
  </si>
  <si>
    <t>cg12615903</t>
  </si>
  <si>
    <t>cg12623536</t>
  </si>
  <si>
    <t>cg12630277</t>
  </si>
  <si>
    <t>cg12635664</t>
  </si>
  <si>
    <t>cg12636499</t>
  </si>
  <si>
    <t>cg12637709</t>
  </si>
  <si>
    <t>cg12639781</t>
  </si>
  <si>
    <t>cg12642705</t>
  </si>
  <si>
    <t>cg12647283</t>
  </si>
  <si>
    <t>cg12647587</t>
  </si>
  <si>
    <t>cg12649038</t>
  </si>
  <si>
    <t>cg12651014</t>
  </si>
  <si>
    <t>cg12661092</t>
  </si>
  <si>
    <t>cg12661272</t>
  </si>
  <si>
    <t>cg12670862</t>
  </si>
  <si>
    <t>cg12674903</t>
  </si>
  <si>
    <t>cg12682133</t>
  </si>
  <si>
    <t>cg12693436</t>
  </si>
  <si>
    <t>cg12693621</t>
  </si>
  <si>
    <t>cg12693634</t>
  </si>
  <si>
    <t>cg12701768</t>
  </si>
  <si>
    <t>cg12703142</t>
  </si>
  <si>
    <t>cg12703333</t>
  </si>
  <si>
    <t>cg12705263</t>
  </si>
  <si>
    <t>cg12708124</t>
  </si>
  <si>
    <t>cg12710800</t>
  </si>
  <si>
    <t>cg12711443</t>
  </si>
  <si>
    <t>cg12713735</t>
  </si>
  <si>
    <t>cg12715741</t>
  </si>
  <si>
    <t>cg12717591</t>
  </si>
  <si>
    <t>cg12719622</t>
  </si>
  <si>
    <t>cg12724221</t>
  </si>
  <si>
    <t>cg12730771</t>
  </si>
  <si>
    <t>cg12735254</t>
  </si>
  <si>
    <t>cg12736773</t>
  </si>
  <si>
    <t>cg12737660</t>
  </si>
  <si>
    <t>cg12743419</t>
  </si>
  <si>
    <t>cg12747076</t>
  </si>
  <si>
    <t>cg12753529</t>
  </si>
  <si>
    <t>cg12756527</t>
  </si>
  <si>
    <t>cg12757181</t>
  </si>
  <si>
    <t>cg12759420</t>
  </si>
  <si>
    <t>cg12760625</t>
  </si>
  <si>
    <t>cg12762583</t>
  </si>
  <si>
    <t>cg12763813</t>
  </si>
  <si>
    <t>cg12766967</t>
  </si>
  <si>
    <t>cg12768145</t>
  </si>
  <si>
    <t>cg12768979</t>
  </si>
  <si>
    <t>cg12769792</t>
  </si>
  <si>
    <t>cg12771178</t>
  </si>
  <si>
    <t>cg12775728</t>
  </si>
  <si>
    <t>cg12784049</t>
  </si>
  <si>
    <t>cg12793525</t>
  </si>
  <si>
    <t>cg12794567</t>
  </si>
  <si>
    <t>cg12794781</t>
  </si>
  <si>
    <t>cg12799846</t>
  </si>
  <si>
    <t>cg12802570</t>
  </si>
  <si>
    <t>cg12807237</t>
  </si>
  <si>
    <t>cg12815841</t>
  </si>
  <si>
    <t>cg12819931</t>
  </si>
  <si>
    <t>cg12825059</t>
  </si>
  <si>
    <t>cg12826165</t>
  </si>
  <si>
    <t>cg12826574</t>
  </si>
  <si>
    <t>cg12829045</t>
  </si>
  <si>
    <t>cg12832988</t>
  </si>
  <si>
    <t>cg12837905</t>
  </si>
  <si>
    <t>cg12841068</t>
  </si>
  <si>
    <t>cg12845268</t>
  </si>
  <si>
    <t>cg12847295</t>
  </si>
  <si>
    <t>cg12849335</t>
  </si>
  <si>
    <t>cg12854248</t>
  </si>
  <si>
    <t>cg12855310</t>
  </si>
  <si>
    <t>cg12858416</t>
  </si>
  <si>
    <t>cg12865381</t>
  </si>
  <si>
    <t>cg12872560</t>
  </si>
  <si>
    <t>cg12873612</t>
  </si>
  <si>
    <t>cg12877354</t>
  </si>
  <si>
    <t>cg12880300</t>
  </si>
  <si>
    <t>cg12881520</t>
  </si>
  <si>
    <t>cg12886731</t>
  </si>
  <si>
    <t>cg12893030</t>
  </si>
  <si>
    <t>cg12905608</t>
  </si>
  <si>
    <t>cg12914362</t>
  </si>
  <si>
    <t>cg12917258</t>
  </si>
  <si>
    <t>cg12936747</t>
  </si>
  <si>
    <t>cg12938159</t>
  </si>
  <si>
    <t>cg12977448</t>
  </si>
  <si>
    <t>cg12978253</t>
  </si>
  <si>
    <t>cg13017345</t>
  </si>
  <si>
    <t>cg13070156</t>
  </si>
  <si>
    <t>cg13087076</t>
  </si>
  <si>
    <t>cg13112154</t>
  </si>
  <si>
    <t>cg13114389</t>
  </si>
  <si>
    <t>cg13133883</t>
  </si>
  <si>
    <t>cg13135459</t>
  </si>
  <si>
    <t>cg13164993</t>
  </si>
  <si>
    <t>cg13169286</t>
  </si>
  <si>
    <t>cg13171643</t>
  </si>
  <si>
    <t>cg13175830</t>
  </si>
  <si>
    <t>cg13178198</t>
  </si>
  <si>
    <t>cg13180809</t>
  </si>
  <si>
    <t>cg13189149</t>
  </si>
  <si>
    <t>cg13196806</t>
  </si>
  <si>
    <t>cg13198709</t>
  </si>
  <si>
    <t>cg13208151</t>
  </si>
  <si>
    <t>cg13208845</t>
  </si>
  <si>
    <t>cg13215387</t>
  </si>
  <si>
    <t>cg13216112</t>
  </si>
  <si>
    <t>cg13216490</t>
  </si>
  <si>
    <t>cg13216961</t>
  </si>
  <si>
    <t>cg13218831</t>
  </si>
  <si>
    <t>cg13219205</t>
  </si>
  <si>
    <t>cg13227473</t>
  </si>
  <si>
    <t>cg13227624</t>
  </si>
  <si>
    <t>cg13228314</t>
  </si>
  <si>
    <t>cg13244260</t>
  </si>
  <si>
    <t>cg13248604</t>
  </si>
  <si>
    <t>cg13249876</t>
  </si>
  <si>
    <t>cg13250024</t>
  </si>
  <si>
    <t>cg13253055</t>
  </si>
  <si>
    <t>cg13257422</t>
  </si>
  <si>
    <t>cg13260278</t>
  </si>
  <si>
    <t>cg13261825</t>
  </si>
  <si>
    <t>cg13265583</t>
  </si>
  <si>
    <t>cg13267776</t>
  </si>
  <si>
    <t>cg13269555</t>
  </si>
  <si>
    <t>cg13270163</t>
  </si>
  <si>
    <t>cg13271963</t>
  </si>
  <si>
    <t>cg13275481</t>
  </si>
  <si>
    <t>cg13275538</t>
  </si>
  <si>
    <t>cg13289132</t>
  </si>
  <si>
    <t>cg13289827</t>
  </si>
  <si>
    <t>cg13292301</t>
  </si>
  <si>
    <t>cg13303328</t>
  </si>
  <si>
    <t>cg13315147</t>
  </si>
  <si>
    <t>cg13320683</t>
  </si>
  <si>
    <t>cg13321164</t>
  </si>
  <si>
    <t>cg13323474</t>
  </si>
  <si>
    <t>cg13324103</t>
  </si>
  <si>
    <t>cg13327228</t>
  </si>
  <si>
    <t>cg13328496</t>
  </si>
  <si>
    <t>cg13331300</t>
  </si>
  <si>
    <t>cg13331626</t>
  </si>
  <si>
    <t>cg13333374</t>
  </si>
  <si>
    <t>cg13335709</t>
  </si>
  <si>
    <t>cg13344587</t>
  </si>
  <si>
    <t>cg13345942</t>
  </si>
  <si>
    <t>cg13348943</t>
  </si>
  <si>
    <t>cg13358349</t>
  </si>
  <si>
    <t>cg13361920</t>
  </si>
  <si>
    <t>cg13362605</t>
  </si>
  <si>
    <t>cg13365591</t>
  </si>
  <si>
    <t>cg13370460</t>
  </si>
  <si>
    <t>cg13375188</t>
  </si>
  <si>
    <t>cg13379871</t>
  </si>
  <si>
    <t>cg13382516</t>
  </si>
  <si>
    <t>cg13384781</t>
  </si>
  <si>
    <t>cg13387972</t>
  </si>
  <si>
    <t>cg13388830</t>
  </si>
  <si>
    <t>cg13396900</t>
  </si>
  <si>
    <t>cg13400591</t>
  </si>
  <si>
    <t>cg13405636</t>
  </si>
  <si>
    <t>cg13407144</t>
  </si>
  <si>
    <t>cg13409216</t>
  </si>
  <si>
    <t>cg13412213</t>
  </si>
  <si>
    <t>cg13414916</t>
  </si>
  <si>
    <t>cg13417824</t>
  </si>
  <si>
    <t>cg13420320</t>
  </si>
  <si>
    <t>cg13422257</t>
  </si>
  <si>
    <t>cg13423980</t>
  </si>
  <si>
    <t>cg13430851</t>
  </si>
  <si>
    <t>cg13434852</t>
  </si>
  <si>
    <t>cg13436417</t>
  </si>
  <si>
    <t>cg13437635</t>
  </si>
  <si>
    <t>cg13440139</t>
  </si>
  <si>
    <t>cg13442016</t>
  </si>
  <si>
    <t>cg13445334</t>
  </si>
  <si>
    <t>cg13445486</t>
  </si>
  <si>
    <t>cg13446658</t>
  </si>
  <si>
    <t>cg13449372</t>
  </si>
  <si>
    <t>cg13452522</t>
  </si>
  <si>
    <t>cg13454226</t>
  </si>
  <si>
    <t>cg13457741</t>
  </si>
  <si>
    <t>cg13460073</t>
  </si>
  <si>
    <t>cg13471336</t>
  </si>
  <si>
    <t>cg13471990</t>
  </si>
  <si>
    <t>cg13473803</t>
  </si>
  <si>
    <t>cg13474011</t>
  </si>
  <si>
    <t>cg13474680</t>
  </si>
  <si>
    <t>cg13474692</t>
  </si>
  <si>
    <t>cg13487575</t>
  </si>
  <si>
    <t>cg13488201</t>
  </si>
  <si>
    <t>cg13491644</t>
  </si>
  <si>
    <t>cg13492340</t>
  </si>
  <si>
    <t>cg13495381</t>
  </si>
  <si>
    <t>cg13501803</t>
  </si>
  <si>
    <t>cg13505469</t>
  </si>
  <si>
    <t>cg13508175</t>
  </si>
  <si>
    <t>cg13511752</t>
  </si>
  <si>
    <t>cg13512032</t>
  </si>
  <si>
    <t>cg13513804</t>
  </si>
  <si>
    <t>cg13525013</t>
  </si>
  <si>
    <t>cg13531842</t>
  </si>
  <si>
    <t>cg13540118</t>
  </si>
  <si>
    <t>cg13543854</t>
  </si>
  <si>
    <t>cg13544333</t>
  </si>
  <si>
    <t>cg13548361</t>
  </si>
  <si>
    <t>cg13548781</t>
  </si>
  <si>
    <t>cg13550802</t>
  </si>
  <si>
    <t>cg13551227</t>
  </si>
  <si>
    <t>cg13554136</t>
  </si>
  <si>
    <t>cg13556387</t>
  </si>
  <si>
    <t>cg13557752</t>
  </si>
  <si>
    <t>cg13558105</t>
  </si>
  <si>
    <t>cg13563903</t>
  </si>
  <si>
    <t>cg13563932</t>
  </si>
  <si>
    <t>cg13565300</t>
  </si>
  <si>
    <t>cg13572780</t>
  </si>
  <si>
    <t>cg13580027</t>
  </si>
  <si>
    <t>cg13582959</t>
  </si>
  <si>
    <t>cg13583895</t>
  </si>
  <si>
    <t>cg13584272</t>
  </si>
  <si>
    <t>cg13587449</t>
  </si>
  <si>
    <t>cg13587477</t>
  </si>
  <si>
    <t>cg13590166</t>
  </si>
  <si>
    <t>cg13595161</t>
  </si>
  <si>
    <t>cg13601565</t>
  </si>
  <si>
    <t>cg13603099</t>
  </si>
  <si>
    <t>cg13604523</t>
  </si>
  <si>
    <t>cg13605327</t>
  </si>
  <si>
    <t>cg13605404</t>
  </si>
  <si>
    <t>cg13607473</t>
  </si>
  <si>
    <t>cg13609319</t>
  </si>
  <si>
    <t>cg13609939</t>
  </si>
  <si>
    <t>cg13610622</t>
  </si>
  <si>
    <t>cg13612989</t>
  </si>
  <si>
    <t>cg13618939</t>
  </si>
  <si>
    <t>cg13623664</t>
  </si>
  <si>
    <t>cg13630043</t>
  </si>
  <si>
    <t>cg13630239</t>
  </si>
  <si>
    <t>cg13630646</t>
  </si>
  <si>
    <t>cg13638229</t>
  </si>
  <si>
    <t>cg13640225</t>
  </si>
  <si>
    <t>cg13649124</t>
  </si>
  <si>
    <t>cg13650687</t>
  </si>
  <si>
    <t>cg13650740</t>
  </si>
  <si>
    <t>cg13651246</t>
  </si>
  <si>
    <t>cg13653274</t>
  </si>
  <si>
    <t>cg13653462</t>
  </si>
  <si>
    <t>cg13654588</t>
  </si>
  <si>
    <t>cg13657511</t>
  </si>
  <si>
    <t>cg13658263</t>
  </si>
  <si>
    <t>cg13669465</t>
  </si>
  <si>
    <t>cg13677800</t>
  </si>
  <si>
    <t>cg13679048</t>
  </si>
  <si>
    <t>cg13680337</t>
  </si>
  <si>
    <t>cg13680696</t>
  </si>
  <si>
    <t>cg13681776</t>
  </si>
  <si>
    <t>cg13684625</t>
  </si>
  <si>
    <t>cg13686115</t>
  </si>
  <si>
    <t>cg13687831</t>
  </si>
  <si>
    <t>cg13695746</t>
  </si>
  <si>
    <t>cg13696436</t>
  </si>
  <si>
    <t>cg13701910</t>
  </si>
  <si>
    <t>cg13702196</t>
  </si>
  <si>
    <t>cg13705169</t>
  </si>
  <si>
    <t>cg13707729</t>
  </si>
  <si>
    <t>cg13707951</t>
  </si>
  <si>
    <t>cg13709894</t>
  </si>
  <si>
    <t>cg13713728</t>
  </si>
  <si>
    <t>cg13719243</t>
  </si>
  <si>
    <t>cg13719412</t>
  </si>
  <si>
    <t>cg13720710</t>
  </si>
  <si>
    <t>cg13727085</t>
  </si>
  <si>
    <t>cg13732216</t>
  </si>
  <si>
    <t>cg13737332</t>
  </si>
  <si>
    <t>cg13739522</t>
  </si>
  <si>
    <t>cg13742499</t>
  </si>
  <si>
    <t>cg13743231</t>
  </si>
  <si>
    <t>cg13745632</t>
  </si>
  <si>
    <t>cg13746919</t>
  </si>
  <si>
    <t>cg13748642</t>
  </si>
  <si>
    <t>cg13755777</t>
  </si>
  <si>
    <t>cg13766030</t>
  </si>
  <si>
    <t>cg13766497</t>
  </si>
  <si>
    <t>cg13767270</t>
  </si>
  <si>
    <t>cg13771471</t>
  </si>
  <si>
    <t>cg13772376</t>
  </si>
  <si>
    <t>cg13775593</t>
  </si>
  <si>
    <t>cg13775629</t>
  </si>
  <si>
    <t>cg13775636</t>
  </si>
  <si>
    <t>cg13780561</t>
  </si>
  <si>
    <t>cg13782176</t>
  </si>
  <si>
    <t>cg13787987</t>
  </si>
  <si>
    <t>cg13788829</t>
  </si>
  <si>
    <t>cg13796845</t>
  </si>
  <si>
    <t>cg13804571</t>
  </si>
  <si>
    <t>cg13804738</t>
  </si>
  <si>
    <t>cg13806670</t>
  </si>
  <si>
    <t>cg13822329</t>
  </si>
  <si>
    <t>cg13823492</t>
  </si>
  <si>
    <t>cg13831649</t>
  </si>
  <si>
    <t>cg13834460</t>
  </si>
  <si>
    <t>cg13836550</t>
  </si>
  <si>
    <t>cg13840308</t>
  </si>
  <si>
    <t>cg13843840</t>
  </si>
  <si>
    <t>cg13848598</t>
  </si>
  <si>
    <t>cg13851375</t>
  </si>
  <si>
    <t>cg13852116</t>
  </si>
  <si>
    <t>cg13855776</t>
  </si>
  <si>
    <t>cg13855852</t>
  </si>
  <si>
    <t>cg13856405</t>
  </si>
  <si>
    <t>cg13858227</t>
  </si>
  <si>
    <t>cg13869600</t>
  </si>
  <si>
    <t>cg13874012</t>
  </si>
  <si>
    <t>cg13874629</t>
  </si>
  <si>
    <t>cg13882345</t>
  </si>
  <si>
    <t>cg13882377</t>
  </si>
  <si>
    <t>cg13882988</t>
  </si>
  <si>
    <t>cg13885156</t>
  </si>
  <si>
    <t>cg13889750</t>
  </si>
  <si>
    <t>cg13893566</t>
  </si>
  <si>
    <t>cg13894748</t>
  </si>
  <si>
    <t>cg13898290</t>
  </si>
  <si>
    <t>cg13904771</t>
  </si>
  <si>
    <t>cg13904877</t>
  </si>
  <si>
    <t>cg13905757</t>
  </si>
  <si>
    <t>cg13916885</t>
  </si>
  <si>
    <t>cg13918613</t>
  </si>
  <si>
    <t>cg13918948</t>
  </si>
  <si>
    <t>cg13920824</t>
  </si>
  <si>
    <t>cg13926569</t>
  </si>
  <si>
    <t>cg13928759</t>
  </si>
  <si>
    <t>cg13929328</t>
  </si>
  <si>
    <t>cg13931134</t>
  </si>
  <si>
    <t>cg13937841</t>
  </si>
  <si>
    <t>cg13945148</t>
  </si>
  <si>
    <t>cg13946902</t>
  </si>
  <si>
    <t>cg13948050</t>
  </si>
  <si>
    <t>cg13954090</t>
  </si>
  <si>
    <t>cg13954667</t>
  </si>
  <si>
    <t>cg13959280</t>
  </si>
  <si>
    <t>cg13961527</t>
  </si>
  <si>
    <t>cg13962355</t>
  </si>
  <si>
    <t>cg13962664</t>
  </si>
  <si>
    <t>cg13968679</t>
  </si>
  <si>
    <t>cg13974894</t>
  </si>
  <si>
    <t>cg13977486</t>
  </si>
  <si>
    <t>cg13980799</t>
  </si>
  <si>
    <t>cg13984351</t>
  </si>
  <si>
    <t>cg13984756</t>
  </si>
  <si>
    <t>cg13984808</t>
  </si>
  <si>
    <t>cg13985639</t>
  </si>
  <si>
    <t>cg13986215</t>
  </si>
  <si>
    <t>cg13988455</t>
  </si>
  <si>
    <t>cg13990856</t>
  </si>
  <si>
    <t>cg13997150</t>
  </si>
  <si>
    <t>cg13999877</t>
  </si>
  <si>
    <t>cg14001239</t>
  </si>
  <si>
    <t>cg14003931</t>
  </si>
  <si>
    <t>cg14008883</t>
  </si>
  <si>
    <t>cg14011229</t>
  </si>
  <si>
    <t>cg14015765</t>
  </si>
  <si>
    <t>cg14019525</t>
  </si>
  <si>
    <t>cg14027385</t>
  </si>
  <si>
    <t>cg14027403</t>
  </si>
  <si>
    <t>cg14031964</t>
  </si>
  <si>
    <t>cg14034325</t>
  </si>
  <si>
    <t>cg14037189</t>
  </si>
  <si>
    <t>cg14037546</t>
  </si>
  <si>
    <t>cg14037652</t>
  </si>
  <si>
    <t>cg14039479</t>
  </si>
  <si>
    <t>cg14039939</t>
  </si>
  <si>
    <t>cg14042687</t>
  </si>
  <si>
    <t>cg14044216</t>
  </si>
  <si>
    <t>cg14047630</t>
  </si>
  <si>
    <t>cg14049470</t>
  </si>
  <si>
    <t>cg14053101</t>
  </si>
  <si>
    <t>cg14054275</t>
  </si>
  <si>
    <t>cg14064124</t>
  </si>
  <si>
    <t>cg14071867</t>
  </si>
  <si>
    <t>cg14081226</t>
  </si>
  <si>
    <t>cg14083800</t>
  </si>
  <si>
    <t>cg14085673</t>
  </si>
  <si>
    <t>cg14087880</t>
  </si>
  <si>
    <t>cg14089943</t>
  </si>
  <si>
    <t>cg14093363</t>
  </si>
  <si>
    <t>cg14096553</t>
  </si>
  <si>
    <t>cg14096855</t>
  </si>
  <si>
    <t>cg14099121</t>
  </si>
  <si>
    <t>cg14101359</t>
  </si>
  <si>
    <t>cg14108015</t>
  </si>
  <si>
    <t>cg14113797</t>
  </si>
  <si>
    <t>cg14116632</t>
  </si>
  <si>
    <t>cg14118586</t>
  </si>
  <si>
    <t>cg14119581</t>
  </si>
  <si>
    <t>cg14120162</t>
  </si>
  <si>
    <t>cg14123712</t>
  </si>
  <si>
    <t>cg14126600</t>
  </si>
  <si>
    <t>cg14127956</t>
  </si>
  <si>
    <t>cg14128415</t>
  </si>
  <si>
    <t>cg14131755</t>
  </si>
  <si>
    <t>cg14137548</t>
  </si>
  <si>
    <t>cg14143907</t>
  </si>
  <si>
    <t>cg14151372</t>
  </si>
  <si>
    <t>cg14153679</t>
  </si>
  <si>
    <t>cg14156084</t>
  </si>
  <si>
    <t>cg14157844</t>
  </si>
  <si>
    <t>cg14161953</t>
  </si>
  <si>
    <t>cg14165660</t>
  </si>
  <si>
    <t>cg14174317</t>
  </si>
  <si>
    <t>cg14175593</t>
  </si>
  <si>
    <t>cg14175897</t>
  </si>
  <si>
    <t>cg14178380</t>
  </si>
  <si>
    <t>cg14187335</t>
  </si>
  <si>
    <t>cg14191109</t>
  </si>
  <si>
    <t>cg14191134</t>
  </si>
  <si>
    <t>cg14196507</t>
  </si>
  <si>
    <t>cg14202146</t>
  </si>
  <si>
    <t>cg14202215</t>
  </si>
  <si>
    <t>cg14204039</t>
  </si>
  <si>
    <t>cg14204211</t>
  </si>
  <si>
    <t>cg14206668</t>
  </si>
  <si>
    <t>cg14209784</t>
  </si>
  <si>
    <t>cg14214856</t>
  </si>
  <si>
    <t>cg14218542</t>
  </si>
  <si>
    <t>cg14222233</t>
  </si>
  <si>
    <t>cg14222797</t>
  </si>
  <si>
    <t>cg14233354</t>
  </si>
  <si>
    <t>cg14233355</t>
  </si>
  <si>
    <t>cg14234732</t>
  </si>
  <si>
    <t>cg14239986</t>
  </si>
  <si>
    <t>cg14242680</t>
  </si>
  <si>
    <t>cg14244636</t>
  </si>
  <si>
    <t>cg14250048</t>
  </si>
  <si>
    <t>cg14250450</t>
  </si>
  <si>
    <t>cg14251734</t>
  </si>
  <si>
    <t>cg14252222</t>
  </si>
  <si>
    <t>cg14255089</t>
  </si>
  <si>
    <t>cg14255417</t>
  </si>
  <si>
    <t>cg14266862</t>
  </si>
  <si>
    <t>cg14271085</t>
  </si>
  <si>
    <t>cg14271908</t>
  </si>
  <si>
    <t>cg14275445</t>
  </si>
  <si>
    <t>cg14277606</t>
  </si>
  <si>
    <t>cg14281210</t>
  </si>
  <si>
    <t>cg14281922</t>
  </si>
  <si>
    <t>cg14282612</t>
  </si>
  <si>
    <t>cg14282850</t>
  </si>
  <si>
    <t>cg14283380</t>
  </si>
  <si>
    <t>cg14291256</t>
  </si>
  <si>
    <t>cg14291745</t>
  </si>
  <si>
    <t>cg14295526</t>
  </si>
  <si>
    <t>cg14295960</t>
  </si>
  <si>
    <t>cg14298680</t>
  </si>
  <si>
    <t>cg14298951</t>
  </si>
  <si>
    <t>cg14299572</t>
  </si>
  <si>
    <t>cg14302224</t>
  </si>
  <si>
    <t>cg14303526</t>
  </si>
  <si>
    <t>cg14304336</t>
  </si>
  <si>
    <t>cg14308082</t>
  </si>
  <si>
    <t>cg14309093</t>
  </si>
  <si>
    <t>cg14310958</t>
  </si>
  <si>
    <t>cg14311688</t>
  </si>
  <si>
    <t>cg14313184</t>
  </si>
  <si>
    <t>cg14315190</t>
  </si>
  <si>
    <t>cg14321742</t>
  </si>
  <si>
    <t>cg14325169</t>
  </si>
  <si>
    <t>cg14325837</t>
  </si>
  <si>
    <t>cg14327531</t>
  </si>
  <si>
    <t>cg14329039</t>
  </si>
  <si>
    <t>cg14336737</t>
  </si>
  <si>
    <t>cg14338073</t>
  </si>
  <si>
    <t>cg14339664</t>
  </si>
  <si>
    <t>cg14340374</t>
  </si>
  <si>
    <t>cg14341467</t>
  </si>
  <si>
    <t>cg14343062</t>
  </si>
  <si>
    <t>cg14354806</t>
  </si>
  <si>
    <t>cg14355374</t>
  </si>
  <si>
    <t>cg14358699</t>
  </si>
  <si>
    <t>cg14366292</t>
  </si>
  <si>
    <t>cg14374861</t>
  </si>
  <si>
    <t>cg14376106</t>
  </si>
  <si>
    <t>cg14388049</t>
  </si>
  <si>
    <t>cg14390758</t>
  </si>
  <si>
    <t>cg14391896</t>
  </si>
  <si>
    <t>cg14403184</t>
  </si>
  <si>
    <t>cg14405924</t>
  </si>
  <si>
    <t>cg14416352</t>
  </si>
  <si>
    <t>cg14418720</t>
  </si>
  <si>
    <t>cg14418922</t>
  </si>
  <si>
    <t>cg14418963</t>
  </si>
  <si>
    <t>cg14421192</t>
  </si>
  <si>
    <t>cg14422315</t>
  </si>
  <si>
    <t>cg14429526</t>
  </si>
  <si>
    <t>cg14433217</t>
  </si>
  <si>
    <t>cg14434255</t>
  </si>
  <si>
    <t>cg14434293</t>
  </si>
  <si>
    <t>cg14435603</t>
  </si>
  <si>
    <t>cg14438812</t>
  </si>
  <si>
    <t>cg14439529</t>
  </si>
  <si>
    <t>cg14440794</t>
  </si>
  <si>
    <t>cg14441538</t>
  </si>
  <si>
    <t>cg14447240</t>
  </si>
  <si>
    <t>cg14450605</t>
  </si>
  <si>
    <t>cg14451882</t>
  </si>
  <si>
    <t>cg14456161</t>
  </si>
  <si>
    <t>cg14461963</t>
  </si>
  <si>
    <t>cg14463311</t>
  </si>
  <si>
    <t>cg14463912</t>
  </si>
  <si>
    <t>cg14466661</t>
  </si>
  <si>
    <t>cg14470741</t>
  </si>
  <si>
    <t>cg14471191</t>
  </si>
  <si>
    <t>cg14473597</t>
  </si>
  <si>
    <t>cg14473793</t>
  </si>
  <si>
    <t>cg14475478</t>
  </si>
  <si>
    <t>cg14479798</t>
  </si>
  <si>
    <t>cg14481124</t>
  </si>
  <si>
    <t>cg14483771</t>
  </si>
  <si>
    <t>cg14485357</t>
  </si>
  <si>
    <t>cg14485809</t>
  </si>
  <si>
    <t>cg14486456</t>
  </si>
  <si>
    <t>cg14490428</t>
  </si>
  <si>
    <t>cg14494090</t>
  </si>
  <si>
    <t>cg14495458</t>
  </si>
  <si>
    <t>cg14497145</t>
  </si>
  <si>
    <t>cg14498492</t>
  </si>
  <si>
    <t>cg14503489</t>
  </si>
  <si>
    <t>cg14514237</t>
  </si>
  <si>
    <t>cg14514393</t>
  </si>
  <si>
    <t>cg14517144</t>
  </si>
  <si>
    <t>cg14517756</t>
  </si>
  <si>
    <t>cg14526953</t>
  </si>
  <si>
    <t>cg14536517</t>
  </si>
  <si>
    <t>cg14540150</t>
  </si>
  <si>
    <t>cg14543941</t>
  </si>
  <si>
    <t>cg14548871</t>
  </si>
  <si>
    <t>cg14550338</t>
  </si>
  <si>
    <t>cg14561063</t>
  </si>
  <si>
    <t>cg14561934</t>
  </si>
  <si>
    <t>cg14562715</t>
  </si>
  <si>
    <t>cg14568384</t>
  </si>
  <si>
    <t>cg14570291</t>
  </si>
  <si>
    <t>cg14575790</t>
  </si>
  <si>
    <t>cg14578311</t>
  </si>
  <si>
    <t>cg14580287</t>
  </si>
  <si>
    <t>cg14581419</t>
  </si>
  <si>
    <t>cg14582356</t>
  </si>
  <si>
    <t>cg14585415</t>
  </si>
  <si>
    <t>cg14590817</t>
  </si>
  <si>
    <t>cg14591564</t>
  </si>
  <si>
    <t>cg14598083</t>
  </si>
  <si>
    <t>cg14601981</t>
  </si>
  <si>
    <t>cg14603406</t>
  </si>
  <si>
    <t>cg14604700</t>
  </si>
  <si>
    <t>cg14606856</t>
  </si>
  <si>
    <t>cg14613832</t>
  </si>
  <si>
    <t>cg14614211</t>
  </si>
  <si>
    <t>cg14614581</t>
  </si>
  <si>
    <t>cg14614689</t>
  </si>
  <si>
    <t>cg14616290</t>
  </si>
  <si>
    <t>cg14617642</t>
  </si>
  <si>
    <t>cg14620932</t>
  </si>
  <si>
    <t>cg14624992</t>
  </si>
  <si>
    <t>cg14626196</t>
  </si>
  <si>
    <t>cg14632281</t>
  </si>
  <si>
    <t>cg14636714</t>
  </si>
  <si>
    <t>cg14637870</t>
  </si>
  <si>
    <t>cg14640621</t>
  </si>
  <si>
    <t>cg14641266</t>
  </si>
  <si>
    <t>cg14642833</t>
  </si>
  <si>
    <t>cg14644557</t>
  </si>
  <si>
    <t>cg14644865</t>
  </si>
  <si>
    <t>cg14645017</t>
  </si>
  <si>
    <t>cg14646641</t>
  </si>
  <si>
    <t>cg14650244</t>
  </si>
  <si>
    <t>cg14658518</t>
  </si>
  <si>
    <t>cg14665389</t>
  </si>
  <si>
    <t>cg14667192</t>
  </si>
  <si>
    <t>cg14667769</t>
  </si>
  <si>
    <t>cg14670315</t>
  </si>
  <si>
    <t>cg14674634</t>
  </si>
  <si>
    <t>cg14680921</t>
  </si>
  <si>
    <t>cg14681055</t>
  </si>
  <si>
    <t>cg14681115</t>
  </si>
  <si>
    <t>cg14683378</t>
  </si>
  <si>
    <t>cg14683490</t>
  </si>
  <si>
    <t>cg14684088</t>
  </si>
  <si>
    <t>cg14684554</t>
  </si>
  <si>
    <t>cg14685948</t>
  </si>
  <si>
    <t>cg14689537</t>
  </si>
  <si>
    <t>cg14693904</t>
  </si>
  <si>
    <t>cg14700035</t>
  </si>
  <si>
    <t>cg14702215</t>
  </si>
  <si>
    <t>cg14705521</t>
  </si>
  <si>
    <t>cg14708940</t>
  </si>
  <si>
    <t>cg14716734</t>
  </si>
  <si>
    <t>cg14720763</t>
  </si>
  <si>
    <t>cg14724925</t>
  </si>
  <si>
    <t>cg14729148</t>
  </si>
  <si>
    <t>cg14737286</t>
  </si>
  <si>
    <t>cg14741153</t>
  </si>
  <si>
    <t>cg14748795</t>
  </si>
  <si>
    <t>cg14750616</t>
  </si>
  <si>
    <t>cg14755992</t>
  </si>
  <si>
    <t>cg14766145</t>
  </si>
  <si>
    <t>cg14770293</t>
  </si>
  <si>
    <t>cg14771727</t>
  </si>
  <si>
    <t>cg14773466</t>
  </si>
  <si>
    <t>cg14779588</t>
  </si>
  <si>
    <t>cg14784372</t>
  </si>
  <si>
    <t>cg14784653</t>
  </si>
  <si>
    <t>cg14785527</t>
  </si>
  <si>
    <t>cg14785777</t>
  </si>
  <si>
    <t>cg14786686</t>
  </si>
  <si>
    <t>cg14788686</t>
  </si>
  <si>
    <t>cg14789659</t>
  </si>
  <si>
    <t>cg14796605</t>
  </si>
  <si>
    <t>cg14802772</t>
  </si>
  <si>
    <t>cg14807565</t>
  </si>
  <si>
    <t>cg14811014</t>
  </si>
  <si>
    <t>cg14816861</t>
  </si>
  <si>
    <t>cg14817024</t>
  </si>
  <si>
    <t>cg14826456</t>
  </si>
  <si>
    <t>cg14826909</t>
  </si>
  <si>
    <t>cg14827481</t>
  </si>
  <si>
    <t>cg14830601</t>
  </si>
  <si>
    <t>cg14834741</t>
  </si>
  <si>
    <t>cg14840429</t>
  </si>
  <si>
    <t>cg14845982</t>
  </si>
  <si>
    <t>cg14847502</t>
  </si>
  <si>
    <t>cg14852409</t>
  </si>
  <si>
    <t>cg14856220</t>
  </si>
  <si>
    <t>cg14857471</t>
  </si>
  <si>
    <t>cg14858616</t>
  </si>
  <si>
    <t>cg14859417</t>
  </si>
  <si>
    <t>cg14859667</t>
  </si>
  <si>
    <t>cg14861584</t>
  </si>
  <si>
    <t>cg14863667</t>
  </si>
  <si>
    <t>cg14886145</t>
  </si>
  <si>
    <t>cg14890730</t>
  </si>
  <si>
    <t>cg14896695</t>
  </si>
  <si>
    <t>cg14899131</t>
  </si>
  <si>
    <t>cg14904647</t>
  </si>
  <si>
    <t>cg14906690</t>
  </si>
  <si>
    <t>cg14910175</t>
  </si>
  <si>
    <t>cg14914442</t>
  </si>
  <si>
    <t>cg14916175</t>
  </si>
  <si>
    <t>cg14930471</t>
  </si>
  <si>
    <t>cg14939082</t>
  </si>
  <si>
    <t>cg14939821</t>
  </si>
  <si>
    <t>cg14944788</t>
  </si>
  <si>
    <t>cg14951864</t>
  </si>
  <si>
    <t>cg14954466</t>
  </si>
  <si>
    <t>cg14955259</t>
  </si>
  <si>
    <t>cg14957186</t>
  </si>
  <si>
    <t>cg14957660</t>
  </si>
  <si>
    <t>cg14961117</t>
  </si>
  <si>
    <t>cg14967972</t>
  </si>
  <si>
    <t>cg14971895</t>
  </si>
  <si>
    <t>cg14985591</t>
  </si>
  <si>
    <t>cg14986870</t>
  </si>
  <si>
    <t>cg14990605</t>
  </si>
  <si>
    <t>cg14990643</t>
  </si>
  <si>
    <t>cg14991804</t>
  </si>
  <si>
    <t>cg14995235</t>
  </si>
  <si>
    <t>cg14997715</t>
  </si>
  <si>
    <t>cg15008879</t>
  </si>
  <si>
    <t>cg15009331</t>
  </si>
  <si>
    <t>cg15012692</t>
  </si>
  <si>
    <t>cg15015416</t>
  </si>
  <si>
    <t>cg15018122</t>
  </si>
  <si>
    <t>cg15019617</t>
  </si>
  <si>
    <t>cg15022173</t>
  </si>
  <si>
    <t>cg15029735</t>
  </si>
  <si>
    <t>cg15030949</t>
  </si>
  <si>
    <t>cg15031103</t>
  </si>
  <si>
    <t>cg15039604</t>
  </si>
  <si>
    <t>cg15043723</t>
  </si>
  <si>
    <t>cg15048099</t>
  </si>
  <si>
    <t>cg15049964</t>
  </si>
  <si>
    <t>cg15053575</t>
  </si>
  <si>
    <t>cg15055355</t>
  </si>
  <si>
    <t>cg15056348</t>
  </si>
  <si>
    <t>cg15056803</t>
  </si>
  <si>
    <t>cg15067865</t>
  </si>
  <si>
    <t>cg15069587</t>
  </si>
  <si>
    <t>cg15071696</t>
  </si>
  <si>
    <t>cg15072796</t>
  </si>
  <si>
    <t>cg15077792</t>
  </si>
  <si>
    <t>cg15081351</t>
  </si>
  <si>
    <t>cg15093997</t>
  </si>
  <si>
    <t>cg15094133</t>
  </si>
  <si>
    <t>cg15097876</t>
  </si>
  <si>
    <t>cg15101985</t>
  </si>
  <si>
    <t>cg15102070</t>
  </si>
  <si>
    <t>cg15104380</t>
  </si>
  <si>
    <t>cg15106503</t>
  </si>
  <si>
    <t>cg15106579</t>
  </si>
  <si>
    <t>cg15107554</t>
  </si>
  <si>
    <t>cg15111734</t>
  </si>
  <si>
    <t>cg15112775</t>
  </si>
  <si>
    <t>cg15115216</t>
  </si>
  <si>
    <t>cg15115423</t>
  </si>
  <si>
    <t>cg15123499</t>
  </si>
  <si>
    <t>cg15127705</t>
  </si>
  <si>
    <t>cg15128347</t>
  </si>
  <si>
    <t>cg15133448</t>
  </si>
  <si>
    <t>cg15136913</t>
  </si>
  <si>
    <t>cg15147545</t>
  </si>
  <si>
    <t>cg15155990</t>
  </si>
  <si>
    <t>cg15157628</t>
  </si>
  <si>
    <t>cg15162660</t>
  </si>
  <si>
    <t>cg15164194</t>
  </si>
  <si>
    <t>cg15166332</t>
  </si>
  <si>
    <t>cg15172728</t>
  </si>
  <si>
    <t>cg15182215</t>
  </si>
  <si>
    <t>cg15183689</t>
  </si>
  <si>
    <t>cg15186042</t>
  </si>
  <si>
    <t>cg15186969</t>
  </si>
  <si>
    <t>cg15196047</t>
  </si>
  <si>
    <t>cg15202500</t>
  </si>
  <si>
    <t>cg15203735</t>
  </si>
  <si>
    <t>cg15208458</t>
  </si>
  <si>
    <t>cg15212440</t>
  </si>
  <si>
    <t>cg15213114</t>
  </si>
  <si>
    <t>cg15214801</t>
  </si>
  <si>
    <t>cg15225091</t>
  </si>
  <si>
    <t>cg15225991</t>
  </si>
  <si>
    <t>cg15227982</t>
  </si>
  <si>
    <t>cg15227994</t>
  </si>
  <si>
    <t>cg15229943</t>
  </si>
  <si>
    <t>cg15232718</t>
  </si>
  <si>
    <t>cg15232971</t>
  </si>
  <si>
    <t>cg15233961</t>
  </si>
  <si>
    <t>cg15234845</t>
  </si>
  <si>
    <t>cg15236448</t>
  </si>
  <si>
    <t>cg15247509</t>
  </si>
  <si>
    <t>cg15249357</t>
  </si>
  <si>
    <t>cg15252768</t>
  </si>
  <si>
    <t>cg15256053</t>
  </si>
  <si>
    <t>cg15257565</t>
  </si>
  <si>
    <t>cg15258080</t>
  </si>
  <si>
    <t>cg15261897</t>
  </si>
  <si>
    <t>cg15270419</t>
  </si>
  <si>
    <t>cg15272417</t>
  </si>
  <si>
    <t>cg15273468</t>
  </si>
  <si>
    <t>cg15275427</t>
  </si>
  <si>
    <t>cg15276536</t>
  </si>
  <si>
    <t>cg15278682</t>
  </si>
  <si>
    <t>cg15278699</t>
  </si>
  <si>
    <t>cg15281331</t>
  </si>
  <si>
    <t>cg15283904</t>
  </si>
  <si>
    <t>cg15286180</t>
  </si>
  <si>
    <t>cg15286905</t>
  </si>
  <si>
    <t>cg15291308</t>
  </si>
  <si>
    <t>cg15293750</t>
  </si>
  <si>
    <t>cg15294435</t>
  </si>
  <si>
    <t>cg15298486</t>
  </si>
  <si>
    <t>cg15302379</t>
  </si>
  <si>
    <t>cg15312358</t>
  </si>
  <si>
    <t>cg15317068</t>
  </si>
  <si>
    <t>cg15319824</t>
  </si>
  <si>
    <t>cg15321211</t>
  </si>
  <si>
    <t>cg15323528</t>
  </si>
  <si>
    <t>cg15323873</t>
  </si>
  <si>
    <t>cg15325875</t>
  </si>
  <si>
    <t>cg15327726</t>
  </si>
  <si>
    <t>cg15329187</t>
  </si>
  <si>
    <t>cg15331834</t>
  </si>
  <si>
    <t>cg15334916</t>
  </si>
  <si>
    <t>cg15336438</t>
  </si>
  <si>
    <t>cg15340178</t>
  </si>
  <si>
    <t>cg15341512</t>
  </si>
  <si>
    <t>cg15342384</t>
  </si>
  <si>
    <t>cg15342452</t>
  </si>
  <si>
    <t>cg15344919</t>
  </si>
  <si>
    <t>cg15345206</t>
  </si>
  <si>
    <t>cg15345477</t>
  </si>
  <si>
    <t>cg15346619</t>
  </si>
  <si>
    <t>cg15346952</t>
  </si>
  <si>
    <t>cg15351652</t>
  </si>
  <si>
    <t>cg15362304</t>
  </si>
  <si>
    <t>cg15370180</t>
  </si>
  <si>
    <t>cg15372959</t>
  </si>
  <si>
    <t>cg15373239</t>
  </si>
  <si>
    <t>cg15376397</t>
  </si>
  <si>
    <t>cg15378605</t>
  </si>
  <si>
    <t>cg15384821</t>
  </si>
  <si>
    <t>cg15390444</t>
  </si>
  <si>
    <t>cg15391807</t>
  </si>
  <si>
    <t>cg15394393</t>
  </si>
  <si>
    <t>cg15405515</t>
  </si>
  <si>
    <t>cg15412682</t>
  </si>
  <si>
    <t>cg15412736</t>
  </si>
  <si>
    <t>cg15414028</t>
  </si>
  <si>
    <t>cg15416233</t>
  </si>
  <si>
    <t>cg15416972</t>
  </si>
  <si>
    <t>cg15427656</t>
  </si>
  <si>
    <t>cg15428436</t>
  </si>
  <si>
    <t>cg15430659</t>
  </si>
  <si>
    <t>cg15432938</t>
  </si>
  <si>
    <t>cg15433901</t>
  </si>
  <si>
    <t>cg15441473</t>
  </si>
  <si>
    <t>cg15444217</t>
  </si>
  <si>
    <t>cg15449516</t>
  </si>
  <si>
    <t>cg15451409</t>
  </si>
  <si>
    <t>cg15457883</t>
  </si>
  <si>
    <t>cg15459887</t>
  </si>
  <si>
    <t>cg15460793</t>
  </si>
  <si>
    <t>cg15475840</t>
  </si>
  <si>
    <t>cg15476602</t>
  </si>
  <si>
    <t>cg15479964</t>
  </si>
  <si>
    <t>cg15480200</t>
  </si>
  <si>
    <t>cg15493780</t>
  </si>
  <si>
    <t>cg15496307</t>
  </si>
  <si>
    <t>cg15496864</t>
  </si>
  <si>
    <t>cg15504041</t>
  </si>
  <si>
    <t>cg15507334</t>
  </si>
  <si>
    <t>cg15511801</t>
  </si>
  <si>
    <t>cg15512832</t>
  </si>
  <si>
    <t>cg15514558</t>
  </si>
  <si>
    <t>cg15522953</t>
  </si>
  <si>
    <t>cg15529155</t>
  </si>
  <si>
    <t>cg15537056</t>
  </si>
  <si>
    <t>cg15538753</t>
  </si>
  <si>
    <t>cg15539330</t>
  </si>
  <si>
    <t>cg15541398</t>
  </si>
  <si>
    <t>cg15541611</t>
  </si>
  <si>
    <t>cg15549216</t>
  </si>
  <si>
    <t>cg15553532</t>
  </si>
  <si>
    <t>cg15554631</t>
  </si>
  <si>
    <t>cg15557996</t>
  </si>
  <si>
    <t>cg15558658</t>
  </si>
  <si>
    <t>cg15558882</t>
  </si>
  <si>
    <t>cg15563766</t>
  </si>
  <si>
    <t>cg15568066</t>
  </si>
  <si>
    <t>cg15574316</t>
  </si>
  <si>
    <t>cg15579084</t>
  </si>
  <si>
    <t>cg15580458</t>
  </si>
  <si>
    <t>cg15584606</t>
  </si>
  <si>
    <t>cg15587430</t>
  </si>
  <si>
    <t>cg15591426</t>
  </si>
  <si>
    <t>cg15591678</t>
  </si>
  <si>
    <t>cg15594133</t>
  </si>
  <si>
    <t>cg15596666</t>
  </si>
  <si>
    <t>cg15598850</t>
  </si>
  <si>
    <t>cg15601164</t>
  </si>
  <si>
    <t>cg15602037</t>
  </si>
  <si>
    <t>cg15604425</t>
  </si>
  <si>
    <t>cg15605445</t>
  </si>
  <si>
    <t>cg15611912</t>
  </si>
  <si>
    <t>cg15616382</t>
  </si>
  <si>
    <t>cg15619377</t>
  </si>
  <si>
    <t>cg15619641</t>
  </si>
  <si>
    <t>cg15619745</t>
  </si>
  <si>
    <t>cg15620114</t>
  </si>
  <si>
    <t>cg15624624</t>
  </si>
  <si>
    <t>cg15625895</t>
  </si>
  <si>
    <t>cg15633679</t>
  </si>
  <si>
    <t>cg15647050</t>
  </si>
  <si>
    <t>cg15647631</t>
  </si>
  <si>
    <t>cg15650161</t>
  </si>
  <si>
    <t>cg15653569</t>
  </si>
  <si>
    <t>cg15656462</t>
  </si>
  <si>
    <t>cg15658978</t>
  </si>
  <si>
    <t>cg15659409</t>
  </si>
  <si>
    <t>cg15660681</t>
  </si>
  <si>
    <t>cg15663412</t>
  </si>
  <si>
    <t>cg15667844</t>
  </si>
  <si>
    <t>cg15671083</t>
  </si>
  <si>
    <t>cg15678844</t>
  </si>
  <si>
    <t>cg15681023</t>
  </si>
  <si>
    <t>cg15681358</t>
  </si>
  <si>
    <t>cg15686776</t>
  </si>
  <si>
    <t>cg15701047</t>
  </si>
  <si>
    <t>cg15701956</t>
  </si>
  <si>
    <t>cg15704219</t>
  </si>
  <si>
    <t>cg15705175</t>
  </si>
  <si>
    <t>cg15727759</t>
  </si>
  <si>
    <t>cg15731752</t>
  </si>
  <si>
    <t>cg15734764</t>
  </si>
  <si>
    <t>cg15737398</t>
  </si>
  <si>
    <t>cg15741482</t>
  </si>
  <si>
    <t>cg15742049</t>
  </si>
  <si>
    <t>cg15744005</t>
  </si>
  <si>
    <t>cg15745667</t>
  </si>
  <si>
    <t>cg15748271</t>
  </si>
  <si>
    <t>cg15748507</t>
  </si>
  <si>
    <t>cg15749148</t>
  </si>
  <si>
    <t>cg15752043</t>
  </si>
  <si>
    <t>cg15754112</t>
  </si>
  <si>
    <t>cg15762032</t>
  </si>
  <si>
    <t>cg15763670</t>
  </si>
  <si>
    <t>cg15766982</t>
  </si>
  <si>
    <t>cg15768620</t>
  </si>
  <si>
    <t>cg15771416</t>
  </si>
  <si>
    <t>cg15772157</t>
  </si>
  <si>
    <t>cg15779600</t>
  </si>
  <si>
    <t>cg15780078</t>
  </si>
  <si>
    <t>cg15781794</t>
  </si>
  <si>
    <t>cg15781957</t>
  </si>
  <si>
    <t>cg15792145</t>
  </si>
  <si>
    <t>cg15794873</t>
  </si>
  <si>
    <t>cg15795838</t>
  </si>
  <si>
    <t>cg15799959</t>
  </si>
  <si>
    <t>cg15803756</t>
  </si>
  <si>
    <t>cg15804566</t>
  </si>
  <si>
    <t>cg15806304</t>
  </si>
  <si>
    <t>cg15806365</t>
  </si>
  <si>
    <t>cg15807455</t>
  </si>
  <si>
    <t>cg15808835</t>
  </si>
  <si>
    <t>cg15818800</t>
  </si>
  <si>
    <t>cg15821892</t>
  </si>
  <si>
    <t>cg15830792</t>
  </si>
  <si>
    <t>cg15834395</t>
  </si>
  <si>
    <t>cg15835494</t>
  </si>
  <si>
    <t>cg15840151</t>
  </si>
  <si>
    <t>cg15844154</t>
  </si>
  <si>
    <t>cg15849403</t>
  </si>
  <si>
    <t>cg15856055</t>
  </si>
  <si>
    <t>cg15861156</t>
  </si>
  <si>
    <t>cg15863827</t>
  </si>
  <si>
    <t>cg15868400</t>
  </si>
  <si>
    <t>cg15874302</t>
  </si>
  <si>
    <t>cg15875120</t>
  </si>
  <si>
    <t>cg15877915</t>
  </si>
  <si>
    <t>cg15880704</t>
  </si>
  <si>
    <t>cg15881404</t>
  </si>
  <si>
    <t>cg15883417</t>
  </si>
  <si>
    <t>cg15891076</t>
  </si>
  <si>
    <t>cg15891358</t>
  </si>
  <si>
    <t>cg15896446</t>
  </si>
  <si>
    <t>cg15903032</t>
  </si>
  <si>
    <t>cg15903213</t>
  </si>
  <si>
    <t>cg15904758</t>
  </si>
  <si>
    <t>cg15907060</t>
  </si>
  <si>
    <t>cg15909613</t>
  </si>
  <si>
    <t>cg15910013</t>
  </si>
  <si>
    <t>cg15910307</t>
  </si>
  <si>
    <t>cg15911948</t>
  </si>
  <si>
    <t>cg15912797</t>
  </si>
  <si>
    <t>cg15916804</t>
  </si>
  <si>
    <t>cg15920743</t>
  </si>
  <si>
    <t>cg15921887</t>
  </si>
  <si>
    <t>cg15922176</t>
  </si>
  <si>
    <t>cg15922270</t>
  </si>
  <si>
    <t>cg15922976</t>
  </si>
  <si>
    <t>cg15925869</t>
  </si>
  <si>
    <t>cg15927865</t>
  </si>
  <si>
    <t>cg15930085</t>
  </si>
  <si>
    <t>cg15934104</t>
  </si>
  <si>
    <t>cg15937155</t>
  </si>
  <si>
    <t>cg15943038</t>
  </si>
  <si>
    <t>cg15947487</t>
  </si>
  <si>
    <t>cg15948071</t>
  </si>
  <si>
    <t>cg15951257</t>
  </si>
  <si>
    <t>cg15952216</t>
  </si>
  <si>
    <t>cg15962187</t>
  </si>
  <si>
    <t>cg15966747</t>
  </si>
  <si>
    <t>cg15969149</t>
  </si>
  <si>
    <t>cg15973546</t>
  </si>
  <si>
    <t>cg15980076</t>
  </si>
  <si>
    <t>cg15984782</t>
  </si>
  <si>
    <t>cg15984822</t>
  </si>
  <si>
    <t>cg15986847</t>
  </si>
  <si>
    <t>cg15989167</t>
  </si>
  <si>
    <t>cg15995714</t>
  </si>
  <si>
    <t>cg15997251</t>
  </si>
  <si>
    <t>cg16002908</t>
  </si>
  <si>
    <t>cg16004767</t>
  </si>
  <si>
    <t>cg16005271</t>
  </si>
  <si>
    <t>cg16005828</t>
  </si>
  <si>
    <t>cg16010261</t>
  </si>
  <si>
    <t>cg16012719</t>
  </si>
  <si>
    <t>cg16013454</t>
  </si>
  <si>
    <t>cg16014906</t>
  </si>
  <si>
    <t>cg16018548</t>
  </si>
  <si>
    <t>cg16029661</t>
  </si>
  <si>
    <t>cg16033410</t>
  </si>
  <si>
    <t>cg16036409</t>
  </si>
  <si>
    <t>cg16040995</t>
  </si>
  <si>
    <t>cg16055075</t>
  </si>
  <si>
    <t>cg16055185</t>
  </si>
  <si>
    <t>cg16063312</t>
  </si>
  <si>
    <t>cg16072884</t>
  </si>
  <si>
    <t>cg16081609</t>
  </si>
  <si>
    <t>cg16084313</t>
  </si>
  <si>
    <t>cg16087441</t>
  </si>
  <si>
    <t>cg16088251</t>
  </si>
  <si>
    <t>cg16088273</t>
  </si>
  <si>
    <t>cg16090347</t>
  </si>
  <si>
    <t>cg16103990</t>
  </si>
  <si>
    <t>cg16106427</t>
  </si>
  <si>
    <t>cg16108090</t>
  </si>
  <si>
    <t>cg16109778</t>
  </si>
  <si>
    <t>cg16113172</t>
  </si>
  <si>
    <t>cg16118539</t>
  </si>
  <si>
    <t>cg16123687</t>
  </si>
  <si>
    <t>cg16123707</t>
  </si>
  <si>
    <t>cg16126754</t>
  </si>
  <si>
    <t>cg16127514</t>
  </si>
  <si>
    <t>cg16134399</t>
  </si>
  <si>
    <t>cg16136939</t>
  </si>
  <si>
    <t>cg16144334</t>
  </si>
  <si>
    <t>cg16144345</t>
  </si>
  <si>
    <t>cg16149455</t>
  </si>
  <si>
    <t>cg16158484</t>
  </si>
  <si>
    <t>cg16161657</t>
  </si>
  <si>
    <t>cg16162391</t>
  </si>
  <si>
    <t>cg16165165</t>
  </si>
  <si>
    <t>cg16175077</t>
  </si>
  <si>
    <t>cg16178415</t>
  </si>
  <si>
    <t>cg16178622</t>
  </si>
  <si>
    <t>cg16178878</t>
  </si>
  <si>
    <t>cg16182375</t>
  </si>
  <si>
    <t>cg16187804</t>
  </si>
  <si>
    <t>cg16189091</t>
  </si>
  <si>
    <t>cg16189346</t>
  </si>
  <si>
    <t>cg16192575</t>
  </si>
  <si>
    <t>cg16193203</t>
  </si>
  <si>
    <t>cg16195569</t>
  </si>
  <si>
    <t>cg16197202</t>
  </si>
  <si>
    <t>cg16197717</t>
  </si>
  <si>
    <t>cg16200325</t>
  </si>
  <si>
    <t>cg16200736</t>
  </si>
  <si>
    <t>cg16201273</t>
  </si>
  <si>
    <t>cg16203758</t>
  </si>
  <si>
    <t>cg16206480</t>
  </si>
  <si>
    <t>cg16207001</t>
  </si>
  <si>
    <t>cg16210526</t>
  </si>
  <si>
    <t>cg16211684</t>
  </si>
  <si>
    <t>cg16213567</t>
  </si>
  <si>
    <t>cg16214693</t>
  </si>
  <si>
    <t>cg16221975</t>
  </si>
  <si>
    <t>cg16223358</t>
  </si>
  <si>
    <t>cg16228286</t>
  </si>
  <si>
    <t>cg16228323</t>
  </si>
  <si>
    <t>cg16231906</t>
  </si>
  <si>
    <t>cg16235861</t>
  </si>
  <si>
    <t>cg16236688</t>
  </si>
  <si>
    <t>cg16241033</t>
  </si>
  <si>
    <t>cg16244374</t>
  </si>
  <si>
    <t>cg16248287</t>
  </si>
  <si>
    <t>cg16249105</t>
  </si>
  <si>
    <t>cg16257029</t>
  </si>
  <si>
    <t>cg16258224</t>
  </si>
  <si>
    <t>cg16259047</t>
  </si>
  <si>
    <t>cg16259317</t>
  </si>
  <si>
    <t>cg16259904</t>
  </si>
  <si>
    <t>cg16260126</t>
  </si>
  <si>
    <t>cg16260349</t>
  </si>
  <si>
    <t>cg16265932</t>
  </si>
  <si>
    <t>cg16271833</t>
  </si>
  <si>
    <t>cg16272420</t>
  </si>
  <si>
    <t>cg16280661</t>
  </si>
  <si>
    <t>cg16283572</t>
  </si>
  <si>
    <t>cg16285240</t>
  </si>
  <si>
    <t>cg16295133</t>
  </si>
  <si>
    <t>cg16298041</t>
  </si>
  <si>
    <t>cg16299440</t>
  </si>
  <si>
    <t>cg16299747</t>
  </si>
  <si>
    <t>cg16300838</t>
  </si>
  <si>
    <t>cg16305345</t>
  </si>
  <si>
    <t>cg16310045</t>
  </si>
  <si>
    <t>cg16311536</t>
  </si>
  <si>
    <t>cg16311946</t>
  </si>
  <si>
    <t>cg16327228</t>
  </si>
  <si>
    <t>cg16330755</t>
  </si>
  <si>
    <t>cg16339155</t>
  </si>
  <si>
    <t>cg16342193</t>
  </si>
  <si>
    <t>cg16346588</t>
  </si>
  <si>
    <t>cg16351002</t>
  </si>
  <si>
    <t>cg16355191</t>
  </si>
  <si>
    <t>cg16358099</t>
  </si>
  <si>
    <t>cg16361966</t>
  </si>
  <si>
    <t>cg16365445</t>
  </si>
  <si>
    <t>cg16368311</t>
  </si>
  <si>
    <t>cg16377144</t>
  </si>
  <si>
    <t>cg16382383</t>
  </si>
  <si>
    <t>cg16385225</t>
  </si>
  <si>
    <t>cg16386781</t>
  </si>
  <si>
    <t>cg16389209</t>
  </si>
  <si>
    <t>cg16396933</t>
  </si>
  <si>
    <t>cg16399624</t>
  </si>
  <si>
    <t>cg16401207</t>
  </si>
  <si>
    <t>cg16401465</t>
  </si>
  <si>
    <t>cg16402879</t>
  </si>
  <si>
    <t>cg16404170</t>
  </si>
  <si>
    <t>cg16404460</t>
  </si>
  <si>
    <t>cg16407699</t>
  </si>
  <si>
    <t>cg16408970</t>
  </si>
  <si>
    <t>cg16412082</t>
  </si>
  <si>
    <t>cg16415058</t>
  </si>
  <si>
    <t>cg16415825</t>
  </si>
  <si>
    <t>cg16419498</t>
  </si>
  <si>
    <t>cg16420939</t>
  </si>
  <si>
    <t>cg16430256</t>
  </si>
  <si>
    <t>cg16432441</t>
  </si>
  <si>
    <t>cg16438619</t>
  </si>
  <si>
    <t>cg16442044</t>
  </si>
  <si>
    <t>cg16443939</t>
  </si>
  <si>
    <t>cg16445268</t>
  </si>
  <si>
    <t>cg16466421</t>
  </si>
  <si>
    <t>cg16476048</t>
  </si>
  <si>
    <t>cg16481192</t>
  </si>
  <si>
    <t>cg16484473</t>
  </si>
  <si>
    <t>cg16489259</t>
  </si>
  <si>
    <t>cg16491547</t>
  </si>
  <si>
    <t>cg16492615</t>
  </si>
  <si>
    <t>cg16496217</t>
  </si>
  <si>
    <t>cg16497018</t>
  </si>
  <si>
    <t>cg16508068</t>
  </si>
  <si>
    <t>cg16509357</t>
  </si>
  <si>
    <t>cg16512882</t>
  </si>
  <si>
    <t>cg16512990</t>
  </si>
  <si>
    <t>cg16513467</t>
  </si>
  <si>
    <t>cg16514724</t>
  </si>
  <si>
    <t>cg16524791</t>
  </si>
  <si>
    <t>cg16526673</t>
  </si>
  <si>
    <t>cg16531520</t>
  </si>
  <si>
    <t>cg16538390</t>
  </si>
  <si>
    <t>cg16538964</t>
  </si>
  <si>
    <t>cg16539272</t>
  </si>
  <si>
    <t>cg16541444</t>
  </si>
  <si>
    <t>cg16541931</t>
  </si>
  <si>
    <t>cg16546349</t>
  </si>
  <si>
    <t>cg16549151</t>
  </si>
  <si>
    <t>cg16551240</t>
  </si>
  <si>
    <t>cg16558695</t>
  </si>
  <si>
    <t>cg16562913</t>
  </si>
  <si>
    <t>cg16563929</t>
  </si>
  <si>
    <t>cg16570507</t>
  </si>
  <si>
    <t>cg16580683</t>
  </si>
  <si>
    <t>cg16581271</t>
  </si>
  <si>
    <t>cg16584688</t>
  </si>
  <si>
    <t>cg16584696</t>
  </si>
  <si>
    <t>cg16588731</t>
  </si>
  <si>
    <t>cg16591304</t>
  </si>
  <si>
    <t>cg16592121</t>
  </si>
  <si>
    <t>cg16592950</t>
  </si>
  <si>
    <t>cg16595404</t>
  </si>
  <si>
    <t>cg16595750</t>
  </si>
  <si>
    <t>cg16602747</t>
  </si>
  <si>
    <t>cg16609855</t>
  </si>
  <si>
    <t>cg16612617</t>
  </si>
  <si>
    <t>cg16624405</t>
  </si>
  <si>
    <t>cg16624994</t>
  </si>
  <si>
    <t>cg16632707</t>
  </si>
  <si>
    <t>cg16636756</t>
  </si>
  <si>
    <t>cg16641903</t>
  </si>
  <si>
    <t>cg16646662</t>
  </si>
  <si>
    <t>cg16649888</t>
  </si>
  <si>
    <t>cg16652855</t>
  </si>
  <si>
    <t>cg16654458</t>
  </si>
  <si>
    <t>cg16658191</t>
  </si>
  <si>
    <t>cg16658862</t>
  </si>
  <si>
    <t>cg16660547</t>
  </si>
  <si>
    <t>cg16661473</t>
  </si>
  <si>
    <t>cg16669339</t>
  </si>
  <si>
    <t>cg16671899</t>
  </si>
  <si>
    <t>cg16675525</t>
  </si>
  <si>
    <t>cg16676177</t>
  </si>
  <si>
    <t>cg16686761</t>
  </si>
  <si>
    <t>cg16691831</t>
  </si>
  <si>
    <t>cg16692757</t>
  </si>
  <si>
    <t>cg16693103</t>
  </si>
  <si>
    <t>cg16694639</t>
  </si>
  <si>
    <t>cg16696043</t>
  </si>
  <si>
    <t>cg16698623</t>
  </si>
  <si>
    <t>cg16701655</t>
  </si>
  <si>
    <t>cg16704246</t>
  </si>
  <si>
    <t>cg16706349</t>
  </si>
  <si>
    <t>cg16707438</t>
  </si>
  <si>
    <t>cg16710894</t>
  </si>
  <si>
    <t>cg16713574</t>
  </si>
  <si>
    <t>cg16716883</t>
  </si>
  <si>
    <t>cg16722292</t>
  </si>
  <si>
    <t>cg16736181</t>
  </si>
  <si>
    <t>cg16740893</t>
  </si>
  <si>
    <t>cg16742874</t>
  </si>
  <si>
    <t>cg16744911</t>
  </si>
  <si>
    <t>cg16745930</t>
  </si>
  <si>
    <t>cg16748694</t>
  </si>
  <si>
    <t>cg16751329</t>
  </si>
  <si>
    <t>cg16751764</t>
  </si>
  <si>
    <t>cg16756674</t>
  </si>
  <si>
    <t>cg16759932</t>
  </si>
  <si>
    <t>cg16760246</t>
  </si>
  <si>
    <t>cg16763031</t>
  </si>
  <si>
    <t>cg16771783</t>
  </si>
  <si>
    <t>cg16781502</t>
  </si>
  <si>
    <t>cg16781753</t>
  </si>
  <si>
    <t>cg16786703</t>
  </si>
  <si>
    <t>cg16787600</t>
  </si>
  <si>
    <t>cg16788322</t>
  </si>
  <si>
    <t>cg16789680</t>
  </si>
  <si>
    <t>cg16790416</t>
  </si>
  <si>
    <t>cg16792160</t>
  </si>
  <si>
    <t>cg16803064</t>
  </si>
  <si>
    <t>cg16803791</t>
  </si>
  <si>
    <t>cg16803967</t>
  </si>
  <si>
    <t>cg16805626</t>
  </si>
  <si>
    <t>cg16807679</t>
  </si>
  <si>
    <t>cg16807687</t>
  </si>
  <si>
    <t>cg16812626</t>
  </si>
  <si>
    <t>cg16812753</t>
  </si>
  <si>
    <t>cg16813507</t>
  </si>
  <si>
    <t>cg16813552</t>
  </si>
  <si>
    <t>cg16813864</t>
  </si>
  <si>
    <t>cg16815157</t>
  </si>
  <si>
    <t>cg16818993</t>
  </si>
  <si>
    <t>cg16819381</t>
  </si>
  <si>
    <t>cg16826739</t>
  </si>
  <si>
    <t>cg16829244</t>
  </si>
  <si>
    <t>cg16832958</t>
  </si>
  <si>
    <t>cg16850444</t>
  </si>
  <si>
    <t>cg16862260</t>
  </si>
  <si>
    <t>cg16868751</t>
  </si>
  <si>
    <t>cg16872613</t>
  </si>
  <si>
    <t>cg16876859</t>
  </si>
  <si>
    <t>cg16883475</t>
  </si>
  <si>
    <t>cg16885557</t>
  </si>
  <si>
    <t>cg16886188</t>
  </si>
  <si>
    <t>cg16892379</t>
  </si>
  <si>
    <t>cg16902509</t>
  </si>
  <si>
    <t>cg16903589</t>
  </si>
  <si>
    <t>cg16905311</t>
  </si>
  <si>
    <t>cg16905822</t>
  </si>
  <si>
    <t>cg16910936</t>
  </si>
  <si>
    <t>cg16911548</t>
  </si>
  <si>
    <t>cg16912088</t>
  </si>
  <si>
    <t>cg16915540</t>
  </si>
  <si>
    <t>cg16919449</t>
  </si>
  <si>
    <t>cg16920551</t>
  </si>
  <si>
    <t>cg16923709</t>
  </si>
  <si>
    <t>cg16925499</t>
  </si>
  <si>
    <t>cg16926102</t>
  </si>
  <si>
    <t>cg16933386</t>
  </si>
  <si>
    <t>cg16933922</t>
  </si>
  <si>
    <t>cg16947025</t>
  </si>
  <si>
    <t>cg16949914</t>
  </si>
  <si>
    <t>cg16954165</t>
  </si>
  <si>
    <t>cg16954727</t>
  </si>
  <si>
    <t>cg16957758</t>
  </si>
  <si>
    <t>cg16964102</t>
  </si>
  <si>
    <t>cg16974379</t>
  </si>
  <si>
    <t>cg16976662</t>
  </si>
  <si>
    <t>cg16983730</t>
  </si>
  <si>
    <t>cg16990474</t>
  </si>
  <si>
    <t>cg16992713</t>
  </si>
  <si>
    <t>cg16993911</t>
  </si>
  <si>
    <t>cg16997314</t>
  </si>
  <si>
    <t>cg16999495</t>
  </si>
  <si>
    <t>cg17000076</t>
  </si>
  <si>
    <t>cg17001533</t>
  </si>
  <si>
    <t>cg17003212</t>
  </si>
  <si>
    <t>cg17003301</t>
  </si>
  <si>
    <t>cg17004975</t>
  </si>
  <si>
    <t>cg17014214</t>
  </si>
  <si>
    <t>cg17026854</t>
  </si>
  <si>
    <t>cg17028039</t>
  </si>
  <si>
    <t>cg17028652</t>
  </si>
  <si>
    <t>cg17028831</t>
  </si>
  <si>
    <t>cg17030820</t>
  </si>
  <si>
    <t>cg17033087</t>
  </si>
  <si>
    <t>cg17042009</t>
  </si>
  <si>
    <t>cg17043101</t>
  </si>
  <si>
    <t>cg17045635</t>
  </si>
  <si>
    <t>cg17052375</t>
  </si>
  <si>
    <t>cg17053251</t>
  </si>
  <si>
    <t>cg17056676</t>
  </si>
  <si>
    <t>cg17065712</t>
  </si>
  <si>
    <t>cg17066527</t>
  </si>
  <si>
    <t>cg17069702</t>
  </si>
  <si>
    <t>cg17075096</t>
  </si>
  <si>
    <t>cg17076667</t>
  </si>
  <si>
    <t>cg17076890</t>
  </si>
  <si>
    <t>cg17076921</t>
  </si>
  <si>
    <t>cg17077610</t>
  </si>
  <si>
    <t>cg17077845</t>
  </si>
  <si>
    <t>cg17087314</t>
  </si>
  <si>
    <t>cg17088185</t>
  </si>
  <si>
    <t>cg17088462</t>
  </si>
  <si>
    <t>cg17093267</t>
  </si>
  <si>
    <t>cg17100047</t>
  </si>
  <si>
    <t>cg17106419</t>
  </si>
  <si>
    <t>cg17107501</t>
  </si>
  <si>
    <t>cg17109175</t>
  </si>
  <si>
    <t>cg17114151</t>
  </si>
  <si>
    <t>cg17115419</t>
  </si>
  <si>
    <t>cg17136011</t>
  </si>
  <si>
    <t>cg17137324</t>
  </si>
  <si>
    <t>cg17137888</t>
  </si>
  <si>
    <t>cg17142816</t>
  </si>
  <si>
    <t>cg17143766</t>
  </si>
  <si>
    <t>cg17149920</t>
  </si>
  <si>
    <t>cg17154313</t>
  </si>
  <si>
    <t>cg17154542</t>
  </si>
  <si>
    <t>cg17155596</t>
  </si>
  <si>
    <t>cg17158083</t>
  </si>
  <si>
    <t>cg17158564</t>
  </si>
  <si>
    <t>cg17162734</t>
  </si>
  <si>
    <t>cg17163751</t>
  </si>
  <si>
    <t>cg17164693</t>
  </si>
  <si>
    <t>cg17165760</t>
  </si>
  <si>
    <t>cg17167468</t>
  </si>
  <si>
    <t>cg17168235</t>
  </si>
  <si>
    <t>cg17177816</t>
  </si>
  <si>
    <t>cg17179057</t>
  </si>
  <si>
    <t>cg17181022</t>
  </si>
  <si>
    <t>cg17182817</t>
  </si>
  <si>
    <t>cg17191256</t>
  </si>
  <si>
    <t>cg17198051</t>
  </si>
  <si>
    <t>cg17198722</t>
  </si>
  <si>
    <t>cg17200137</t>
  </si>
  <si>
    <t>cg17200577</t>
  </si>
  <si>
    <t>cg17210014</t>
  </si>
  <si>
    <t>cg17214902</t>
  </si>
  <si>
    <t>cg17216684</t>
  </si>
  <si>
    <t>cg17218204</t>
  </si>
  <si>
    <t>cg17219203</t>
  </si>
  <si>
    <t>cg17226534</t>
  </si>
  <si>
    <t>cg17227726</t>
  </si>
  <si>
    <t>cg17235897</t>
  </si>
  <si>
    <t>cg17237804</t>
  </si>
  <si>
    <t>cg17240934</t>
  </si>
  <si>
    <t>cg17242812</t>
  </si>
  <si>
    <t>cg17245223</t>
  </si>
  <si>
    <t>cg17249170</t>
  </si>
  <si>
    <t>cg17254388</t>
  </si>
  <si>
    <t>cg17256108</t>
  </si>
  <si>
    <t>cg17266562</t>
  </si>
  <si>
    <t>cg17270100</t>
  </si>
  <si>
    <t>cg17270821</t>
  </si>
  <si>
    <t>cg17271030</t>
  </si>
  <si>
    <t>cg17273837</t>
  </si>
  <si>
    <t>cg17275207</t>
  </si>
  <si>
    <t>cg17278890</t>
  </si>
  <si>
    <t>cg17283083</t>
  </si>
  <si>
    <t>cg17285208</t>
  </si>
  <si>
    <t>cg17287984</t>
  </si>
  <si>
    <t>cg17289597</t>
  </si>
  <si>
    <t>cg17290332</t>
  </si>
  <si>
    <t>cg17292610</t>
  </si>
  <si>
    <t>cg17292729</t>
  </si>
  <si>
    <t>cg17293161</t>
  </si>
  <si>
    <t>cg17293868</t>
  </si>
  <si>
    <t>cg17295053</t>
  </si>
  <si>
    <t>cg17298489</t>
  </si>
  <si>
    <t>cg17300275</t>
  </si>
  <si>
    <t>cg17300870</t>
  </si>
  <si>
    <t>cg17303833</t>
  </si>
  <si>
    <t>cg17307051</t>
  </si>
  <si>
    <t>cg17308012</t>
  </si>
  <si>
    <t>cg17316763</t>
  </si>
  <si>
    <t>cg17321561</t>
  </si>
  <si>
    <t>cg17326875</t>
  </si>
  <si>
    <t>cg17328514</t>
  </si>
  <si>
    <t>cg17333042</t>
  </si>
  <si>
    <t>cg17333886</t>
  </si>
  <si>
    <t>cg17337269</t>
  </si>
  <si>
    <t>cg17337695</t>
  </si>
  <si>
    <t>cg17339182</t>
  </si>
  <si>
    <t>cg17339543</t>
  </si>
  <si>
    <t>cg17342141</t>
  </si>
  <si>
    <t>cg17342283</t>
  </si>
  <si>
    <t>cg17348201</t>
  </si>
  <si>
    <t>cg17349199</t>
  </si>
  <si>
    <t>cg17349486</t>
  </si>
  <si>
    <t>cg17352462</t>
  </si>
  <si>
    <t>cg17353106</t>
  </si>
  <si>
    <t>cg17355153</t>
  </si>
  <si>
    <t>cg17358124</t>
  </si>
  <si>
    <t>cg17361803</t>
  </si>
  <si>
    <t>cg17373022</t>
  </si>
  <si>
    <t>cg17378066</t>
  </si>
  <si>
    <t>cg17378114</t>
  </si>
  <si>
    <t>cg17381030</t>
  </si>
  <si>
    <t>cg17385247</t>
  </si>
  <si>
    <t>cg17389077</t>
  </si>
  <si>
    <t>cg17389504</t>
  </si>
  <si>
    <t>cg17389519</t>
  </si>
  <si>
    <t>cg17389949</t>
  </si>
  <si>
    <t>cg17402294</t>
  </si>
  <si>
    <t>cg17413149</t>
  </si>
  <si>
    <t>cg17422176</t>
  </si>
  <si>
    <t>cg17422824</t>
  </si>
  <si>
    <t>cg17423813</t>
  </si>
  <si>
    <t>cg17426237</t>
  </si>
  <si>
    <t>cg17426923</t>
  </si>
  <si>
    <t>cg17427702</t>
  </si>
  <si>
    <t>cg17431358</t>
  </si>
  <si>
    <t>cg17433678</t>
  </si>
  <si>
    <t>cg17434453</t>
  </si>
  <si>
    <t>cg17436460</t>
  </si>
  <si>
    <t>cg17436666</t>
  </si>
  <si>
    <t>cg17446739</t>
  </si>
  <si>
    <t>cg17452183</t>
  </si>
  <si>
    <t>cg17452301</t>
  </si>
  <si>
    <t>cg17453460</t>
  </si>
  <si>
    <t>cg17455799</t>
  </si>
  <si>
    <t>cg17460183</t>
  </si>
  <si>
    <t>cg17463564</t>
  </si>
  <si>
    <t>cg17465130</t>
  </si>
  <si>
    <t>cg17470449</t>
  </si>
  <si>
    <t>cg17472961</t>
  </si>
  <si>
    <t>cg17479119</t>
  </si>
  <si>
    <t>cg17480467</t>
  </si>
  <si>
    <t>cg17481047</t>
  </si>
  <si>
    <t>cg17484267</t>
  </si>
  <si>
    <t>cg17485549</t>
  </si>
  <si>
    <t>cg17487029</t>
  </si>
  <si>
    <t>cg17489897</t>
  </si>
  <si>
    <t>cg17489908</t>
  </si>
  <si>
    <t>cg17494438</t>
  </si>
  <si>
    <t>cg17500742</t>
  </si>
  <si>
    <t>cg17505469</t>
  </si>
  <si>
    <t>cg17506553</t>
  </si>
  <si>
    <t>cg17509956</t>
  </si>
  <si>
    <t>cg17510653</t>
  </si>
  <si>
    <t>cg17520712</t>
  </si>
  <si>
    <t>cg17524619</t>
  </si>
  <si>
    <t>cg17526300</t>
  </si>
  <si>
    <t>cg17526462</t>
  </si>
  <si>
    <t>cg17529745</t>
  </si>
  <si>
    <t>cg17530152</t>
  </si>
  <si>
    <t>cg17530673</t>
  </si>
  <si>
    <t>cg17535314</t>
  </si>
  <si>
    <t>cg17535691</t>
  </si>
  <si>
    <t>cg17545300</t>
  </si>
  <si>
    <t>cg17545652</t>
  </si>
  <si>
    <t>cg17545805</t>
  </si>
  <si>
    <t>cg17546623</t>
  </si>
  <si>
    <t>cg17550175</t>
  </si>
  <si>
    <t>cg17552801</t>
  </si>
  <si>
    <t>cg17557106</t>
  </si>
  <si>
    <t>cg17560720</t>
  </si>
  <si>
    <t>cg17560832</t>
  </si>
  <si>
    <t>cg17568266</t>
  </si>
  <si>
    <t>cg17568611</t>
  </si>
  <si>
    <t>cg17572155</t>
  </si>
  <si>
    <t>cg17575113</t>
  </si>
  <si>
    <t>cg17579580</t>
  </si>
  <si>
    <t>cg17586365</t>
  </si>
  <si>
    <t>cg17587986</t>
  </si>
  <si>
    <t>cg17589590</t>
  </si>
  <si>
    <t>cg17598190</t>
  </si>
  <si>
    <t>cg17603206</t>
  </si>
  <si>
    <t>cg17606003</t>
  </si>
  <si>
    <t>cg17611674</t>
  </si>
  <si>
    <t>cg17623854</t>
  </si>
  <si>
    <t>cg17624196</t>
  </si>
  <si>
    <t>cg17628040</t>
  </si>
  <si>
    <t>cg17652998</t>
  </si>
  <si>
    <t>cg17654985</t>
  </si>
  <si>
    <t>cg17657557</t>
  </si>
  <si>
    <t>cg17664182</t>
  </si>
  <si>
    <t>cg17664568</t>
  </si>
  <si>
    <t>cg17665193</t>
  </si>
  <si>
    <t>cg17666689</t>
  </si>
  <si>
    <t>cg17667035</t>
  </si>
  <si>
    <t>cg17668756</t>
  </si>
  <si>
    <t>cg17672798</t>
  </si>
  <si>
    <t>cg17675386</t>
  </si>
  <si>
    <t>cg17676618</t>
  </si>
  <si>
    <t>cg17680211</t>
  </si>
  <si>
    <t>cg17680696</t>
  </si>
  <si>
    <t>cg17686260</t>
  </si>
  <si>
    <t>cg17689601</t>
  </si>
  <si>
    <t>cg17694069</t>
  </si>
  <si>
    <t>cg17705334</t>
  </si>
  <si>
    <t>cg17710779</t>
  </si>
  <si>
    <t>cg17712828</t>
  </si>
  <si>
    <t>cg17716358</t>
  </si>
  <si>
    <t>cg17716986</t>
  </si>
  <si>
    <t>cg17719202</t>
  </si>
  <si>
    <t>cg17723156</t>
  </si>
  <si>
    <t>cg17726092</t>
  </si>
  <si>
    <t>cg17729694</t>
  </si>
  <si>
    <t>cg17731710</t>
  </si>
  <si>
    <t>cg17732552</t>
  </si>
  <si>
    <t>cg17732877</t>
  </si>
  <si>
    <t>cg17740322</t>
  </si>
  <si>
    <t>cg17745251</t>
  </si>
  <si>
    <t>cg17749384</t>
  </si>
  <si>
    <t>cg17750946</t>
  </si>
  <si>
    <t>cg17752899</t>
  </si>
  <si>
    <t>cg17753476</t>
  </si>
  <si>
    <t>cg17753789</t>
  </si>
  <si>
    <t>cg17761743</t>
  </si>
  <si>
    <t>cg17764572</t>
  </si>
  <si>
    <t>cg17765085</t>
  </si>
  <si>
    <t>cg17766828</t>
  </si>
  <si>
    <t>cg17767185</t>
  </si>
  <si>
    <t>cg17770886</t>
  </si>
  <si>
    <t>cg17771050</t>
  </si>
  <si>
    <t>cg17775621</t>
  </si>
  <si>
    <t>cg17778211</t>
  </si>
  <si>
    <t>cg17778955</t>
  </si>
  <si>
    <t>cg17784897</t>
  </si>
  <si>
    <t>cg17786129</t>
  </si>
  <si>
    <t>cg17786661</t>
  </si>
  <si>
    <t>cg17792740</t>
  </si>
  <si>
    <t>cg17795158</t>
  </si>
  <si>
    <t>cg17796960</t>
  </si>
  <si>
    <t>cg17797859</t>
  </si>
  <si>
    <t>cg17805291</t>
  </si>
  <si>
    <t>cg17814014</t>
  </si>
  <si>
    <t>cg17814175</t>
  </si>
  <si>
    <t>cg17825173</t>
  </si>
  <si>
    <t>cg17827767</t>
  </si>
  <si>
    <t>cg17831791</t>
  </si>
  <si>
    <t>cg17833578</t>
  </si>
  <si>
    <t>cg17834180</t>
  </si>
  <si>
    <t>cg17834185</t>
  </si>
  <si>
    <t>cg17835737</t>
  </si>
  <si>
    <t>cg17836236</t>
  </si>
  <si>
    <t>cg17837069</t>
  </si>
  <si>
    <t>cg17840164</t>
  </si>
  <si>
    <t>cg17851345</t>
  </si>
  <si>
    <t>cg17852876</t>
  </si>
  <si>
    <t>cg17853216</t>
  </si>
  <si>
    <t>cg17853642</t>
  </si>
  <si>
    <t>cg17853667</t>
  </si>
  <si>
    <t>cg17856907</t>
  </si>
  <si>
    <t>cg17858697</t>
  </si>
  <si>
    <t>cg17861154</t>
  </si>
  <si>
    <t>cg17861206</t>
  </si>
  <si>
    <t>cg17861458</t>
  </si>
  <si>
    <t>cg17868942</t>
  </si>
  <si>
    <t>cg17872476</t>
  </si>
  <si>
    <t>cg17875135</t>
  </si>
  <si>
    <t>cg17877656</t>
  </si>
  <si>
    <t>cg17886697</t>
  </si>
  <si>
    <t>cg17887588</t>
  </si>
  <si>
    <t>cg17891011</t>
  </si>
  <si>
    <t>cg17891977</t>
  </si>
  <si>
    <t>cg17894755</t>
  </si>
  <si>
    <t>cg17895254</t>
  </si>
  <si>
    <t>cg17897352</t>
  </si>
  <si>
    <t>cg17898884</t>
  </si>
  <si>
    <t>cg17905091</t>
  </si>
  <si>
    <t>cg17909892</t>
  </si>
  <si>
    <t>cg17915125</t>
  </si>
  <si>
    <t>cg17916427</t>
  </si>
  <si>
    <t>cg17922326</t>
  </si>
  <si>
    <t>cg17924283</t>
  </si>
  <si>
    <t>cg17929627</t>
  </si>
  <si>
    <t>cg17950900</t>
  </si>
  <si>
    <t>cg17951488</t>
  </si>
  <si>
    <t>cg17953385</t>
  </si>
  <si>
    <t>cg17958516</t>
  </si>
  <si>
    <t>cg17958658</t>
  </si>
  <si>
    <t>cg17962547</t>
  </si>
  <si>
    <t>cg17967780</t>
  </si>
  <si>
    <t>cg17972352</t>
  </si>
  <si>
    <t>cg17976829</t>
  </si>
  <si>
    <t>cg17981439</t>
  </si>
  <si>
    <t>cg17981675</t>
  </si>
  <si>
    <t>cg17983053</t>
  </si>
  <si>
    <t>cg17986264</t>
  </si>
  <si>
    <t>cg17986469</t>
  </si>
  <si>
    <t>cg17989089</t>
  </si>
  <si>
    <t>cg17989313</t>
  </si>
  <si>
    <t>cg17993416</t>
  </si>
  <si>
    <t>cg17997332</t>
  </si>
  <si>
    <t>cg17997363</t>
  </si>
  <si>
    <t>cg17998333</t>
  </si>
  <si>
    <t>cg18002339</t>
  </si>
  <si>
    <t>cg18002519</t>
  </si>
  <si>
    <t>cg18009000</t>
  </si>
  <si>
    <t>cg18010733</t>
  </si>
  <si>
    <t>cg18013765</t>
  </si>
  <si>
    <t>cg18014573</t>
  </si>
  <si>
    <t>cg18018562</t>
  </si>
  <si>
    <t>cg18025447</t>
  </si>
  <si>
    <t>cg18026244</t>
  </si>
  <si>
    <t>cg18030587</t>
  </si>
  <si>
    <t>cg18030834</t>
  </si>
  <si>
    <t>cg18032386</t>
  </si>
  <si>
    <t>cg18034343</t>
  </si>
  <si>
    <t>cg18034538</t>
  </si>
  <si>
    <t>cg18040225</t>
  </si>
  <si>
    <t>cg18048370</t>
  </si>
  <si>
    <t>cg18054281</t>
  </si>
  <si>
    <t>cg18055125</t>
  </si>
  <si>
    <t>cg18057959</t>
  </si>
  <si>
    <t>cg18059256</t>
  </si>
  <si>
    <t>cg18059464</t>
  </si>
  <si>
    <t>cg18064538</t>
  </si>
  <si>
    <t>cg18066946</t>
  </si>
  <si>
    <t>cg18072732</t>
  </si>
  <si>
    <t>cg18078821</t>
  </si>
  <si>
    <t>cg18082515</t>
  </si>
  <si>
    <t>cg18088056</t>
  </si>
  <si>
    <t>cg18099423</t>
  </si>
  <si>
    <t>cg18099749</t>
  </si>
  <si>
    <t>cg18103031</t>
  </si>
  <si>
    <t>cg18104354</t>
  </si>
  <si>
    <t>cg18105709</t>
  </si>
  <si>
    <t>cg18109941</t>
  </si>
  <si>
    <t>cg18110015</t>
  </si>
  <si>
    <t>cg18111073</t>
  </si>
  <si>
    <t>cg18115436</t>
  </si>
  <si>
    <t>cg18119999</t>
  </si>
  <si>
    <t>cg18121190</t>
  </si>
  <si>
    <t>cg18127648</t>
  </si>
  <si>
    <t>cg18133905</t>
  </si>
  <si>
    <t>cg18136715</t>
  </si>
  <si>
    <t>cg18138206</t>
  </si>
  <si>
    <t>cg18147208</t>
  </si>
  <si>
    <t>cg18148530</t>
  </si>
  <si>
    <t>cg18149009</t>
  </si>
  <si>
    <t>cg18151487</t>
  </si>
  <si>
    <t>cg18151993</t>
  </si>
  <si>
    <t>cg18155632</t>
  </si>
  <si>
    <t>cg18165251</t>
  </si>
  <si>
    <t>cg18166900</t>
  </si>
  <si>
    <t>cg18171890</t>
  </si>
  <si>
    <t>cg18173454</t>
  </si>
  <si>
    <t>cg18175470</t>
  </si>
  <si>
    <t>cg18178836</t>
  </si>
  <si>
    <t>cg18180783</t>
  </si>
  <si>
    <t>cg18180846</t>
  </si>
  <si>
    <t>cg18184053</t>
  </si>
  <si>
    <t>cg18188150</t>
  </si>
  <si>
    <t>cg18192417</t>
  </si>
  <si>
    <t>cg18192919</t>
  </si>
  <si>
    <t>cg18195352</t>
  </si>
  <si>
    <t>cg18199434</t>
  </si>
  <si>
    <t>cg18199807</t>
  </si>
  <si>
    <t>cg18200800</t>
  </si>
  <si>
    <t>cg18203466</t>
  </si>
  <si>
    <t>cg18203965</t>
  </si>
  <si>
    <t>cg18204930</t>
  </si>
  <si>
    <t>cg18208185</t>
  </si>
  <si>
    <t>cg18209001</t>
  </si>
  <si>
    <t>cg18212055</t>
  </si>
  <si>
    <t>cg18218884</t>
  </si>
  <si>
    <t>cg18219997</t>
  </si>
  <si>
    <t>cg18221168</t>
  </si>
  <si>
    <t>cg18226096</t>
  </si>
  <si>
    <t>cg18229196</t>
  </si>
  <si>
    <t>cg18230137</t>
  </si>
  <si>
    <t>cg18233544</t>
  </si>
  <si>
    <t>cg18234089</t>
  </si>
  <si>
    <t>cg18237330</t>
  </si>
  <si>
    <t>cg18240400</t>
  </si>
  <si>
    <t>cg18240543</t>
  </si>
  <si>
    <t>cg18242377</t>
  </si>
  <si>
    <t>cg18247239</t>
  </si>
  <si>
    <t>cg18247897</t>
  </si>
  <si>
    <t>cg18261944</t>
  </si>
  <si>
    <t>cg18262201</t>
  </si>
  <si>
    <t>cg18265435</t>
  </si>
  <si>
    <t>cg18273501</t>
  </si>
  <si>
    <t>cg18274510</t>
  </si>
  <si>
    <t>cg18280492</t>
  </si>
  <si>
    <t>cg18281439</t>
  </si>
  <si>
    <t>cg18283737</t>
  </si>
  <si>
    <t>cg18286285</t>
  </si>
  <si>
    <t>cg18288462</t>
  </si>
  <si>
    <t>cg18292394</t>
  </si>
  <si>
    <t>cg18295744</t>
  </si>
  <si>
    <t>cg18296227</t>
  </si>
  <si>
    <t>cg18299157</t>
  </si>
  <si>
    <t>cg18299363</t>
  </si>
  <si>
    <t>cg18302890</t>
  </si>
  <si>
    <t>cg18303477</t>
  </si>
  <si>
    <t>cg18304674</t>
  </si>
  <si>
    <t>cg18306516</t>
  </si>
  <si>
    <t>cg18308755</t>
  </si>
  <si>
    <t>cg18313342</t>
  </si>
  <si>
    <t>cg18317005</t>
  </si>
  <si>
    <t>cg18324824</t>
  </si>
  <si>
    <t>cg18325866</t>
  </si>
  <si>
    <t>cg18326783</t>
  </si>
  <si>
    <t>cg18328965</t>
  </si>
  <si>
    <t>cg18330571</t>
  </si>
  <si>
    <t>cg18334288</t>
  </si>
  <si>
    <t>cg18334881</t>
  </si>
  <si>
    <t>cg18342673</t>
  </si>
  <si>
    <t>cg18345226</t>
  </si>
  <si>
    <t>cg18346182</t>
  </si>
  <si>
    <t>cg18351448</t>
  </si>
  <si>
    <t>cg18351607</t>
  </si>
  <si>
    <t>cg18352882</t>
  </si>
  <si>
    <t>cg18354986</t>
  </si>
  <si>
    <t>cg18360873</t>
  </si>
  <si>
    <t>cg18368487</t>
  </si>
  <si>
    <t>cg18382353</t>
  </si>
  <si>
    <t>cg18384060</t>
  </si>
  <si>
    <t>cg18384190</t>
  </si>
  <si>
    <t>cg18387659</t>
  </si>
  <si>
    <t>cg18388639</t>
  </si>
  <si>
    <t>cg18389639</t>
  </si>
  <si>
    <t>cg18389931</t>
  </si>
  <si>
    <t>cg18390345</t>
  </si>
  <si>
    <t>cg18391899</t>
  </si>
  <si>
    <t>cg18398637</t>
  </si>
  <si>
    <t>cg18405079</t>
  </si>
  <si>
    <t>cg18408326</t>
  </si>
  <si>
    <t>cg18415252</t>
  </si>
  <si>
    <t>cg18417622</t>
  </si>
  <si>
    <t>cg18419747</t>
  </si>
  <si>
    <t>cg18426166</t>
  </si>
  <si>
    <t>cg18426908</t>
  </si>
  <si>
    <t>cg18429793</t>
  </si>
  <si>
    <t>cg18430255</t>
  </si>
  <si>
    <t>cg18433009</t>
  </si>
  <si>
    <t>cg18433260</t>
  </si>
  <si>
    <t>cg18436008</t>
  </si>
  <si>
    <t>cg18442758</t>
  </si>
  <si>
    <t>cg18444835</t>
  </si>
  <si>
    <t>cg18449062</t>
  </si>
  <si>
    <t>cg18452703</t>
  </si>
  <si>
    <t>cg18454774</t>
  </si>
  <si>
    <t>cg18456331</t>
  </si>
  <si>
    <t>cg18460575</t>
  </si>
  <si>
    <t>cg18462381</t>
  </si>
  <si>
    <t>cg18462764</t>
  </si>
  <si>
    <t>cg18468041</t>
  </si>
  <si>
    <t>cg18472228</t>
  </si>
  <si>
    <t>cg18477072</t>
  </si>
  <si>
    <t>cg18483404</t>
  </si>
  <si>
    <t>cg18483529</t>
  </si>
  <si>
    <t>cg18491775</t>
  </si>
  <si>
    <t>cg18493238</t>
  </si>
  <si>
    <t>cg18494190</t>
  </si>
  <si>
    <t>cg18496662</t>
  </si>
  <si>
    <t>cg18498565</t>
  </si>
  <si>
    <t>cg18499443</t>
  </si>
  <si>
    <t>cg18500830</t>
  </si>
  <si>
    <t>cg18511212</t>
  </si>
  <si>
    <t>cg18513313</t>
  </si>
  <si>
    <t>cg18515303</t>
  </si>
  <si>
    <t>cg18516898</t>
  </si>
  <si>
    <t>cg18521914</t>
  </si>
  <si>
    <t>cg18525126</t>
  </si>
  <si>
    <t>cg18531916</t>
  </si>
  <si>
    <t>cg18532869</t>
  </si>
  <si>
    <t>cg18537454</t>
  </si>
  <si>
    <t>cg18539332</t>
  </si>
  <si>
    <t>cg18543035</t>
  </si>
  <si>
    <t>cg18543772</t>
  </si>
  <si>
    <t>cg18561589</t>
  </si>
  <si>
    <t>cg18561930</t>
  </si>
  <si>
    <t>cg18563886</t>
  </si>
  <si>
    <t>cg18564458</t>
  </si>
  <si>
    <t>cg18565200</t>
  </si>
  <si>
    <t>cg18565783</t>
  </si>
  <si>
    <t>cg18572653</t>
  </si>
  <si>
    <t>cg18577511</t>
  </si>
  <si>
    <t>cg18580385</t>
  </si>
  <si>
    <t>cg18581378</t>
  </si>
  <si>
    <t>cg18583565</t>
  </si>
  <si>
    <t>cg18585903</t>
  </si>
  <si>
    <t>cg18592174</t>
  </si>
  <si>
    <t>cg18593374</t>
  </si>
  <si>
    <t>cg18594033</t>
  </si>
  <si>
    <t>cg18594706</t>
  </si>
  <si>
    <t>cg18594724</t>
  </si>
  <si>
    <t>cg18596683</t>
  </si>
  <si>
    <t>cg18599069</t>
  </si>
  <si>
    <t>cg18601466</t>
  </si>
  <si>
    <t>cg18605441</t>
  </si>
  <si>
    <t>cg18605729</t>
  </si>
  <si>
    <t>cg18608017</t>
  </si>
  <si>
    <t>cg18611828</t>
  </si>
  <si>
    <t>cg18614702</t>
  </si>
  <si>
    <t>cg18618230</t>
  </si>
  <si>
    <t>cg18618334</t>
  </si>
  <si>
    <t>cg18621142</t>
  </si>
  <si>
    <t>cg18621256</t>
  </si>
  <si>
    <t>cg18621755</t>
  </si>
  <si>
    <t>cg18623649</t>
  </si>
  <si>
    <t>cg18632220</t>
  </si>
  <si>
    <t>cg18632637</t>
  </si>
  <si>
    <t>cg18633197</t>
  </si>
  <si>
    <t>cg18633693</t>
  </si>
  <si>
    <t>cg18634762</t>
  </si>
  <si>
    <t>cg18639495</t>
  </si>
  <si>
    <t>cg18641050</t>
  </si>
  <si>
    <t>cg18642179</t>
  </si>
  <si>
    <t>cg18646979</t>
  </si>
  <si>
    <t>cg18659248</t>
  </si>
  <si>
    <t>cg18659867</t>
  </si>
  <si>
    <t>cg18661379</t>
  </si>
  <si>
    <t>cg18666379</t>
  </si>
  <si>
    <t>cg18668540</t>
  </si>
  <si>
    <t>cg18675128</t>
  </si>
  <si>
    <t>cg18675735</t>
  </si>
  <si>
    <t>cg18678121</t>
  </si>
  <si>
    <t>cg18680328</t>
  </si>
  <si>
    <t>cg18682731</t>
  </si>
  <si>
    <t>cg18685034</t>
  </si>
  <si>
    <t>cg18688392</t>
  </si>
  <si>
    <t>cg18690395</t>
  </si>
  <si>
    <t>cg18701598</t>
  </si>
  <si>
    <t>cg18702012</t>
  </si>
  <si>
    <t>cg18702201</t>
  </si>
  <si>
    <t>cg18703515</t>
  </si>
  <si>
    <t>cg18704363</t>
  </si>
  <si>
    <t>cg18712809</t>
  </si>
  <si>
    <t>cg18719158</t>
  </si>
  <si>
    <t>cg18721137</t>
  </si>
  <si>
    <t>cg18721155</t>
  </si>
  <si>
    <t>cg18723472</t>
  </si>
  <si>
    <t>cg18727936</t>
  </si>
  <si>
    <t>cg18729086</t>
  </si>
  <si>
    <t>cg18733757</t>
  </si>
  <si>
    <t>cg18735015</t>
  </si>
  <si>
    <t>cg18736101</t>
  </si>
  <si>
    <t>cg18738190</t>
  </si>
  <si>
    <t>cg18740861</t>
  </si>
  <si>
    <t>cg18741453</t>
  </si>
  <si>
    <t>cg18744118</t>
  </si>
  <si>
    <t>cg18744792</t>
  </si>
  <si>
    <t>cg18747408</t>
  </si>
  <si>
    <t>cg18750087</t>
  </si>
  <si>
    <t>cg18755204</t>
  </si>
  <si>
    <t>cg18758889</t>
  </si>
  <si>
    <t>cg18761893</t>
  </si>
  <si>
    <t>cg18762485</t>
  </si>
  <si>
    <t>cg18764192</t>
  </si>
  <si>
    <t>cg18766754</t>
  </si>
  <si>
    <t>cg18776616</t>
  </si>
  <si>
    <t>cg18778347</t>
  </si>
  <si>
    <t>cg18779078</t>
  </si>
  <si>
    <t>cg18780288</t>
  </si>
  <si>
    <t>cg18783033</t>
  </si>
  <si>
    <t>cg18785679</t>
  </si>
  <si>
    <t>cg18786171</t>
  </si>
  <si>
    <t>cg18798111</t>
  </si>
  <si>
    <t>cg18803257</t>
  </si>
  <si>
    <t>cg18809289</t>
  </si>
  <si>
    <t>cg18815006</t>
  </si>
  <si>
    <t>cg18817607</t>
  </si>
  <si>
    <t>cg18826070</t>
  </si>
  <si>
    <t>cg18832655</t>
  </si>
  <si>
    <t>cg18833140</t>
  </si>
  <si>
    <t>cg18834338</t>
  </si>
  <si>
    <t>cg18838941</t>
  </si>
  <si>
    <t>cg18839609</t>
  </si>
  <si>
    <t>cg18840567</t>
  </si>
  <si>
    <t>cg18853287</t>
  </si>
  <si>
    <t>cg18853312</t>
  </si>
  <si>
    <t>cg18853376</t>
  </si>
  <si>
    <t>cg18855429</t>
  </si>
  <si>
    <t>cg18858343</t>
  </si>
  <si>
    <t>cg18862686</t>
  </si>
  <si>
    <t>cg18863666</t>
  </si>
  <si>
    <t>cg18863837</t>
  </si>
  <si>
    <t>cg18864164</t>
  </si>
  <si>
    <t>cg18869094</t>
  </si>
  <si>
    <t>cg18869611</t>
  </si>
  <si>
    <t>cg18870413</t>
  </si>
  <si>
    <t>cg18873909</t>
  </si>
  <si>
    <t>cg18875351</t>
  </si>
  <si>
    <t>cg18876201</t>
  </si>
  <si>
    <t>cg18885872</t>
  </si>
  <si>
    <t>cg18892808</t>
  </si>
  <si>
    <t>cg18895336</t>
  </si>
  <si>
    <t>cg18898693</t>
  </si>
  <si>
    <t>cg18903373</t>
  </si>
  <si>
    <t>cg18907942</t>
  </si>
  <si>
    <t>cg18908240</t>
  </si>
  <si>
    <t>cg18908677</t>
  </si>
  <si>
    <t>cg18909530</t>
  </si>
  <si>
    <t>cg18913254</t>
  </si>
  <si>
    <t>cg18918484</t>
  </si>
  <si>
    <t>cg18921764</t>
  </si>
  <si>
    <t>cg18922620</t>
  </si>
  <si>
    <t>cg18927080</t>
  </si>
  <si>
    <t>cg18930012</t>
  </si>
  <si>
    <t>cg18930976</t>
  </si>
  <si>
    <t>cg18931014</t>
  </si>
  <si>
    <t>cg18936283</t>
  </si>
  <si>
    <t>cg18938674</t>
  </si>
  <si>
    <t>cg18939117</t>
  </si>
  <si>
    <t>cg18941641</t>
  </si>
  <si>
    <t>cg18947261</t>
  </si>
  <si>
    <t>cg18947437</t>
  </si>
  <si>
    <t>cg18948488</t>
  </si>
  <si>
    <t>cg18951227</t>
  </si>
  <si>
    <t>cg18953039</t>
  </si>
  <si>
    <t>cg18959081</t>
  </si>
  <si>
    <t>cg18959207</t>
  </si>
  <si>
    <t>cg18960469</t>
  </si>
  <si>
    <t>cg18963763</t>
  </si>
  <si>
    <t>cg18964775</t>
  </si>
  <si>
    <t>cg18968279</t>
  </si>
  <si>
    <t>cg18968623</t>
  </si>
  <si>
    <t>cg18971492</t>
  </si>
  <si>
    <t>cg18972885</t>
  </si>
  <si>
    <t>cg18975376</t>
  </si>
  <si>
    <t>cg18979589</t>
  </si>
  <si>
    <t>cg18984983</t>
  </si>
  <si>
    <t>cg18988560</t>
  </si>
  <si>
    <t>cg18989491</t>
  </si>
  <si>
    <t>cg18994606</t>
  </si>
  <si>
    <t>cg19001021</t>
  </si>
  <si>
    <t>cg19002907</t>
  </si>
  <si>
    <t>cg19003257</t>
  </si>
  <si>
    <t>cg19004007</t>
  </si>
  <si>
    <t>cg19007019</t>
  </si>
  <si>
    <t>cg19007269</t>
  </si>
  <si>
    <t>cg19014323</t>
  </si>
  <si>
    <t>cg19014941</t>
  </si>
  <si>
    <t>cg19015951</t>
  </si>
  <si>
    <t>cg19016062</t>
  </si>
  <si>
    <t>cg19016253</t>
  </si>
  <si>
    <t>cg19018709</t>
  </si>
  <si>
    <t>cg19021428</t>
  </si>
  <si>
    <t>cg19021988</t>
  </si>
  <si>
    <t>cg19023362</t>
  </si>
  <si>
    <t>cg19032306</t>
  </si>
  <si>
    <t>cg19032597</t>
  </si>
  <si>
    <t>cg19034132</t>
  </si>
  <si>
    <t>cg19034797</t>
  </si>
  <si>
    <t>cg19037893</t>
  </si>
  <si>
    <t>cg19038027</t>
  </si>
  <si>
    <t>cg19039583</t>
  </si>
  <si>
    <t>cg19040518</t>
  </si>
  <si>
    <t>cg19042340</t>
  </si>
  <si>
    <t>cg19042643</t>
  </si>
  <si>
    <t>cg19045729</t>
  </si>
  <si>
    <t>cg19048251</t>
  </si>
  <si>
    <t>cg19050892</t>
  </si>
  <si>
    <t>cg19054785</t>
  </si>
  <si>
    <t>cg19057830</t>
  </si>
  <si>
    <t>cg19071490</t>
  </si>
  <si>
    <t>cg19072871</t>
  </si>
  <si>
    <t>cg19093875</t>
  </si>
  <si>
    <t>cg19100464</t>
  </si>
  <si>
    <t>cg19103219</t>
  </si>
  <si>
    <t>cg19104196</t>
  </si>
  <si>
    <t>cg19107504</t>
  </si>
  <si>
    <t>cg19111459</t>
  </si>
  <si>
    <t>cg19115690</t>
  </si>
  <si>
    <t>cg19120064</t>
  </si>
  <si>
    <t>cg19122901</t>
  </si>
  <si>
    <t>cg19126889</t>
  </si>
  <si>
    <t>cg19130188</t>
  </si>
  <si>
    <t>cg19134728</t>
  </si>
  <si>
    <t>cg19135362</t>
  </si>
  <si>
    <t>cg19137606</t>
  </si>
  <si>
    <t>cg19144701</t>
  </si>
  <si>
    <t>cg19149020</t>
  </si>
  <si>
    <t>cg19151030</t>
  </si>
  <si>
    <t>cg19152508</t>
  </si>
  <si>
    <t>cg19154600</t>
  </si>
  <si>
    <t>cg19157819</t>
  </si>
  <si>
    <t>cg19161112</t>
  </si>
  <si>
    <t>cg19163266</t>
  </si>
  <si>
    <t>cg19168578</t>
  </si>
  <si>
    <t>cg19175123</t>
  </si>
  <si>
    <t>cg19175226</t>
  </si>
  <si>
    <t>cg19176072</t>
  </si>
  <si>
    <t>cg19179099</t>
  </si>
  <si>
    <t>cg19179102</t>
  </si>
  <si>
    <t>cg19180542</t>
  </si>
  <si>
    <t>cg19181479</t>
  </si>
  <si>
    <t>cg19183317</t>
  </si>
  <si>
    <t>cg19189864</t>
  </si>
  <si>
    <t>cg19190632</t>
  </si>
  <si>
    <t>cg19191454</t>
  </si>
  <si>
    <t>cg19192065</t>
  </si>
  <si>
    <t>cg19192223</t>
  </si>
  <si>
    <t>cg19192316</t>
  </si>
  <si>
    <t>cg19202369</t>
  </si>
  <si>
    <t>cg19204958</t>
  </si>
  <si>
    <t>cg19207017</t>
  </si>
  <si>
    <t>cg19210816</t>
  </si>
  <si>
    <t>cg19211186</t>
  </si>
  <si>
    <t>cg19214408</t>
  </si>
  <si>
    <t>cg19215199</t>
  </si>
  <si>
    <t>cg19219255</t>
  </si>
  <si>
    <t>cg19219920</t>
  </si>
  <si>
    <t>cg19220507</t>
  </si>
  <si>
    <t>cg19221545</t>
  </si>
  <si>
    <t>cg19223119</t>
  </si>
  <si>
    <t>cg19223835</t>
  </si>
  <si>
    <t>cg19225068</t>
  </si>
  <si>
    <t>cg19226647</t>
  </si>
  <si>
    <t>cg19231290</t>
  </si>
  <si>
    <t>cg19239052</t>
  </si>
  <si>
    <t>cg19241744</t>
  </si>
  <si>
    <t>cg19244064</t>
  </si>
  <si>
    <t>cg19247001</t>
  </si>
  <si>
    <t>cg19251161</t>
  </si>
  <si>
    <t>cg19262683</t>
  </si>
  <si>
    <t>cg19263630</t>
  </si>
  <si>
    <t>cg19272109</t>
  </si>
  <si>
    <t>cg19273378</t>
  </si>
  <si>
    <t>cg19278229</t>
  </si>
  <si>
    <t>cg19290577</t>
  </si>
  <si>
    <t>cg19301658</t>
  </si>
  <si>
    <t>cg19305681</t>
  </si>
  <si>
    <t>cg19310581</t>
  </si>
  <si>
    <t>cg19318461</t>
  </si>
  <si>
    <t>cg19324698</t>
  </si>
  <si>
    <t>cg19329644</t>
  </si>
  <si>
    <t>cg19333507</t>
  </si>
  <si>
    <t>cg19334176</t>
  </si>
  <si>
    <t>cg19335412</t>
  </si>
  <si>
    <t>cg19336811</t>
  </si>
  <si>
    <t>cg19337241</t>
  </si>
  <si>
    <t>cg19340508</t>
  </si>
  <si>
    <t>cg19346193</t>
  </si>
  <si>
    <t>cg19346281</t>
  </si>
  <si>
    <t>cg19348206</t>
  </si>
  <si>
    <t>cg19350024</t>
  </si>
  <si>
    <t>cg19354023</t>
  </si>
  <si>
    <t>cg19355190</t>
  </si>
  <si>
    <t>cg19356629</t>
  </si>
  <si>
    <t>cg19358349</t>
  </si>
  <si>
    <t>cg19358493</t>
  </si>
  <si>
    <t>cg19359767</t>
  </si>
  <si>
    <t>cg19360083</t>
  </si>
  <si>
    <t>cg19368383</t>
  </si>
  <si>
    <t>cg19368582</t>
  </si>
  <si>
    <t>cg19378199</t>
  </si>
  <si>
    <t>cg19379569</t>
  </si>
  <si>
    <t>cg19380722</t>
  </si>
  <si>
    <t>cg19391892</t>
  </si>
  <si>
    <t>cg19392379</t>
  </si>
  <si>
    <t>cg19392551</t>
  </si>
  <si>
    <t>cg19392831</t>
  </si>
  <si>
    <t>cg19393699</t>
  </si>
  <si>
    <t>cg19396666</t>
  </si>
  <si>
    <t>cg19397736</t>
  </si>
  <si>
    <t>cg19399285</t>
  </si>
  <si>
    <t>cg19402603</t>
  </si>
  <si>
    <t>cg19403534</t>
  </si>
  <si>
    <t>cg19403610</t>
  </si>
  <si>
    <t>cg19407453</t>
  </si>
  <si>
    <t>cg19416590</t>
  </si>
  <si>
    <t>cg19423196</t>
  </si>
  <si>
    <t>cg19424261</t>
  </si>
  <si>
    <t>cg19425332</t>
  </si>
  <si>
    <t>cg19428722</t>
  </si>
  <si>
    <t>cg19429280</t>
  </si>
  <si>
    <t>cg19429405</t>
  </si>
  <si>
    <t>cg19436700</t>
  </si>
  <si>
    <t>cg19438005</t>
  </si>
  <si>
    <t>cg19439331</t>
  </si>
  <si>
    <t>cg19439651</t>
  </si>
  <si>
    <t>cg19442138</t>
  </si>
  <si>
    <t>cg19453618</t>
  </si>
  <si>
    <t>cg19453742</t>
  </si>
  <si>
    <t>cg19455840</t>
  </si>
  <si>
    <t>cg19465451</t>
  </si>
  <si>
    <t>cg19469447</t>
  </si>
  <si>
    <t>cg19470652</t>
  </si>
  <si>
    <t>cg19472590</t>
  </si>
  <si>
    <t>cg19478105</t>
  </si>
  <si>
    <t>cg19485539</t>
  </si>
  <si>
    <t>cg19489509</t>
  </si>
  <si>
    <t>cg19498112</t>
  </si>
  <si>
    <t>cg19499884</t>
  </si>
  <si>
    <t>cg19501502</t>
  </si>
  <si>
    <t>cg19506849</t>
  </si>
  <si>
    <t>cg19507206</t>
  </si>
  <si>
    <t>cg19509778</t>
  </si>
  <si>
    <t>cg19523082</t>
  </si>
  <si>
    <t>cg19525546</t>
  </si>
  <si>
    <t>cg19531732</t>
  </si>
  <si>
    <t>cg19532742</t>
  </si>
  <si>
    <t>cg19535032</t>
  </si>
  <si>
    <t>cg19538724</t>
  </si>
  <si>
    <t>cg19542707</t>
  </si>
  <si>
    <t>cg19542987</t>
  </si>
  <si>
    <t>cg19544434</t>
  </si>
  <si>
    <t>cg19548181</t>
  </si>
  <si>
    <t>cg19553698</t>
  </si>
  <si>
    <t>cg19557025</t>
  </si>
  <si>
    <t>cg19563415</t>
  </si>
  <si>
    <t>cg19565714</t>
  </si>
  <si>
    <t>cg19566506</t>
  </si>
  <si>
    <t>cg19566764</t>
  </si>
  <si>
    <t>cg19578398</t>
  </si>
  <si>
    <t>cg19578881</t>
  </si>
  <si>
    <t>cg19582297</t>
  </si>
  <si>
    <t>cg19585312</t>
  </si>
  <si>
    <t>cg19588519</t>
  </si>
  <si>
    <t>cg19591408</t>
  </si>
  <si>
    <t>cg19591595</t>
  </si>
  <si>
    <t>cg19596273</t>
  </si>
  <si>
    <t>cg19596653</t>
  </si>
  <si>
    <t>cg19598094</t>
  </si>
  <si>
    <t>cg19601138</t>
  </si>
  <si>
    <t>cg19601447</t>
  </si>
  <si>
    <t>cg19602187</t>
  </si>
  <si>
    <t>cg19602370</t>
  </si>
  <si>
    <t>cg19603836</t>
  </si>
  <si>
    <t>cg19604369</t>
  </si>
  <si>
    <t>cg19612574</t>
  </si>
  <si>
    <t>cg19615406</t>
  </si>
  <si>
    <t>cg19616532</t>
  </si>
  <si>
    <t>cg19617377</t>
  </si>
  <si>
    <t>cg19622451</t>
  </si>
  <si>
    <t>cg19634573</t>
  </si>
  <si>
    <t>cg19635695</t>
  </si>
  <si>
    <t>cg19636977</t>
  </si>
  <si>
    <t>cg19642494</t>
  </si>
  <si>
    <t>cg19647685</t>
  </si>
  <si>
    <t>cg19648751</t>
  </si>
  <si>
    <t>cg19649018</t>
  </si>
  <si>
    <t>cg19649172</t>
  </si>
  <si>
    <t>cg19652416</t>
  </si>
  <si>
    <t>cg19653951</t>
  </si>
  <si>
    <t>cg19657198</t>
  </si>
  <si>
    <t>cg19657960</t>
  </si>
  <si>
    <t>cg19658209</t>
  </si>
  <si>
    <t>cg19659218</t>
  </si>
  <si>
    <t>cg19659388</t>
  </si>
  <si>
    <t>cg19666787</t>
  </si>
  <si>
    <t>cg19669439</t>
  </si>
  <si>
    <t>cg19673155</t>
  </si>
  <si>
    <t>cg19675668</t>
  </si>
  <si>
    <t>cg19684887</t>
  </si>
  <si>
    <t>cg19685285</t>
  </si>
  <si>
    <t>cg19692584</t>
  </si>
  <si>
    <t>cg19694241</t>
  </si>
  <si>
    <t>cg19701416</t>
  </si>
  <si>
    <t>cg19707069</t>
  </si>
  <si>
    <t>cg19714985</t>
  </si>
  <si>
    <t>cg19719208</t>
  </si>
  <si>
    <t>cg19721326</t>
  </si>
  <si>
    <t>cg19726363</t>
  </si>
  <si>
    <t>cg19730092</t>
  </si>
  <si>
    <t>cg19730814</t>
  </si>
  <si>
    <t>cg19731268</t>
  </si>
  <si>
    <t>cg19735151</t>
  </si>
  <si>
    <t>cg19741645</t>
  </si>
  <si>
    <t>cg19757928</t>
  </si>
  <si>
    <t>cg19766102</t>
  </si>
  <si>
    <t>cg19774782</t>
  </si>
  <si>
    <t>cg19777638</t>
  </si>
  <si>
    <t>cg19779893</t>
  </si>
  <si>
    <t>cg19784721</t>
  </si>
  <si>
    <t>cg19791727</t>
  </si>
  <si>
    <t>cg19795235</t>
  </si>
  <si>
    <t>cg19801868</t>
  </si>
  <si>
    <t>cg19805217</t>
  </si>
  <si>
    <t>cg19806106</t>
  </si>
  <si>
    <t>cg19807317</t>
  </si>
  <si>
    <t>cg19810726</t>
  </si>
  <si>
    <t>cg19817126</t>
  </si>
  <si>
    <t>cg19820328</t>
  </si>
  <si>
    <t>cg19825759</t>
  </si>
  <si>
    <t>cg19826864</t>
  </si>
  <si>
    <t>cg19831403</t>
  </si>
  <si>
    <t>cg19836471</t>
  </si>
  <si>
    <t>cg19838107</t>
  </si>
  <si>
    <t>cg19841276</t>
  </si>
  <si>
    <t>cg19841447</t>
  </si>
  <si>
    <t>cg19842683</t>
  </si>
  <si>
    <t>cg19844704</t>
  </si>
  <si>
    <t>cg19850275</t>
  </si>
  <si>
    <t>cg19850463</t>
  </si>
  <si>
    <t>cg19854666</t>
  </si>
  <si>
    <t>cg19854704</t>
  </si>
  <si>
    <t>cg19862769</t>
  </si>
  <si>
    <t>cg19862899</t>
  </si>
  <si>
    <t>cg19864851</t>
  </si>
  <si>
    <t>cg19866923</t>
  </si>
  <si>
    <t>cg19870668</t>
  </si>
  <si>
    <t>cg19872284</t>
  </si>
  <si>
    <t>cg19873536</t>
  </si>
  <si>
    <t>cg19876672</t>
  </si>
  <si>
    <t>cg19880751</t>
  </si>
  <si>
    <t>cg19882857</t>
  </si>
  <si>
    <t>cg19884262</t>
  </si>
  <si>
    <t>cg19890033</t>
  </si>
  <si>
    <t>cg19893670</t>
  </si>
  <si>
    <t>cg19894382</t>
  </si>
  <si>
    <t>cg19895894</t>
  </si>
  <si>
    <t>cg19902173</t>
  </si>
  <si>
    <t>cg19902302</t>
  </si>
  <si>
    <t>cg19905856</t>
  </si>
  <si>
    <t>cg19910231</t>
  </si>
  <si>
    <t>cg19910327</t>
  </si>
  <si>
    <t>cg19912736</t>
  </si>
  <si>
    <t>cg19914904</t>
  </si>
  <si>
    <t>cg19917650</t>
  </si>
  <si>
    <t>cg19917656</t>
  </si>
  <si>
    <t>cg19922741</t>
  </si>
  <si>
    <t>cg19935065</t>
  </si>
  <si>
    <t>cg19935431</t>
  </si>
  <si>
    <t>cg19936605</t>
  </si>
  <si>
    <t>cg19939077</t>
  </si>
  <si>
    <t>cg19939250</t>
  </si>
  <si>
    <t>cg19942454</t>
  </si>
  <si>
    <t>cg19946742</t>
  </si>
  <si>
    <t>cg19950823</t>
  </si>
  <si>
    <t>cg19955118</t>
  </si>
  <si>
    <t>cg19957119</t>
  </si>
  <si>
    <t>cg19958511</t>
  </si>
  <si>
    <t>cg19963839</t>
  </si>
  <si>
    <t>cg19964348</t>
  </si>
  <si>
    <t>cg19964475</t>
  </si>
  <si>
    <t>cg19975645</t>
  </si>
  <si>
    <t>cg19980381</t>
  </si>
  <si>
    <t>cg19984146</t>
  </si>
  <si>
    <t>cg19997196</t>
  </si>
  <si>
    <t>cg20004827</t>
  </si>
  <si>
    <t>cg20005705</t>
  </si>
  <si>
    <t>cg20007890</t>
  </si>
  <si>
    <t>cg20011051</t>
  </si>
  <si>
    <t>cg20011402</t>
  </si>
  <si>
    <t>cg20011552</t>
  </si>
  <si>
    <t>cg20012537</t>
  </si>
  <si>
    <t>cg20014988</t>
  </si>
  <si>
    <t>cg20016023</t>
  </si>
  <si>
    <t>cg20019163</t>
  </si>
  <si>
    <t>cg20023259</t>
  </si>
  <si>
    <t>cg20023675</t>
  </si>
  <si>
    <t>cg20029140</t>
  </si>
  <si>
    <t>cg20036706</t>
  </si>
  <si>
    <t>cg20038116</t>
  </si>
  <si>
    <t>cg20038187</t>
  </si>
  <si>
    <t>cg20038591</t>
  </si>
  <si>
    <t>cg20038647</t>
  </si>
  <si>
    <t>cg20048045</t>
  </si>
  <si>
    <t>cg20048434</t>
  </si>
  <si>
    <t>cg20053465</t>
  </si>
  <si>
    <t>cg20062116</t>
  </si>
  <si>
    <t>cg20074042</t>
  </si>
  <si>
    <t>cg20080702</t>
  </si>
  <si>
    <t>cg20085588</t>
  </si>
  <si>
    <t>cg20087221</t>
  </si>
  <si>
    <t>cg20090194</t>
  </si>
  <si>
    <t>cg20093139</t>
  </si>
  <si>
    <t>cg20095233</t>
  </si>
  <si>
    <t>cg20095866</t>
  </si>
  <si>
    <t>cg20097929</t>
  </si>
  <si>
    <t>cg20100445</t>
  </si>
  <si>
    <t>cg20102878</t>
  </si>
  <si>
    <t>cg20107824</t>
  </si>
  <si>
    <t>cg20112984</t>
  </si>
  <si>
    <t>cg20118364</t>
  </si>
  <si>
    <t>cg20124602</t>
  </si>
  <si>
    <t>cg20129853</t>
  </si>
  <si>
    <t>cg20134984</t>
  </si>
  <si>
    <t>cg20137415</t>
  </si>
  <si>
    <t>cg20138186</t>
  </si>
  <si>
    <t>cg20139255</t>
  </si>
  <si>
    <t>cg20142018</t>
  </si>
  <si>
    <t>cg20143985</t>
  </si>
  <si>
    <t>cg20148003</t>
  </si>
  <si>
    <t>cg20149094</t>
  </si>
  <si>
    <t>cg20150667</t>
  </si>
  <si>
    <t>cg20152304</t>
  </si>
  <si>
    <t>cg20158159</t>
  </si>
  <si>
    <t>cg20167264</t>
  </si>
  <si>
    <t>cg20169296</t>
  </si>
  <si>
    <t>cg20172258</t>
  </si>
  <si>
    <t>cg20180364</t>
  </si>
  <si>
    <t>cg20187308</t>
  </si>
  <si>
    <t>cg20192527</t>
  </si>
  <si>
    <t>cg20196291</t>
  </si>
  <si>
    <t>cg20197123</t>
  </si>
  <si>
    <t>cg20198183</t>
  </si>
  <si>
    <t>cg20201177</t>
  </si>
  <si>
    <t>cg20207763</t>
  </si>
  <si>
    <t>cg20210689</t>
  </si>
  <si>
    <t>cg20223950</t>
  </si>
  <si>
    <t>cg20227530</t>
  </si>
  <si>
    <t>cg20228542</t>
  </si>
  <si>
    <t>cg20236750</t>
  </si>
  <si>
    <t>cg20241658</t>
  </si>
  <si>
    <t>cg20244327</t>
  </si>
  <si>
    <t>cg20253151</t>
  </si>
  <si>
    <t>cg20253410</t>
  </si>
  <si>
    <t>cg20256261</t>
  </si>
  <si>
    <t>cg20256567</t>
  </si>
  <si>
    <t>cg20256881</t>
  </si>
  <si>
    <t>cg20258083</t>
  </si>
  <si>
    <t>cg20263676</t>
  </si>
  <si>
    <t>cg20264966</t>
  </si>
  <si>
    <t>cg20267590</t>
  </si>
  <si>
    <t>cg20277006</t>
  </si>
  <si>
    <t>cg20277356</t>
  </si>
  <si>
    <t>cg20283292</t>
  </si>
  <si>
    <t>cg20283498</t>
  </si>
  <si>
    <t>cg20283670</t>
  </si>
  <si>
    <t>cg20289746</t>
  </si>
  <si>
    <t>cg20293894</t>
  </si>
  <si>
    <t>cg20294962</t>
  </si>
  <si>
    <t>cg20295537</t>
  </si>
  <si>
    <t>cg20297791</t>
  </si>
  <si>
    <t>cg20299263</t>
  </si>
  <si>
    <t>cg20303592</t>
  </si>
  <si>
    <t>cg20304290</t>
  </si>
  <si>
    <t>cg20314552</t>
  </si>
  <si>
    <t>cg20314737</t>
  </si>
  <si>
    <t>cg20316380</t>
  </si>
  <si>
    <t>cg20318978</t>
  </si>
  <si>
    <t>cg20319211</t>
  </si>
  <si>
    <t>cg20324928</t>
  </si>
  <si>
    <t>cg20331612</t>
  </si>
  <si>
    <t>cg20335283</t>
  </si>
  <si>
    <t>cg20336014</t>
  </si>
  <si>
    <t>cg20336571</t>
  </si>
  <si>
    <t>cg20337093</t>
  </si>
  <si>
    <t>cg20339859</t>
  </si>
  <si>
    <t>cg20340596</t>
  </si>
  <si>
    <t>cg20341384</t>
  </si>
  <si>
    <t>cg20341758</t>
  </si>
  <si>
    <t>cg20344448</t>
  </si>
  <si>
    <t>cg20345234</t>
  </si>
  <si>
    <t>cg20348858</t>
  </si>
  <si>
    <t>cg20349567</t>
  </si>
  <si>
    <t>cg20356323</t>
  </si>
  <si>
    <t>cg20362772</t>
  </si>
  <si>
    <t>cg20365618</t>
  </si>
  <si>
    <t>cg20372666</t>
  </si>
  <si>
    <t>cg20373635</t>
  </si>
  <si>
    <t>cg20377766</t>
  </si>
  <si>
    <t>cg20381271</t>
  </si>
  <si>
    <t>cg20382695</t>
  </si>
  <si>
    <t>cg20390052</t>
  </si>
  <si>
    <t>cg20390554</t>
  </si>
  <si>
    <t>cg20392242</t>
  </si>
  <si>
    <t>cg20395912</t>
  </si>
  <si>
    <t>cg20403873</t>
  </si>
  <si>
    <t>cg20404355</t>
  </si>
  <si>
    <t>cg20405893</t>
  </si>
  <si>
    <t>cg20406540</t>
  </si>
  <si>
    <t>cg20407834</t>
  </si>
  <si>
    <t>cg20407868</t>
  </si>
  <si>
    <t>cg20408402</t>
  </si>
  <si>
    <t>cg20416031</t>
  </si>
  <si>
    <t>cg20416110</t>
  </si>
  <si>
    <t>cg20418394</t>
  </si>
  <si>
    <t>cg20423602</t>
  </si>
  <si>
    <t>cg20430077</t>
  </si>
  <si>
    <t>cg20433531</t>
  </si>
  <si>
    <t>cg20435097</t>
  </si>
  <si>
    <t>cg20436086</t>
  </si>
  <si>
    <t>cg20441175</t>
  </si>
  <si>
    <t>cg20444320</t>
  </si>
  <si>
    <t>cg20445950</t>
  </si>
  <si>
    <t>cg20447538</t>
  </si>
  <si>
    <t>cg20451369</t>
  </si>
  <si>
    <t>cg20453042</t>
  </si>
  <si>
    <t>cg20453969</t>
  </si>
  <si>
    <t>cg20459238</t>
  </si>
  <si>
    <t>cg20472189</t>
  </si>
  <si>
    <t>cg20472384</t>
  </si>
  <si>
    <t>cg20480070</t>
  </si>
  <si>
    <t>cg20480783</t>
  </si>
  <si>
    <t>cg20491488</t>
  </si>
  <si>
    <t>cg20497668</t>
  </si>
  <si>
    <t>cg20499033</t>
  </si>
  <si>
    <t>cg20504007</t>
  </si>
  <si>
    <t>cg20506184</t>
  </si>
  <si>
    <t>cg20506783</t>
  </si>
  <si>
    <t>cg20509513</t>
  </si>
  <si>
    <t>cg20513962</t>
  </si>
  <si>
    <t>cg20514132</t>
  </si>
  <si>
    <t>cg20515900</t>
  </si>
  <si>
    <t>cg20517614</t>
  </si>
  <si>
    <t>cg20517887</t>
  </si>
  <si>
    <t>cg20521031</t>
  </si>
  <si>
    <t>cg20522299</t>
  </si>
  <si>
    <t>cg20533711</t>
  </si>
  <si>
    <t>cg20534130</t>
  </si>
  <si>
    <t>cg20534997</t>
  </si>
  <si>
    <t>cg20535067</t>
  </si>
  <si>
    <t>cg20537325</t>
  </si>
  <si>
    <t>cg20537554</t>
  </si>
  <si>
    <t>cg20539321</t>
  </si>
  <si>
    <t>cg20540372</t>
  </si>
  <si>
    <t>cg20544216</t>
  </si>
  <si>
    <t>cg20548339</t>
  </si>
  <si>
    <t>cg20552296</t>
  </si>
  <si>
    <t>cg20553782</t>
  </si>
  <si>
    <t>cg20560600</t>
  </si>
  <si>
    <t>cg20563098</t>
  </si>
  <si>
    <t>cg20566475</t>
  </si>
  <si>
    <t>cg20566587</t>
  </si>
  <si>
    <t>cg20567368</t>
  </si>
  <si>
    <t>cg20568497</t>
  </si>
  <si>
    <t>cg20569758</t>
  </si>
  <si>
    <t>cg20572816</t>
  </si>
  <si>
    <t>cg20575856</t>
  </si>
  <si>
    <t>cg20580294</t>
  </si>
  <si>
    <t>cg20580833</t>
  </si>
  <si>
    <t>cg20583816</t>
  </si>
  <si>
    <t>cg20585645</t>
  </si>
  <si>
    <t>cg20587968</t>
  </si>
  <si>
    <t>cg20595634</t>
  </si>
  <si>
    <t>cg20599420</t>
  </si>
  <si>
    <t>cg20599496</t>
  </si>
  <si>
    <t>cg20600274</t>
  </si>
  <si>
    <t>cg20600845</t>
  </si>
  <si>
    <t>cg20601314</t>
  </si>
  <si>
    <t>cg20609883</t>
  </si>
  <si>
    <t>cg20611453</t>
  </si>
  <si>
    <t>cg20617956</t>
  </si>
  <si>
    <t>cg20619600</t>
  </si>
  <si>
    <t>cg20621765</t>
  </si>
  <si>
    <t>cg20627988</t>
  </si>
  <si>
    <t>cg20628376</t>
  </si>
  <si>
    <t>cg20633956</t>
  </si>
  <si>
    <t>cg20636248</t>
  </si>
  <si>
    <t>cg20641465</t>
  </si>
  <si>
    <t>cg20641865</t>
  </si>
  <si>
    <t>cg20647888</t>
  </si>
  <si>
    <t>cg20648333</t>
  </si>
  <si>
    <t>cg20652759</t>
  </si>
  <si>
    <t>cg20652863</t>
  </si>
  <si>
    <t>cg20653518</t>
  </si>
  <si>
    <t>cg20654875</t>
  </si>
  <si>
    <t>cg20655342</t>
  </si>
  <si>
    <t>cg20655761</t>
  </si>
  <si>
    <t>cg20663200</t>
  </si>
  <si>
    <t>cg20669641</t>
  </si>
  <si>
    <t>cg20672618</t>
  </si>
  <si>
    <t>cg20676317</t>
  </si>
  <si>
    <t>cg20680674</t>
  </si>
  <si>
    <t>cg20681321</t>
  </si>
  <si>
    <t>cg20682517</t>
  </si>
  <si>
    <t>cg20684696</t>
  </si>
  <si>
    <t>cg20688340</t>
  </si>
  <si>
    <t>cg20689294</t>
  </si>
  <si>
    <t>cg20690062</t>
  </si>
  <si>
    <t>cg20692684</t>
  </si>
  <si>
    <t>cg20694495</t>
  </si>
  <si>
    <t>cg20698862</t>
  </si>
  <si>
    <t>cg20699274</t>
  </si>
  <si>
    <t>cg20700904</t>
  </si>
  <si>
    <t>cg20701680</t>
  </si>
  <si>
    <t>cg20703003</t>
  </si>
  <si>
    <t>cg20707409</t>
  </si>
  <si>
    <t>cg20711803</t>
  </si>
  <si>
    <t>cg20713929</t>
  </si>
  <si>
    <t>cg20714347</t>
  </si>
  <si>
    <t>cg20716064</t>
  </si>
  <si>
    <t>cg20728490</t>
  </si>
  <si>
    <t>cg20728993</t>
  </si>
  <si>
    <t>cg20730333</t>
  </si>
  <si>
    <t>cg20731384</t>
  </si>
  <si>
    <t>cg20746552</t>
  </si>
  <si>
    <t>cg20748038</t>
  </si>
  <si>
    <t>cg20748131</t>
  </si>
  <si>
    <t>cg20792376</t>
  </si>
  <si>
    <t>cg20800606</t>
  </si>
  <si>
    <t>cg20831708</t>
  </si>
  <si>
    <t>cg20841337</t>
  </si>
  <si>
    <t>cg20843286</t>
  </si>
  <si>
    <t>cg20849549</t>
  </si>
  <si>
    <t>cg20858350</t>
  </si>
  <si>
    <t>cg20862047</t>
  </si>
  <si>
    <t>cg20886541</t>
  </si>
  <si>
    <t>cg20888337</t>
  </si>
  <si>
    <t>cg20897136</t>
  </si>
  <si>
    <t>cg20910436</t>
  </si>
  <si>
    <t>cg20925954</t>
  </si>
  <si>
    <t>cg20942625</t>
  </si>
  <si>
    <t>cg20984251</t>
  </si>
  <si>
    <t>cg20999901</t>
  </si>
  <si>
    <t>cg21024264</t>
  </si>
  <si>
    <t>cg21100497</t>
  </si>
  <si>
    <t>cg21100958</t>
  </si>
  <si>
    <t>cg21105787</t>
  </si>
  <si>
    <t>cg21115977</t>
  </si>
  <si>
    <t>cg21123180</t>
  </si>
  <si>
    <t>cg21130124</t>
  </si>
  <si>
    <t>cg21163429</t>
  </si>
  <si>
    <t>cg21179051</t>
  </si>
  <si>
    <t>cg21206959</t>
  </si>
  <si>
    <t>cg21217225</t>
  </si>
  <si>
    <t>cg21226861</t>
  </si>
  <si>
    <t>cg21242918</t>
  </si>
  <si>
    <t>cg21244397</t>
  </si>
  <si>
    <t>cg21245135</t>
  </si>
  <si>
    <t>cg21254755</t>
  </si>
  <si>
    <t>cg21264207</t>
  </si>
  <si>
    <t>cg21289924</t>
  </si>
  <si>
    <t>cg21302771</t>
  </si>
  <si>
    <t>cg21343189</t>
  </si>
  <si>
    <t>cg21346589</t>
  </si>
  <si>
    <t>cg21348752</t>
  </si>
  <si>
    <t>cg21359303</t>
  </si>
  <si>
    <t>cg21370255</t>
  </si>
  <si>
    <t>cg21378403</t>
  </si>
  <si>
    <t>cg21381511</t>
  </si>
  <si>
    <t>cg21403543</t>
  </si>
  <si>
    <t>cg21411534</t>
  </si>
  <si>
    <t>cg21416602</t>
  </si>
  <si>
    <t>cg21419528</t>
  </si>
  <si>
    <t>cg21468929</t>
  </si>
  <si>
    <t>cg21474665</t>
  </si>
  <si>
    <t>cg21480743</t>
  </si>
  <si>
    <t>cg21508714</t>
  </si>
  <si>
    <t>cg21526572</t>
  </si>
  <si>
    <t>cg21538902</t>
  </si>
  <si>
    <t>cg21563912</t>
  </si>
  <si>
    <t>cg21565150</t>
  </si>
  <si>
    <t>cg21573601</t>
  </si>
  <si>
    <t>cg21607649</t>
  </si>
  <si>
    <t>cg21762589</t>
  </si>
  <si>
    <t>cg21781988</t>
  </si>
  <si>
    <t>cg21820890</t>
  </si>
  <si>
    <t>cg21872391</t>
  </si>
  <si>
    <t>cg21921619</t>
  </si>
  <si>
    <t>cg21925414</t>
  </si>
  <si>
    <t>cg21942670</t>
  </si>
  <si>
    <t>cg21948169</t>
  </si>
  <si>
    <t>cg21949958</t>
  </si>
  <si>
    <t>cg21951457</t>
  </si>
  <si>
    <t>cg21965997</t>
  </si>
  <si>
    <t>cg21981270</t>
  </si>
  <si>
    <t>cg22021359</t>
  </si>
  <si>
    <t>cg22044002</t>
  </si>
  <si>
    <t>cg22045288</t>
  </si>
  <si>
    <t>cg22056044</t>
  </si>
  <si>
    <t>cg22068473</t>
  </si>
  <si>
    <t>cg22082243</t>
  </si>
  <si>
    <t>cg22128849</t>
  </si>
  <si>
    <t>cg22139878</t>
  </si>
  <si>
    <t>cg22165685</t>
  </si>
  <si>
    <t>cg22172057</t>
  </si>
  <si>
    <t>cg22180738</t>
  </si>
  <si>
    <t>cg22206608</t>
  </si>
  <si>
    <t>cg22209166</t>
  </si>
  <si>
    <t>cg22212238</t>
  </si>
  <si>
    <t>cg22224625</t>
  </si>
  <si>
    <t>cg22238882</t>
  </si>
  <si>
    <t>cg22273925</t>
  </si>
  <si>
    <t>cg22278087</t>
  </si>
  <si>
    <t>cg22356726</t>
  </si>
  <si>
    <t>cg22370633</t>
  </si>
  <si>
    <t>cg22391400</t>
  </si>
  <si>
    <t>cg22444507</t>
  </si>
  <si>
    <t>cg22473973</t>
  </si>
  <si>
    <t>cg22482381</t>
  </si>
  <si>
    <t>cg22490134</t>
  </si>
  <si>
    <t>cg22515648</t>
  </si>
  <si>
    <t>cg22531668</t>
  </si>
  <si>
    <t>cg22531715</t>
  </si>
  <si>
    <t>cg22534759</t>
  </si>
  <si>
    <t>cg22538959</t>
  </si>
  <si>
    <t>cg22539182</t>
  </si>
  <si>
    <t>cg22539706</t>
  </si>
  <si>
    <t>cg22542222</t>
  </si>
  <si>
    <t>cg22542595</t>
  </si>
  <si>
    <t>cg22545356</t>
  </si>
  <si>
    <t>cg22545385</t>
  </si>
  <si>
    <t>cg22546737</t>
  </si>
  <si>
    <t>cg22548109</t>
  </si>
  <si>
    <t>cg22556143</t>
  </si>
  <si>
    <t>cg22561013</t>
  </si>
  <si>
    <t>cg22564317</t>
  </si>
  <si>
    <t>cg22564551</t>
  </si>
  <si>
    <t>cg22565033</t>
  </si>
  <si>
    <t>cg22566565</t>
  </si>
  <si>
    <t>cg22567613</t>
  </si>
  <si>
    <t>cg22568451</t>
  </si>
  <si>
    <t>cg22568703</t>
  </si>
  <si>
    <t>cg22569973</t>
  </si>
  <si>
    <t>cg22575603</t>
  </si>
  <si>
    <t>cg22580275</t>
  </si>
  <si>
    <t>cg22586726</t>
  </si>
  <si>
    <t>cg22593177</t>
  </si>
  <si>
    <t>cg22593342</t>
  </si>
  <si>
    <t>cg22593633</t>
  </si>
  <si>
    <t>cg22593815</t>
  </si>
  <si>
    <t>cg22595443</t>
  </si>
  <si>
    <t>cg22598373</t>
  </si>
  <si>
    <t>cg22601058</t>
  </si>
  <si>
    <t>cg22603352</t>
  </si>
  <si>
    <t>cg22603555</t>
  </si>
  <si>
    <t>cg22609331</t>
  </si>
  <si>
    <t>cg22611504</t>
  </si>
  <si>
    <t>cg22611900</t>
  </si>
  <si>
    <t>cg22622667</t>
  </si>
  <si>
    <t>cg22623927</t>
  </si>
  <si>
    <t>cg22629853</t>
  </si>
  <si>
    <t>cg22633036</t>
  </si>
  <si>
    <t>cg22633840</t>
  </si>
  <si>
    <t>cg22633936</t>
  </si>
  <si>
    <t>cg22635041</t>
  </si>
  <si>
    <t>cg22639768</t>
  </si>
  <si>
    <t>cg22643110</t>
  </si>
  <si>
    <t>cg22653012</t>
  </si>
  <si>
    <t>cg22655696</t>
  </si>
  <si>
    <t>cg22656048</t>
  </si>
  <si>
    <t>cg22665696</t>
  </si>
  <si>
    <t>cg22667358</t>
  </si>
  <si>
    <t>cg22668744</t>
  </si>
  <si>
    <t>cg22670503</t>
  </si>
  <si>
    <t>cg22671421</t>
  </si>
  <si>
    <t>cg22671611</t>
  </si>
  <si>
    <t>cg22671939</t>
  </si>
  <si>
    <t>cg22673543</t>
  </si>
  <si>
    <t>cg22675598</t>
  </si>
  <si>
    <t>cg22677268</t>
  </si>
  <si>
    <t>cg22684387</t>
  </si>
  <si>
    <t>cg22692545</t>
  </si>
  <si>
    <t>cg22696426</t>
  </si>
  <si>
    <t>cg22697516</t>
  </si>
  <si>
    <t>cg22708630</t>
  </si>
  <si>
    <t>cg22710329</t>
  </si>
  <si>
    <t>cg22713976</t>
  </si>
  <si>
    <t>cg22715479</t>
  </si>
  <si>
    <t>cg22715761</t>
  </si>
  <si>
    <t>cg22716025</t>
  </si>
  <si>
    <t>cg22717227</t>
  </si>
  <si>
    <t>cg22719902</t>
  </si>
  <si>
    <t>cg22724921</t>
  </si>
  <si>
    <t>cg22738278</t>
  </si>
  <si>
    <t>cg22738289</t>
  </si>
  <si>
    <t>cg22738655</t>
  </si>
  <si>
    <t>cg22740809</t>
  </si>
  <si>
    <t>cg22746458</t>
  </si>
  <si>
    <t>cg22749310</t>
  </si>
  <si>
    <t>cg22750254</t>
  </si>
  <si>
    <t>cg22750548</t>
  </si>
  <si>
    <t>cg22751264</t>
  </si>
  <si>
    <t>cg22752023</t>
  </si>
  <si>
    <t>cg22753482</t>
  </si>
  <si>
    <t>cg22756156</t>
  </si>
  <si>
    <t>cg22757362</t>
  </si>
  <si>
    <t>cg22758697</t>
  </si>
  <si>
    <t>cg22762361</t>
  </si>
  <si>
    <t>cg22763136</t>
  </si>
  <si>
    <t>cg22770911</t>
  </si>
  <si>
    <t>cg22778788</t>
  </si>
  <si>
    <t>cg22778843</t>
  </si>
  <si>
    <t>cg22782929</t>
  </si>
  <si>
    <t>cg22798758</t>
  </si>
  <si>
    <t>cg22799341</t>
  </si>
  <si>
    <t>cg22800233</t>
  </si>
  <si>
    <t>cg22808086</t>
  </si>
  <si>
    <t>cg22812892</t>
  </si>
  <si>
    <t>cg22814801</t>
  </si>
  <si>
    <t>cg22826038</t>
  </si>
  <si>
    <t>cg22836769</t>
  </si>
  <si>
    <t>cg22839123</t>
  </si>
  <si>
    <t>cg22839476</t>
  </si>
  <si>
    <t>cg22840650</t>
  </si>
  <si>
    <t>cg22842855</t>
  </si>
  <si>
    <t>cg22845855</t>
  </si>
  <si>
    <t>cg22851864</t>
  </si>
  <si>
    <t>cg22856949</t>
  </si>
  <si>
    <t>cg22860643</t>
  </si>
  <si>
    <t>cg22862961</t>
  </si>
  <si>
    <t>cg22866998</t>
  </si>
  <si>
    <t>cg22868111</t>
  </si>
  <si>
    <t>cg22868943</t>
  </si>
  <si>
    <t>cg22876659</t>
  </si>
  <si>
    <t>cg22877925</t>
  </si>
  <si>
    <t>cg22879105</t>
  </si>
  <si>
    <t>cg22882178</t>
  </si>
  <si>
    <t>cg22883332</t>
  </si>
  <si>
    <t>cg22885526</t>
  </si>
  <si>
    <t>cg22888181</t>
  </si>
  <si>
    <t>cg22889322</t>
  </si>
  <si>
    <t>cg22889914</t>
  </si>
  <si>
    <t>cg22890950</t>
  </si>
  <si>
    <t>cg22891191</t>
  </si>
  <si>
    <t>cg22891862</t>
  </si>
  <si>
    <t>cg22892437</t>
  </si>
  <si>
    <t>cg22895969</t>
  </si>
  <si>
    <t>cg22899100</t>
  </si>
  <si>
    <t>cg22900360</t>
  </si>
  <si>
    <t>cg22903908</t>
  </si>
  <si>
    <t>cg22910769</t>
  </si>
  <si>
    <t>cg22913131</t>
  </si>
  <si>
    <t>cg22918356</t>
  </si>
  <si>
    <t>cg22921579</t>
  </si>
  <si>
    <t>cg22923514</t>
  </si>
  <si>
    <t>cg22924015</t>
  </si>
  <si>
    <t>cg22924545</t>
  </si>
  <si>
    <t>cg22924958</t>
  </si>
  <si>
    <t>cg22935192</t>
  </si>
  <si>
    <t>cg22951128</t>
  </si>
  <si>
    <t>cg22952459</t>
  </si>
  <si>
    <t>cg22953960</t>
  </si>
  <si>
    <t>cg22954052</t>
  </si>
  <si>
    <t>cg22954621</t>
  </si>
  <si>
    <t>cg22959742</t>
  </si>
  <si>
    <t>cg22961335</t>
  </si>
  <si>
    <t>cg22962236</t>
  </si>
  <si>
    <t>cg22962982</t>
  </si>
  <si>
    <t>cg22963652</t>
  </si>
  <si>
    <t>cg22964496</t>
  </si>
  <si>
    <t>cg22965561</t>
  </si>
  <si>
    <t>cg22967284</t>
  </si>
  <si>
    <t>cg22968329</t>
  </si>
  <si>
    <t>cg22973459</t>
  </si>
  <si>
    <t>cg22975853</t>
  </si>
  <si>
    <t>cg22980697</t>
  </si>
  <si>
    <t>cg22983290</t>
  </si>
  <si>
    <t>cg22988146</t>
  </si>
  <si>
    <t>cg22992472</t>
  </si>
  <si>
    <t>cg22992966</t>
  </si>
  <si>
    <t>cg22998476</t>
  </si>
  <si>
    <t>cg23009123</t>
  </si>
  <si>
    <t>cg23009921</t>
  </si>
  <si>
    <t>cg23013664</t>
  </si>
  <si>
    <t>cg23016776</t>
  </si>
  <si>
    <t>cg23017573</t>
  </si>
  <si>
    <t>cg23023937</t>
  </si>
  <si>
    <t>cg23024158</t>
  </si>
  <si>
    <t>cg23024262</t>
  </si>
  <si>
    <t>cg23025804</t>
  </si>
  <si>
    <t>cg23030676</t>
  </si>
  <si>
    <t>cg23032936</t>
  </si>
  <si>
    <t>cg23033014</t>
  </si>
  <si>
    <t>cg23033422</t>
  </si>
  <si>
    <t>cg23040531</t>
  </si>
  <si>
    <t>cg23042076</t>
  </si>
  <si>
    <t>cg23046844</t>
  </si>
  <si>
    <t>cg23049079</t>
  </si>
  <si>
    <t>cg23054840</t>
  </si>
  <si>
    <t>cg23056923</t>
  </si>
  <si>
    <t>cg23058185</t>
  </si>
  <si>
    <t>cg23059461</t>
  </si>
  <si>
    <t>cg23068548</t>
  </si>
  <si>
    <t>cg23082862</t>
  </si>
  <si>
    <t>cg23083424</t>
  </si>
  <si>
    <t>cg23084016</t>
  </si>
  <si>
    <t>cg23084416</t>
  </si>
  <si>
    <t>cg23085281</t>
  </si>
  <si>
    <t>cg23087130</t>
  </si>
  <si>
    <t>cg23087306</t>
  </si>
  <si>
    <t>cg23087635</t>
  </si>
  <si>
    <t>cg23088510</t>
  </si>
  <si>
    <t>cg23089913</t>
  </si>
  <si>
    <t>cg23093090</t>
  </si>
  <si>
    <t>cg23093462</t>
  </si>
  <si>
    <t>cg23097079</t>
  </si>
  <si>
    <t>cg23100671</t>
  </si>
  <si>
    <t>cg23103009</t>
  </si>
  <si>
    <t>cg23104184</t>
  </si>
  <si>
    <t>cg23112326</t>
  </si>
  <si>
    <t>cg23114594</t>
  </si>
  <si>
    <t>cg23116910</t>
  </si>
  <si>
    <t>cg23119049</t>
  </si>
  <si>
    <t>cg23119463</t>
  </si>
  <si>
    <t>cg23123731</t>
  </si>
  <si>
    <t>cg23135352</t>
  </si>
  <si>
    <t>cg23138461</t>
  </si>
  <si>
    <t>cg23140076</t>
  </si>
  <si>
    <t>cg23141096</t>
  </si>
  <si>
    <t>cg23147393</t>
  </si>
  <si>
    <t>cg23148094</t>
  </si>
  <si>
    <t>cg23154497</t>
  </si>
  <si>
    <t>cg23170495</t>
  </si>
  <si>
    <t>cg23170535</t>
  </si>
  <si>
    <t>cg23170988</t>
  </si>
  <si>
    <t>cg23175130</t>
  </si>
  <si>
    <t>cg23177739</t>
  </si>
  <si>
    <t>cg23179321</t>
  </si>
  <si>
    <t>cg23181554</t>
  </si>
  <si>
    <t>cg23181776</t>
  </si>
  <si>
    <t>cg23182539</t>
  </si>
  <si>
    <t>cg23183348</t>
  </si>
  <si>
    <t>cg23194719</t>
  </si>
  <si>
    <t>cg23196756</t>
  </si>
  <si>
    <t>cg23202926</t>
  </si>
  <si>
    <t>cg23206032</t>
  </si>
  <si>
    <t>cg23210424</t>
  </si>
  <si>
    <t>cg23210906</t>
  </si>
  <si>
    <t>cg23211468</t>
  </si>
  <si>
    <t>cg23218877</t>
  </si>
  <si>
    <t>cg23220343</t>
  </si>
  <si>
    <t>cg23221090</t>
  </si>
  <si>
    <t>cg23231163</t>
  </si>
  <si>
    <t>cg23235223</t>
  </si>
  <si>
    <t>cg23239690</t>
  </si>
  <si>
    <t>cg23239742</t>
  </si>
  <si>
    <t>cg23240294</t>
  </si>
  <si>
    <t>cg23245905</t>
  </si>
  <si>
    <t>cg23247845</t>
  </si>
  <si>
    <t>cg23248910</t>
  </si>
  <si>
    <t>cg23256466</t>
  </si>
  <si>
    <t>cg23256829</t>
  </si>
  <si>
    <t>cg23258615</t>
  </si>
  <si>
    <t>cg23260525</t>
  </si>
  <si>
    <t>cg23261204</t>
  </si>
  <si>
    <t>cg23262811</t>
  </si>
  <si>
    <t>cg23262973</t>
  </si>
  <si>
    <t>cg23266598</t>
  </si>
  <si>
    <t>cg23269655</t>
  </si>
  <si>
    <t>cg23274030</t>
  </si>
  <si>
    <t>cg23278365</t>
  </si>
  <si>
    <t>cg23282441</t>
  </si>
  <si>
    <t>cg23284338</t>
  </si>
  <si>
    <t>cg23285750</t>
  </si>
  <si>
    <t>cg23290556</t>
  </si>
  <si>
    <t>cg23293230</t>
  </si>
  <si>
    <t>cg23300001</t>
  </si>
  <si>
    <t>cg23303782</t>
  </si>
  <si>
    <t>cg23305764</t>
  </si>
  <si>
    <t>cg23310253</t>
  </si>
  <si>
    <t>cg23313755</t>
  </si>
  <si>
    <t>cg23315423</t>
  </si>
  <si>
    <t>cg23322172</t>
  </si>
  <si>
    <t>cg23322812</t>
  </si>
  <si>
    <t>cg23325364</t>
  </si>
  <si>
    <t>cg23329411</t>
  </si>
  <si>
    <t>cg23331156</t>
  </si>
  <si>
    <t>cg23331778</t>
  </si>
  <si>
    <t>cg23332744</t>
  </si>
  <si>
    <t>cg23333420</t>
  </si>
  <si>
    <t>cg23339629</t>
  </si>
  <si>
    <t>cg23340017</t>
  </si>
  <si>
    <t>cg23341182</t>
  </si>
  <si>
    <t>cg23341612</t>
  </si>
  <si>
    <t>cg23345864</t>
  </si>
  <si>
    <t>cg23348297</t>
  </si>
  <si>
    <t>cg23353543</t>
  </si>
  <si>
    <t>cg23357150</t>
  </si>
  <si>
    <t>cg23364656</t>
  </si>
  <si>
    <t>cg23369985</t>
  </si>
  <si>
    <t>cg23373788</t>
  </si>
  <si>
    <t>cg23375593</t>
  </si>
  <si>
    <t>cg23375781</t>
  </si>
  <si>
    <t>cg23378108</t>
  </si>
  <si>
    <t>cg23379806</t>
  </si>
  <si>
    <t>cg23385817</t>
  </si>
  <si>
    <t>cg23386779</t>
  </si>
  <si>
    <t>cg23387109</t>
  </si>
  <si>
    <t>cg23387597</t>
  </si>
  <si>
    <t>cg23392162</t>
  </si>
  <si>
    <t>cg23396286</t>
  </si>
  <si>
    <t>cg23400208</t>
  </si>
  <si>
    <t>cg23400579</t>
  </si>
  <si>
    <t>cg23402444</t>
  </si>
  <si>
    <t>cg23402541</t>
  </si>
  <si>
    <t>cg23404562</t>
  </si>
  <si>
    <t>cg23410483</t>
  </si>
  <si>
    <t>cg23410627</t>
  </si>
  <si>
    <t>cg23414330</t>
  </si>
  <si>
    <t>cg23418095</t>
  </si>
  <si>
    <t>cg23421114</t>
  </si>
  <si>
    <t>cg23423227</t>
  </si>
  <si>
    <t>cg23426816</t>
  </si>
  <si>
    <t>cg23432673</t>
  </si>
  <si>
    <t>cg23437459</t>
  </si>
  <si>
    <t>cg23439460</t>
  </si>
  <si>
    <t>cg23442209</t>
  </si>
  <si>
    <t>cg23444264</t>
  </si>
  <si>
    <t>cg23451221</t>
  </si>
  <si>
    <t>cg23452957</t>
  </si>
  <si>
    <t>cg23453238</t>
  </si>
  <si>
    <t>cg23455148</t>
  </si>
  <si>
    <t>cg23456144</t>
  </si>
  <si>
    <t>cg23457588</t>
  </si>
  <si>
    <t>cg23458887</t>
  </si>
  <si>
    <t>cg23459363</t>
  </si>
  <si>
    <t>cg23460707</t>
  </si>
  <si>
    <t>cg23460809</t>
  </si>
  <si>
    <t>cg23461741</t>
  </si>
  <si>
    <t>cg23462772</t>
  </si>
  <si>
    <t>cg23468137</t>
  </si>
  <si>
    <t>cg23476898</t>
  </si>
  <si>
    <t>cg23485716</t>
  </si>
  <si>
    <t>cg23495441</t>
  </si>
  <si>
    <t>cg23499955</t>
  </si>
  <si>
    <t>cg23502253</t>
  </si>
  <si>
    <t>cg23502751</t>
  </si>
  <si>
    <t>cg23504719</t>
  </si>
  <si>
    <t>cg23508052</t>
  </si>
  <si>
    <t>cg23508667</t>
  </si>
  <si>
    <t>cg23510313</t>
  </si>
  <si>
    <t>cg23513363</t>
  </si>
  <si>
    <t>cg23516680</t>
  </si>
  <si>
    <t>cg23520119</t>
  </si>
  <si>
    <t>cg23521964</t>
  </si>
  <si>
    <t>cg23523388</t>
  </si>
  <si>
    <t>cg23536629</t>
  </si>
  <si>
    <t>cg23537141</t>
  </si>
  <si>
    <t>cg23543432</t>
  </si>
  <si>
    <t>cg23545299</t>
  </si>
  <si>
    <t>cg23545872</t>
  </si>
  <si>
    <t>cg23548374</t>
  </si>
  <si>
    <t>cg23558438</t>
  </si>
  <si>
    <t>cg23570694</t>
  </si>
  <si>
    <t>cg23573567</t>
  </si>
  <si>
    <t>cg23574526</t>
  </si>
  <si>
    <t>cg23576723</t>
  </si>
  <si>
    <t>cg23577033</t>
  </si>
  <si>
    <t>cg23581866</t>
  </si>
  <si>
    <t>cg23584332</t>
  </si>
  <si>
    <t>cg23585575</t>
  </si>
  <si>
    <t>cg23586549</t>
  </si>
  <si>
    <t>cg23588893</t>
  </si>
  <si>
    <t>cg23599026</t>
  </si>
  <si>
    <t>cg23603852</t>
  </si>
  <si>
    <t>cg23606392</t>
  </si>
  <si>
    <t>cg23606925</t>
  </si>
  <si>
    <t>cg23608075</t>
  </si>
  <si>
    <t>cg23620279</t>
  </si>
  <si>
    <t>cg23620639</t>
  </si>
  <si>
    <t>cg23621929</t>
  </si>
  <si>
    <t>cg23622162</t>
  </si>
  <si>
    <t>cg23625250</t>
  </si>
  <si>
    <t>cg23628240</t>
  </si>
  <si>
    <t>cg23629913</t>
  </si>
  <si>
    <t>cg23633543</t>
  </si>
  <si>
    <t>cg23634459</t>
  </si>
  <si>
    <t>cg23634554</t>
  </si>
  <si>
    <t>cg23635429</t>
  </si>
  <si>
    <t>cg23635883</t>
  </si>
  <si>
    <t>cg23638686</t>
  </si>
  <si>
    <t>cg23639922</t>
  </si>
  <si>
    <t>cg23640411</t>
  </si>
  <si>
    <t>cg23640944</t>
  </si>
  <si>
    <t>cg23642747</t>
  </si>
  <si>
    <t>cg23649631</t>
  </si>
  <si>
    <t>cg23653240</t>
  </si>
  <si>
    <t>cg23655160</t>
  </si>
  <si>
    <t>cg23655957</t>
  </si>
  <si>
    <t>cg23656300</t>
  </si>
  <si>
    <t>cg23657179</t>
  </si>
  <si>
    <t>cg23657190</t>
  </si>
  <si>
    <t>cg23657694</t>
  </si>
  <si>
    <t>cg23662178</t>
  </si>
  <si>
    <t>cg23665230</t>
  </si>
  <si>
    <t>cg23670101</t>
  </si>
  <si>
    <t>cg23679471</t>
  </si>
  <si>
    <t>cg23680451</t>
  </si>
  <si>
    <t>cg23680936</t>
  </si>
  <si>
    <t>cg23684973</t>
  </si>
  <si>
    <t>cg23689426</t>
  </si>
  <si>
    <t>cg23691873</t>
  </si>
  <si>
    <t>cg23694080</t>
  </si>
  <si>
    <t>cg23697796</t>
  </si>
  <si>
    <t>cg23700044</t>
  </si>
  <si>
    <t>cg23702568</t>
  </si>
  <si>
    <t>cg23705989</t>
  </si>
  <si>
    <t>cg23707493</t>
  </si>
  <si>
    <t>cg23712359</t>
  </si>
  <si>
    <t>cg23712401</t>
  </si>
  <si>
    <t>cg23715056</t>
  </si>
  <si>
    <t>cg23718351</t>
  </si>
  <si>
    <t>cg23720528</t>
  </si>
  <si>
    <t>cg23722428</t>
  </si>
  <si>
    <t>cg23724447</t>
  </si>
  <si>
    <t>cg23728447</t>
  </si>
  <si>
    <t>cg23728819</t>
  </si>
  <si>
    <t>cg23733123</t>
  </si>
  <si>
    <t>cg23735482</t>
  </si>
  <si>
    <t>cg23738384</t>
  </si>
  <si>
    <t>cg23738770</t>
  </si>
  <si>
    <t>cg23741759</t>
  </si>
  <si>
    <t>cg23748514</t>
  </si>
  <si>
    <t>cg23750391</t>
  </si>
  <si>
    <t>cg23751416</t>
  </si>
  <si>
    <t>cg23753021</t>
  </si>
  <si>
    <t>cg23753748</t>
  </si>
  <si>
    <t>cg23754392</t>
  </si>
  <si>
    <t>cg23758158</t>
  </si>
  <si>
    <t>cg23758252</t>
  </si>
  <si>
    <t>cg23758703</t>
  </si>
  <si>
    <t>cg23761815</t>
  </si>
  <si>
    <t>cg23762579</t>
  </si>
  <si>
    <t>cg23764381</t>
  </si>
  <si>
    <t>cg23766354</t>
  </si>
  <si>
    <t>cg23771949</t>
  </si>
  <si>
    <t>cg23786152</t>
  </si>
  <si>
    <t>cg23791011</t>
  </si>
  <si>
    <t>cg23793121</t>
  </si>
  <si>
    <t>cg23803225</t>
  </si>
  <si>
    <t>cg23804750</t>
  </si>
  <si>
    <t>cg23812775</t>
  </si>
  <si>
    <t>cg23814172</t>
  </si>
  <si>
    <t>cg23815312</t>
  </si>
  <si>
    <t>cg23817637</t>
  </si>
  <si>
    <t>cg23817643</t>
  </si>
  <si>
    <t>cg23818888</t>
  </si>
  <si>
    <t>cg23828595</t>
  </si>
  <si>
    <t>cg23828635</t>
  </si>
  <si>
    <t>cg23837109</t>
  </si>
  <si>
    <t>cg23837220</t>
  </si>
  <si>
    <t>cg23837438</t>
  </si>
  <si>
    <t>cg23845574</t>
  </si>
  <si>
    <t>cg23849099</t>
  </si>
  <si>
    <t>cg23856138</t>
  </si>
  <si>
    <t>cg23863055</t>
  </si>
  <si>
    <t>cg23863328</t>
  </si>
  <si>
    <t>cg23865980</t>
  </si>
  <si>
    <t>cg23867673</t>
  </si>
  <si>
    <t>cg23868119</t>
  </si>
  <si>
    <t>cg23869743</t>
  </si>
  <si>
    <t>cg23871081</t>
  </si>
  <si>
    <t>cg23875319</t>
  </si>
  <si>
    <t>cg23877683</t>
  </si>
  <si>
    <t>cg23879147</t>
  </si>
  <si>
    <t>cg23881299</t>
  </si>
  <si>
    <t>cg23889654</t>
  </si>
  <si>
    <t>cg23889967</t>
  </si>
  <si>
    <t>cg23890469</t>
  </si>
  <si>
    <t>cg23891700</t>
  </si>
  <si>
    <t>cg23892766</t>
  </si>
  <si>
    <t>cg23898059</t>
  </si>
  <si>
    <t>cg23898073</t>
  </si>
  <si>
    <t>cg23900225</t>
  </si>
  <si>
    <t>cg23900609</t>
  </si>
  <si>
    <t>cg23909079</t>
  </si>
  <si>
    <t>cg23909584</t>
  </si>
  <si>
    <t>cg23911808</t>
  </si>
  <si>
    <t>cg23914149</t>
  </si>
  <si>
    <t>cg23916504</t>
  </si>
  <si>
    <t>cg23923462</t>
  </si>
  <si>
    <t>cg23931420</t>
  </si>
  <si>
    <t>cg23931497</t>
  </si>
  <si>
    <t>cg23934071</t>
  </si>
  <si>
    <t>cg23934139</t>
  </si>
  <si>
    <t>cg23935253</t>
  </si>
  <si>
    <t>cg23936294</t>
  </si>
  <si>
    <t>cg23941394</t>
  </si>
  <si>
    <t>cg23942065</t>
  </si>
  <si>
    <t>cg23956385</t>
  </si>
  <si>
    <t>cg23958457</t>
  </si>
  <si>
    <t>cg23963984</t>
  </si>
  <si>
    <t>cg23967554</t>
  </si>
  <si>
    <t>cg23967742</t>
  </si>
  <si>
    <t>cg23971517</t>
  </si>
  <si>
    <t>cg23973899</t>
  </si>
  <si>
    <t>cg23975355</t>
  </si>
  <si>
    <t>cg23976499</t>
  </si>
  <si>
    <t>cg23981905</t>
  </si>
  <si>
    <t>cg23983208</t>
  </si>
  <si>
    <t>cg23985702</t>
  </si>
  <si>
    <t>cg23987897</t>
  </si>
  <si>
    <t>cg23989579</t>
  </si>
  <si>
    <t>cg23996873</t>
  </si>
  <si>
    <t>cg23997887</t>
  </si>
  <si>
    <t>cg24000657</t>
  </si>
  <si>
    <t>cg24000860</t>
  </si>
  <si>
    <t>cg24001345</t>
  </si>
  <si>
    <t>cg24003020</t>
  </si>
  <si>
    <t>cg24011307</t>
  </si>
  <si>
    <t>cg24012157</t>
  </si>
  <si>
    <t>cg24012440</t>
  </si>
  <si>
    <t>cg24013882</t>
  </si>
  <si>
    <t>cg24019620</t>
  </si>
  <si>
    <t>cg24020157</t>
  </si>
  <si>
    <t>cg24023187</t>
  </si>
  <si>
    <t>cg24024176</t>
  </si>
  <si>
    <t>cg24035962</t>
  </si>
  <si>
    <t>cg24044147</t>
  </si>
  <si>
    <t>cg24044501</t>
  </si>
  <si>
    <t>cg24049838</t>
  </si>
  <si>
    <t>cg24049990</t>
  </si>
  <si>
    <t>cg24053165</t>
  </si>
  <si>
    <t>cg24053375</t>
  </si>
  <si>
    <t>cg24053610</t>
  </si>
  <si>
    <t>cg24053748</t>
  </si>
  <si>
    <t>cg24063120</t>
  </si>
  <si>
    <t>cg24064224</t>
  </si>
  <si>
    <t>cg24067118</t>
  </si>
  <si>
    <t>cg24067982</t>
  </si>
  <si>
    <t>cg24076348</t>
  </si>
  <si>
    <t>cg24080571</t>
  </si>
  <si>
    <t>cg24082037</t>
  </si>
  <si>
    <t>cg24094513</t>
  </si>
  <si>
    <t>cg24097797</t>
  </si>
  <si>
    <t>cg24097872</t>
  </si>
  <si>
    <t>cg24118715</t>
  </si>
  <si>
    <t>cg24118920</t>
  </si>
  <si>
    <t>cg24119674</t>
  </si>
  <si>
    <t>cg24120153</t>
  </si>
  <si>
    <t>cg24124069</t>
  </si>
  <si>
    <t>cg24127335</t>
  </si>
  <si>
    <t>cg24131452</t>
  </si>
  <si>
    <t>cg24134959</t>
  </si>
  <si>
    <t>cg24141690</t>
  </si>
  <si>
    <t>cg24143022</t>
  </si>
  <si>
    <t>cg24143137</t>
  </si>
  <si>
    <t>cg24143287</t>
  </si>
  <si>
    <t>cg24144047</t>
  </si>
  <si>
    <t>cg24146166</t>
  </si>
  <si>
    <t>cg24158028</t>
  </si>
  <si>
    <t>cg24160331</t>
  </si>
  <si>
    <t>cg24160569</t>
  </si>
  <si>
    <t>cg24161397</t>
  </si>
  <si>
    <t>cg24162030</t>
  </si>
  <si>
    <t>cg24166018</t>
  </si>
  <si>
    <t>cg24176601</t>
  </si>
  <si>
    <t>cg24179445</t>
  </si>
  <si>
    <t>cg24180219</t>
  </si>
  <si>
    <t>cg24181174</t>
  </si>
  <si>
    <t>cg24184687</t>
  </si>
  <si>
    <t>cg24185357</t>
  </si>
  <si>
    <t>cg24186506</t>
  </si>
  <si>
    <t>cg24193242</t>
  </si>
  <si>
    <t>cg24194053</t>
  </si>
  <si>
    <t>cg24194698</t>
  </si>
  <si>
    <t>cg24196693</t>
  </si>
  <si>
    <t>cg24197051</t>
  </si>
  <si>
    <t>cg24198990</t>
  </si>
  <si>
    <t>cg24199006</t>
  </si>
  <si>
    <t>cg24199987</t>
  </si>
  <si>
    <t>cg24201941</t>
  </si>
  <si>
    <t>cg24202772</t>
  </si>
  <si>
    <t>cg24214918</t>
  </si>
  <si>
    <t>cg24248680</t>
  </si>
  <si>
    <t>cg24248776</t>
  </si>
  <si>
    <t>cg24249583</t>
  </si>
  <si>
    <t>cg24249916</t>
  </si>
  <si>
    <t>cg24251484</t>
  </si>
  <si>
    <t>cg24252723</t>
  </si>
  <si>
    <t>cg24256384</t>
  </si>
  <si>
    <t>cg24256836</t>
  </si>
  <si>
    <t>cg24257768</t>
  </si>
  <si>
    <t>cg24258592</t>
  </si>
  <si>
    <t>cg24258896</t>
  </si>
  <si>
    <t>cg24264254</t>
  </si>
  <si>
    <t>cg24264382</t>
  </si>
  <si>
    <t>cg24265610</t>
  </si>
  <si>
    <t>cg24266261</t>
  </si>
  <si>
    <t>cg24277705</t>
  </si>
  <si>
    <t>cg24278713</t>
  </si>
  <si>
    <t>cg24280819</t>
  </si>
  <si>
    <t>cg24281965</t>
  </si>
  <si>
    <t>cg24284571</t>
  </si>
  <si>
    <t>cg24287110</t>
  </si>
  <si>
    <t>cg24289167</t>
  </si>
  <si>
    <t>cg24289912</t>
  </si>
  <si>
    <t>cg24291461</t>
  </si>
  <si>
    <t>cg24291776</t>
  </si>
  <si>
    <t>cg24293914</t>
  </si>
  <si>
    <t>cg24294544</t>
  </si>
  <si>
    <t>cg24297509</t>
  </si>
  <si>
    <t>cg24305451</t>
  </si>
  <si>
    <t>cg24312865</t>
  </si>
  <si>
    <t>cg24314430</t>
  </si>
  <si>
    <t>cg24332743</t>
  </si>
  <si>
    <t>cg24333290</t>
  </si>
  <si>
    <t>cg24334983</t>
  </si>
  <si>
    <t>cg24337310</t>
  </si>
  <si>
    <t>cg24343755</t>
  </si>
  <si>
    <t>cg24345639</t>
  </si>
  <si>
    <t>cg24346263</t>
  </si>
  <si>
    <t>cg24348573</t>
  </si>
  <si>
    <t>cg24351003</t>
  </si>
  <si>
    <t>cg24353779</t>
  </si>
  <si>
    <t>cg24356544</t>
  </si>
  <si>
    <t>cg24371157</t>
  </si>
  <si>
    <t>cg24371910</t>
  </si>
  <si>
    <t>cg24375007</t>
  </si>
  <si>
    <t>cg24376212</t>
  </si>
  <si>
    <t>cg24377826</t>
  </si>
  <si>
    <t>cg24382712</t>
  </si>
  <si>
    <t>cg24383498</t>
  </si>
  <si>
    <t>cg24384120</t>
  </si>
  <si>
    <t>cg24385652</t>
  </si>
  <si>
    <t>cg24386905</t>
  </si>
  <si>
    <t>cg24390322</t>
  </si>
  <si>
    <t>cg24392574</t>
  </si>
  <si>
    <t>cg24394891</t>
  </si>
  <si>
    <t>cg24398061</t>
  </si>
  <si>
    <t>cg24399212</t>
  </si>
  <si>
    <t>cg24399337</t>
  </si>
  <si>
    <t>cg24401020</t>
  </si>
  <si>
    <t>cg24402267</t>
  </si>
  <si>
    <t>cg24411488</t>
  </si>
  <si>
    <t>cg24411972</t>
  </si>
  <si>
    <t>cg24412117</t>
  </si>
  <si>
    <t>cg24415895</t>
  </si>
  <si>
    <t>cg24417391</t>
  </si>
  <si>
    <t>cg24417845</t>
  </si>
  <si>
    <t>cg24418712</t>
  </si>
  <si>
    <t>cg24423329</t>
  </si>
  <si>
    <t>cg24424217</t>
  </si>
  <si>
    <t>cg24424545</t>
  </si>
  <si>
    <t>cg24429450</t>
  </si>
  <si>
    <t>cg24432078</t>
  </si>
  <si>
    <t>cg24435571</t>
  </si>
  <si>
    <t>cg24440206</t>
  </si>
  <si>
    <t>cg24440625</t>
  </si>
  <si>
    <t>cg24446932</t>
  </si>
  <si>
    <t>cg24448969</t>
  </si>
  <si>
    <t>cg24451653</t>
  </si>
  <si>
    <t>cg24453527</t>
  </si>
  <si>
    <t>cg24457611</t>
  </si>
  <si>
    <t>cg24462992</t>
  </si>
  <si>
    <t>cg24463476</t>
  </si>
  <si>
    <t>cg24466939</t>
  </si>
  <si>
    <t>cg24478788</t>
  </si>
  <si>
    <t>cg24480146</t>
  </si>
  <si>
    <t>cg24481578</t>
  </si>
  <si>
    <t>cg24483689</t>
  </si>
  <si>
    <t>cg24487940</t>
  </si>
  <si>
    <t>cg24488739</t>
  </si>
  <si>
    <t>cg24489074</t>
  </si>
  <si>
    <t>cg24494556</t>
  </si>
  <si>
    <t>cg24495528</t>
  </si>
  <si>
    <t>cg24499627</t>
  </si>
  <si>
    <t>cg24500487</t>
  </si>
  <si>
    <t>cg24501020</t>
  </si>
  <si>
    <t>cg24501831</t>
  </si>
  <si>
    <t>cg24503796</t>
  </si>
  <si>
    <t>cg24506434</t>
  </si>
  <si>
    <t>cg24508974</t>
  </si>
  <si>
    <t>cg24517875</t>
  </si>
  <si>
    <t>cg24520871</t>
  </si>
  <si>
    <t>cg24521445</t>
  </si>
  <si>
    <t>cg24524057</t>
  </si>
  <si>
    <t>cg24527560</t>
  </si>
  <si>
    <t>cg24530116</t>
  </si>
  <si>
    <t>cg24533690</t>
  </si>
  <si>
    <t>cg24537986</t>
  </si>
  <si>
    <t>cg24541279</t>
  </si>
  <si>
    <t>cg24541378</t>
  </si>
  <si>
    <t>cg24543526</t>
  </si>
  <si>
    <t>cg24543574</t>
  </si>
  <si>
    <t>cg24546349</t>
  </si>
  <si>
    <t>cg24552431</t>
  </si>
  <si>
    <t>cg24553184</t>
  </si>
  <si>
    <t>cg24558718</t>
  </si>
  <si>
    <t>cg24560898</t>
  </si>
  <si>
    <t>cg24563850</t>
  </si>
  <si>
    <t>cg24564492</t>
  </si>
  <si>
    <t>cg24568842</t>
  </si>
  <si>
    <t>cg24570303</t>
  </si>
  <si>
    <t>cg24576735</t>
  </si>
  <si>
    <t>cg24585537</t>
  </si>
  <si>
    <t>cg24587744</t>
  </si>
  <si>
    <t>cg24589691</t>
  </si>
  <si>
    <t>cg24590430</t>
  </si>
  <si>
    <t>cg24591279</t>
  </si>
  <si>
    <t>cg24591300</t>
  </si>
  <si>
    <t>cg24591913</t>
  </si>
  <si>
    <t>cg24593272</t>
  </si>
  <si>
    <t>cg24598948</t>
  </si>
  <si>
    <t>cg24600706</t>
  </si>
  <si>
    <t>cg24602309</t>
  </si>
  <si>
    <t>cg24608700</t>
  </si>
  <si>
    <t>cg24609819</t>
  </si>
  <si>
    <t>cg24611996</t>
  </si>
  <si>
    <t>cg24617444</t>
  </si>
  <si>
    <t>cg24618244</t>
  </si>
  <si>
    <t>cg24624695</t>
  </si>
  <si>
    <t>cg24625984</t>
  </si>
  <si>
    <t>cg24631518</t>
  </si>
  <si>
    <t>cg24631950</t>
  </si>
  <si>
    <t>cg24632480</t>
  </si>
  <si>
    <t>cg24634577</t>
  </si>
  <si>
    <t>cg24636244</t>
  </si>
  <si>
    <t>cg24638819</t>
  </si>
  <si>
    <t>cg24640390</t>
  </si>
  <si>
    <t>cg24646285</t>
  </si>
  <si>
    <t>cg24647276</t>
  </si>
  <si>
    <t>cg24650114</t>
  </si>
  <si>
    <t>cg24652679</t>
  </si>
  <si>
    <t>cg24656492</t>
  </si>
  <si>
    <t>cg24658487</t>
  </si>
  <si>
    <t>cg24660086</t>
  </si>
  <si>
    <t>cg24660675</t>
  </si>
  <si>
    <t>cg24667042</t>
  </si>
  <si>
    <t>cg24667407</t>
  </si>
  <si>
    <t>cg24668150</t>
  </si>
  <si>
    <t>cg24671245</t>
  </si>
  <si>
    <t>cg24678429</t>
  </si>
  <si>
    <t>cg24680439</t>
  </si>
  <si>
    <t>cg24684520</t>
  </si>
  <si>
    <t>cg24686497</t>
  </si>
  <si>
    <t>cg24691332</t>
  </si>
  <si>
    <t>cg24691336</t>
  </si>
  <si>
    <t>cg24693061</t>
  </si>
  <si>
    <t>cg24695614</t>
  </si>
  <si>
    <t>cg24696332</t>
  </si>
  <si>
    <t>cg24699895</t>
  </si>
  <si>
    <t>cg24706674</t>
  </si>
  <si>
    <t>cg24711336</t>
  </si>
  <si>
    <t>cg24711397</t>
  </si>
  <si>
    <t>cg24716167</t>
  </si>
  <si>
    <t>cg24717061</t>
  </si>
  <si>
    <t>cg24718710</t>
  </si>
  <si>
    <t>cg24718722</t>
  </si>
  <si>
    <t>cg24720008</t>
  </si>
  <si>
    <t>cg24721873</t>
  </si>
  <si>
    <t>cg24723476</t>
  </si>
  <si>
    <t>cg24730705</t>
  </si>
  <si>
    <t>cg24735307</t>
  </si>
  <si>
    <t>cg24741873</t>
  </si>
  <si>
    <t>cg24752964</t>
  </si>
  <si>
    <t>cg24755725</t>
  </si>
  <si>
    <t>cg24756403</t>
  </si>
  <si>
    <t>cg24757778</t>
  </si>
  <si>
    <t>cg24760467</t>
  </si>
  <si>
    <t>cg24760869</t>
  </si>
  <si>
    <t>cg24761366</t>
  </si>
  <si>
    <t>cg24762932</t>
  </si>
  <si>
    <t>cg24767540</t>
  </si>
  <si>
    <t>cg24770856</t>
  </si>
  <si>
    <t>cg24771908</t>
  </si>
  <si>
    <t>cg24772501</t>
  </si>
  <si>
    <t>cg24775327</t>
  </si>
  <si>
    <t>cg24785606</t>
  </si>
  <si>
    <t>cg24787755</t>
  </si>
  <si>
    <t>cg24788308</t>
  </si>
  <si>
    <t>cg24789723</t>
  </si>
  <si>
    <t>cg24790600</t>
  </si>
  <si>
    <t>cg24794669</t>
  </si>
  <si>
    <t>cg24797840</t>
  </si>
  <si>
    <t>cg24798956</t>
  </si>
  <si>
    <t>cg24801835</t>
  </si>
  <si>
    <t>cg24803261</t>
  </si>
  <si>
    <t>cg24804172</t>
  </si>
  <si>
    <t>cg24807198</t>
  </si>
  <si>
    <t>cg24812946</t>
  </si>
  <si>
    <t>cg24815842</t>
  </si>
  <si>
    <t>cg24819967</t>
  </si>
  <si>
    <t>cg24823222</t>
  </si>
  <si>
    <t>cg24824676</t>
  </si>
  <si>
    <t>cg24824686</t>
  </si>
  <si>
    <t>cg24838825</t>
  </si>
  <si>
    <t>cg24842223</t>
  </si>
  <si>
    <t>cg24845175</t>
  </si>
  <si>
    <t>cg24847035</t>
  </si>
  <si>
    <t>cg24849846</t>
  </si>
  <si>
    <t>cg24851364</t>
  </si>
  <si>
    <t>cg24855781</t>
  </si>
  <si>
    <t>cg24859228</t>
  </si>
  <si>
    <t>cg24861272</t>
  </si>
  <si>
    <t>cg24861866</t>
  </si>
  <si>
    <t>cg24862450</t>
  </si>
  <si>
    <t>cg24862861</t>
  </si>
  <si>
    <t>cg24864097</t>
  </si>
  <si>
    <t>cg24868421</t>
  </si>
  <si>
    <t>cg24869393</t>
  </si>
  <si>
    <t>cg24873880</t>
  </si>
  <si>
    <t>cg24874783</t>
  </si>
  <si>
    <t>cg24875854</t>
  </si>
  <si>
    <t>cg24879087</t>
  </si>
  <si>
    <t>cg24879273</t>
  </si>
  <si>
    <t>cg24880387</t>
  </si>
  <si>
    <t>cg24883276</t>
  </si>
  <si>
    <t>cg24885631</t>
  </si>
  <si>
    <t>cg24903144</t>
  </si>
  <si>
    <t>cg24905316</t>
  </si>
  <si>
    <t>cg24914474</t>
  </si>
  <si>
    <t>cg24915508</t>
  </si>
  <si>
    <t>cg24916358</t>
  </si>
  <si>
    <t>cg24917945</t>
  </si>
  <si>
    <t>cg24919105</t>
  </si>
  <si>
    <t>cg24919790</t>
  </si>
  <si>
    <t>cg24923509</t>
  </si>
  <si>
    <t>cg24926711</t>
  </si>
  <si>
    <t>cg24934431</t>
  </si>
  <si>
    <t>cg24938210</t>
  </si>
  <si>
    <t>cg24939483</t>
  </si>
  <si>
    <t>cg24947258</t>
  </si>
  <si>
    <t>cg24950817</t>
  </si>
  <si>
    <t>cg24951100</t>
  </si>
  <si>
    <t>cg24952224</t>
  </si>
  <si>
    <t>cg24960641</t>
  </si>
  <si>
    <t>cg24962011</t>
  </si>
  <si>
    <t>cg24964601</t>
  </si>
  <si>
    <t>cg24980994</t>
  </si>
  <si>
    <t>cg24982682</t>
  </si>
  <si>
    <t>cg24983858</t>
  </si>
  <si>
    <t>cg24989193</t>
  </si>
  <si>
    <t>cg24995352</t>
  </si>
  <si>
    <t>cg24995798</t>
  </si>
  <si>
    <t>cg25002152</t>
  </si>
  <si>
    <t>cg25005433</t>
  </si>
  <si>
    <t>cg25006231</t>
  </si>
  <si>
    <t>cg25009999</t>
  </si>
  <si>
    <t>cg25015271</t>
  </si>
  <si>
    <t>cg25017952</t>
  </si>
  <si>
    <t>cg25019847</t>
  </si>
  <si>
    <t>cg25022687</t>
  </si>
  <si>
    <t>cg25024345</t>
  </si>
  <si>
    <t>cg25024734</t>
  </si>
  <si>
    <t>cg25026248</t>
  </si>
  <si>
    <t>cg25030266</t>
  </si>
  <si>
    <t>cg25032745</t>
  </si>
  <si>
    <t>cg25037043</t>
  </si>
  <si>
    <t>cg25038317</t>
  </si>
  <si>
    <t>cg25038330</t>
  </si>
  <si>
    <t>cg25039498</t>
  </si>
  <si>
    <t>cg25040061</t>
  </si>
  <si>
    <t>cg25042430</t>
  </si>
  <si>
    <t>cg25043050</t>
  </si>
  <si>
    <t>cg25043352</t>
  </si>
  <si>
    <t>cg25044306</t>
  </si>
  <si>
    <t>cg25044990</t>
  </si>
  <si>
    <t>cg25048816</t>
  </si>
  <si>
    <t>cg25052156</t>
  </si>
  <si>
    <t>cg25056460</t>
  </si>
  <si>
    <t>cg25057461</t>
  </si>
  <si>
    <t>cg25065131</t>
  </si>
  <si>
    <t>cg25067606</t>
  </si>
  <si>
    <t>cg25068207</t>
  </si>
  <si>
    <t>cg25071602</t>
  </si>
  <si>
    <t>cg25079847</t>
  </si>
  <si>
    <t>cg25083596</t>
  </si>
  <si>
    <t>cg25093409</t>
  </si>
  <si>
    <t>cg25093954</t>
  </si>
  <si>
    <t>cg25095612</t>
  </si>
  <si>
    <t>cg25095973</t>
  </si>
  <si>
    <t>cg25098077</t>
  </si>
  <si>
    <t>cg25103895</t>
  </si>
  <si>
    <t>cg25104124</t>
  </si>
  <si>
    <t>cg25107609</t>
  </si>
  <si>
    <t>cg25111781</t>
  </si>
  <si>
    <t>cg25112625</t>
  </si>
  <si>
    <t>cg25116900</t>
  </si>
  <si>
    <t>cg25117362</t>
  </si>
  <si>
    <t>cg25119743</t>
  </si>
  <si>
    <t>cg25123211</t>
  </si>
  <si>
    <t>cg25123470</t>
  </si>
  <si>
    <t>cg25124943</t>
  </si>
  <si>
    <t>cg25132510</t>
  </si>
  <si>
    <t>cg25136353</t>
  </si>
  <si>
    <t>cg25138168</t>
  </si>
  <si>
    <t>cg25141064</t>
  </si>
  <si>
    <t>cg25144149</t>
  </si>
  <si>
    <t>cg25145165</t>
  </si>
  <si>
    <t>cg25153759</t>
  </si>
  <si>
    <t>cg25154244</t>
  </si>
  <si>
    <t>cg25155149</t>
  </si>
  <si>
    <t>cg25164589</t>
  </si>
  <si>
    <t>cg25165860</t>
  </si>
  <si>
    <t>cg25180252</t>
  </si>
  <si>
    <t>cg25181684</t>
  </si>
  <si>
    <t>cg25195795</t>
  </si>
  <si>
    <t>cg25196348</t>
  </si>
  <si>
    <t>cg25197240</t>
  </si>
  <si>
    <t>cg25202111</t>
  </si>
  <si>
    <t>cg25202411</t>
  </si>
  <si>
    <t>cg25204955</t>
  </si>
  <si>
    <t>cg25207366</t>
  </si>
  <si>
    <t>cg25209111</t>
  </si>
  <si>
    <t>cg25209674</t>
  </si>
  <si>
    <t>cg25214090</t>
  </si>
  <si>
    <t>cg25214376</t>
  </si>
  <si>
    <t>cg25214584</t>
  </si>
  <si>
    <t>cg25221168</t>
  </si>
  <si>
    <t>cg25221239</t>
  </si>
  <si>
    <t>cg25223634</t>
  </si>
  <si>
    <t>cg25229706</t>
  </si>
  <si>
    <t>cg25233709</t>
  </si>
  <si>
    <t>cg25238274</t>
  </si>
  <si>
    <t>cg25239156</t>
  </si>
  <si>
    <t>cg25244008</t>
  </si>
  <si>
    <t>cg25245989</t>
  </si>
  <si>
    <t>cg25247887</t>
  </si>
  <si>
    <t>cg25248628</t>
  </si>
  <si>
    <t>cg25250132</t>
  </si>
  <si>
    <t>cg25250650</t>
  </si>
  <si>
    <t>cg25250998</t>
  </si>
  <si>
    <t>cg25252197</t>
  </si>
  <si>
    <t>cg25252561</t>
  </si>
  <si>
    <t>cg25256493</t>
  </si>
  <si>
    <t>cg25259712</t>
  </si>
  <si>
    <t>cg25265790</t>
  </si>
  <si>
    <t>cg25277632</t>
  </si>
  <si>
    <t>cg25281042</t>
  </si>
  <si>
    <t>cg25290938</t>
  </si>
  <si>
    <t>cg25291138</t>
  </si>
  <si>
    <t>cg25294906</t>
  </si>
  <si>
    <t>cg25295723</t>
  </si>
  <si>
    <t>cg25301064</t>
  </si>
  <si>
    <t>cg25301103</t>
  </si>
  <si>
    <t>cg25306579</t>
  </si>
  <si>
    <t>cg25307318</t>
  </si>
  <si>
    <t>cg25308381</t>
  </si>
  <si>
    <t>cg25310700</t>
  </si>
  <si>
    <t>cg25315400</t>
  </si>
  <si>
    <t>cg25319933</t>
  </si>
  <si>
    <t>cg25321212</t>
  </si>
  <si>
    <t>cg25323057</t>
  </si>
  <si>
    <t>cg25326122</t>
  </si>
  <si>
    <t>cg25327233</t>
  </si>
  <si>
    <t>cg25333056</t>
  </si>
  <si>
    <t>cg25337481</t>
  </si>
  <si>
    <t>cg25342207</t>
  </si>
  <si>
    <t>cg25349900</t>
  </si>
  <si>
    <t>cg25350703</t>
  </si>
  <si>
    <t>cg25351565</t>
  </si>
  <si>
    <t>cg25355803</t>
  </si>
  <si>
    <t>cg25356457</t>
  </si>
  <si>
    <t>cg25362834</t>
  </si>
  <si>
    <t>cg25364726</t>
  </si>
  <si>
    <t>cg25365550</t>
  </si>
  <si>
    <t>cg25370231</t>
  </si>
  <si>
    <t>cg25371672</t>
  </si>
  <si>
    <t>cg25372335</t>
  </si>
  <si>
    <t>cg25376593</t>
  </si>
  <si>
    <t>cg25377358</t>
  </si>
  <si>
    <t>cg25378215</t>
  </si>
  <si>
    <t>cg25381229</t>
  </si>
  <si>
    <t>cg25381747</t>
  </si>
  <si>
    <t>cg25388715</t>
  </si>
  <si>
    <t>cg25390349</t>
  </si>
  <si>
    <t>cg25391092</t>
  </si>
  <si>
    <t>cg25392935</t>
  </si>
  <si>
    <t>cg25394042</t>
  </si>
  <si>
    <t>cg25399504</t>
  </si>
  <si>
    <t>cg25400200</t>
  </si>
  <si>
    <t>cg25403283</t>
  </si>
  <si>
    <t>cg25405138</t>
  </si>
  <si>
    <t>cg25414746</t>
  </si>
  <si>
    <t>cg25417042</t>
  </si>
  <si>
    <t>cg25418309</t>
  </si>
  <si>
    <t>cg25423573</t>
  </si>
  <si>
    <t>cg25423888</t>
  </si>
  <si>
    <t>cg25425089</t>
  </si>
  <si>
    <t>cg25427880</t>
  </si>
  <si>
    <t>cg25430838</t>
  </si>
  <si>
    <t>cg25436414</t>
  </si>
  <si>
    <t>cg25437411</t>
  </si>
  <si>
    <t>cg25446309</t>
  </si>
  <si>
    <t>cg25446361</t>
  </si>
  <si>
    <t>cg25450304</t>
  </si>
  <si>
    <t>cg25452067</t>
  </si>
  <si>
    <t>cg25452974</t>
  </si>
  <si>
    <t>cg25453154</t>
  </si>
  <si>
    <t>cg25457672</t>
  </si>
  <si>
    <t>cg25464840</t>
  </si>
  <si>
    <t>cg25467634</t>
  </si>
  <si>
    <t>cg25483854</t>
  </si>
  <si>
    <t>cg25485734</t>
  </si>
  <si>
    <t>cg25488288</t>
  </si>
  <si>
    <t>cg25490633</t>
  </si>
  <si>
    <t>cg25491558</t>
  </si>
  <si>
    <t>cg25494789</t>
  </si>
  <si>
    <t>cg25494992</t>
  </si>
  <si>
    <t>cg25497912</t>
  </si>
  <si>
    <t>cg25501099</t>
  </si>
  <si>
    <t>cg25501446</t>
  </si>
  <si>
    <t>cg25502086</t>
  </si>
  <si>
    <t>cg25509428</t>
  </si>
  <si>
    <t>cg25511286</t>
  </si>
  <si>
    <t>cg25518362</t>
  </si>
  <si>
    <t>cg25523538</t>
  </si>
  <si>
    <t>cg25524473</t>
  </si>
  <si>
    <t>cg25526001</t>
  </si>
  <si>
    <t>cg25529535</t>
  </si>
  <si>
    <t>cg25531679</t>
  </si>
  <si>
    <t>cg25531836</t>
  </si>
  <si>
    <t>cg25554455</t>
  </si>
  <si>
    <t>cg25554740</t>
  </si>
  <si>
    <t>cg25560333</t>
  </si>
  <si>
    <t>cg25563799</t>
  </si>
  <si>
    <t>cg25574227</t>
  </si>
  <si>
    <t>cg25575732</t>
  </si>
  <si>
    <t>cg25576655</t>
  </si>
  <si>
    <t>cg25577670</t>
  </si>
  <si>
    <t>cg25578830</t>
  </si>
  <si>
    <t>cg25579066</t>
  </si>
  <si>
    <t>cg25580076</t>
  </si>
  <si>
    <t>cg25580782</t>
  </si>
  <si>
    <t>cg25580864</t>
  </si>
  <si>
    <t>cg25586069</t>
  </si>
  <si>
    <t>cg25586860</t>
  </si>
  <si>
    <t>cg25592910</t>
  </si>
  <si>
    <t>cg25594165</t>
  </si>
  <si>
    <t>cg25596082</t>
  </si>
  <si>
    <t>cg25601501</t>
  </si>
  <si>
    <t>cg25603927</t>
  </si>
  <si>
    <t>cg25614836</t>
  </si>
  <si>
    <t>cg25617100</t>
  </si>
  <si>
    <t>cg25617725</t>
  </si>
  <si>
    <t>cg25631022</t>
  </si>
  <si>
    <t>cg25637829</t>
  </si>
  <si>
    <t>cg25645310</t>
  </si>
  <si>
    <t>cg25647120</t>
  </si>
  <si>
    <t>cg25653917</t>
  </si>
  <si>
    <t>cg25655578</t>
  </si>
  <si>
    <t>cg25656283</t>
  </si>
  <si>
    <t>cg25667511</t>
  </si>
  <si>
    <t>cg25672013</t>
  </si>
  <si>
    <t>cg25672060</t>
  </si>
  <si>
    <t>cg25673112</t>
  </si>
  <si>
    <t>cg25677571</t>
  </si>
  <si>
    <t>cg25678180</t>
  </si>
  <si>
    <t>cg25685775</t>
  </si>
  <si>
    <t>cg25688584</t>
  </si>
  <si>
    <t>cg25689079</t>
  </si>
  <si>
    <t>cg25691326</t>
  </si>
  <si>
    <t>cg25692323</t>
  </si>
  <si>
    <t>cg25698741</t>
  </si>
  <si>
    <t>cg25707298</t>
  </si>
  <si>
    <t>cg25708455</t>
  </si>
  <si>
    <t>cg25715256</t>
  </si>
  <si>
    <t>cg25718035</t>
  </si>
  <si>
    <t>cg25718132</t>
  </si>
  <si>
    <t>cg25721744</t>
  </si>
  <si>
    <t>cg25723614</t>
  </si>
  <si>
    <t>cg25723959</t>
  </si>
  <si>
    <t>cg25724310</t>
  </si>
  <si>
    <t>cg25725418</t>
  </si>
  <si>
    <t>cg25733009</t>
  </si>
  <si>
    <t>cg25736617</t>
  </si>
  <si>
    <t>cg25741023</t>
  </si>
  <si>
    <t>cg25741578</t>
  </si>
  <si>
    <t>cg25741810</t>
  </si>
  <si>
    <t>cg25744558</t>
  </si>
  <si>
    <t>cg25744653</t>
  </si>
  <si>
    <t>cg25745452</t>
  </si>
  <si>
    <t>cg25749254</t>
  </si>
  <si>
    <t>cg25751172</t>
  </si>
  <si>
    <t>cg25756406</t>
  </si>
  <si>
    <t>cg25757869</t>
  </si>
  <si>
    <t>cg25770176</t>
  </si>
  <si>
    <t>cg25772185</t>
  </si>
  <si>
    <t>cg25782256</t>
  </si>
  <si>
    <t>cg25793597</t>
  </si>
  <si>
    <t>cg25795290</t>
  </si>
  <si>
    <t>cg25798024</t>
  </si>
  <si>
    <t>cg25800753</t>
  </si>
  <si>
    <t>cg25802093</t>
  </si>
  <si>
    <t>cg25805482</t>
  </si>
  <si>
    <t>cg25817351</t>
  </si>
  <si>
    <t>cg25822326</t>
  </si>
  <si>
    <t>cg25824127</t>
  </si>
  <si>
    <t>cg25827255</t>
  </si>
  <si>
    <t>cg25832274</t>
  </si>
  <si>
    <t>cg25835733</t>
  </si>
  <si>
    <t>cg25838091</t>
  </si>
  <si>
    <t>cg25839342</t>
  </si>
  <si>
    <t>cg25841943</t>
  </si>
  <si>
    <t>cg25842285</t>
  </si>
  <si>
    <t>cg25851152</t>
  </si>
  <si>
    <t>cg25856018</t>
  </si>
  <si>
    <t>cg25857986</t>
  </si>
  <si>
    <t>cg25858261</t>
  </si>
  <si>
    <t>cg25870025</t>
  </si>
  <si>
    <t>cg25872941</t>
  </si>
  <si>
    <t>cg25873974</t>
  </si>
  <si>
    <t>cg25881869</t>
  </si>
  <si>
    <t>cg25881985</t>
  </si>
  <si>
    <t>cg25882240</t>
  </si>
  <si>
    <t>cg25884812</t>
  </si>
  <si>
    <t>cg25885077</t>
  </si>
  <si>
    <t>cg25890582</t>
  </si>
  <si>
    <t>cg25892434</t>
  </si>
  <si>
    <t>cg25892587</t>
  </si>
  <si>
    <t>cg25897043</t>
  </si>
  <si>
    <t>cg25906360</t>
  </si>
  <si>
    <t>cg25907916</t>
  </si>
  <si>
    <t>cg25908917</t>
  </si>
  <si>
    <t>cg25912428</t>
  </si>
  <si>
    <t>cg25921502</t>
  </si>
  <si>
    <t>cg25922105</t>
  </si>
  <si>
    <t>cg25924525</t>
  </si>
  <si>
    <t>cg25927044</t>
  </si>
  <si>
    <t>cg25930229</t>
  </si>
  <si>
    <t>cg25937598</t>
  </si>
  <si>
    <t>cg25943845</t>
  </si>
  <si>
    <t>cg25944620</t>
  </si>
  <si>
    <t>cg25945303</t>
  </si>
  <si>
    <t>cg25946758</t>
  </si>
  <si>
    <t>cg25951256</t>
  </si>
  <si>
    <t>cg25958158</t>
  </si>
  <si>
    <t>cg25966016</t>
  </si>
  <si>
    <t>cg25970726</t>
  </si>
  <si>
    <t>cg25977619</t>
  </si>
  <si>
    <t>cg25982983</t>
  </si>
  <si>
    <t>cg25983553</t>
  </si>
  <si>
    <t>cg25985263</t>
  </si>
  <si>
    <t>cg25985600</t>
  </si>
  <si>
    <t>cg25992657</t>
  </si>
  <si>
    <t>cg25993111</t>
  </si>
  <si>
    <t>cg25994603</t>
  </si>
  <si>
    <t>cg25995980</t>
  </si>
  <si>
    <t>cg25999827</t>
  </si>
  <si>
    <t>cg26002370</t>
  </si>
  <si>
    <t>cg26002437</t>
  </si>
  <si>
    <t>cg26005973</t>
  </si>
  <si>
    <t>cg26007223</t>
  </si>
  <si>
    <t>cg26015743</t>
  </si>
  <si>
    <t>cg26017408</t>
  </si>
  <si>
    <t>cg26022932</t>
  </si>
  <si>
    <t>cg26028149</t>
  </si>
  <si>
    <t>cg26032412</t>
  </si>
  <si>
    <t>cg26038751</t>
  </si>
  <si>
    <t>cg26041927</t>
  </si>
  <si>
    <t>cg26051135</t>
  </si>
  <si>
    <t>cg26051748</t>
  </si>
  <si>
    <t>cg26055718</t>
  </si>
  <si>
    <t>cg26058820</t>
  </si>
  <si>
    <t>cg26059292</t>
  </si>
  <si>
    <t>cg26059316</t>
  </si>
  <si>
    <t>cg26060665</t>
  </si>
  <si>
    <t>cg26067760</t>
  </si>
  <si>
    <t>cg26072930</t>
  </si>
  <si>
    <t>cg26076412</t>
  </si>
  <si>
    <t>cg26078803</t>
  </si>
  <si>
    <t>cg26091131</t>
  </si>
  <si>
    <t>cg26093145</t>
  </si>
  <si>
    <t>cg26094470</t>
  </si>
  <si>
    <t>cg26094484</t>
  </si>
  <si>
    <t>cg26094990</t>
  </si>
  <si>
    <t>cg26100059</t>
  </si>
  <si>
    <t>cg26101767</t>
  </si>
  <si>
    <t>cg26105766</t>
  </si>
  <si>
    <t>cg26109030</t>
  </si>
  <si>
    <t>cg26109803</t>
  </si>
  <si>
    <t>cg26110605</t>
  </si>
  <si>
    <t>cg26111575</t>
  </si>
  <si>
    <t>cg26112755</t>
  </si>
  <si>
    <t>cg26114100</t>
  </si>
  <si>
    <t>cg26116937</t>
  </si>
  <si>
    <t>cg26118208</t>
  </si>
  <si>
    <t>cg26120431</t>
  </si>
  <si>
    <t>cg26120842</t>
  </si>
  <si>
    <t>cg26123824</t>
  </si>
  <si>
    <t>cg26127080</t>
  </si>
  <si>
    <t>cg26127345</t>
  </si>
  <si>
    <t>cg26132114</t>
  </si>
  <si>
    <t>cg26134737</t>
  </si>
  <si>
    <t>cg26135388</t>
  </si>
  <si>
    <t>cg26137219</t>
  </si>
  <si>
    <t>cg26142490</t>
  </si>
  <si>
    <t>cg26147736</t>
  </si>
  <si>
    <t>cg26150462</t>
  </si>
  <si>
    <t>cg26151477</t>
  </si>
  <si>
    <t>cg26154937</t>
  </si>
  <si>
    <t>cg26156279</t>
  </si>
  <si>
    <t>cg26159368</t>
  </si>
  <si>
    <t>cg26164234</t>
  </si>
  <si>
    <t>cg26166804</t>
  </si>
  <si>
    <t>cg26168823</t>
  </si>
  <si>
    <t>cg26177629</t>
  </si>
  <si>
    <t>cg26177968</t>
  </si>
  <si>
    <t>cg26178664</t>
  </si>
  <si>
    <t>cg26181880</t>
  </si>
  <si>
    <t>cg26182866</t>
  </si>
  <si>
    <t>cg26182964</t>
  </si>
  <si>
    <t>cg26185061</t>
  </si>
  <si>
    <t>cg26186546</t>
  </si>
  <si>
    <t>cg26188621</t>
  </si>
  <si>
    <t>cg26190381</t>
  </si>
  <si>
    <t>cg26191422</t>
  </si>
  <si>
    <t>cg26193427</t>
  </si>
  <si>
    <t>cg26193744</t>
  </si>
  <si>
    <t>cg26194475</t>
  </si>
  <si>
    <t>cg26194641</t>
  </si>
  <si>
    <t>cg26195706</t>
  </si>
  <si>
    <t>cg26197256</t>
  </si>
  <si>
    <t>cg26201213</t>
  </si>
  <si>
    <t>cg26202575</t>
  </si>
  <si>
    <t>cg26202872</t>
  </si>
  <si>
    <t>cg26203879</t>
  </si>
  <si>
    <t>cg26206894</t>
  </si>
  <si>
    <t>cg26207837</t>
  </si>
  <si>
    <t>cg26210946</t>
  </si>
  <si>
    <t>cg26211455</t>
  </si>
  <si>
    <t>cg26212135</t>
  </si>
  <si>
    <t>cg26216343</t>
  </si>
  <si>
    <t>cg26227310</t>
  </si>
  <si>
    <t>cg26228746</t>
  </si>
  <si>
    <t>cg26230417</t>
  </si>
  <si>
    <t>cg26231267</t>
  </si>
  <si>
    <t>cg26231732</t>
  </si>
  <si>
    <t>cg26236741</t>
  </si>
  <si>
    <t>cg26241514</t>
  </si>
  <si>
    <t>cg26246740</t>
  </si>
  <si>
    <t>cg26248581</t>
  </si>
  <si>
    <t>cg26253934</t>
  </si>
  <si>
    <t>cg26255807</t>
  </si>
  <si>
    <t>cg26256560</t>
  </si>
  <si>
    <t>cg26261973</t>
  </si>
  <si>
    <t>cg26262157</t>
  </si>
  <si>
    <t>cg26263145</t>
  </si>
  <si>
    <t>cg26263263</t>
  </si>
  <si>
    <t>cg26266098</t>
  </si>
  <si>
    <t>cg26270792</t>
  </si>
  <si>
    <t>cg26271255</t>
  </si>
  <si>
    <t>cg26271572</t>
  </si>
  <si>
    <t>cg26272150</t>
  </si>
  <si>
    <t>cg26272270</t>
  </si>
  <si>
    <t>cg26273539</t>
  </si>
  <si>
    <t>cg26275480</t>
  </si>
  <si>
    <t>cg26280695</t>
  </si>
  <si>
    <t>cg26282205</t>
  </si>
  <si>
    <t>cg26282761</t>
  </si>
  <si>
    <t>cg26291600</t>
  </si>
  <si>
    <t>cg26293182</t>
  </si>
  <si>
    <t>cg26293457</t>
  </si>
  <si>
    <t>cg26296364</t>
  </si>
  <si>
    <t>cg26298192</t>
  </si>
  <si>
    <t>cg26298409</t>
  </si>
  <si>
    <t>cg26298855</t>
  </si>
  <si>
    <t>cg26301297</t>
  </si>
  <si>
    <t>cg26301661</t>
  </si>
  <si>
    <t>cg26309356</t>
  </si>
  <si>
    <t>cg26312366</t>
  </si>
  <si>
    <t>cg26316423</t>
  </si>
  <si>
    <t>cg26323374</t>
  </si>
  <si>
    <t>cg26332285</t>
  </si>
  <si>
    <t>cg26332926</t>
  </si>
  <si>
    <t>cg26333224</t>
  </si>
  <si>
    <t>cg26333393</t>
  </si>
  <si>
    <t>cg26334209</t>
  </si>
  <si>
    <t>cg26339504</t>
  </si>
  <si>
    <t>cg26342147</t>
  </si>
  <si>
    <t>cg26346104</t>
  </si>
  <si>
    <t>cg26351966</t>
  </si>
  <si>
    <t>cg26353166</t>
  </si>
  <si>
    <t>cg26354413</t>
  </si>
  <si>
    <t>cg26360968</t>
  </si>
  <si>
    <t>cg26361313</t>
  </si>
  <si>
    <t>cg26366480</t>
  </si>
  <si>
    <t>cg26366649</t>
  </si>
  <si>
    <t>cg26368842</t>
  </si>
  <si>
    <t>cg26369315</t>
  </si>
  <si>
    <t>cg26372765</t>
  </si>
  <si>
    <t>cg26378073</t>
  </si>
  <si>
    <t>cg26380291</t>
  </si>
  <si>
    <t>cg26381263</t>
  </si>
  <si>
    <t>cg26381481</t>
  </si>
  <si>
    <t>cg26383468</t>
  </si>
  <si>
    <t>cg26384465</t>
  </si>
  <si>
    <t>cg26389392</t>
  </si>
  <si>
    <t>cg26394196</t>
  </si>
  <si>
    <t>cg26403580</t>
  </si>
  <si>
    <t>cg26404725</t>
  </si>
  <si>
    <t>cg26412532</t>
  </si>
  <si>
    <t>cg26413192</t>
  </si>
  <si>
    <t>cg26429273</t>
  </si>
  <si>
    <t>cg26429732</t>
  </si>
  <si>
    <t>cg26432364</t>
  </si>
  <si>
    <t>cg26437842</t>
  </si>
  <si>
    <t>cg26442890</t>
  </si>
  <si>
    <t>cg26446674</t>
  </si>
  <si>
    <t>cg26451923</t>
  </si>
  <si>
    <t>cg26452056</t>
  </si>
  <si>
    <t>cg26458862</t>
  </si>
  <si>
    <t>cg26459859</t>
  </si>
  <si>
    <t>cg26461637</t>
  </si>
  <si>
    <t>cg26469903</t>
  </si>
  <si>
    <t>cg26476156</t>
  </si>
  <si>
    <t>cg26476574</t>
  </si>
  <si>
    <t>cg26477221</t>
  </si>
  <si>
    <t>cg26477576</t>
  </si>
  <si>
    <t>cg26477793</t>
  </si>
  <si>
    <t>cg26483332</t>
  </si>
  <si>
    <t>cg26488837</t>
  </si>
  <si>
    <t>cg26495303</t>
  </si>
  <si>
    <t>cg26499232</t>
  </si>
  <si>
    <t>cg26500288</t>
  </si>
  <si>
    <t>cg26502067</t>
  </si>
  <si>
    <t>cg26503125</t>
  </si>
  <si>
    <t>cg26507353</t>
  </si>
  <si>
    <t>cg26508239</t>
  </si>
  <si>
    <t>cg26508444</t>
  </si>
  <si>
    <t>cg26509211</t>
  </si>
  <si>
    <t>cg26509965</t>
  </si>
  <si>
    <t>cg26510027</t>
  </si>
  <si>
    <t>cg26511507</t>
  </si>
  <si>
    <t>cg26514793</t>
  </si>
  <si>
    <t>cg26517376</t>
  </si>
  <si>
    <t>cg26518861</t>
  </si>
  <si>
    <t>cg26519486</t>
  </si>
  <si>
    <t>cg26523338</t>
  </si>
  <si>
    <t>cg26528713</t>
  </si>
  <si>
    <t>cg26529877</t>
  </si>
  <si>
    <t>cg26533193</t>
  </si>
  <si>
    <t>cg26536957</t>
  </si>
  <si>
    <t>cg26538046</t>
  </si>
  <si>
    <t>cg26549601</t>
  </si>
  <si>
    <t>cg26550234</t>
  </si>
  <si>
    <t>cg26564768</t>
  </si>
  <si>
    <t>cg26569590</t>
  </si>
  <si>
    <t>cg26572361</t>
  </si>
  <si>
    <t>cg26572392</t>
  </si>
  <si>
    <t>cg26575622</t>
  </si>
  <si>
    <t>cg26576398</t>
  </si>
  <si>
    <t>cg26577677</t>
  </si>
  <si>
    <t>cg26579601</t>
  </si>
  <si>
    <t>cg26579838</t>
  </si>
  <si>
    <t>cg26582768</t>
  </si>
  <si>
    <t>cg26583753</t>
  </si>
  <si>
    <t>cg26588061</t>
  </si>
  <si>
    <t>cg26600312</t>
  </si>
  <si>
    <t>cg26603656</t>
  </si>
  <si>
    <t>cg26605164</t>
  </si>
  <si>
    <t>cg26605858</t>
  </si>
  <si>
    <t>cg26605865</t>
  </si>
  <si>
    <t>cg26606947</t>
  </si>
  <si>
    <t>cg26607228</t>
  </si>
  <si>
    <t>cg26610808</t>
  </si>
  <si>
    <t>cg26615853</t>
  </si>
  <si>
    <t>cg26625369</t>
  </si>
  <si>
    <t>cg26627408</t>
  </si>
  <si>
    <t>cg26631034</t>
  </si>
  <si>
    <t>cg26632409</t>
  </si>
  <si>
    <t>cg26640901</t>
  </si>
  <si>
    <t>cg26648233</t>
  </si>
  <si>
    <t>cg26649219</t>
  </si>
  <si>
    <t>cg26651885</t>
  </si>
  <si>
    <t>cg26654807</t>
  </si>
  <si>
    <t>cg26656452</t>
  </si>
  <si>
    <t>cg26662324</t>
  </si>
  <si>
    <t>cg26679713</t>
  </si>
  <si>
    <t>cg26680350</t>
  </si>
  <si>
    <t>cg26682135</t>
  </si>
  <si>
    <t>cg26689666</t>
  </si>
  <si>
    <t>cg26695125</t>
  </si>
  <si>
    <t>cg26699283</t>
  </si>
  <si>
    <t>cg26705408</t>
  </si>
  <si>
    <t>cg26705561</t>
  </si>
  <si>
    <t>cg26712428</t>
  </si>
  <si>
    <t>cg26712743</t>
  </si>
  <si>
    <t>cg26716103</t>
  </si>
  <si>
    <t>cg26719024</t>
  </si>
  <si>
    <t>cg26724375</t>
  </si>
  <si>
    <t>cg26725862</t>
  </si>
  <si>
    <t>cg26727281</t>
  </si>
  <si>
    <t>cg26729956</t>
  </si>
  <si>
    <t>cg26731885</t>
  </si>
  <si>
    <t>cg26732252</t>
  </si>
  <si>
    <t>cg26735793</t>
  </si>
  <si>
    <t>cg26740856</t>
  </si>
  <si>
    <t>cg26743588</t>
  </si>
  <si>
    <t>cg26745520</t>
  </si>
  <si>
    <t>cg26749978</t>
  </si>
  <si>
    <t>cg26756208</t>
  </si>
  <si>
    <t>cg26759179</t>
  </si>
  <si>
    <t>cg26771998</t>
  </si>
  <si>
    <t>cg26773567</t>
  </si>
  <si>
    <t>cg26778908</t>
  </si>
  <si>
    <t>cg26781482</t>
  </si>
  <si>
    <t>cg26782150</t>
  </si>
  <si>
    <t>cg26784012</t>
  </si>
  <si>
    <t>cg26784546</t>
  </si>
  <si>
    <t>cg26789365</t>
  </si>
  <si>
    <t>cg26795540</t>
  </si>
  <si>
    <t>cg26810230</t>
  </si>
  <si>
    <t>cg26818464</t>
  </si>
  <si>
    <t>cg26830291</t>
  </si>
  <si>
    <t>cg26830985</t>
  </si>
  <si>
    <t>cg26831712</t>
  </si>
  <si>
    <t>cg26831968</t>
  </si>
  <si>
    <t>cg26834244</t>
  </si>
  <si>
    <t>cg26837178</t>
  </si>
  <si>
    <t>cg26841425</t>
  </si>
  <si>
    <t>cg26852645</t>
  </si>
  <si>
    <t>cg26852723</t>
  </si>
  <si>
    <t>cg26856676</t>
  </si>
  <si>
    <t>cg26857378</t>
  </si>
  <si>
    <t>cg26860750</t>
  </si>
  <si>
    <t>cg26866174</t>
  </si>
  <si>
    <t>cg26869417</t>
  </si>
  <si>
    <t>cg26877631</t>
  </si>
  <si>
    <t>cg26878046</t>
  </si>
  <si>
    <t>cg26878169</t>
  </si>
  <si>
    <t>cg26878816</t>
  </si>
  <si>
    <t>cg26879203</t>
  </si>
  <si>
    <t>cg26881277</t>
  </si>
  <si>
    <t>cg26883033</t>
  </si>
  <si>
    <t>cg26884570</t>
  </si>
  <si>
    <t>cg26888227</t>
  </si>
  <si>
    <t>cg26888356</t>
  </si>
  <si>
    <t>cg26890480</t>
  </si>
  <si>
    <t>cg26891598</t>
  </si>
  <si>
    <t>cg26904787</t>
  </si>
  <si>
    <t>cg26914296</t>
  </si>
  <si>
    <t>cg26917256</t>
  </si>
  <si>
    <t>cg26922690</t>
  </si>
  <si>
    <t>cg26925354</t>
  </si>
  <si>
    <t>cg26926002</t>
  </si>
  <si>
    <t>cg26926521</t>
  </si>
  <si>
    <t>cg26930408</t>
  </si>
  <si>
    <t>cg26938348</t>
  </si>
  <si>
    <t>cg26939277</t>
  </si>
  <si>
    <t>cg26944434</t>
  </si>
  <si>
    <t>cg26944562</t>
  </si>
  <si>
    <t>cg26945715</t>
  </si>
  <si>
    <t>cg26946235</t>
  </si>
  <si>
    <t>cg26950715</t>
  </si>
  <si>
    <t>cg26953469</t>
  </si>
  <si>
    <t>cg26955383</t>
  </si>
  <si>
    <t>cg26960370</t>
  </si>
  <si>
    <t>cg26963839</t>
  </si>
  <si>
    <t>cg26964061</t>
  </si>
  <si>
    <t>cg26964170</t>
  </si>
  <si>
    <t>cg26969179</t>
  </si>
  <si>
    <t>cg26971596</t>
  </si>
  <si>
    <t>cg26973193</t>
  </si>
  <si>
    <t>cg26978668</t>
  </si>
  <si>
    <t>cg26978776</t>
  </si>
  <si>
    <t>cg26978918</t>
  </si>
  <si>
    <t>cg26979595</t>
  </si>
  <si>
    <t>cg26983469</t>
  </si>
  <si>
    <t>cg26984805</t>
  </si>
  <si>
    <t>cg26988283</t>
  </si>
  <si>
    <t>cg26990680</t>
  </si>
  <si>
    <t>cg26991946</t>
  </si>
  <si>
    <t>cg26993007</t>
  </si>
  <si>
    <t>cg27000233</t>
  </si>
  <si>
    <t>cg27003721</t>
  </si>
  <si>
    <t>cg27006721</t>
  </si>
  <si>
    <t>cg27008694</t>
  </si>
  <si>
    <t>cg27009114</t>
  </si>
  <si>
    <t>cg27009448</t>
  </si>
  <si>
    <t>cg27010834</t>
  </si>
  <si>
    <t>cg27017382</t>
  </si>
  <si>
    <t>cg27022566</t>
  </si>
  <si>
    <t>cg27024950</t>
  </si>
  <si>
    <t>cg27034576</t>
  </si>
  <si>
    <t>cg27038348</t>
  </si>
  <si>
    <t>cg27039534</t>
  </si>
  <si>
    <t>cg27041794</t>
  </si>
  <si>
    <t>cg27042491</t>
  </si>
  <si>
    <t>cg27044861</t>
  </si>
  <si>
    <t>cg27051767</t>
  </si>
  <si>
    <t>cg27062243</t>
  </si>
  <si>
    <t>cg27065122</t>
  </si>
  <si>
    <t>cg27065896</t>
  </si>
  <si>
    <t>cg27072025</t>
  </si>
  <si>
    <t>cg27083176</t>
  </si>
  <si>
    <t>cg27089675</t>
  </si>
  <si>
    <t>cg27092808</t>
  </si>
  <si>
    <t>cg27097575</t>
  </si>
  <si>
    <t>cg27102629</t>
  </si>
  <si>
    <t>cg27106233</t>
  </si>
  <si>
    <t>cg27110886</t>
  </si>
  <si>
    <t>cg27117585</t>
  </si>
  <si>
    <t>cg27119063</t>
  </si>
  <si>
    <t>cg27127809</t>
  </si>
  <si>
    <t>cg27131821</t>
  </si>
  <si>
    <t>cg27134139</t>
  </si>
  <si>
    <t>cg27135936</t>
  </si>
  <si>
    <t>cg27136914</t>
  </si>
  <si>
    <t>cg27137512</t>
  </si>
  <si>
    <t>cg27137983</t>
  </si>
  <si>
    <t>cg27139956</t>
  </si>
  <si>
    <t>cg27141499</t>
  </si>
  <si>
    <t>cg27143570</t>
  </si>
  <si>
    <t>cg27145048</t>
  </si>
  <si>
    <t>cg27147232</t>
  </si>
  <si>
    <t>cg27155460</t>
  </si>
  <si>
    <t>cg27160699</t>
  </si>
  <si>
    <t>cg27162705</t>
  </si>
  <si>
    <t>cg27165835</t>
  </si>
  <si>
    <t>cg27165884</t>
  </si>
  <si>
    <t>cg27174438</t>
  </si>
  <si>
    <t>cg27176938</t>
  </si>
  <si>
    <t>cg27180777</t>
  </si>
  <si>
    <t>cg27183737</t>
  </si>
  <si>
    <t>cg27189803</t>
  </si>
  <si>
    <t>cg27197835</t>
  </si>
  <si>
    <t>cg27203599</t>
  </si>
  <si>
    <t>cg27210565</t>
  </si>
  <si>
    <t>cg27210863</t>
  </si>
  <si>
    <t>cg27213549</t>
  </si>
  <si>
    <t>cg27220097</t>
  </si>
  <si>
    <t>cg27220117</t>
  </si>
  <si>
    <t>cg27224392</t>
  </si>
  <si>
    <t>cg27228559</t>
  </si>
  <si>
    <t>cg27231441</t>
  </si>
  <si>
    <t>cg27233847</t>
  </si>
  <si>
    <t>cg27237189</t>
  </si>
  <si>
    <t>cg27244734</t>
  </si>
  <si>
    <t>cg27249858</t>
  </si>
  <si>
    <t>cg27253469</t>
  </si>
  <si>
    <t>cg27265630</t>
  </si>
  <si>
    <t>cg27268110</t>
  </si>
  <si>
    <t>cg27269572</t>
  </si>
  <si>
    <t>cg27274028</t>
  </si>
  <si>
    <t>cg27277439</t>
  </si>
  <si>
    <t>cg27290215</t>
  </si>
  <si>
    <t>cg27291602</t>
  </si>
  <si>
    <t>cg27293016</t>
  </si>
  <si>
    <t>cg27304519</t>
  </si>
  <si>
    <t>cg27308231</t>
  </si>
  <si>
    <t>cg27308386</t>
  </si>
  <si>
    <t>cg27315279</t>
  </si>
  <si>
    <t>cg27315314</t>
  </si>
  <si>
    <t>cg27315601</t>
  </si>
  <si>
    <t>cg27317356</t>
  </si>
  <si>
    <t>cg27327268</t>
  </si>
  <si>
    <t>cg27328839</t>
  </si>
  <si>
    <t>cg27333693</t>
  </si>
  <si>
    <t>cg27335649</t>
  </si>
  <si>
    <t>cg27335999</t>
  </si>
  <si>
    <t>cg27336481</t>
  </si>
  <si>
    <t>cg27337124</t>
  </si>
  <si>
    <t>cg27350398</t>
  </si>
  <si>
    <t>cg27352712</t>
  </si>
  <si>
    <t>cg27354094</t>
  </si>
  <si>
    <t>cg27354537</t>
  </si>
  <si>
    <t>cg27358811</t>
  </si>
  <si>
    <t>cg27360003</t>
  </si>
  <si>
    <t>cg27368828</t>
  </si>
  <si>
    <t>cg27370344</t>
  </si>
  <si>
    <t>cg27370808</t>
  </si>
  <si>
    <t>cg27371456</t>
  </si>
  <si>
    <t>cg27372732</t>
  </si>
  <si>
    <t>cg27374726</t>
  </si>
  <si>
    <t>cg27375135</t>
  </si>
  <si>
    <t>cg27378767</t>
  </si>
  <si>
    <t>cg27379603</t>
  </si>
  <si>
    <t>cg27380599</t>
  </si>
  <si>
    <t>cg27382409</t>
  </si>
  <si>
    <t>cg27382910</t>
  </si>
  <si>
    <t>cg27383216</t>
  </si>
  <si>
    <t>cg27391127</t>
  </si>
  <si>
    <t>cg27393726</t>
  </si>
  <si>
    <t>cg27403832</t>
  </si>
  <si>
    <t>cg27408262</t>
  </si>
  <si>
    <t>cg27408540</t>
  </si>
  <si>
    <t>cg27409129</t>
  </si>
  <si>
    <t>cg27411220</t>
  </si>
  <si>
    <t>cg27412857</t>
  </si>
  <si>
    <t>cg27421267</t>
  </si>
  <si>
    <t>cg27421308</t>
  </si>
  <si>
    <t>cg27426287</t>
  </si>
  <si>
    <t>cg27426351</t>
  </si>
  <si>
    <t>cg27429313</t>
  </si>
  <si>
    <t>cg27432596</t>
  </si>
  <si>
    <t>cg27435660</t>
  </si>
  <si>
    <t>cg27438128</t>
  </si>
  <si>
    <t>cg27438456</t>
  </si>
  <si>
    <t>cg27445265</t>
  </si>
  <si>
    <t>cg27449572</t>
  </si>
  <si>
    <t>cg27452691</t>
  </si>
  <si>
    <t>cg27454102</t>
  </si>
  <si>
    <t>cg27454789</t>
  </si>
  <si>
    <t>cg27455890</t>
  </si>
  <si>
    <t>cg27459529</t>
  </si>
  <si>
    <t>cg27461542</t>
  </si>
  <si>
    <t>cg27463491</t>
  </si>
  <si>
    <t>cg27465618</t>
  </si>
  <si>
    <t>cg27467275</t>
  </si>
  <si>
    <t>cg27470047</t>
  </si>
  <si>
    <t>cg27475522</t>
  </si>
  <si>
    <t>cg27476893</t>
  </si>
  <si>
    <t>cg27482619</t>
  </si>
  <si>
    <t>cg27483317</t>
  </si>
  <si>
    <t>cg27484805</t>
  </si>
  <si>
    <t>cg27486281</t>
  </si>
  <si>
    <t>cg27489681</t>
  </si>
  <si>
    <t>cg27494338</t>
  </si>
  <si>
    <t>cg27496243</t>
  </si>
  <si>
    <t>cg27496670</t>
  </si>
  <si>
    <t>cg27500214</t>
  </si>
  <si>
    <t>cg27500798</t>
  </si>
  <si>
    <t>cg27501293</t>
  </si>
  <si>
    <t>cg27507545</t>
  </si>
  <si>
    <t>cg27509202</t>
  </si>
  <si>
    <t>cg27517345</t>
  </si>
  <si>
    <t>cg27519330</t>
  </si>
  <si>
    <t>cg27519996</t>
  </si>
  <si>
    <t>cg27521476</t>
  </si>
  <si>
    <t>cg27523087</t>
  </si>
  <si>
    <t>cg27523644</t>
  </si>
  <si>
    <t>cg27537058</t>
  </si>
  <si>
    <t>cg27537283</t>
  </si>
  <si>
    <t>cg27537591</t>
  </si>
  <si>
    <t>cg27543739</t>
  </si>
  <si>
    <t>cg27546699</t>
  </si>
  <si>
    <t>cg27549874</t>
  </si>
  <si>
    <t>cg27550918</t>
  </si>
  <si>
    <t>cg27555617</t>
  </si>
  <si>
    <t>cg27555776</t>
  </si>
  <si>
    <t>cg27564137</t>
  </si>
  <si>
    <t>cg27565417</t>
  </si>
  <si>
    <t>cg27567761</t>
  </si>
  <si>
    <t>cg27567864</t>
  </si>
  <si>
    <t>cg27568360</t>
  </si>
  <si>
    <t>cg27568504</t>
  </si>
  <si>
    <t>cg27570873</t>
  </si>
  <si>
    <t>cg27571351</t>
  </si>
  <si>
    <t>cg27573389</t>
  </si>
  <si>
    <t>cg27576683</t>
  </si>
  <si>
    <t>cg27579745</t>
  </si>
  <si>
    <t>cg27580953</t>
  </si>
  <si>
    <t>cg27581091</t>
  </si>
  <si>
    <t>cg27584600</t>
  </si>
  <si>
    <t>cg27586487</t>
  </si>
  <si>
    <t>cg27591155</t>
  </si>
  <si>
    <t>cg27591196</t>
  </si>
  <si>
    <t>cg27591375</t>
  </si>
  <si>
    <t>cg27597790</t>
  </si>
  <si>
    <t>cg27598761</t>
  </si>
  <si>
    <t>cg27599783</t>
  </si>
  <si>
    <t>cg27600794</t>
  </si>
  <si>
    <t>cg27607126</t>
  </si>
  <si>
    <t>cg27608999</t>
  </si>
  <si>
    <t>cg27613076</t>
  </si>
  <si>
    <t>cg27615067</t>
  </si>
  <si>
    <t>cg27624334</t>
  </si>
  <si>
    <t>cg27626762</t>
  </si>
  <si>
    <t>cg27636330</t>
  </si>
  <si>
    <t>cg27642528</t>
  </si>
  <si>
    <t>cg27642928</t>
  </si>
  <si>
    <t>cg27648946</t>
  </si>
  <si>
    <t>cg27649073</t>
  </si>
  <si>
    <t>cg27658026</t>
  </si>
  <si>
    <t>cg27660388</t>
  </si>
  <si>
    <t>cg27664530</t>
  </si>
  <si>
    <t>ch.10.31807R</t>
  </si>
  <si>
    <t>ch.10.181390F</t>
  </si>
  <si>
    <t>ch.10.6019805R</t>
  </si>
  <si>
    <t>ch.10.6339581F</t>
  </si>
  <si>
    <t>ch.10.344997F</t>
  </si>
  <si>
    <t>ch.10.25135601F</t>
  </si>
  <si>
    <t>ch.10.33343282R</t>
  </si>
  <si>
    <t>ch.10.845914F</t>
  </si>
  <si>
    <t>ch.10.35929570F</t>
  </si>
  <si>
    <t>ch.10.983355R</t>
  </si>
  <si>
    <t>ch.10.1028651F</t>
  </si>
  <si>
    <t>ch.10.47925130F</t>
  </si>
  <si>
    <t>ch.10.58771679R</t>
  </si>
  <si>
    <t>ch.10.65513755F</t>
  </si>
  <si>
    <t>ch.10.69843199R</t>
  </si>
  <si>
    <t>ch.10.1464434F</t>
  </si>
  <si>
    <t>ch.10.1486890F</t>
  </si>
  <si>
    <t>ch.10.71861692F</t>
  </si>
  <si>
    <t>ch.10.72059822F</t>
  </si>
  <si>
    <t>ch.10.1515233F</t>
  </si>
  <si>
    <t>ch.10.1529706R</t>
  </si>
  <si>
    <t>ch.10.73329320R</t>
  </si>
  <si>
    <t>ch.10.1683814F</t>
  </si>
  <si>
    <t>ch.10.80061816F</t>
  </si>
  <si>
    <t>ch.10.1700276F</t>
  </si>
  <si>
    <t>ch.10.82591910R</t>
  </si>
  <si>
    <t>ch.10.85407283F</t>
  </si>
  <si>
    <t>ch.10.89216809R</t>
  </si>
  <si>
    <t>ch.10.1922786R</t>
  </si>
  <si>
    <t>ch.10.96879639F</t>
  </si>
  <si>
    <t>ch.10.2186853R</t>
  </si>
  <si>
    <t>ch.10.2192687R</t>
  </si>
  <si>
    <t>ch.10.118622095R</t>
  </si>
  <si>
    <t>ch.10.120590236F</t>
  </si>
  <si>
    <t>ch.10.121850836F</t>
  </si>
  <si>
    <t>ch.10.125213076F</t>
  </si>
  <si>
    <t>ch.10.2809628F</t>
  </si>
  <si>
    <t>ch.10.133109453R</t>
  </si>
  <si>
    <t>ch.10.2988224F</t>
  </si>
  <si>
    <t>cg00000924</t>
  </si>
  <si>
    <t>cg00005619</t>
  </si>
  <si>
    <t>cg00007981</t>
  </si>
  <si>
    <t>cg00009053</t>
  </si>
  <si>
    <t>cg00014289</t>
  </si>
  <si>
    <t>cg00022866</t>
  </si>
  <si>
    <t>cg00027674</t>
  </si>
  <si>
    <t>cg00034130</t>
  </si>
  <si>
    <t>cg00041575</t>
  </si>
  <si>
    <t>cg00043379</t>
  </si>
  <si>
    <t>cg00047050</t>
  </si>
  <si>
    <t>cg00060304</t>
  </si>
  <si>
    <t>cg00064284</t>
  </si>
  <si>
    <t>cg00074348</t>
  </si>
  <si>
    <t>cg00080012</t>
  </si>
  <si>
    <t>cg00083072</t>
  </si>
  <si>
    <t>cg00085029</t>
  </si>
  <si>
    <t>cg00085434</t>
  </si>
  <si>
    <t>cg00089550</t>
  </si>
  <si>
    <t>cg00095678</t>
  </si>
  <si>
    <t>cg00114963</t>
  </si>
  <si>
    <t>cg00115288</t>
  </si>
  <si>
    <t>cg00130275</t>
  </si>
  <si>
    <t>cg00135888</t>
  </si>
  <si>
    <t>cg00142925</t>
  </si>
  <si>
    <t>cg00144186</t>
  </si>
  <si>
    <t>cg00156194</t>
  </si>
  <si>
    <t>cg00156427</t>
  </si>
  <si>
    <t>cg00161556</t>
  </si>
  <si>
    <t>cg00163037</t>
  </si>
  <si>
    <t>cg00167836</t>
  </si>
  <si>
    <t>cg00167941</t>
  </si>
  <si>
    <t>cg00177875</t>
  </si>
  <si>
    <t>cg00185839</t>
  </si>
  <si>
    <t>cg00192136</t>
  </si>
  <si>
    <t>cg00195561</t>
  </si>
  <si>
    <t>cg00206168</t>
  </si>
  <si>
    <t>cg00206542</t>
  </si>
  <si>
    <t>cg00208461</t>
  </si>
  <si>
    <t>cg00211115</t>
  </si>
  <si>
    <t>cg00211601</t>
  </si>
  <si>
    <t>cg00211630</t>
  </si>
  <si>
    <t>cg00211661</t>
  </si>
  <si>
    <t>cg00214780</t>
  </si>
  <si>
    <t>cg00214856</t>
  </si>
  <si>
    <t>cg00216758</t>
  </si>
  <si>
    <t>cg00220455</t>
  </si>
  <si>
    <t>cg00220721</t>
  </si>
  <si>
    <t>cg00221668</t>
  </si>
  <si>
    <t>cg00227110</t>
  </si>
  <si>
    <t>cg00227490</t>
  </si>
  <si>
    <t>cg00233420</t>
  </si>
  <si>
    <t>cg00234998</t>
  </si>
  <si>
    <t>cg00237904</t>
  </si>
  <si>
    <t>cg00239835</t>
  </si>
  <si>
    <t>cg00242035</t>
  </si>
  <si>
    <t>cg00246693</t>
  </si>
  <si>
    <t>cg00248856</t>
  </si>
  <si>
    <t>cg00249584</t>
  </si>
  <si>
    <t>cg00250391</t>
  </si>
  <si>
    <t>cg00250805</t>
  </si>
  <si>
    <t>cg00251705</t>
  </si>
  <si>
    <t>cg00260235</t>
  </si>
  <si>
    <t>cg00260512</t>
  </si>
  <si>
    <t>cg00264441</t>
  </si>
  <si>
    <t>cg00266389</t>
  </si>
  <si>
    <t>cg00271311</t>
  </si>
  <si>
    <t>cg00273340</t>
  </si>
  <si>
    <t>cg00283472</t>
  </si>
  <si>
    <t>cg00283576</t>
  </si>
  <si>
    <t>cg00284438</t>
  </si>
  <si>
    <t>cg00285620</t>
  </si>
  <si>
    <t>cg00289254</t>
  </si>
  <si>
    <t>cg00289429</t>
  </si>
  <si>
    <t>cg00290974</t>
  </si>
  <si>
    <t>cg00292047</t>
  </si>
  <si>
    <t>cg00293245</t>
  </si>
  <si>
    <t>cg00295604</t>
  </si>
  <si>
    <t>cg00295835</t>
  </si>
  <si>
    <t>cg00298481</t>
  </si>
  <si>
    <t>cg00298639</t>
  </si>
  <si>
    <t>cg00299052</t>
  </si>
  <si>
    <t>cg00299396</t>
  </si>
  <si>
    <t>cg00299660</t>
  </si>
  <si>
    <t>cg00299736</t>
  </si>
  <si>
    <t>cg00301033</t>
  </si>
  <si>
    <t>cg00306395</t>
  </si>
  <si>
    <t>cg00306721</t>
  </si>
  <si>
    <t>cg00311799</t>
  </si>
  <si>
    <t>cg00312009</t>
  </si>
  <si>
    <t>cg00314003</t>
  </si>
  <si>
    <t>cg00314771</t>
  </si>
  <si>
    <t>cg00318682</t>
  </si>
  <si>
    <t>cg00319334</t>
  </si>
  <si>
    <t>cg00321150</t>
  </si>
  <si>
    <t>cg00324733</t>
  </si>
  <si>
    <t>cg00326127</t>
  </si>
  <si>
    <t>cg00327185</t>
  </si>
  <si>
    <t>cg00328729</t>
  </si>
  <si>
    <t>cg00328901</t>
  </si>
  <si>
    <t>cg00330825</t>
  </si>
  <si>
    <t>cg00332126</t>
  </si>
  <si>
    <t>cg00332249</t>
  </si>
  <si>
    <t>cg00338996</t>
  </si>
  <si>
    <t>cg00339600</t>
  </si>
  <si>
    <t>cg00341950</t>
  </si>
  <si>
    <t>cg00344202</t>
  </si>
  <si>
    <t>cg00347584</t>
  </si>
  <si>
    <t>cg00350199</t>
  </si>
  <si>
    <t>cg00350296</t>
  </si>
  <si>
    <t>cg00350448</t>
  </si>
  <si>
    <t>cg00352031</t>
  </si>
  <si>
    <t>cg00353006</t>
  </si>
  <si>
    <t>cg00355992</t>
  </si>
  <si>
    <t>cg00358611</t>
  </si>
  <si>
    <t>cg00362906</t>
  </si>
  <si>
    <t>cg00366359</t>
  </si>
  <si>
    <t>cg00367424</t>
  </si>
  <si>
    <t>cg00369658</t>
  </si>
  <si>
    <t>cg00371195</t>
  </si>
  <si>
    <t>cg00374747</t>
  </si>
  <si>
    <t>cg00374839</t>
  </si>
  <si>
    <t>cg00376448</t>
  </si>
  <si>
    <t>cg00377695</t>
  </si>
  <si>
    <t>cg00379713</t>
  </si>
  <si>
    <t>cg00383220</t>
  </si>
  <si>
    <t>cg00385194</t>
  </si>
  <si>
    <t>cg00394040</t>
  </si>
  <si>
    <t>cg00394658</t>
  </si>
  <si>
    <t>cg00395063</t>
  </si>
  <si>
    <t>cg00395990</t>
  </si>
  <si>
    <t>cg00396484</t>
  </si>
  <si>
    <t>cg00396677</t>
  </si>
  <si>
    <t>cg00399390</t>
  </si>
  <si>
    <t>cg00400165</t>
  </si>
  <si>
    <t>cg00402352</t>
  </si>
  <si>
    <t>cg00407866</t>
  </si>
  <si>
    <t>cg00417304</t>
  </si>
  <si>
    <t>cg00420348</t>
  </si>
  <si>
    <t>cg00422932</t>
  </si>
  <si>
    <t>cg00423364</t>
  </si>
  <si>
    <t>cg00430080</t>
  </si>
  <si>
    <t>cg00434395</t>
  </si>
  <si>
    <t>cg00435526</t>
  </si>
  <si>
    <t>cg00436420</t>
  </si>
  <si>
    <t>cg00442308</t>
  </si>
  <si>
    <t>cg00446023</t>
  </si>
  <si>
    <t>cg00446697</t>
  </si>
  <si>
    <t>cg00455452</t>
  </si>
  <si>
    <t>cg00455535</t>
  </si>
  <si>
    <t>cg00462202</t>
  </si>
  <si>
    <t>cg00469356</t>
  </si>
  <si>
    <t>cg00472454</t>
  </si>
  <si>
    <t>cg00473639</t>
  </si>
  <si>
    <t>cg00474746</t>
  </si>
  <si>
    <t>cg00475085</t>
  </si>
  <si>
    <t>cg00475193</t>
  </si>
  <si>
    <t>cg00476955</t>
  </si>
  <si>
    <t>cg00477365</t>
  </si>
  <si>
    <t>cg00477978</t>
  </si>
  <si>
    <t>cg00478851</t>
  </si>
  <si>
    <t>cg00483893</t>
  </si>
  <si>
    <t>cg00488501</t>
  </si>
  <si>
    <t>cg00489066</t>
  </si>
  <si>
    <t>cg00489660</t>
  </si>
  <si>
    <t>cg00490097</t>
  </si>
  <si>
    <t>cg00491064</t>
  </si>
  <si>
    <t>cg00493068</t>
  </si>
  <si>
    <t>cg00494735</t>
  </si>
  <si>
    <t>cg00496004</t>
  </si>
  <si>
    <t>cg00498804</t>
  </si>
  <si>
    <t>cg00499837</t>
  </si>
  <si>
    <t>cg00501111</t>
  </si>
  <si>
    <t>cg00502746</t>
  </si>
  <si>
    <t>cg00509007</t>
  </si>
  <si>
    <t>cg00509485</t>
  </si>
  <si>
    <t>cg00509766</t>
  </si>
  <si>
    <t>cg00510149</t>
  </si>
  <si>
    <t>cg00515756</t>
  </si>
  <si>
    <t>cg00517080</t>
  </si>
  <si>
    <t>cg00518276</t>
  </si>
  <si>
    <t>cg00519299</t>
  </si>
  <si>
    <t>cg00519553</t>
  </si>
  <si>
    <t>cg00524486</t>
  </si>
  <si>
    <t>cg00527514</t>
  </si>
  <si>
    <t>cg00528932</t>
  </si>
  <si>
    <t>cg00530448</t>
  </si>
  <si>
    <t>cg00531009</t>
  </si>
  <si>
    <t>cg00536939</t>
  </si>
  <si>
    <t>cg00537121</t>
  </si>
  <si>
    <t>cg00543723</t>
  </si>
  <si>
    <t>cg00547143</t>
  </si>
  <si>
    <t>cg00547730</t>
  </si>
  <si>
    <t>cg00548822</t>
  </si>
  <si>
    <t>cg00554250</t>
  </si>
  <si>
    <t>cg00554401</t>
  </si>
  <si>
    <t>cg00554604</t>
  </si>
  <si>
    <t>cg00557996</t>
  </si>
  <si>
    <t>cg00558376</t>
  </si>
  <si>
    <t>cg00561322</t>
  </si>
  <si>
    <t>cg00562107</t>
  </si>
  <si>
    <t>cg00564051</t>
  </si>
  <si>
    <t>cg00566982</t>
  </si>
  <si>
    <t>cg00568164</t>
  </si>
  <si>
    <t>cg00568792</t>
  </si>
  <si>
    <t>cg00572266</t>
  </si>
  <si>
    <t>cg00574958</t>
  </si>
  <si>
    <t>cg00577786</t>
  </si>
  <si>
    <t>cg00583492</t>
  </si>
  <si>
    <t>cg00588430</t>
  </si>
  <si>
    <t>cg00589493</t>
  </si>
  <si>
    <t>cg00593288</t>
  </si>
  <si>
    <t>cg00595472</t>
  </si>
  <si>
    <t>cg00599559</t>
  </si>
  <si>
    <t>cg00603274</t>
  </si>
  <si>
    <t>cg00606739</t>
  </si>
  <si>
    <t>cg00606902</t>
  </si>
  <si>
    <t>cg00606989</t>
  </si>
  <si>
    <t>cg00611429</t>
  </si>
  <si>
    <t>cg00614641</t>
  </si>
  <si>
    <t>cg00621646</t>
  </si>
  <si>
    <t>cg00630245</t>
  </si>
  <si>
    <t>cg00645075</t>
  </si>
  <si>
    <t>cg00645579</t>
  </si>
  <si>
    <t>cg00668337</t>
  </si>
  <si>
    <t>cg00670913</t>
  </si>
  <si>
    <t>cg00671093</t>
  </si>
  <si>
    <t>cg00676224</t>
  </si>
  <si>
    <t>cg00686623</t>
  </si>
  <si>
    <t>cg00703040</t>
  </si>
  <si>
    <t>cg00704554</t>
  </si>
  <si>
    <t>cg00704909</t>
  </si>
  <si>
    <t>cg00704953</t>
  </si>
  <si>
    <t>cg00706994</t>
  </si>
  <si>
    <t>cg00708380</t>
  </si>
  <si>
    <t>cg00712857</t>
  </si>
  <si>
    <t>cg00718791</t>
  </si>
  <si>
    <t>cg00719410</t>
  </si>
  <si>
    <t>cg00724111</t>
  </si>
  <si>
    <t>cg00724662</t>
  </si>
  <si>
    <t>cg00735023</t>
  </si>
  <si>
    <t>cg00737840</t>
  </si>
  <si>
    <t>cg00740813</t>
  </si>
  <si>
    <t>cg00748218</t>
  </si>
  <si>
    <t>cg00753089</t>
  </si>
  <si>
    <t>cg00757070</t>
  </si>
  <si>
    <t>cg00763889</t>
  </si>
  <si>
    <t>cg00778636</t>
  </si>
  <si>
    <t>cg00778920</t>
  </si>
  <si>
    <t>cg00786201</t>
  </si>
  <si>
    <t>cg00792751</t>
  </si>
  <si>
    <t>cg00808969</t>
  </si>
  <si>
    <t>cg00809614</t>
  </si>
  <si>
    <t>cg00829944</t>
  </si>
  <si>
    <t>cg00858899</t>
  </si>
  <si>
    <t>cg00859655</t>
  </si>
  <si>
    <t>cg00861316</t>
  </si>
  <si>
    <t>cg00862408</t>
  </si>
  <si>
    <t>cg00864171</t>
  </si>
  <si>
    <t>cg00874225</t>
  </si>
  <si>
    <t>cg00894289</t>
  </si>
  <si>
    <t>cg00895099</t>
  </si>
  <si>
    <t>cg00908551</t>
  </si>
  <si>
    <t>cg00911318</t>
  </si>
  <si>
    <t>cg00914022</t>
  </si>
  <si>
    <t>cg00922310</t>
  </si>
  <si>
    <t>cg00922603</t>
  </si>
  <si>
    <t>cg00925229</t>
  </si>
  <si>
    <t>cg00927035</t>
  </si>
  <si>
    <t>cg00928231</t>
  </si>
  <si>
    <t>cg00941258</t>
  </si>
  <si>
    <t>cg00953256</t>
  </si>
  <si>
    <t>cg00954771</t>
  </si>
  <si>
    <t>cg00961418</t>
  </si>
  <si>
    <t>cg00965391</t>
  </si>
  <si>
    <t>cg00971332</t>
  </si>
  <si>
    <t>cg00976509</t>
  </si>
  <si>
    <t>cg00979223</t>
  </si>
  <si>
    <t>cg00979931</t>
  </si>
  <si>
    <t>cg00982433</t>
  </si>
  <si>
    <t>cg00982805</t>
  </si>
  <si>
    <t>cg00983899</t>
  </si>
  <si>
    <t>cg00987015</t>
  </si>
  <si>
    <t>cg00988175</t>
  </si>
  <si>
    <t>cg00998427</t>
  </si>
  <si>
    <t>cg01008164</t>
  </si>
  <si>
    <t>cg01015879</t>
  </si>
  <si>
    <t>cg01033865</t>
  </si>
  <si>
    <t>cg01033938</t>
  </si>
  <si>
    <t>cg01047218</t>
  </si>
  <si>
    <t>cg01047778</t>
  </si>
  <si>
    <t>cg01048195</t>
  </si>
  <si>
    <t>cg01055121</t>
  </si>
  <si>
    <t>cg01062113</t>
  </si>
  <si>
    <t>cg01062980</t>
  </si>
  <si>
    <t>cg01067010</t>
  </si>
  <si>
    <t>cg01071493</t>
  </si>
  <si>
    <t>cg01071668</t>
  </si>
  <si>
    <t>cg01074365</t>
  </si>
  <si>
    <t>cg01074628</t>
  </si>
  <si>
    <t>cg01076708</t>
  </si>
  <si>
    <t>cg01077469</t>
  </si>
  <si>
    <t>cg01078048</t>
  </si>
  <si>
    <t>cg01079098</t>
  </si>
  <si>
    <t>cg01080099</t>
  </si>
  <si>
    <t>cg01081263</t>
  </si>
  <si>
    <t>cg01082111</t>
  </si>
  <si>
    <t>cg01082498</t>
  </si>
  <si>
    <t>cg01084239</t>
  </si>
  <si>
    <t>cg01090358</t>
  </si>
  <si>
    <t>cg01093786</t>
  </si>
  <si>
    <t>cg01097872</t>
  </si>
  <si>
    <t>cg01100703</t>
  </si>
  <si>
    <t>cg01102379</t>
  </si>
  <si>
    <t>cg01102854</t>
  </si>
  <si>
    <t>cg01105073</t>
  </si>
  <si>
    <t>cg01106909</t>
  </si>
  <si>
    <t>cg01109707</t>
  </si>
  <si>
    <t>cg01110839</t>
  </si>
  <si>
    <t>cg01112674</t>
  </si>
  <si>
    <t>cg01114033</t>
  </si>
  <si>
    <t>cg01114085</t>
  </si>
  <si>
    <t>cg01117339</t>
  </si>
  <si>
    <t>cg01120308</t>
  </si>
  <si>
    <t>cg01124546</t>
  </si>
  <si>
    <t>cg01126821</t>
  </si>
  <si>
    <t>cg01127423</t>
  </si>
  <si>
    <t>cg01128603</t>
  </si>
  <si>
    <t>cg01128850</t>
  </si>
  <si>
    <t>cg01132064</t>
  </si>
  <si>
    <t>cg01132139</t>
  </si>
  <si>
    <t>cg01134157</t>
  </si>
  <si>
    <t>cg01134526</t>
  </si>
  <si>
    <t>cg01141838</t>
  </si>
  <si>
    <t>cg01149449</t>
  </si>
  <si>
    <t>cg01152130</t>
  </si>
  <si>
    <t>cg01152729</t>
  </si>
  <si>
    <t>cg01153834</t>
  </si>
  <si>
    <t>cg01156876</t>
  </si>
  <si>
    <t>cg01159149</t>
  </si>
  <si>
    <t>cg01161936</t>
  </si>
  <si>
    <t>cg01165177</t>
  </si>
  <si>
    <t>cg01165560</t>
  </si>
  <si>
    <t>cg01168289</t>
  </si>
  <si>
    <t>cg01170276</t>
  </si>
  <si>
    <t>cg01171670</t>
  </si>
  <si>
    <t>cg01172626</t>
  </si>
  <si>
    <t>cg01178188</t>
  </si>
  <si>
    <t>cg01178601</t>
  </si>
  <si>
    <t>cg01178971</t>
  </si>
  <si>
    <t>cg01181053</t>
  </si>
  <si>
    <t>cg01187562</t>
  </si>
  <si>
    <t>cg01191566</t>
  </si>
  <si>
    <t>cg01192900</t>
  </si>
  <si>
    <t>cg01194765</t>
  </si>
  <si>
    <t>cg01199408</t>
  </si>
  <si>
    <t>cg01204606</t>
  </si>
  <si>
    <t>cg01204982</t>
  </si>
  <si>
    <t>cg01207931</t>
  </si>
  <si>
    <t>cg01208537</t>
  </si>
  <si>
    <t>cg01211906</t>
  </si>
  <si>
    <t>cg01212326</t>
  </si>
  <si>
    <t>cg01215957</t>
  </si>
  <si>
    <t>cg01218534</t>
  </si>
  <si>
    <t>cg01219426</t>
  </si>
  <si>
    <t>cg01223673</t>
  </si>
  <si>
    <t>cg01224524</t>
  </si>
  <si>
    <t>cg01230250</t>
  </si>
  <si>
    <t>cg01230686</t>
  </si>
  <si>
    <t>cg01232726</t>
  </si>
  <si>
    <t>cg01233025</t>
  </si>
  <si>
    <t>cg01234748</t>
  </si>
  <si>
    <t>cg01234929</t>
  </si>
  <si>
    <t>cg01236063</t>
  </si>
  <si>
    <t>cg01236148</t>
  </si>
  <si>
    <t>cg01240483</t>
  </si>
  <si>
    <t>cg01242426</t>
  </si>
  <si>
    <t>cg01243586</t>
  </si>
  <si>
    <t>cg01244468</t>
  </si>
  <si>
    <t>cg01246664</t>
  </si>
  <si>
    <t>cg01250046</t>
  </si>
  <si>
    <t>cg01250938</t>
  </si>
  <si>
    <t>cg01251548</t>
  </si>
  <si>
    <t>cg01252398</t>
  </si>
  <si>
    <t>cg01253160</t>
  </si>
  <si>
    <t>cg01256440</t>
  </si>
  <si>
    <t>cg01257799</t>
  </si>
  <si>
    <t>cg01260219</t>
  </si>
  <si>
    <t>cg01261206</t>
  </si>
  <si>
    <t>cg01264747</t>
  </si>
  <si>
    <t>cg01265653</t>
  </si>
  <si>
    <t>cg01274028</t>
  </si>
  <si>
    <t>cg01279538</t>
  </si>
  <si>
    <t>cg01282174</t>
  </si>
  <si>
    <t>cg01283096</t>
  </si>
  <si>
    <t>cg01284709</t>
  </si>
  <si>
    <t>cg01286655</t>
  </si>
  <si>
    <t>cg01289206</t>
  </si>
  <si>
    <t>cg01291856</t>
  </si>
  <si>
    <t>cg01292856</t>
  </si>
  <si>
    <t>cg01298120</t>
  </si>
  <si>
    <t>cg01298356</t>
  </si>
  <si>
    <t>cg01298758</t>
  </si>
  <si>
    <t>cg01299768</t>
  </si>
  <si>
    <t>cg01302245</t>
  </si>
  <si>
    <t>cg01303055</t>
  </si>
  <si>
    <t>cg01303099</t>
  </si>
  <si>
    <t>cg01311045</t>
  </si>
  <si>
    <t>cg01314439</t>
  </si>
  <si>
    <t>cg01316516</t>
  </si>
  <si>
    <t>cg01333619</t>
  </si>
  <si>
    <t>cg01334972</t>
  </si>
  <si>
    <t>cg01350440</t>
  </si>
  <si>
    <t>cg01352108</t>
  </si>
  <si>
    <t>cg01360768</t>
  </si>
  <si>
    <t>cg01368415</t>
  </si>
  <si>
    <t>cg01368777</t>
  </si>
  <si>
    <t>cg01369233</t>
  </si>
  <si>
    <t>cg01369413</t>
  </si>
  <si>
    <t>cg01369908</t>
  </si>
  <si>
    <t>cg01370241</t>
  </si>
  <si>
    <t>cg01381367</t>
  </si>
  <si>
    <t>cg01385198</t>
  </si>
  <si>
    <t>cg01385795</t>
  </si>
  <si>
    <t>cg01388979</t>
  </si>
  <si>
    <t>cg01391071</t>
  </si>
  <si>
    <t>cg01397325</t>
  </si>
  <si>
    <t>cg01397775</t>
  </si>
  <si>
    <t>cg01398428</t>
  </si>
  <si>
    <t>cg01399264</t>
  </si>
  <si>
    <t>cg01400685</t>
  </si>
  <si>
    <t>cg01404122</t>
  </si>
  <si>
    <t>cg01406075</t>
  </si>
  <si>
    <t>cg01406280</t>
  </si>
  <si>
    <t>cg01406482</t>
  </si>
  <si>
    <t>cg01408871</t>
  </si>
  <si>
    <t>cg01409873</t>
  </si>
  <si>
    <t>cg01415995</t>
  </si>
  <si>
    <t>cg01418188</t>
  </si>
  <si>
    <t>cg01419967</t>
  </si>
  <si>
    <t>cg01421380</t>
  </si>
  <si>
    <t>cg01422274</t>
  </si>
  <si>
    <t>cg01423368</t>
  </si>
  <si>
    <t>cg01424624</t>
  </si>
  <si>
    <t>cg01425746</t>
  </si>
  <si>
    <t>cg01427471</t>
  </si>
  <si>
    <t>cg01430172</t>
  </si>
  <si>
    <t>cg01432087</t>
  </si>
  <si>
    <t>cg01435464</t>
  </si>
  <si>
    <t>cg01437998</t>
  </si>
  <si>
    <t>cg01439566</t>
  </si>
  <si>
    <t>cg01439670</t>
  </si>
  <si>
    <t>cg01442799</t>
  </si>
  <si>
    <t>cg01444541</t>
  </si>
  <si>
    <t>cg01446164</t>
  </si>
  <si>
    <t>cg01447254</t>
  </si>
  <si>
    <t>cg01447914</t>
  </si>
  <si>
    <t>cg01452169</t>
  </si>
  <si>
    <t>cg01455069</t>
  </si>
  <si>
    <t>cg01456989</t>
  </si>
  <si>
    <t>cg01460481</t>
  </si>
  <si>
    <t>cg01460619</t>
  </si>
  <si>
    <t>cg01461552</t>
  </si>
  <si>
    <t>cg01463819</t>
  </si>
  <si>
    <t>cg01464484</t>
  </si>
  <si>
    <t>cg01468621</t>
  </si>
  <si>
    <t>cg01469847</t>
  </si>
  <si>
    <t>cg01473816</t>
  </si>
  <si>
    <t>cg01473840</t>
  </si>
  <si>
    <t>cg01475325</t>
  </si>
  <si>
    <t>cg01475538</t>
  </si>
  <si>
    <t>cg01476789</t>
  </si>
  <si>
    <t>cg01481116</t>
  </si>
  <si>
    <t>cg01482376</t>
  </si>
  <si>
    <t>cg01490004</t>
  </si>
  <si>
    <t>cg01492649</t>
  </si>
  <si>
    <t>cg01492909</t>
  </si>
  <si>
    <t>cg01496790</t>
  </si>
  <si>
    <t>cg01497747</t>
  </si>
  <si>
    <t>cg01500102</t>
  </si>
  <si>
    <t>cg01502396</t>
  </si>
  <si>
    <t>cg01504656</t>
  </si>
  <si>
    <t>cg01505878</t>
  </si>
  <si>
    <t>cg01506871</t>
  </si>
  <si>
    <t>cg01511567</t>
  </si>
  <si>
    <t>cg01514272</t>
  </si>
  <si>
    <t>cg01516872</t>
  </si>
  <si>
    <t>cg01517832</t>
  </si>
  <si>
    <t>cg01518025</t>
  </si>
  <si>
    <t>cg01519094</t>
  </si>
  <si>
    <t>cg01520983</t>
  </si>
  <si>
    <t>cg01521250</t>
  </si>
  <si>
    <t>cg01522243</t>
  </si>
  <si>
    <t>cg01522437</t>
  </si>
  <si>
    <t>cg01522592</t>
  </si>
  <si>
    <t>cg01525879</t>
  </si>
  <si>
    <t>cg01527777</t>
  </si>
  <si>
    <t>cg01529068</t>
  </si>
  <si>
    <t>cg01529466</t>
  </si>
  <si>
    <t>cg01529489</t>
  </si>
  <si>
    <t>cg01530482</t>
  </si>
  <si>
    <t>cg01539474</t>
  </si>
  <si>
    <t>cg01540949</t>
  </si>
  <si>
    <t>cg01548340</t>
  </si>
  <si>
    <t>cg01550445</t>
  </si>
  <si>
    <t>cg01553981</t>
  </si>
  <si>
    <t>cg01554951</t>
  </si>
  <si>
    <t>cg01557260</t>
  </si>
  <si>
    <t>cg01559259</t>
  </si>
  <si>
    <t>cg01559503</t>
  </si>
  <si>
    <t>cg01565380</t>
  </si>
  <si>
    <t>cg01567656</t>
  </si>
  <si>
    <t>cg01570504</t>
  </si>
  <si>
    <t>cg01571916</t>
  </si>
  <si>
    <t>cg01572468</t>
  </si>
  <si>
    <t>cg01575836</t>
  </si>
  <si>
    <t>cg01577414</t>
  </si>
  <si>
    <t>cg01577604</t>
  </si>
  <si>
    <t>cg01587064</t>
  </si>
  <si>
    <t>cg01587682</t>
  </si>
  <si>
    <t>cg01591152</t>
  </si>
  <si>
    <t>cg01591227</t>
  </si>
  <si>
    <t>cg01596963</t>
  </si>
  <si>
    <t>cg01602588</t>
  </si>
  <si>
    <t>cg01607369</t>
  </si>
  <si>
    <t>cg01607530</t>
  </si>
  <si>
    <t>cg01609688</t>
  </si>
  <si>
    <t>cg01612449</t>
  </si>
  <si>
    <t>cg01616349</t>
  </si>
  <si>
    <t>cg01620729</t>
  </si>
  <si>
    <t>cg01623485</t>
  </si>
  <si>
    <t>cg01623663</t>
  </si>
  <si>
    <t>cg01625368</t>
  </si>
  <si>
    <t>cg01630869</t>
  </si>
  <si>
    <t>cg01636003</t>
  </si>
  <si>
    <t>cg01636582</t>
  </si>
  <si>
    <t>cg01638529</t>
  </si>
  <si>
    <t>cg01641514</t>
  </si>
  <si>
    <t>cg01643624</t>
  </si>
  <si>
    <t>cg01647560</t>
  </si>
  <si>
    <t>cg01647936</t>
  </si>
  <si>
    <t>cg01649773</t>
  </si>
  <si>
    <t>cg01651290</t>
  </si>
  <si>
    <t>cg01651715</t>
  </si>
  <si>
    <t>cg01654560</t>
  </si>
  <si>
    <t>cg01655356</t>
  </si>
  <si>
    <t>cg01656133</t>
  </si>
  <si>
    <t>cg01658047</t>
  </si>
  <si>
    <t>cg01660630</t>
  </si>
  <si>
    <t>cg01663295</t>
  </si>
  <si>
    <t>cg01663768</t>
  </si>
  <si>
    <t>cg01664310</t>
  </si>
  <si>
    <t>cg01665408</t>
  </si>
  <si>
    <t>cg01667185</t>
  </si>
  <si>
    <t>cg01667319</t>
  </si>
  <si>
    <t>cg01668099</t>
  </si>
  <si>
    <t>cg01668279</t>
  </si>
  <si>
    <t>cg01677601</t>
  </si>
  <si>
    <t>cg01681098</t>
  </si>
  <si>
    <t>cg01681881</t>
  </si>
  <si>
    <t>cg01682455</t>
  </si>
  <si>
    <t>cg01685689</t>
  </si>
  <si>
    <t>cg01686093</t>
  </si>
  <si>
    <t>cg01686933</t>
  </si>
  <si>
    <t>cg01689159</t>
  </si>
  <si>
    <t>cg01689532</t>
  </si>
  <si>
    <t>cg01694451</t>
  </si>
  <si>
    <t>cg01694939</t>
  </si>
  <si>
    <t>cg01697743</t>
  </si>
  <si>
    <t>cg01697865</t>
  </si>
  <si>
    <t>cg01698632</t>
  </si>
  <si>
    <t>cg01699906</t>
  </si>
  <si>
    <t>cg01705458</t>
  </si>
  <si>
    <t>cg01705897</t>
  </si>
  <si>
    <t>cg01706409</t>
  </si>
  <si>
    <t>cg01707966</t>
  </si>
  <si>
    <t>cg01708648</t>
  </si>
  <si>
    <t>cg01708924</t>
  </si>
  <si>
    <t>cg01710158</t>
  </si>
  <si>
    <t>cg01712059</t>
  </si>
  <si>
    <t>cg01712892</t>
  </si>
  <si>
    <t>cg01715360</t>
  </si>
  <si>
    <t>cg01716445</t>
  </si>
  <si>
    <t>cg01716959</t>
  </si>
  <si>
    <t>cg01717649</t>
  </si>
  <si>
    <t>cg01718479</t>
  </si>
  <si>
    <t>cg01727686</t>
  </si>
  <si>
    <t>cg01728830</t>
  </si>
  <si>
    <t>cg01738406</t>
  </si>
  <si>
    <t>cg01738638</t>
  </si>
  <si>
    <t>cg01738984</t>
  </si>
  <si>
    <t>cg01740282</t>
  </si>
  <si>
    <t>cg01741372</t>
  </si>
  <si>
    <t>cg01745368</t>
  </si>
  <si>
    <t>cg01745420</t>
  </si>
  <si>
    <t>cg01748572</t>
  </si>
  <si>
    <t>cg01748627</t>
  </si>
  <si>
    <t>cg01749464</t>
  </si>
  <si>
    <t>cg01752322</t>
  </si>
  <si>
    <t>cg01753544</t>
  </si>
  <si>
    <t>cg01754041</t>
  </si>
  <si>
    <t>cg01755266</t>
  </si>
  <si>
    <t>cg01760580</t>
  </si>
  <si>
    <t>cg01761409</t>
  </si>
  <si>
    <t>cg01772980</t>
  </si>
  <si>
    <t>cg01784825</t>
  </si>
  <si>
    <t>cg01786828</t>
  </si>
  <si>
    <t>cg01787047</t>
  </si>
  <si>
    <t>cg01793368</t>
  </si>
  <si>
    <t>cg01799588</t>
  </si>
  <si>
    <t>cg01800843</t>
  </si>
  <si>
    <t>cg01803049</t>
  </si>
  <si>
    <t>cg01803766</t>
  </si>
  <si>
    <t>cg01804528</t>
  </si>
  <si>
    <t>cg01807303</t>
  </si>
  <si>
    <t>cg01807735</t>
  </si>
  <si>
    <t>cg01807741</t>
  </si>
  <si>
    <t>cg01812577</t>
  </si>
  <si>
    <t>cg01813040</t>
  </si>
  <si>
    <t>cg01814537</t>
  </si>
  <si>
    <t>cg01815407</t>
  </si>
  <si>
    <t>cg01816783</t>
  </si>
  <si>
    <t>cg01821149</t>
  </si>
  <si>
    <t>cg01822289</t>
  </si>
  <si>
    <t>cg01826322</t>
  </si>
  <si>
    <t>cg01833234</t>
  </si>
  <si>
    <t>cg01835635</t>
  </si>
  <si>
    <t>cg01836199</t>
  </si>
  <si>
    <t>cg01838971</t>
  </si>
  <si>
    <t>cg01839688</t>
  </si>
  <si>
    <t>cg01842095</t>
  </si>
  <si>
    <t>cg01845451</t>
  </si>
  <si>
    <t>cg01849093</t>
  </si>
  <si>
    <t>cg01857186</t>
  </si>
  <si>
    <t>cg01858173</t>
  </si>
  <si>
    <t>cg01859549</t>
  </si>
  <si>
    <t>cg01860517</t>
  </si>
  <si>
    <t>cg01866521</t>
  </si>
  <si>
    <t>cg01868106</t>
  </si>
  <si>
    <t>cg01869193</t>
  </si>
  <si>
    <t>cg01870246</t>
  </si>
  <si>
    <t>cg01875418</t>
  </si>
  <si>
    <t>cg01876194</t>
  </si>
  <si>
    <t>cg01877352</t>
  </si>
  <si>
    <t>cg01879488</t>
  </si>
  <si>
    <t>cg01880176</t>
  </si>
  <si>
    <t>cg01882052</t>
  </si>
  <si>
    <t>cg01882150</t>
  </si>
  <si>
    <t>cg01882535</t>
  </si>
  <si>
    <t>cg01888411</t>
  </si>
  <si>
    <t>cg01890712</t>
  </si>
  <si>
    <t>cg01893176</t>
  </si>
  <si>
    <t>cg01894038</t>
  </si>
  <si>
    <t>cg01899260</t>
  </si>
  <si>
    <t>cg01900413</t>
  </si>
  <si>
    <t>cg01901332</t>
  </si>
  <si>
    <t>cg01904296</t>
  </si>
  <si>
    <t>cg01909245</t>
  </si>
  <si>
    <t>cg01912984</t>
  </si>
  <si>
    <t>cg01917852</t>
  </si>
  <si>
    <t>cg01919620</t>
  </si>
  <si>
    <t>cg01919963</t>
  </si>
  <si>
    <t>cg01922516</t>
  </si>
  <si>
    <t>cg01923037</t>
  </si>
  <si>
    <t>cg01923099</t>
  </si>
  <si>
    <t>cg01923103</t>
  </si>
  <si>
    <t>cg01923891</t>
  </si>
  <si>
    <t>cg01924644</t>
  </si>
  <si>
    <t>cg01925699</t>
  </si>
  <si>
    <t>cg01926073</t>
  </si>
  <si>
    <t>cg01928068</t>
  </si>
  <si>
    <t>cg01930488</t>
  </si>
  <si>
    <t>cg01931414</t>
  </si>
  <si>
    <t>cg01932827</t>
  </si>
  <si>
    <t>cg01936565</t>
  </si>
  <si>
    <t>cg01940657</t>
  </si>
  <si>
    <t>cg01941680</t>
  </si>
  <si>
    <t>cg01946707</t>
  </si>
  <si>
    <t>cg01946920</t>
  </si>
  <si>
    <t>cg01947936</t>
  </si>
  <si>
    <t>cg01948390</t>
  </si>
  <si>
    <t>cg01957629</t>
  </si>
  <si>
    <t>cg01957901</t>
  </si>
  <si>
    <t>cg01959848</t>
  </si>
  <si>
    <t>cg01963374</t>
  </si>
  <si>
    <t>cg01963734</t>
  </si>
  <si>
    <t>cg01966470</t>
  </si>
  <si>
    <t>cg01967055</t>
  </si>
  <si>
    <t>cg01971407</t>
  </si>
  <si>
    <t>cg01972009</t>
  </si>
  <si>
    <t>cg01972688</t>
  </si>
  <si>
    <t>cg01973695</t>
  </si>
  <si>
    <t>cg01975510</t>
  </si>
  <si>
    <t>cg01976784</t>
  </si>
  <si>
    <t>cg01977079</t>
  </si>
  <si>
    <t>cg01977486</t>
  </si>
  <si>
    <t>cg01978549</t>
  </si>
  <si>
    <t>cg01981334</t>
  </si>
  <si>
    <t>cg01986807</t>
  </si>
  <si>
    <t>cg01988459</t>
  </si>
  <si>
    <t>cg01991383</t>
  </si>
  <si>
    <t>cg01995938</t>
  </si>
  <si>
    <t>cg01996653</t>
  </si>
  <si>
    <t>cg01998806</t>
  </si>
  <si>
    <t>cg01998856</t>
  </si>
  <si>
    <t>cg02002164</t>
  </si>
  <si>
    <t>cg02005336</t>
  </si>
  <si>
    <t>cg02008402</t>
  </si>
  <si>
    <t>cg02014334</t>
  </si>
  <si>
    <t>cg02016838</t>
  </si>
  <si>
    <t>cg02023167</t>
  </si>
  <si>
    <t>cg02023469</t>
  </si>
  <si>
    <t>cg02023548</t>
  </si>
  <si>
    <t>cg02023728</t>
  </si>
  <si>
    <t>cg02025157</t>
  </si>
  <si>
    <t>cg02026246</t>
  </si>
  <si>
    <t>cg02027979</t>
  </si>
  <si>
    <t>cg02028663</t>
  </si>
  <si>
    <t>cg02030628</t>
  </si>
  <si>
    <t>cg02030697</t>
  </si>
  <si>
    <t>cg02035348</t>
  </si>
  <si>
    <t>cg02035681</t>
  </si>
  <si>
    <t>cg02036387</t>
  </si>
  <si>
    <t>cg02037905</t>
  </si>
  <si>
    <t>cg02039920</t>
  </si>
  <si>
    <t>cg02044051</t>
  </si>
  <si>
    <t>cg02044612</t>
  </si>
  <si>
    <t>cg02045177</t>
  </si>
  <si>
    <t>cg02045936</t>
  </si>
  <si>
    <t>cg02052377</t>
  </si>
  <si>
    <t>cg02052726</t>
  </si>
  <si>
    <t>cg02053566</t>
  </si>
  <si>
    <t>cg02055351</t>
  </si>
  <si>
    <t>cg02055353</t>
  </si>
  <si>
    <t>cg02055483</t>
  </si>
  <si>
    <t>cg02056325</t>
  </si>
  <si>
    <t>cg02056751</t>
  </si>
  <si>
    <t>cg02059970</t>
  </si>
  <si>
    <t>cg02062003</t>
  </si>
  <si>
    <t>cg02072115</t>
  </si>
  <si>
    <t>cg02076939</t>
  </si>
  <si>
    <t>cg02077276</t>
  </si>
  <si>
    <t>cg02078292</t>
  </si>
  <si>
    <t>cg02079413</t>
  </si>
  <si>
    <t>cg02080609</t>
  </si>
  <si>
    <t>cg02081001</t>
  </si>
  <si>
    <t>cg02082273</t>
  </si>
  <si>
    <t>cg02088673</t>
  </si>
  <si>
    <t>cg02089672</t>
  </si>
  <si>
    <t>cg02091786</t>
  </si>
  <si>
    <t>cg02095290</t>
  </si>
  <si>
    <t>cg02097792</t>
  </si>
  <si>
    <t>cg02100543</t>
  </si>
  <si>
    <t>cg02100918</t>
  </si>
  <si>
    <t>cg02101338</t>
  </si>
  <si>
    <t>cg02102620</t>
  </si>
  <si>
    <t>cg02104112</t>
  </si>
  <si>
    <t>cg02104644</t>
  </si>
  <si>
    <t>cg02105423</t>
  </si>
  <si>
    <t>cg02108796</t>
  </si>
  <si>
    <t>cg02109361</t>
  </si>
  <si>
    <t>cg02109381</t>
  </si>
  <si>
    <t>cg02109652</t>
  </si>
  <si>
    <t>cg02111951</t>
  </si>
  <si>
    <t>cg02113067</t>
  </si>
  <si>
    <t>cg02117535</t>
  </si>
  <si>
    <t>cg02119837</t>
  </si>
  <si>
    <t>cg02121892</t>
  </si>
  <si>
    <t>cg02124747</t>
  </si>
  <si>
    <t>cg02125600</t>
  </si>
  <si>
    <t>cg02128483</t>
  </si>
  <si>
    <t>cg02130149</t>
  </si>
  <si>
    <t>cg02147041</t>
  </si>
  <si>
    <t>cg02147292</t>
  </si>
  <si>
    <t>cg02150262</t>
  </si>
  <si>
    <t>cg02150282</t>
  </si>
  <si>
    <t>cg02151120</t>
  </si>
  <si>
    <t>cg02154997</t>
  </si>
  <si>
    <t>cg02157083</t>
  </si>
  <si>
    <t>cg02159381</t>
  </si>
  <si>
    <t>cg02159731</t>
  </si>
  <si>
    <t>cg02162578</t>
  </si>
  <si>
    <t>cg02164088</t>
  </si>
  <si>
    <t>cg02164492</t>
  </si>
  <si>
    <t>cg02165330</t>
  </si>
  <si>
    <t>cg02166532</t>
  </si>
  <si>
    <t>cg02167753</t>
  </si>
  <si>
    <t>cg02171008</t>
  </si>
  <si>
    <t>cg02174203</t>
  </si>
  <si>
    <t>cg02175291</t>
  </si>
  <si>
    <t>cg02175739</t>
  </si>
  <si>
    <t>cg02176069</t>
  </si>
  <si>
    <t>cg02178846</t>
  </si>
  <si>
    <t>cg02179492</t>
  </si>
  <si>
    <t>cg02180189</t>
  </si>
  <si>
    <t>cg02181247</t>
  </si>
  <si>
    <t>cg02184008</t>
  </si>
  <si>
    <t>cg02184643</t>
  </si>
  <si>
    <t>cg02186298</t>
  </si>
  <si>
    <t>cg02186948</t>
  </si>
  <si>
    <t>cg02188400</t>
  </si>
  <si>
    <t>cg02189000</t>
  </si>
  <si>
    <t>cg02190350</t>
  </si>
  <si>
    <t>cg02190383</t>
  </si>
  <si>
    <t>cg02193762</t>
  </si>
  <si>
    <t>cg02194717</t>
  </si>
  <si>
    <t>cg02201052</t>
  </si>
  <si>
    <t>cg02204038</t>
  </si>
  <si>
    <t>cg02206382</t>
  </si>
  <si>
    <t>cg02208432</t>
  </si>
  <si>
    <t>cg02208848</t>
  </si>
  <si>
    <t>cg02211741</t>
  </si>
  <si>
    <t>cg02213971</t>
  </si>
  <si>
    <t>cg02220365</t>
  </si>
  <si>
    <t>cg02220985</t>
  </si>
  <si>
    <t>cg02221303</t>
  </si>
  <si>
    <t>cg02221422</t>
  </si>
  <si>
    <t>cg02222982</t>
  </si>
  <si>
    <t>cg02224369</t>
  </si>
  <si>
    <t>cg02225305</t>
  </si>
  <si>
    <t>cg02230254</t>
  </si>
  <si>
    <t>cg02232751</t>
  </si>
  <si>
    <t>cg02236673</t>
  </si>
  <si>
    <t>cg02239049</t>
  </si>
  <si>
    <t>cg02241136</t>
  </si>
  <si>
    <t>cg02243207</t>
  </si>
  <si>
    <t>cg02245533</t>
  </si>
  <si>
    <t>cg02249841</t>
  </si>
  <si>
    <t>cg02251557</t>
  </si>
  <si>
    <t>cg02251663</t>
  </si>
  <si>
    <t>cg02251771</t>
  </si>
  <si>
    <t>cg02254407</t>
  </si>
  <si>
    <t>cg02255700</t>
  </si>
  <si>
    <t>cg02257086</t>
  </si>
  <si>
    <t>cg02258444</t>
  </si>
  <si>
    <t>cg02258534</t>
  </si>
  <si>
    <t>cg02261543</t>
  </si>
  <si>
    <t>cg02270170</t>
  </si>
  <si>
    <t>cg02272710</t>
  </si>
  <si>
    <t>cg02276845</t>
  </si>
  <si>
    <t>cg02282849</t>
  </si>
  <si>
    <t>cg02283446</t>
  </si>
  <si>
    <t>cg02289376</t>
  </si>
  <si>
    <t>cg02292024</t>
  </si>
  <si>
    <t>cg02293991</t>
  </si>
  <si>
    <t>cg02294791</t>
  </si>
  <si>
    <t>cg02294991</t>
  </si>
  <si>
    <t>cg02297460</t>
  </si>
  <si>
    <t>cg02300906</t>
  </si>
  <si>
    <t>cg02303941</t>
  </si>
  <si>
    <t>cg02304370</t>
  </si>
  <si>
    <t>cg02308209</t>
  </si>
  <si>
    <t>cg02311432</t>
  </si>
  <si>
    <t>cg02311801</t>
  </si>
  <si>
    <t>cg02312751</t>
  </si>
  <si>
    <t>cg02316596</t>
  </si>
  <si>
    <t>cg02318890</t>
  </si>
  <si>
    <t>cg02319094</t>
  </si>
  <si>
    <t>cg02320937</t>
  </si>
  <si>
    <t>cg02323334</t>
  </si>
  <si>
    <t>cg02323699</t>
  </si>
  <si>
    <t>cg02331196</t>
  </si>
  <si>
    <t>cg02331812</t>
  </si>
  <si>
    <t>cg02332740</t>
  </si>
  <si>
    <t>cg02334722</t>
  </si>
  <si>
    <t>cg02338757</t>
  </si>
  <si>
    <t>cg02340541</t>
  </si>
  <si>
    <t>cg02342515</t>
  </si>
  <si>
    <t>cg02343602</t>
  </si>
  <si>
    <t>cg02343736</t>
  </si>
  <si>
    <t>cg02344238</t>
  </si>
  <si>
    <t>cg02345417</t>
  </si>
  <si>
    <t>cg02347989</t>
  </si>
  <si>
    <t>cg02348488</t>
  </si>
  <si>
    <t>cg02356640</t>
  </si>
  <si>
    <t>cg02358323</t>
  </si>
  <si>
    <t>cg02360776</t>
  </si>
  <si>
    <t>cg02364610</t>
  </si>
  <si>
    <t>cg02366262</t>
  </si>
  <si>
    <t>cg02367892</t>
  </si>
  <si>
    <t>cg02371301</t>
  </si>
  <si>
    <t>cg02372056</t>
  </si>
  <si>
    <t>cg02375166</t>
  </si>
  <si>
    <t>cg02375289</t>
  </si>
  <si>
    <t>cg02375832</t>
  </si>
  <si>
    <t>cg02379155</t>
  </si>
  <si>
    <t>cg02383160</t>
  </si>
  <si>
    <t>cg02385173</t>
  </si>
  <si>
    <t>cg02385710</t>
  </si>
  <si>
    <t>cg02390725</t>
  </si>
  <si>
    <t>cg02394126</t>
  </si>
  <si>
    <t>cg02398725</t>
  </si>
  <si>
    <t>cg02401926</t>
  </si>
  <si>
    <t>cg02409815</t>
  </si>
  <si>
    <t>cg02410860</t>
  </si>
  <si>
    <t>cg02411493</t>
  </si>
  <si>
    <t>cg02418793</t>
  </si>
  <si>
    <t>cg02420069</t>
  </si>
  <si>
    <t>cg02420102</t>
  </si>
  <si>
    <t>cg02426836</t>
  </si>
  <si>
    <t>cg02430138</t>
  </si>
  <si>
    <t>cg02432528</t>
  </si>
  <si>
    <t>cg02434541</t>
  </si>
  <si>
    <t>cg02435734</t>
  </si>
  <si>
    <t>cg02443306</t>
  </si>
  <si>
    <t>cg02443626</t>
  </si>
  <si>
    <t>cg02449461</t>
  </si>
  <si>
    <t>cg02452500</t>
  </si>
  <si>
    <t>cg02453653</t>
  </si>
  <si>
    <t>cg02461956</t>
  </si>
  <si>
    <t>cg02462416</t>
  </si>
  <si>
    <t>cg02462487</t>
  </si>
  <si>
    <t>cg02468154</t>
  </si>
  <si>
    <t>cg02468250</t>
  </si>
  <si>
    <t>cg02470043</t>
  </si>
  <si>
    <t>cg02470373</t>
  </si>
  <si>
    <t>cg02471658</t>
  </si>
  <si>
    <t>cg02474625</t>
  </si>
  <si>
    <t>cg02475301</t>
  </si>
  <si>
    <t>cg02476028</t>
  </si>
  <si>
    <t>cg02482699</t>
  </si>
  <si>
    <t>cg02484455</t>
  </si>
  <si>
    <t>cg02485697</t>
  </si>
  <si>
    <t>cg02485741</t>
  </si>
  <si>
    <t>cg02486268</t>
  </si>
  <si>
    <t>cg02488653</t>
  </si>
  <si>
    <t>cg02489968</t>
  </si>
  <si>
    <t>cg02493544</t>
  </si>
  <si>
    <t>cg02494246</t>
  </si>
  <si>
    <t>cg02494584</t>
  </si>
  <si>
    <t>cg02495915</t>
  </si>
  <si>
    <t>cg02498311</t>
  </si>
  <si>
    <t>cg02504690</t>
  </si>
  <si>
    <t>cg02508204</t>
  </si>
  <si>
    <t>cg02509985</t>
  </si>
  <si>
    <t>cg02513449</t>
  </si>
  <si>
    <t>cg02514611</t>
  </si>
  <si>
    <t>cg02516456</t>
  </si>
  <si>
    <t>cg02516944</t>
  </si>
  <si>
    <t>cg02517040</t>
  </si>
  <si>
    <t>cg02520020</t>
  </si>
  <si>
    <t>cg02520768</t>
  </si>
  <si>
    <t>cg02521036</t>
  </si>
  <si>
    <t>cg02524902</t>
  </si>
  <si>
    <t>cg02525108</t>
  </si>
  <si>
    <t>cg02525232</t>
  </si>
  <si>
    <t>cg02530375</t>
  </si>
  <si>
    <t>cg02532488</t>
  </si>
  <si>
    <t>cg02535507</t>
  </si>
  <si>
    <t>cg02536065</t>
  </si>
  <si>
    <t>cg02537342</t>
  </si>
  <si>
    <t>cg02540593</t>
  </si>
  <si>
    <t>cg02541231</t>
  </si>
  <si>
    <t>cg02542440</t>
  </si>
  <si>
    <t>cg02543019</t>
  </si>
  <si>
    <t>cg02544540</t>
  </si>
  <si>
    <t>cg02546690</t>
  </si>
  <si>
    <t>cg02546749</t>
  </si>
  <si>
    <t>cg02550741</t>
  </si>
  <si>
    <t>cg02551234</t>
  </si>
  <si>
    <t>cg02554089</t>
  </si>
  <si>
    <t>cg02554274</t>
  </si>
  <si>
    <t>cg02554810</t>
  </si>
  <si>
    <t>cg02556071</t>
  </si>
  <si>
    <t>cg02556655</t>
  </si>
  <si>
    <t>cg02558111</t>
  </si>
  <si>
    <t>cg02563906</t>
  </si>
  <si>
    <t>cg02564733</t>
  </si>
  <si>
    <t>cg02566157</t>
  </si>
  <si>
    <t>cg02573234</t>
  </si>
  <si>
    <t>cg02575193</t>
  </si>
  <si>
    <t>cg02577203</t>
  </si>
  <si>
    <t>cg02577384</t>
  </si>
  <si>
    <t>cg02580722</t>
  </si>
  <si>
    <t>cg02584488</t>
  </si>
  <si>
    <t>cg02584802</t>
  </si>
  <si>
    <t>cg02585729</t>
  </si>
  <si>
    <t>cg02586551</t>
  </si>
  <si>
    <t>cg02586730</t>
  </si>
  <si>
    <t>cg02587602</t>
  </si>
  <si>
    <t>cg02590614</t>
  </si>
  <si>
    <t>cg02594183</t>
  </si>
  <si>
    <t>cg02595219</t>
  </si>
  <si>
    <t>cg02602489</t>
  </si>
  <si>
    <t>cg02603756</t>
  </si>
  <si>
    <t>cg02604211</t>
  </si>
  <si>
    <t>cg02606081</t>
  </si>
  <si>
    <t>cg02613090</t>
  </si>
  <si>
    <t>cg02613624</t>
  </si>
  <si>
    <t>cg02617469</t>
  </si>
  <si>
    <t>cg02618579</t>
  </si>
  <si>
    <t>cg02620470</t>
  </si>
  <si>
    <t>cg02621979</t>
  </si>
  <si>
    <t>cg02632800</t>
  </si>
  <si>
    <t>cg02637309</t>
  </si>
  <si>
    <t>cg02642123</t>
  </si>
  <si>
    <t>cg02644840</t>
  </si>
  <si>
    <t>cg02646528</t>
  </si>
  <si>
    <t>cg02647874</t>
  </si>
  <si>
    <t>cg02652569</t>
  </si>
  <si>
    <t>cg02657360</t>
  </si>
  <si>
    <t>cg02661764</t>
  </si>
  <si>
    <t>cg02662155</t>
  </si>
  <si>
    <t>cg02663352</t>
  </si>
  <si>
    <t>cg02664787</t>
  </si>
  <si>
    <t>cg02666257</t>
  </si>
  <si>
    <t>cg02666556</t>
  </si>
  <si>
    <t>cg02669162</t>
  </si>
  <si>
    <t>cg02672321</t>
  </si>
  <si>
    <t>cg02673256</t>
  </si>
  <si>
    <t>cg02674352</t>
  </si>
  <si>
    <t>cg02674693</t>
  </si>
  <si>
    <t>cg02675946</t>
  </si>
  <si>
    <t>cg02677035</t>
  </si>
  <si>
    <t>cg02677946</t>
  </si>
  <si>
    <t>cg02678496</t>
  </si>
  <si>
    <t>cg02680254</t>
  </si>
  <si>
    <t>cg02682525</t>
  </si>
  <si>
    <t>cg02685436</t>
  </si>
  <si>
    <t>cg02687418</t>
  </si>
  <si>
    <t>cg02688348</t>
  </si>
  <si>
    <t>cg02688359</t>
  </si>
  <si>
    <t>cg02690968</t>
  </si>
  <si>
    <t>cg02692952</t>
  </si>
  <si>
    <t>cg02693486</t>
  </si>
  <si>
    <t>cg02697902</t>
  </si>
  <si>
    <t>cg02697979</t>
  </si>
  <si>
    <t>cg02699635</t>
  </si>
  <si>
    <t>cg02700161</t>
  </si>
  <si>
    <t>cg02702692</t>
  </si>
  <si>
    <t>cg02703598</t>
  </si>
  <si>
    <t>cg02703701</t>
  </si>
  <si>
    <t>cg02704502</t>
  </si>
  <si>
    <t>cg02705752</t>
  </si>
  <si>
    <t>cg02707152</t>
  </si>
  <si>
    <t>cg02707840</t>
  </si>
  <si>
    <t>cg02710332</t>
  </si>
  <si>
    <t>cg02712845</t>
  </si>
  <si>
    <t>cg02716252</t>
  </si>
  <si>
    <t>cg02717866</t>
  </si>
  <si>
    <t>cg02719956</t>
  </si>
  <si>
    <t>cg02725900</t>
  </si>
  <si>
    <t>cg02728629</t>
  </si>
  <si>
    <t>cg02731540</t>
  </si>
  <si>
    <t>cg02739280</t>
  </si>
  <si>
    <t>cg02741698</t>
  </si>
  <si>
    <t>cg02743650</t>
  </si>
  <si>
    <t>cg02743674</t>
  </si>
  <si>
    <t>cg02758040</t>
  </si>
  <si>
    <t>cg02758674</t>
  </si>
  <si>
    <t>cg02758956</t>
  </si>
  <si>
    <t>cg02761419</t>
  </si>
  <si>
    <t>cg02762115</t>
  </si>
  <si>
    <t>cg02770983</t>
  </si>
  <si>
    <t>cg02771142</t>
  </si>
  <si>
    <t>cg02771202</t>
  </si>
  <si>
    <t>cg02772367</t>
  </si>
  <si>
    <t>cg02776498</t>
  </si>
  <si>
    <t>cg02776514</t>
  </si>
  <si>
    <t>cg02780017</t>
  </si>
  <si>
    <t>cg02780919</t>
  </si>
  <si>
    <t>cg02788102</t>
  </si>
  <si>
    <t>cg02791753</t>
  </si>
  <si>
    <t>cg02792333</t>
  </si>
  <si>
    <t>cg02793102</t>
  </si>
  <si>
    <t>cg02793948</t>
  </si>
  <si>
    <t>cg02794589</t>
  </si>
  <si>
    <t>cg02795624</t>
  </si>
  <si>
    <t>cg02798157</t>
  </si>
  <si>
    <t>cg02800711</t>
  </si>
  <si>
    <t>cg02801405</t>
  </si>
  <si>
    <t>cg02807948</t>
  </si>
  <si>
    <t>cg02807984</t>
  </si>
  <si>
    <t>cg02808220</t>
  </si>
  <si>
    <t>cg02814523</t>
  </si>
  <si>
    <t>cg02815282</t>
  </si>
  <si>
    <t>cg02819851</t>
  </si>
  <si>
    <t>cg02820646</t>
  </si>
  <si>
    <t>cg02821464</t>
  </si>
  <si>
    <t>cg02825240</t>
  </si>
  <si>
    <t>cg02830681</t>
  </si>
  <si>
    <t>cg02831393</t>
  </si>
  <si>
    <t>cg02831587</t>
  </si>
  <si>
    <t>cg02835874</t>
  </si>
  <si>
    <t>cg02837456</t>
  </si>
  <si>
    <t>cg02839202</t>
  </si>
  <si>
    <t>cg02845204</t>
  </si>
  <si>
    <t>cg02848331</t>
  </si>
  <si>
    <t>cg02848448</t>
  </si>
  <si>
    <t>cg02850715</t>
  </si>
  <si>
    <t>cg02850920</t>
  </si>
  <si>
    <t>cg02851062</t>
  </si>
  <si>
    <t>cg02853387</t>
  </si>
  <si>
    <t>cg02854536</t>
  </si>
  <si>
    <t>cg02854902</t>
  </si>
  <si>
    <t>cg02855203</t>
  </si>
  <si>
    <t>cg02855207</t>
  </si>
  <si>
    <t>cg02856565</t>
  </si>
  <si>
    <t>cg02864690</t>
  </si>
  <si>
    <t>cg02865822</t>
  </si>
  <si>
    <t>cg02869963</t>
  </si>
  <si>
    <t>cg02871021</t>
  </si>
  <si>
    <t>cg02871707</t>
  </si>
  <si>
    <t>cg02871995</t>
  </si>
  <si>
    <t>cg02873321</t>
  </si>
  <si>
    <t>cg02873384</t>
  </si>
  <si>
    <t>cg02873541</t>
  </si>
  <si>
    <t>cg02874321</t>
  </si>
  <si>
    <t>cg02875118</t>
  </si>
  <si>
    <t>cg02877433</t>
  </si>
  <si>
    <t>cg02883247</t>
  </si>
  <si>
    <t>cg02891082</t>
  </si>
  <si>
    <t>cg02893799</t>
  </si>
  <si>
    <t>cg02895447</t>
  </si>
  <si>
    <t>cg02898883</t>
  </si>
  <si>
    <t>cg02900213</t>
  </si>
  <si>
    <t>cg02900740</t>
  </si>
  <si>
    <t>cg02901159</t>
  </si>
  <si>
    <t>cg02905052</t>
  </si>
  <si>
    <t>cg02910180</t>
  </si>
  <si>
    <t>cg02914667</t>
  </si>
  <si>
    <t>cg02916272</t>
  </si>
  <si>
    <t>cg02925222</t>
  </si>
  <si>
    <t>cg02926868</t>
  </si>
  <si>
    <t>cg02928928</t>
  </si>
  <si>
    <t>cg02931432</t>
  </si>
  <si>
    <t>cg02931729</t>
  </si>
  <si>
    <t>cg02933962</t>
  </si>
  <si>
    <t>cg02939292</t>
  </si>
  <si>
    <t>cg02940164</t>
  </si>
  <si>
    <t>cg02940362</t>
  </si>
  <si>
    <t>cg02940800</t>
  </si>
  <si>
    <t>cg02946294</t>
  </si>
  <si>
    <t>cg02947993</t>
  </si>
  <si>
    <t>cg02950427</t>
  </si>
  <si>
    <t>cg02950812</t>
  </si>
  <si>
    <t>cg02952548</t>
  </si>
  <si>
    <t>cg02953912</t>
  </si>
  <si>
    <t>cg02959637</t>
  </si>
  <si>
    <t>cg02964724</t>
  </si>
  <si>
    <t>cg02965078</t>
  </si>
  <si>
    <t>cg02967059</t>
  </si>
  <si>
    <t>cg02969164</t>
  </si>
  <si>
    <t>cg02970861</t>
  </si>
  <si>
    <t>cg02973416</t>
  </si>
  <si>
    <t>cg02974655</t>
  </si>
  <si>
    <t>cg02975667</t>
  </si>
  <si>
    <t>cg02979170</t>
  </si>
  <si>
    <t>cg02981489</t>
  </si>
  <si>
    <t>cg02984184</t>
  </si>
  <si>
    <t>cg02988255</t>
  </si>
  <si>
    <t>cg02989715</t>
  </si>
  <si>
    <t>cg02991558</t>
  </si>
  <si>
    <t>cg02993825</t>
  </si>
  <si>
    <t>cg02994066</t>
  </si>
  <si>
    <t>cg02995503</t>
  </si>
  <si>
    <t>cg02996181</t>
  </si>
  <si>
    <t>cg02996570</t>
  </si>
  <si>
    <t>cg02997048</t>
  </si>
  <si>
    <t>cg03000419</t>
  </si>
  <si>
    <t>cg03004417</t>
  </si>
  <si>
    <t>cg03008165</t>
  </si>
  <si>
    <t>cg03008269</t>
  </si>
  <si>
    <t>cg03009397</t>
  </si>
  <si>
    <t>cg03009690</t>
  </si>
  <si>
    <t>cg03010383</t>
  </si>
  <si>
    <t>cg03010425</t>
  </si>
  <si>
    <t>cg03010889</t>
  </si>
  <si>
    <t>cg03019460</t>
  </si>
  <si>
    <t>cg03020863</t>
  </si>
  <si>
    <t>cg03020885</t>
  </si>
  <si>
    <t>cg03024791</t>
  </si>
  <si>
    <t>cg03033106</t>
  </si>
  <si>
    <t>cg03033176</t>
  </si>
  <si>
    <t>cg03034198</t>
  </si>
  <si>
    <t>cg03035359</t>
  </si>
  <si>
    <t>cg03038262</t>
  </si>
  <si>
    <t>cg03038271</t>
  </si>
  <si>
    <t>cg03041532</t>
  </si>
  <si>
    <t>cg03043928</t>
  </si>
  <si>
    <t>cg03044514</t>
  </si>
  <si>
    <t>cg03045325</t>
  </si>
  <si>
    <t>cg03045648</t>
  </si>
  <si>
    <t>cg03046346</t>
  </si>
  <si>
    <t>cg03047626</t>
  </si>
  <si>
    <t>cg03049196</t>
  </si>
  <si>
    <t>cg03049693</t>
  </si>
  <si>
    <t>cg03049767</t>
  </si>
  <si>
    <t>cg03050183</t>
  </si>
  <si>
    <t>cg03052301</t>
  </si>
  <si>
    <t>cg03054541</t>
  </si>
  <si>
    <t>cg03054576</t>
  </si>
  <si>
    <t>cg03055520</t>
  </si>
  <si>
    <t>cg03056436</t>
  </si>
  <si>
    <t>cg03057079</t>
  </si>
  <si>
    <t>cg03057164</t>
  </si>
  <si>
    <t>cg03060457</t>
  </si>
  <si>
    <t>cg03064005</t>
  </si>
  <si>
    <t>cg03066657</t>
  </si>
  <si>
    <t>cg03067403</t>
  </si>
  <si>
    <t>cg03068958</t>
  </si>
  <si>
    <t>cg03074210</t>
  </si>
  <si>
    <t>cg03074244</t>
  </si>
  <si>
    <t>cg03081707</t>
  </si>
  <si>
    <t>cg03084949</t>
  </si>
  <si>
    <t>cg03086003</t>
  </si>
  <si>
    <t>cg03087198</t>
  </si>
  <si>
    <t>cg03089475</t>
  </si>
  <si>
    <t>cg03094675</t>
  </si>
  <si>
    <t>cg03100807</t>
  </si>
  <si>
    <t>cg03101664</t>
  </si>
  <si>
    <t>cg03101763</t>
  </si>
  <si>
    <t>cg03102841</t>
  </si>
  <si>
    <t>cg03103661</t>
  </si>
  <si>
    <t>cg03105379</t>
  </si>
  <si>
    <t>cg03106245</t>
  </si>
  <si>
    <t>cg03108229</t>
  </si>
  <si>
    <t>cg03108347</t>
  </si>
  <si>
    <t>cg03109914</t>
  </si>
  <si>
    <t>cg03111502</t>
  </si>
  <si>
    <t>cg03112631</t>
  </si>
  <si>
    <t>cg03115562</t>
  </si>
  <si>
    <t>cg03116740</t>
  </si>
  <si>
    <t>cg03118430</t>
  </si>
  <si>
    <t>cg03127898</t>
  </si>
  <si>
    <t>cg03130149</t>
  </si>
  <si>
    <t>cg03134809</t>
  </si>
  <si>
    <t>cg03135577</t>
  </si>
  <si>
    <t>cg03139797</t>
  </si>
  <si>
    <t>cg03145963</t>
  </si>
  <si>
    <t>cg03158561</t>
  </si>
  <si>
    <t>cg03159156</t>
  </si>
  <si>
    <t>cg03159660</t>
  </si>
  <si>
    <t>cg03160508</t>
  </si>
  <si>
    <t>cg03160637</t>
  </si>
  <si>
    <t>cg03161498</t>
  </si>
  <si>
    <t>cg03162131</t>
  </si>
  <si>
    <t>cg03167496</t>
  </si>
  <si>
    <t>cg03168587</t>
  </si>
  <si>
    <t>cg03168749</t>
  </si>
  <si>
    <t>cg03169242</t>
  </si>
  <si>
    <t>cg03170619</t>
  </si>
  <si>
    <t>cg03177631</t>
  </si>
  <si>
    <t>cg03180191</t>
  </si>
  <si>
    <t>cg03180404</t>
  </si>
  <si>
    <t>cg03180486</t>
  </si>
  <si>
    <t>cg03183345</t>
  </si>
  <si>
    <t>cg03193698</t>
  </si>
  <si>
    <t>cg03196265</t>
  </si>
  <si>
    <t>cg03196689</t>
  </si>
  <si>
    <t>cg03197193</t>
  </si>
  <si>
    <t>cg03197835</t>
  </si>
  <si>
    <t>cg03197935</t>
  </si>
  <si>
    <t>cg03198203</t>
  </si>
  <si>
    <t>cg03202732</t>
  </si>
  <si>
    <t>cg03206304</t>
  </si>
  <si>
    <t>cg03208489</t>
  </si>
  <si>
    <t>cg03211593</t>
  </si>
  <si>
    <t>cg03212678</t>
  </si>
  <si>
    <t>cg03217460</t>
  </si>
  <si>
    <t>cg03218988</t>
  </si>
  <si>
    <t>cg03219657</t>
  </si>
  <si>
    <t>cg03220447</t>
  </si>
  <si>
    <t>cg03221698</t>
  </si>
  <si>
    <t>cg03222066</t>
  </si>
  <si>
    <t>cg03222523</t>
  </si>
  <si>
    <t>cg03231471</t>
  </si>
  <si>
    <t>cg03235894</t>
  </si>
  <si>
    <t>cg03236948</t>
  </si>
  <si>
    <t>cg03238359</t>
  </si>
  <si>
    <t>cg03241909</t>
  </si>
  <si>
    <t>cg03242880</t>
  </si>
  <si>
    <t>cg03243768</t>
  </si>
  <si>
    <t>cg03245218</t>
  </si>
  <si>
    <t>cg03245641</t>
  </si>
  <si>
    <t>cg03249986</t>
  </si>
  <si>
    <t>cg03252697</t>
  </si>
  <si>
    <t>cg03254928</t>
  </si>
  <si>
    <t>cg03259212</t>
  </si>
  <si>
    <t>cg03260799</t>
  </si>
  <si>
    <t>cg03261272</t>
  </si>
  <si>
    <t>cg03262694</t>
  </si>
  <si>
    <t>cg03263716</t>
  </si>
  <si>
    <t>cg03264729</t>
  </si>
  <si>
    <t>cg03267954</t>
  </si>
  <si>
    <t>cg03271182</t>
  </si>
  <si>
    <t>cg03274991</t>
  </si>
  <si>
    <t>cg03280245</t>
  </si>
  <si>
    <t>cg03286387</t>
  </si>
  <si>
    <t>cg03288621</t>
  </si>
  <si>
    <t>cg03293770</t>
  </si>
  <si>
    <t>cg03298405</t>
  </si>
  <si>
    <t>cg03299336</t>
  </si>
  <si>
    <t>cg03299487</t>
  </si>
  <si>
    <t>cg03301240</t>
  </si>
  <si>
    <t>cg03302897</t>
  </si>
  <si>
    <t>cg03303857</t>
  </si>
  <si>
    <t>cg03304763</t>
  </si>
  <si>
    <t>cg03306564</t>
  </si>
  <si>
    <t>cg03311252</t>
  </si>
  <si>
    <t>cg03313574</t>
  </si>
  <si>
    <t>cg03314977</t>
  </si>
  <si>
    <t>cg03316101</t>
  </si>
  <si>
    <t>cg03316174</t>
  </si>
  <si>
    <t>cg03318990</t>
  </si>
  <si>
    <t>cg03322338</t>
  </si>
  <si>
    <t>cg03324175</t>
  </si>
  <si>
    <t>cg03325346</t>
  </si>
  <si>
    <t>cg03325851</t>
  </si>
  <si>
    <t>cg03328804</t>
  </si>
  <si>
    <t>cg03332109</t>
  </si>
  <si>
    <t>cg03339077</t>
  </si>
  <si>
    <t>cg03340701</t>
  </si>
  <si>
    <t>cg03341697</t>
  </si>
  <si>
    <t>cg03347015</t>
  </si>
  <si>
    <t>cg03348299</t>
  </si>
  <si>
    <t>cg03352402</t>
  </si>
  <si>
    <t>cg03353394</t>
  </si>
  <si>
    <t>cg03353436</t>
  </si>
  <si>
    <t>cg03353995</t>
  </si>
  <si>
    <t>cg03360907</t>
  </si>
  <si>
    <t>cg03361085</t>
  </si>
  <si>
    <t>cg03361664</t>
  </si>
  <si>
    <t>cg03364015</t>
  </si>
  <si>
    <t>cg03364891</t>
  </si>
  <si>
    <t>cg03365354</t>
  </si>
  <si>
    <t>cg03365937</t>
  </si>
  <si>
    <t>cg03366382</t>
  </si>
  <si>
    <t>cg03368665</t>
  </si>
  <si>
    <t>cg03370752</t>
  </si>
  <si>
    <t>cg03371125</t>
  </si>
  <si>
    <t>cg03371384</t>
  </si>
  <si>
    <t>cg03375453</t>
  </si>
  <si>
    <t>cg03375679</t>
  </si>
  <si>
    <t>cg03382250</t>
  </si>
  <si>
    <t>cg03386765</t>
  </si>
  <si>
    <t>cg03390187</t>
  </si>
  <si>
    <t>cg03393444</t>
  </si>
  <si>
    <t>cg03394018</t>
  </si>
  <si>
    <t>cg03394700</t>
  </si>
  <si>
    <t>cg03395558</t>
  </si>
  <si>
    <t>cg03399927</t>
  </si>
  <si>
    <t>cg03400491</t>
  </si>
  <si>
    <t>cg03402922</t>
  </si>
  <si>
    <t>cg03406422</t>
  </si>
  <si>
    <t>cg03407594</t>
  </si>
  <si>
    <t>cg03410065</t>
  </si>
  <si>
    <t>cg03410790</t>
  </si>
  <si>
    <t>cg03416228</t>
  </si>
  <si>
    <t>cg03423524</t>
  </si>
  <si>
    <t>cg03423942</t>
  </si>
  <si>
    <t>cg03429582</t>
  </si>
  <si>
    <t>cg03432085</t>
  </si>
  <si>
    <t>cg03433785</t>
  </si>
  <si>
    <t>cg03433986</t>
  </si>
  <si>
    <t>cg03434907</t>
  </si>
  <si>
    <t>cg03436798</t>
  </si>
  <si>
    <t>cg03439703</t>
  </si>
  <si>
    <t>cg03440850</t>
  </si>
  <si>
    <t>cg03443887</t>
  </si>
  <si>
    <t>cg03445474</t>
  </si>
  <si>
    <t>cg03446428</t>
  </si>
  <si>
    <t>cg03448301</t>
  </si>
  <si>
    <t>cg03449125</t>
  </si>
  <si>
    <t>cg03450046</t>
  </si>
  <si>
    <t>cg03450829</t>
  </si>
  <si>
    <t>cg03455964</t>
  </si>
  <si>
    <t>cg03463948</t>
  </si>
  <si>
    <t>cg03465499</t>
  </si>
  <si>
    <t>cg03465506</t>
  </si>
  <si>
    <t>cg03468290</t>
  </si>
  <si>
    <t>cg03470933</t>
  </si>
  <si>
    <t>cg03472453</t>
  </si>
  <si>
    <t>cg03476291</t>
  </si>
  <si>
    <t>cg03476529</t>
  </si>
  <si>
    <t>cg03477679</t>
  </si>
  <si>
    <t>cg03479289</t>
  </si>
  <si>
    <t>cg03481039</t>
  </si>
  <si>
    <t>cg03481077</t>
  </si>
  <si>
    <t>cg03483046</t>
  </si>
  <si>
    <t>cg03486010</t>
  </si>
  <si>
    <t>cg03489974</t>
  </si>
  <si>
    <t>cg03490385</t>
  </si>
  <si>
    <t>cg03491478</t>
  </si>
  <si>
    <t>cg03493032</t>
  </si>
  <si>
    <t>cg03496014</t>
  </si>
  <si>
    <t>cg03502353</t>
  </si>
  <si>
    <t>cg03505797</t>
  </si>
  <si>
    <t>cg03506372</t>
  </si>
  <si>
    <t>cg03506489</t>
  </si>
  <si>
    <t>cg03507412</t>
  </si>
  <si>
    <t>cg03510310</t>
  </si>
  <si>
    <t>cg03512096</t>
  </si>
  <si>
    <t>cg03513962</t>
  </si>
  <si>
    <t>cg03516335</t>
  </si>
  <si>
    <t>cg03516454</t>
  </si>
  <si>
    <t>cg03517146</t>
  </si>
  <si>
    <t>cg03519157</t>
  </si>
  <si>
    <t>cg03520597</t>
  </si>
  <si>
    <t>cg03522035</t>
  </si>
  <si>
    <t>cg03527086</t>
  </si>
  <si>
    <t>cg03527159</t>
  </si>
  <si>
    <t>cg03528246</t>
  </si>
  <si>
    <t>cg03532274</t>
  </si>
  <si>
    <t>cg03533590</t>
  </si>
  <si>
    <t>cg03538470</t>
  </si>
  <si>
    <t>cg03541934</t>
  </si>
  <si>
    <t>cg03544918</t>
  </si>
  <si>
    <t>cg03545206</t>
  </si>
  <si>
    <t>cg03547523</t>
  </si>
  <si>
    <t>cg03548266</t>
  </si>
  <si>
    <t>cg03548673</t>
  </si>
  <si>
    <t>cg03553386</t>
  </si>
  <si>
    <t>cg03557426</t>
  </si>
  <si>
    <t>cg03559682</t>
  </si>
  <si>
    <t>cg03559915</t>
  </si>
  <si>
    <t>cg03559942</t>
  </si>
  <si>
    <t>cg03565674</t>
  </si>
  <si>
    <t>cg03565868</t>
  </si>
  <si>
    <t>cg03566682</t>
  </si>
  <si>
    <t>cg03567199</t>
  </si>
  <si>
    <t>cg03567358</t>
  </si>
  <si>
    <t>cg03568064</t>
  </si>
  <si>
    <t>cg03570766</t>
  </si>
  <si>
    <t>cg03571121</t>
  </si>
  <si>
    <t>cg03572680</t>
  </si>
  <si>
    <t>cg03573187</t>
  </si>
  <si>
    <t>cg03578926</t>
  </si>
  <si>
    <t>cg03585017</t>
  </si>
  <si>
    <t>cg03589557</t>
  </si>
  <si>
    <t>cg03593259</t>
  </si>
  <si>
    <t>cg03595855</t>
  </si>
  <si>
    <t>cg03596067</t>
  </si>
  <si>
    <t>cg03597491</t>
  </si>
  <si>
    <t>cg03600094</t>
  </si>
  <si>
    <t>cg03601585</t>
  </si>
  <si>
    <t>cg03602013</t>
  </si>
  <si>
    <t>cg03603211</t>
  </si>
  <si>
    <t>cg03608093</t>
  </si>
  <si>
    <t>cg03609102</t>
  </si>
  <si>
    <t>cg03609636</t>
  </si>
  <si>
    <t>cg03611487</t>
  </si>
  <si>
    <t>cg03611536</t>
  </si>
  <si>
    <t>cg03611551</t>
  </si>
  <si>
    <t>cg03613003</t>
  </si>
  <si>
    <t>cg03617572</t>
  </si>
  <si>
    <t>cg03626668</t>
  </si>
  <si>
    <t>cg03627771</t>
  </si>
  <si>
    <t>cg03628148</t>
  </si>
  <si>
    <t>cg03629499</t>
  </si>
  <si>
    <t>cg03631561</t>
  </si>
  <si>
    <t>cg03638795</t>
  </si>
  <si>
    <t>cg03640071</t>
  </si>
  <si>
    <t>cg03641062</t>
  </si>
  <si>
    <t>cg03642328</t>
  </si>
  <si>
    <t>cg03642635</t>
  </si>
  <si>
    <t>cg03643838</t>
  </si>
  <si>
    <t>cg03646605</t>
  </si>
  <si>
    <t>cg03653835</t>
  </si>
  <si>
    <t>cg03654058</t>
  </si>
  <si>
    <t>cg03655348</t>
  </si>
  <si>
    <t>cg03662172</t>
  </si>
  <si>
    <t>cg03663788</t>
  </si>
  <si>
    <t>cg03666741</t>
  </si>
  <si>
    <t>cg03673094</t>
  </si>
  <si>
    <t>cg03673138</t>
  </si>
  <si>
    <t>cg03673989</t>
  </si>
  <si>
    <t>cg03674563</t>
  </si>
  <si>
    <t>cg03680032</t>
  </si>
  <si>
    <t>cg03681481</t>
  </si>
  <si>
    <t>cg03681834</t>
  </si>
  <si>
    <t>cg03688995</t>
  </si>
  <si>
    <t>cg03690133</t>
  </si>
  <si>
    <t>cg03692563</t>
  </si>
  <si>
    <t>cg03695103</t>
  </si>
  <si>
    <t>cg03699566</t>
  </si>
  <si>
    <t>cg03703833</t>
  </si>
  <si>
    <t>cg03703887</t>
  </si>
  <si>
    <t>cg03705299</t>
  </si>
  <si>
    <t>cg03705784</t>
  </si>
  <si>
    <t>cg03708694</t>
  </si>
  <si>
    <t>cg03711457</t>
  </si>
  <si>
    <t>cg03712260</t>
  </si>
  <si>
    <t>cg03713997</t>
  </si>
  <si>
    <t>cg03717994</t>
  </si>
  <si>
    <t>cg03718883</t>
  </si>
  <si>
    <t>cg03720043</t>
  </si>
  <si>
    <t>cg03720581</t>
  </si>
  <si>
    <t>cg03720898</t>
  </si>
  <si>
    <t>cg03722472</t>
  </si>
  <si>
    <t>cg03723716</t>
  </si>
  <si>
    <t>cg03724006</t>
  </si>
  <si>
    <t>cg03725573</t>
  </si>
  <si>
    <t>cg03725852</t>
  </si>
  <si>
    <t>cg03727433</t>
  </si>
  <si>
    <t>cg03728580</t>
  </si>
  <si>
    <t>cg03730492</t>
  </si>
  <si>
    <t>cg03733760</t>
  </si>
  <si>
    <t>cg03736013</t>
  </si>
  <si>
    <t>cg03737984</t>
  </si>
  <si>
    <t>cg03739476</t>
  </si>
  <si>
    <t>cg03740169</t>
  </si>
  <si>
    <t>cg03741506</t>
  </si>
  <si>
    <t>cg03742950</t>
  </si>
  <si>
    <t>cg03743243</t>
  </si>
  <si>
    <t>cg03747614</t>
  </si>
  <si>
    <t>cg03749507</t>
  </si>
  <si>
    <t>cg03755158</t>
  </si>
  <si>
    <t>cg03756121</t>
  </si>
  <si>
    <t>cg03757552</t>
  </si>
  <si>
    <t>cg03764062</t>
  </si>
  <si>
    <t>cg03764506</t>
  </si>
  <si>
    <t>cg03765206</t>
  </si>
  <si>
    <t>cg03768106</t>
  </si>
  <si>
    <t>cg03771580</t>
  </si>
  <si>
    <t>cg03773647</t>
  </si>
  <si>
    <t>cg03777575</t>
  </si>
  <si>
    <t>cg03778108</t>
  </si>
  <si>
    <t>cg03778207</t>
  </si>
  <si>
    <t>cg03784628</t>
  </si>
  <si>
    <t>cg03787988</t>
  </si>
  <si>
    <t>cg03790236</t>
  </si>
  <si>
    <t>cg03790378</t>
  </si>
  <si>
    <t>cg03790848</t>
  </si>
  <si>
    <t>cg03794550</t>
  </si>
  <si>
    <t>cg03800939</t>
  </si>
  <si>
    <t>cg03801030</t>
  </si>
  <si>
    <t>cg03801912</t>
  </si>
  <si>
    <t>cg03802998</t>
  </si>
  <si>
    <t>cg03803474</t>
  </si>
  <si>
    <t>cg03805364</t>
  </si>
  <si>
    <t>cg03805684</t>
  </si>
  <si>
    <t>cg03807243</t>
  </si>
  <si>
    <t>cg03807330</t>
  </si>
  <si>
    <t>cg03807741</t>
  </si>
  <si>
    <t>cg03807883</t>
  </si>
  <si>
    <t>cg03807919</t>
  </si>
  <si>
    <t>cg03811319</t>
  </si>
  <si>
    <t>cg03812107</t>
  </si>
  <si>
    <t>cg03812676</t>
  </si>
  <si>
    <t>cg03817794</t>
  </si>
  <si>
    <t>cg03818576</t>
  </si>
  <si>
    <t>cg03818682</t>
  </si>
  <si>
    <t>cg03818767</t>
  </si>
  <si>
    <t>cg03820608</t>
  </si>
  <si>
    <t>cg03821121</t>
  </si>
  <si>
    <t>cg03823983</t>
  </si>
  <si>
    <t>cg03825175</t>
  </si>
  <si>
    <t>cg03826976</t>
  </si>
  <si>
    <t>cg03827772</t>
  </si>
  <si>
    <t>cg03833400</t>
  </si>
  <si>
    <t>cg03844308</t>
  </si>
  <si>
    <t>cg03845289</t>
  </si>
  <si>
    <t>cg03845863</t>
  </si>
  <si>
    <t>cg03855291</t>
  </si>
  <si>
    <t>cg03856801</t>
  </si>
  <si>
    <t>cg03857673</t>
  </si>
  <si>
    <t>cg03858917</t>
  </si>
  <si>
    <t>cg03860343</t>
  </si>
  <si>
    <t>cg03860400</t>
  </si>
  <si>
    <t>cg03861143</t>
  </si>
  <si>
    <t>cg03862781</t>
  </si>
  <si>
    <t>cg03864089</t>
  </si>
  <si>
    <t>cg03867003</t>
  </si>
  <si>
    <t>cg03871102</t>
  </si>
  <si>
    <t>cg03874471</t>
  </si>
  <si>
    <t>cg03876030</t>
  </si>
  <si>
    <t>cg03878802</t>
  </si>
  <si>
    <t>cg03880841</t>
  </si>
  <si>
    <t>cg03883228</t>
  </si>
  <si>
    <t>cg03883256</t>
  </si>
  <si>
    <t>cg03885639</t>
  </si>
  <si>
    <t>cg03887787</t>
  </si>
  <si>
    <t>cg03898448</t>
  </si>
  <si>
    <t>cg03902718</t>
  </si>
  <si>
    <t>cg03904291</t>
  </si>
  <si>
    <t>cg03905795</t>
  </si>
  <si>
    <t>cg03905867</t>
  </si>
  <si>
    <t>cg03906031</t>
  </si>
  <si>
    <t>cg03908908</t>
  </si>
  <si>
    <t>cg03913259</t>
  </si>
  <si>
    <t>cg03918313</t>
  </si>
  <si>
    <t>cg03921599</t>
  </si>
  <si>
    <t>cg03922337</t>
  </si>
  <si>
    <t>cg03923934</t>
  </si>
  <si>
    <t>cg03925135</t>
  </si>
  <si>
    <t>cg03925361</t>
  </si>
  <si>
    <t>cg03927812</t>
  </si>
  <si>
    <t>cg03932760</t>
  </si>
  <si>
    <t>cg03933203</t>
  </si>
  <si>
    <t>cg03943509</t>
  </si>
  <si>
    <t>cg03949158</t>
  </si>
  <si>
    <t>cg03950493</t>
  </si>
  <si>
    <t>cg03950669</t>
  </si>
  <si>
    <t>cg03958883</t>
  </si>
  <si>
    <t>cg03961718</t>
  </si>
  <si>
    <t>cg03962678</t>
  </si>
  <si>
    <t>cg03968436</t>
  </si>
  <si>
    <t>cg03970229</t>
  </si>
  <si>
    <t>cg03972076</t>
  </si>
  <si>
    <t>cg03975156</t>
  </si>
  <si>
    <t>cg03975537</t>
  </si>
  <si>
    <t>cg03976782</t>
  </si>
  <si>
    <t>cg03982537</t>
  </si>
  <si>
    <t>cg03982897</t>
  </si>
  <si>
    <t>cg03983684</t>
  </si>
  <si>
    <t>cg03984120</t>
  </si>
  <si>
    <t>cg03984780</t>
  </si>
  <si>
    <t>cg03986574</t>
  </si>
  <si>
    <t>cg03988533</t>
  </si>
  <si>
    <t>cg03991848</t>
  </si>
  <si>
    <t>cg03998792</t>
  </si>
  <si>
    <t>cg03999137</t>
  </si>
  <si>
    <t>cg04000281</t>
  </si>
  <si>
    <t>cg04000940</t>
  </si>
  <si>
    <t>cg04002235</t>
  </si>
  <si>
    <t>cg04002957</t>
  </si>
  <si>
    <t>cg04003772</t>
  </si>
  <si>
    <t>cg04006266</t>
  </si>
  <si>
    <t>cg04007841</t>
  </si>
  <si>
    <t>cg04008557</t>
  </si>
  <si>
    <t>cg04010325</t>
  </si>
  <si>
    <t>cg04010666</t>
  </si>
  <si>
    <t>cg04011620</t>
  </si>
  <si>
    <t>cg04011872</t>
  </si>
  <si>
    <t>cg04017555</t>
  </si>
  <si>
    <t>cg04017736</t>
  </si>
  <si>
    <t>cg04023526</t>
  </si>
  <si>
    <t>cg04024822</t>
  </si>
  <si>
    <t>cg04026926</t>
  </si>
  <si>
    <t>cg04027916</t>
  </si>
  <si>
    <t>cg04032066</t>
  </si>
  <si>
    <t>cg04033857</t>
  </si>
  <si>
    <t>cg04034539</t>
  </si>
  <si>
    <t>cg04036920</t>
  </si>
  <si>
    <t>cg04038150</t>
  </si>
  <si>
    <t>cg04038246</t>
  </si>
  <si>
    <t>cg04039799</t>
  </si>
  <si>
    <t>cg04044203</t>
  </si>
  <si>
    <t>cg04044471</t>
  </si>
  <si>
    <t>cg04046629</t>
  </si>
  <si>
    <t>cg04048249</t>
  </si>
  <si>
    <t>cg04049253</t>
  </si>
  <si>
    <t>cg04052013</t>
  </si>
  <si>
    <t>cg04053118</t>
  </si>
  <si>
    <t>cg04054600</t>
  </si>
  <si>
    <t>cg04054921</t>
  </si>
  <si>
    <t>cg04054951</t>
  </si>
  <si>
    <t>cg04055211</t>
  </si>
  <si>
    <t>cg04056542</t>
  </si>
  <si>
    <t>cg04057599</t>
  </si>
  <si>
    <t>cg04057706</t>
  </si>
  <si>
    <t>cg04057766</t>
  </si>
  <si>
    <t>cg04058498</t>
  </si>
  <si>
    <t>cg04061873</t>
  </si>
  <si>
    <t>cg04064550</t>
  </si>
  <si>
    <t>cg04064675</t>
  </si>
  <si>
    <t>cg04073608</t>
  </si>
  <si>
    <t>cg04074945</t>
  </si>
  <si>
    <t>cg04075024</t>
  </si>
  <si>
    <t>cg04075973</t>
  </si>
  <si>
    <t>cg04076682</t>
  </si>
  <si>
    <t>cg04078163</t>
  </si>
  <si>
    <t>cg04078601</t>
  </si>
  <si>
    <t>cg04084597</t>
  </si>
  <si>
    <t>cg04085336</t>
  </si>
  <si>
    <t>cg04085699</t>
  </si>
  <si>
    <t>cg04087571</t>
  </si>
  <si>
    <t>cg04089240</t>
  </si>
  <si>
    <t>cg04091405</t>
  </si>
  <si>
    <t>cg04092231</t>
  </si>
  <si>
    <t>cg04092393</t>
  </si>
  <si>
    <t>cg04096519</t>
  </si>
  <si>
    <t>cg04099543</t>
  </si>
  <si>
    <t>cg04104132</t>
  </si>
  <si>
    <t>cg04104256</t>
  </si>
  <si>
    <t>cg04108360</t>
  </si>
  <si>
    <t>cg04110283</t>
  </si>
  <si>
    <t>cg04111109</t>
  </si>
  <si>
    <t>cg04111435</t>
  </si>
  <si>
    <t>cg04112019</t>
  </si>
  <si>
    <t>cg04113632</t>
  </si>
  <si>
    <t>cg04114315</t>
  </si>
  <si>
    <t>cg04119303</t>
  </si>
  <si>
    <t>cg04122632</t>
  </si>
  <si>
    <t>cg04125208</t>
  </si>
  <si>
    <t>cg04141218</t>
  </si>
  <si>
    <t>cg04143120</t>
  </si>
  <si>
    <t>cg04145264</t>
  </si>
  <si>
    <t>cg04148095</t>
  </si>
  <si>
    <t>cg04148926</t>
  </si>
  <si>
    <t>cg04150762</t>
  </si>
  <si>
    <t>cg04160653</t>
  </si>
  <si>
    <t>cg04165881</t>
  </si>
  <si>
    <t>cg04168494</t>
  </si>
  <si>
    <t>cg04170359</t>
  </si>
  <si>
    <t>cg04171808</t>
  </si>
  <si>
    <t>cg04172043</t>
  </si>
  <si>
    <t>cg04176557</t>
  </si>
  <si>
    <t>cg04181189</t>
  </si>
  <si>
    <t>cg04182215</t>
  </si>
  <si>
    <t>cg04184042</t>
  </si>
  <si>
    <t>cg04186580</t>
  </si>
  <si>
    <t>cg04188351</t>
  </si>
  <si>
    <t>cg04189727</t>
  </si>
  <si>
    <t>cg04191712</t>
  </si>
  <si>
    <t>cg04195159</t>
  </si>
  <si>
    <t>cg04195807</t>
  </si>
  <si>
    <t>cg04197135</t>
  </si>
  <si>
    <t>cg04197449</t>
  </si>
  <si>
    <t>cg04200323</t>
  </si>
  <si>
    <t>cg04204548</t>
  </si>
  <si>
    <t>cg04204669</t>
  </si>
  <si>
    <t>cg04209051</t>
  </si>
  <si>
    <t>cg04209631</t>
  </si>
  <si>
    <t>cg04211037</t>
  </si>
  <si>
    <t>cg04211344</t>
  </si>
  <si>
    <t>cg04211937</t>
  </si>
  <si>
    <t>cg04212338</t>
  </si>
  <si>
    <t>cg04216240</t>
  </si>
  <si>
    <t>cg04221884</t>
  </si>
  <si>
    <t>cg04222986</t>
  </si>
  <si>
    <t>cg04223179</t>
  </si>
  <si>
    <t>cg04225508</t>
  </si>
  <si>
    <t>cg04226092</t>
  </si>
  <si>
    <t>cg04230073</t>
  </si>
  <si>
    <t>cg04231094</t>
  </si>
  <si>
    <t>cg04231643</t>
  </si>
  <si>
    <t>cg04237003</t>
  </si>
  <si>
    <t>cg04237436</t>
  </si>
  <si>
    <t>cg04237997</t>
  </si>
  <si>
    <t>cg04252965</t>
  </si>
  <si>
    <t>cg04255207</t>
  </si>
  <si>
    <t>cg04258189</t>
  </si>
  <si>
    <t>cg04258272</t>
  </si>
  <si>
    <t>cg04261607</t>
  </si>
  <si>
    <t>cg04270835</t>
  </si>
  <si>
    <t>cg04272710</t>
  </si>
  <si>
    <t>cg04280548</t>
  </si>
  <si>
    <t>cg04282419</t>
  </si>
  <si>
    <t>cg04282530</t>
  </si>
  <si>
    <t>cg04288036</t>
  </si>
  <si>
    <t>cg04291891</t>
  </si>
  <si>
    <t>cg04292941</t>
  </si>
  <si>
    <t>cg04293175</t>
  </si>
  <si>
    <t>cg04293602</t>
  </si>
  <si>
    <t>cg04303269</t>
  </si>
  <si>
    <t>cg04304048</t>
  </si>
  <si>
    <t>cg04307764</t>
  </si>
  <si>
    <t>cg04309299</t>
  </si>
  <si>
    <t>cg04310331</t>
  </si>
  <si>
    <t>cg04313173</t>
  </si>
  <si>
    <t>cg04313735</t>
  </si>
  <si>
    <t>cg04315692</t>
  </si>
  <si>
    <t>cg04321396</t>
  </si>
  <si>
    <t>cg04337594</t>
  </si>
  <si>
    <t>cg04338129</t>
  </si>
  <si>
    <t>cg04338871</t>
  </si>
  <si>
    <t>cg04338966</t>
  </si>
  <si>
    <t>cg04339947</t>
  </si>
  <si>
    <t>cg04342484</t>
  </si>
  <si>
    <t>cg04343509</t>
  </si>
  <si>
    <t>cg04344792</t>
  </si>
  <si>
    <t>cg04346968</t>
  </si>
  <si>
    <t>cg04347708</t>
  </si>
  <si>
    <t>cg04352404</t>
  </si>
  <si>
    <t>cg04353769</t>
  </si>
  <si>
    <t>cg04355222</t>
  </si>
  <si>
    <t>cg04357390</t>
  </si>
  <si>
    <t>cg04362211</t>
  </si>
  <si>
    <t>cg04363470</t>
  </si>
  <si>
    <t>cg04363513</t>
  </si>
  <si>
    <t>cg04367164</t>
  </si>
  <si>
    <t>cg04367197</t>
  </si>
  <si>
    <t>cg04367216</t>
  </si>
  <si>
    <t>cg04369957</t>
  </si>
  <si>
    <t>cg04369964</t>
  </si>
  <si>
    <t>cg04372535</t>
  </si>
  <si>
    <t>cg04374654</t>
  </si>
  <si>
    <t>cg04374914</t>
  </si>
  <si>
    <t>cg04379095</t>
  </si>
  <si>
    <t>cg04379642</t>
  </si>
  <si>
    <t>cg04388472</t>
  </si>
  <si>
    <t>cg04388983</t>
  </si>
  <si>
    <t>cg04390734</t>
  </si>
  <si>
    <t>cg04391666</t>
  </si>
  <si>
    <t>cg04394031</t>
  </si>
  <si>
    <t>cg04404381</t>
  </si>
  <si>
    <t>cg04407063</t>
  </si>
  <si>
    <t>cg04409954</t>
  </si>
  <si>
    <t>cg04410834</t>
  </si>
  <si>
    <t>cg04411041</t>
  </si>
  <si>
    <t>cg04417028</t>
  </si>
  <si>
    <t>cg04419025</t>
  </si>
  <si>
    <t>cg04420138</t>
  </si>
  <si>
    <t>cg04420547</t>
  </si>
  <si>
    <t>cg04420932</t>
  </si>
  <si>
    <t>cg04422903</t>
  </si>
  <si>
    <t>cg04426297</t>
  </si>
  <si>
    <t>cg04431596</t>
  </si>
  <si>
    <t>cg04435320</t>
  </si>
  <si>
    <t>cg04435546</t>
  </si>
  <si>
    <t>cg04438497</t>
  </si>
  <si>
    <t>cg04439241</t>
  </si>
  <si>
    <t>cg04445531</t>
  </si>
  <si>
    <t>cg04445570</t>
  </si>
  <si>
    <t>cg04447981</t>
  </si>
  <si>
    <t>cg04454571</t>
  </si>
  <si>
    <t>cg04454576</t>
  </si>
  <si>
    <t>cg04455759</t>
  </si>
  <si>
    <t>cg04456238</t>
  </si>
  <si>
    <t>cg04458776</t>
  </si>
  <si>
    <t>cg04458972</t>
  </si>
  <si>
    <t>cg04460185</t>
  </si>
  <si>
    <t>cg04462547</t>
  </si>
  <si>
    <t>cg04463386</t>
  </si>
  <si>
    <t>cg04464446</t>
  </si>
  <si>
    <t>cg04466898</t>
  </si>
  <si>
    <t>cg04466995</t>
  </si>
  <si>
    <t>cg04467334</t>
  </si>
  <si>
    <t>cg04467611</t>
  </si>
  <si>
    <t>cg04468281</t>
  </si>
  <si>
    <t>cg04468568</t>
  </si>
  <si>
    <t>cg04468741</t>
  </si>
  <si>
    <t>cg04469731</t>
  </si>
  <si>
    <t>cg04470256</t>
  </si>
  <si>
    <t>cg04472909</t>
  </si>
  <si>
    <t>cg04473209</t>
  </si>
  <si>
    <t>cg04477681</t>
  </si>
  <si>
    <t>cg04478684</t>
  </si>
  <si>
    <t>cg04480285</t>
  </si>
  <si>
    <t>cg04480914</t>
  </si>
  <si>
    <t>cg04481053</t>
  </si>
  <si>
    <t>cg04481212</t>
  </si>
  <si>
    <t>cg04484994</t>
  </si>
  <si>
    <t>cg04486763</t>
  </si>
  <si>
    <t>cg04487506</t>
  </si>
  <si>
    <t>cg04488845</t>
  </si>
  <si>
    <t>cg04488853</t>
  </si>
  <si>
    <t>cg04494051</t>
  </si>
  <si>
    <t>cg04494197</t>
  </si>
  <si>
    <t>cg04495219</t>
  </si>
  <si>
    <t>cg04495600</t>
  </si>
  <si>
    <t>cg04496233</t>
  </si>
  <si>
    <t>cg04497752</t>
  </si>
  <si>
    <t>cg04497905</t>
  </si>
  <si>
    <t>cg04504066</t>
  </si>
  <si>
    <t>cg04506053</t>
  </si>
  <si>
    <t>cg04511463</t>
  </si>
  <si>
    <t>cg04515154</t>
  </si>
  <si>
    <t>cg04519421</t>
  </si>
  <si>
    <t>cg04525398</t>
  </si>
  <si>
    <t>cg04525673</t>
  </si>
  <si>
    <t>cg04528382</t>
  </si>
  <si>
    <t>cg04531254</t>
  </si>
  <si>
    <t>cg04537282</t>
  </si>
  <si>
    <t>cg04537602</t>
  </si>
  <si>
    <t>cg04539895</t>
  </si>
  <si>
    <t>cg04541078</t>
  </si>
  <si>
    <t>cg04548926</t>
  </si>
  <si>
    <t>cg04548956</t>
  </si>
  <si>
    <t>cg04552319</t>
  </si>
  <si>
    <t>cg04552585</t>
  </si>
  <si>
    <t>cg04552852</t>
  </si>
  <si>
    <t>cg04553838</t>
  </si>
  <si>
    <t>cg04558362</t>
  </si>
  <si>
    <t>cg04560630</t>
  </si>
  <si>
    <t>cg04560689</t>
  </si>
  <si>
    <t>cg04563671</t>
  </si>
  <si>
    <t>cg04568398</t>
  </si>
  <si>
    <t>cg04571951</t>
  </si>
  <si>
    <t>cg04573976</t>
  </si>
  <si>
    <t>cg04574090</t>
  </si>
  <si>
    <t>cg04574442</t>
  </si>
  <si>
    <t>cg04575087</t>
  </si>
  <si>
    <t>cg04577253</t>
  </si>
  <si>
    <t>cg04581377</t>
  </si>
  <si>
    <t>cg04582871</t>
  </si>
  <si>
    <t>cg04583232</t>
  </si>
  <si>
    <t>cg04586748</t>
  </si>
  <si>
    <t>cg04598420</t>
  </si>
  <si>
    <t>cg04598683</t>
  </si>
  <si>
    <t>cg04598774</t>
  </si>
  <si>
    <t>cg04599785</t>
  </si>
  <si>
    <t>cg04603166</t>
  </si>
  <si>
    <t>cg04603176</t>
  </si>
  <si>
    <t>cg04607174</t>
  </si>
  <si>
    <t>cg04609045</t>
  </si>
  <si>
    <t>cg04609262</t>
  </si>
  <si>
    <t>cg04610224</t>
  </si>
  <si>
    <t>cg04610274</t>
  </si>
  <si>
    <t>cg04610897</t>
  </si>
  <si>
    <t>cg04622802</t>
  </si>
  <si>
    <t>cg04625873</t>
  </si>
  <si>
    <t>cg04635504</t>
  </si>
  <si>
    <t>cg04639304</t>
  </si>
  <si>
    <t>cg04642306</t>
  </si>
  <si>
    <t>cg04642741</t>
  </si>
  <si>
    <t>cg04647234</t>
  </si>
  <si>
    <t>cg04647918</t>
  </si>
  <si>
    <t>cg04651240</t>
  </si>
  <si>
    <t>cg04653522</t>
  </si>
  <si>
    <t>cg04656692</t>
  </si>
  <si>
    <t>cg04657268</t>
  </si>
  <si>
    <t>cg04657294</t>
  </si>
  <si>
    <t>cg04663194</t>
  </si>
  <si>
    <t>cg04664643</t>
  </si>
  <si>
    <t>cg04666029</t>
  </si>
  <si>
    <t>cg04669077</t>
  </si>
  <si>
    <t>cg04671300</t>
  </si>
  <si>
    <t>cg04672351</t>
  </si>
  <si>
    <t>cg04674081</t>
  </si>
  <si>
    <t>cg04680304</t>
  </si>
  <si>
    <t>cg04681489</t>
  </si>
  <si>
    <t>cg04681862</t>
  </si>
  <si>
    <t>cg04682088</t>
  </si>
  <si>
    <t>cg04682787</t>
  </si>
  <si>
    <t>cg04691795</t>
  </si>
  <si>
    <t>cg04692506</t>
  </si>
  <si>
    <t>cg04693782</t>
  </si>
  <si>
    <t>cg04697265</t>
  </si>
  <si>
    <t>cg04701181</t>
  </si>
  <si>
    <t>cg04703318</t>
  </si>
  <si>
    <t>cg04705238</t>
  </si>
  <si>
    <t>cg04709703</t>
  </si>
  <si>
    <t>cg04710830</t>
  </si>
  <si>
    <t>cg04715092</t>
  </si>
  <si>
    <t>cg04715572</t>
  </si>
  <si>
    <t>cg04717837</t>
  </si>
  <si>
    <t>cg04719721</t>
  </si>
  <si>
    <t>cg04719819</t>
  </si>
  <si>
    <t>cg04721144</t>
  </si>
  <si>
    <t>cg04721828</t>
  </si>
  <si>
    <t>cg04723239</t>
  </si>
  <si>
    <t>cg04724720</t>
  </si>
  <si>
    <t>cg04725464</t>
  </si>
  <si>
    <t>cg04726985</t>
  </si>
  <si>
    <t>cg04728402</t>
  </si>
  <si>
    <t>cg04729371</t>
  </si>
  <si>
    <t>cg04729730</t>
  </si>
  <si>
    <t>cg04731714</t>
  </si>
  <si>
    <t>cg04739401</t>
  </si>
  <si>
    <t>cg04742605</t>
  </si>
  <si>
    <t>cg04743638</t>
  </si>
  <si>
    <t>cg04743859</t>
  </si>
  <si>
    <t>cg04746197</t>
  </si>
  <si>
    <t>cg04746851</t>
  </si>
  <si>
    <t>cg04759114</t>
  </si>
  <si>
    <t>cg04761267</t>
  </si>
  <si>
    <t>cg04762676</t>
  </si>
  <si>
    <t>cg04765483</t>
  </si>
  <si>
    <t>cg04765955</t>
  </si>
  <si>
    <t>cg04766618</t>
  </si>
  <si>
    <t>cg04768203</t>
  </si>
  <si>
    <t>cg04772947</t>
  </si>
  <si>
    <t>cg04774822</t>
  </si>
  <si>
    <t>cg04776718</t>
  </si>
  <si>
    <t>cg04782396</t>
  </si>
  <si>
    <t>cg04786204</t>
  </si>
  <si>
    <t>cg04790829</t>
  </si>
  <si>
    <t>cg04791077</t>
  </si>
  <si>
    <t>cg04793272</t>
  </si>
  <si>
    <t>cg04797570</t>
  </si>
  <si>
    <t>cg04802545</t>
  </si>
  <si>
    <t>cg04807669</t>
  </si>
  <si>
    <t>cg04808985</t>
  </si>
  <si>
    <t>cg04817034</t>
  </si>
  <si>
    <t>cg04817300</t>
  </si>
  <si>
    <t>cg04817908</t>
  </si>
  <si>
    <t>cg04818594</t>
  </si>
  <si>
    <t>cg04820195</t>
  </si>
  <si>
    <t>cg04820220</t>
  </si>
  <si>
    <t>cg04823219</t>
  </si>
  <si>
    <t>cg04823676</t>
  </si>
  <si>
    <t>cg04824341</t>
  </si>
  <si>
    <t>cg04824401</t>
  </si>
  <si>
    <t>cg04826772</t>
  </si>
  <si>
    <t>cg04827223</t>
  </si>
  <si>
    <t>cg04831048</t>
  </si>
  <si>
    <t>cg04833853</t>
  </si>
  <si>
    <t>cg04835841</t>
  </si>
  <si>
    <t>cg04843085</t>
  </si>
  <si>
    <t>cg04844207</t>
  </si>
  <si>
    <t>cg04848972</t>
  </si>
  <si>
    <t>cg04850017</t>
  </si>
  <si>
    <t>cg04852143</t>
  </si>
  <si>
    <t>cg04854089</t>
  </si>
  <si>
    <t>cg04857926</t>
  </si>
  <si>
    <t>cg04861929</t>
  </si>
  <si>
    <t>cg04862885</t>
  </si>
  <si>
    <t>cg04864600</t>
  </si>
  <si>
    <t>cg04868540</t>
  </si>
  <si>
    <t>cg04869854</t>
  </si>
  <si>
    <t>cg04874562</t>
  </si>
  <si>
    <t>cg04874875</t>
  </si>
  <si>
    <t>cg04876474</t>
  </si>
  <si>
    <t>cg04877287</t>
  </si>
  <si>
    <t>cg04878902</t>
  </si>
  <si>
    <t>cg04880487</t>
  </si>
  <si>
    <t>cg04881472</t>
  </si>
  <si>
    <t>cg04883472</t>
  </si>
  <si>
    <t>cg04883553</t>
  </si>
  <si>
    <t>cg04885574</t>
  </si>
  <si>
    <t>cg04894537</t>
  </si>
  <si>
    <t>cg04895225</t>
  </si>
  <si>
    <t>cg04896706</t>
  </si>
  <si>
    <t>cg04897044</t>
  </si>
  <si>
    <t>cg04898130</t>
  </si>
  <si>
    <t>cg04898797</t>
  </si>
  <si>
    <t>cg04902871</t>
  </si>
  <si>
    <t>cg04903691</t>
  </si>
  <si>
    <t>cg04906985</t>
  </si>
  <si>
    <t>cg04907802</t>
  </si>
  <si>
    <t>cg04910299</t>
  </si>
  <si>
    <t>cg04912466</t>
  </si>
  <si>
    <t>cg04913265</t>
  </si>
  <si>
    <t>cg04915425</t>
  </si>
  <si>
    <t>cg04920270</t>
  </si>
  <si>
    <t>cg04920704</t>
  </si>
  <si>
    <t>cg04926280</t>
  </si>
  <si>
    <t>cg04926767</t>
  </si>
  <si>
    <t>cg04927069</t>
  </si>
  <si>
    <t>cg04936012</t>
  </si>
  <si>
    <t>cg04941239</t>
  </si>
  <si>
    <t>cg04943440</t>
  </si>
  <si>
    <t>cg04945668</t>
  </si>
  <si>
    <t>cg04946535</t>
  </si>
  <si>
    <t>cg04948284</t>
  </si>
  <si>
    <t>cg04948524</t>
  </si>
  <si>
    <t>cg04949219</t>
  </si>
  <si>
    <t>cg04949741</t>
  </si>
  <si>
    <t>cg04954203</t>
  </si>
  <si>
    <t>cg04956624</t>
  </si>
  <si>
    <t>cg04959297</t>
  </si>
  <si>
    <t>cg04959790</t>
  </si>
  <si>
    <t>cg04962005</t>
  </si>
  <si>
    <t>cg04962134</t>
  </si>
  <si>
    <t>cg04972224</t>
  </si>
  <si>
    <t>cg04972341</t>
  </si>
  <si>
    <t>cg04972566</t>
  </si>
  <si>
    <t>cg04974587</t>
  </si>
  <si>
    <t>cg04976484</t>
  </si>
  <si>
    <t>cg04976753</t>
  </si>
  <si>
    <t>cg04984200</t>
  </si>
  <si>
    <t>cg04984852</t>
  </si>
  <si>
    <t>cg04985144</t>
  </si>
  <si>
    <t>cg04986319</t>
  </si>
  <si>
    <t>cg04986616</t>
  </si>
  <si>
    <t>cg04988423</t>
  </si>
  <si>
    <t>cg04993130</t>
  </si>
  <si>
    <t>cg04993290</t>
  </si>
  <si>
    <t>cg04999352</t>
  </si>
  <si>
    <t>cg05000348</t>
  </si>
  <si>
    <t>cg05002336</t>
  </si>
  <si>
    <t>cg05002732</t>
  </si>
  <si>
    <t>cg05004506</t>
  </si>
  <si>
    <t>cg05005432</t>
  </si>
  <si>
    <t>cg05008975</t>
  </si>
  <si>
    <t>cg05013250</t>
  </si>
  <si>
    <t>cg05023447</t>
  </si>
  <si>
    <t>cg05025913</t>
  </si>
  <si>
    <t>cg05026798</t>
  </si>
  <si>
    <t>cg05030574</t>
  </si>
  <si>
    <t>cg05031801</t>
  </si>
  <si>
    <t>cg05032399</t>
  </si>
  <si>
    <t>cg05035315</t>
  </si>
  <si>
    <t>cg05038053</t>
  </si>
  <si>
    <t>cg05045027</t>
  </si>
  <si>
    <t>cg05049335</t>
  </si>
  <si>
    <t>cg05049628</t>
  </si>
  <si>
    <t>cg05052869</t>
  </si>
  <si>
    <t>cg05056390</t>
  </si>
  <si>
    <t>cg05059825</t>
  </si>
  <si>
    <t>cg05061107</t>
  </si>
  <si>
    <t>cg05062741</t>
  </si>
  <si>
    <t>cg05064990</t>
  </si>
  <si>
    <t>cg05065879</t>
  </si>
  <si>
    <t>cg05066619</t>
  </si>
  <si>
    <t>cg05067286</t>
  </si>
  <si>
    <t>cg05068202</t>
  </si>
  <si>
    <t>cg05068686</t>
  </si>
  <si>
    <t>cg05072552</t>
  </si>
  <si>
    <t>cg05072951</t>
  </si>
  <si>
    <t>cg05075097</t>
  </si>
  <si>
    <t>cg05075579</t>
  </si>
  <si>
    <t>cg05079045</t>
  </si>
  <si>
    <t>cg05082527</t>
  </si>
  <si>
    <t>cg05082738</t>
  </si>
  <si>
    <t>cg05085682</t>
  </si>
  <si>
    <t>cg05086873</t>
  </si>
  <si>
    <t>cg05086956</t>
  </si>
  <si>
    <t>cg05090725</t>
  </si>
  <si>
    <t>cg05092304</t>
  </si>
  <si>
    <t>cg05092988</t>
  </si>
  <si>
    <t>cg05093169</t>
  </si>
  <si>
    <t>cg05093325</t>
  </si>
  <si>
    <t>cg05097696</t>
  </si>
  <si>
    <t>cg05098417</t>
  </si>
  <si>
    <t>cg05099909</t>
  </si>
  <si>
    <t>cg05100917</t>
  </si>
  <si>
    <t>cg05103957</t>
  </si>
  <si>
    <t>cg05108031</t>
  </si>
  <si>
    <t>cg05109931</t>
  </si>
  <si>
    <t>cg05111110</t>
  </si>
  <si>
    <t>cg05113000</t>
  </si>
  <si>
    <t>cg05124575</t>
  </si>
  <si>
    <t>cg05133853</t>
  </si>
  <si>
    <t>cg05136848</t>
  </si>
  <si>
    <t>cg05139043</t>
  </si>
  <si>
    <t>cg05141645</t>
  </si>
  <si>
    <t>cg05144814</t>
  </si>
  <si>
    <t>cg05151185</t>
  </si>
  <si>
    <t>cg05156453</t>
  </si>
  <si>
    <t>cg05159438</t>
  </si>
  <si>
    <t>cg05163510</t>
  </si>
  <si>
    <t>cg05164022</t>
  </si>
  <si>
    <t>cg05164185</t>
  </si>
  <si>
    <t>cg05167070</t>
  </si>
  <si>
    <t>cg05167973</t>
  </si>
  <si>
    <t>cg05169666</t>
  </si>
  <si>
    <t>cg05173385</t>
  </si>
  <si>
    <t>cg05177729</t>
  </si>
  <si>
    <t>cg05178136</t>
  </si>
  <si>
    <t>cg05178291</t>
  </si>
  <si>
    <t>cg05179501</t>
  </si>
  <si>
    <t>cg05181279</t>
  </si>
  <si>
    <t>cg05181784</t>
  </si>
  <si>
    <t>cg05183271</t>
  </si>
  <si>
    <t>cg05185584</t>
  </si>
  <si>
    <t>cg05189570</t>
  </si>
  <si>
    <t>cg05189804</t>
  </si>
  <si>
    <t>cg05194636</t>
  </si>
  <si>
    <t>cg05199874</t>
  </si>
  <si>
    <t>cg05200606</t>
  </si>
  <si>
    <t>cg05201673</t>
  </si>
  <si>
    <t>cg05203776</t>
  </si>
  <si>
    <t>cg05205664</t>
  </si>
  <si>
    <t>cg05207067</t>
  </si>
  <si>
    <t>cg05207620</t>
  </si>
  <si>
    <t>cg05207943</t>
  </si>
  <si>
    <t>cg05208605</t>
  </si>
  <si>
    <t>cg05210497</t>
  </si>
  <si>
    <t>cg05214427</t>
  </si>
  <si>
    <t>cg05215637</t>
  </si>
  <si>
    <t>cg05215649</t>
  </si>
  <si>
    <t>cg05221455</t>
  </si>
  <si>
    <t>cg05222924</t>
  </si>
  <si>
    <t>cg05223210</t>
  </si>
  <si>
    <t>cg05223459</t>
  </si>
  <si>
    <t>cg05225390</t>
  </si>
  <si>
    <t>cg05227350</t>
  </si>
  <si>
    <t>cg05228186</t>
  </si>
  <si>
    <t>cg05228295</t>
  </si>
  <si>
    <t>cg05229528</t>
  </si>
  <si>
    <t>cg05229803</t>
  </si>
  <si>
    <t>cg05230759</t>
  </si>
  <si>
    <t>cg05231509</t>
  </si>
  <si>
    <t>cg05233155</t>
  </si>
  <si>
    <t>cg05233622</t>
  </si>
  <si>
    <t>cg05235171</t>
  </si>
  <si>
    <t>cg05245226</t>
  </si>
  <si>
    <t>cg05246110</t>
  </si>
  <si>
    <t>cg05256304</t>
  </si>
  <si>
    <t>cg05257275</t>
  </si>
  <si>
    <t>cg05258834</t>
  </si>
  <si>
    <t>cg05260877</t>
  </si>
  <si>
    <t>cg05261592</t>
  </si>
  <si>
    <t>cg05263649</t>
  </si>
  <si>
    <t>cg05265258</t>
  </si>
  <si>
    <t>cg05265359</t>
  </si>
  <si>
    <t>cg05267118</t>
  </si>
  <si>
    <t>cg05270892</t>
  </si>
  <si>
    <t>cg05274650</t>
  </si>
  <si>
    <t>cg05278307</t>
  </si>
  <si>
    <t>cg05279643</t>
  </si>
  <si>
    <t>cg05280206</t>
  </si>
  <si>
    <t>cg05281603</t>
  </si>
  <si>
    <t>cg05282044</t>
  </si>
  <si>
    <t>cg05283834</t>
  </si>
  <si>
    <t>cg05285797</t>
  </si>
  <si>
    <t>cg05291374</t>
  </si>
  <si>
    <t>cg05295023</t>
  </si>
  <si>
    <t>cg05295919</t>
  </si>
  <si>
    <t>cg05299387</t>
  </si>
  <si>
    <t>cg05299398</t>
  </si>
  <si>
    <t>cg05300538</t>
  </si>
  <si>
    <t>cg05302095</t>
  </si>
  <si>
    <t>cg05302338</t>
  </si>
  <si>
    <t>cg05302441</t>
  </si>
  <si>
    <t>cg05305078</t>
  </si>
  <si>
    <t>cg05311611</t>
  </si>
  <si>
    <t>cg05311626</t>
  </si>
  <si>
    <t>cg05312104</t>
  </si>
  <si>
    <t>cg05316605</t>
  </si>
  <si>
    <t>cg05317455</t>
  </si>
  <si>
    <t>cg05321252</t>
  </si>
  <si>
    <t>cg05322222</t>
  </si>
  <si>
    <t>cg05324776</t>
  </si>
  <si>
    <t>cg05327192</t>
  </si>
  <si>
    <t>cg05327844</t>
  </si>
  <si>
    <t>cg05329982</t>
  </si>
  <si>
    <t>cg05330963</t>
  </si>
  <si>
    <t>cg05335686</t>
  </si>
  <si>
    <t>cg05336611</t>
  </si>
  <si>
    <t>cg05336997</t>
  </si>
  <si>
    <t>cg05337228</t>
  </si>
  <si>
    <t>cg05338083</t>
  </si>
  <si>
    <t>cg05339305</t>
  </si>
  <si>
    <t>cg05340865</t>
  </si>
  <si>
    <t>cg05343799</t>
  </si>
  <si>
    <t>cg05346193</t>
  </si>
  <si>
    <t>cg05346732</t>
  </si>
  <si>
    <t>cg05348324</t>
  </si>
  <si>
    <t>cg05351334</t>
  </si>
  <si>
    <t>cg05353099</t>
  </si>
  <si>
    <t>cg05357039</t>
  </si>
  <si>
    <t>cg05357287</t>
  </si>
  <si>
    <t>cg05360160</t>
  </si>
  <si>
    <t>cg05360577</t>
  </si>
  <si>
    <t>cg05366812</t>
  </si>
  <si>
    <t>cg05366909</t>
  </si>
  <si>
    <t>cg05367858</t>
  </si>
  <si>
    <t>cg05369547</t>
  </si>
  <si>
    <t>cg05373256</t>
  </si>
  <si>
    <t>cg05374654</t>
  </si>
  <si>
    <t>cg05375230</t>
  </si>
  <si>
    <t>cg05377527</t>
  </si>
  <si>
    <t>cg05382497</t>
  </si>
  <si>
    <t>cg05382782</t>
  </si>
  <si>
    <t>cg05383783</t>
  </si>
  <si>
    <t>cg05389970</t>
  </si>
  <si>
    <t>cg05390144</t>
  </si>
  <si>
    <t>cg05390307</t>
  </si>
  <si>
    <t>cg05391338</t>
  </si>
  <si>
    <t>cg05395679</t>
  </si>
  <si>
    <t>cg05396461</t>
  </si>
  <si>
    <t>cg05397812</t>
  </si>
  <si>
    <t>cg05399214</t>
  </si>
  <si>
    <t>cg05402062</t>
  </si>
  <si>
    <t>cg05407714</t>
  </si>
  <si>
    <t>cg05414783</t>
  </si>
  <si>
    <t>cg05417803</t>
  </si>
  <si>
    <t>cg05418487</t>
  </si>
  <si>
    <t>cg05418765</t>
  </si>
  <si>
    <t>cg05420867</t>
  </si>
  <si>
    <t>cg05425050</t>
  </si>
  <si>
    <t>cg05425213</t>
  </si>
  <si>
    <t>cg05427381</t>
  </si>
  <si>
    <t>cg05428268</t>
  </si>
  <si>
    <t>cg05429319</t>
  </si>
  <si>
    <t>cg05429698</t>
  </si>
  <si>
    <t>cg05431947</t>
  </si>
  <si>
    <t>cg05432505</t>
  </si>
  <si>
    <t>cg05432622</t>
  </si>
  <si>
    <t>cg05434115</t>
  </si>
  <si>
    <t>cg05435295</t>
  </si>
  <si>
    <t>cg05436845</t>
  </si>
  <si>
    <t>cg05438727</t>
  </si>
  <si>
    <t>cg05442111</t>
  </si>
  <si>
    <t>cg05444816</t>
  </si>
  <si>
    <t>cg05445008</t>
  </si>
  <si>
    <t>cg05445490</t>
  </si>
  <si>
    <t>cg05446414</t>
  </si>
  <si>
    <t>cg05448087</t>
  </si>
  <si>
    <t>cg05450701</t>
  </si>
  <si>
    <t>cg05451852</t>
  </si>
  <si>
    <t>cg05452899</t>
  </si>
  <si>
    <t>cg05454237</t>
  </si>
  <si>
    <t>cg05457684</t>
  </si>
  <si>
    <t>cg05461420</t>
  </si>
  <si>
    <t>cg05462570</t>
  </si>
  <si>
    <t>cg05463705</t>
  </si>
  <si>
    <t>cg05463966</t>
  </si>
  <si>
    <t>cg05465059</t>
  </si>
  <si>
    <t>cg05468346</t>
  </si>
  <si>
    <t>cg05468843</t>
  </si>
  <si>
    <t>cg05473648</t>
  </si>
  <si>
    <t>cg05475485</t>
  </si>
  <si>
    <t>cg05476483</t>
  </si>
  <si>
    <t>cg05479618</t>
  </si>
  <si>
    <t>cg05483505</t>
  </si>
  <si>
    <t>cg05485370</t>
  </si>
  <si>
    <t>cg05485639</t>
  </si>
  <si>
    <t>cg05485853</t>
  </si>
  <si>
    <t>cg05486213</t>
  </si>
  <si>
    <t>cg05487290</t>
  </si>
  <si>
    <t>cg05487664</t>
  </si>
  <si>
    <t>cg05488981</t>
  </si>
  <si>
    <t>cg05490366</t>
  </si>
  <si>
    <t>cg05492113</t>
  </si>
  <si>
    <t>cg05498047</t>
  </si>
  <si>
    <t>cg05500015</t>
  </si>
  <si>
    <t>cg05501357</t>
  </si>
  <si>
    <t>cg05504025</t>
  </si>
  <si>
    <t>cg05506241</t>
  </si>
  <si>
    <t>cg05508478</t>
  </si>
  <si>
    <t>cg05511872</t>
  </si>
  <si>
    <t>cg05512310</t>
  </si>
  <si>
    <t>cg05515072</t>
  </si>
  <si>
    <t>cg05517964</t>
  </si>
  <si>
    <t>cg05520811</t>
  </si>
  <si>
    <t>cg05520940</t>
  </si>
  <si>
    <t>cg05521767</t>
  </si>
  <si>
    <t>cg05525021</t>
  </si>
  <si>
    <t>cg05527468</t>
  </si>
  <si>
    <t>cg05527996</t>
  </si>
  <si>
    <t>cg05528916</t>
  </si>
  <si>
    <t>cg05528999</t>
  </si>
  <si>
    <t>cg05529595</t>
  </si>
  <si>
    <t>cg05532892</t>
  </si>
  <si>
    <t>cg05533552</t>
  </si>
  <si>
    <t>cg05534807</t>
  </si>
  <si>
    <t>cg05545290</t>
  </si>
  <si>
    <t>cg05550420</t>
  </si>
  <si>
    <t>cg05554039</t>
  </si>
  <si>
    <t>cg05555640</t>
  </si>
  <si>
    <t>cg05557255</t>
  </si>
  <si>
    <t>cg05558767</t>
  </si>
  <si>
    <t>cg05559398</t>
  </si>
  <si>
    <t>cg05559445</t>
  </si>
  <si>
    <t>cg05560951</t>
  </si>
  <si>
    <t>cg05561632</t>
  </si>
  <si>
    <t>cg05564438</t>
  </si>
  <si>
    <t>cg05565400</t>
  </si>
  <si>
    <t>cg05565708</t>
  </si>
  <si>
    <t>cg05566455</t>
  </si>
  <si>
    <t>cg05567631</t>
  </si>
  <si>
    <t>cg05568454</t>
  </si>
  <si>
    <t>cg05568930</t>
  </si>
  <si>
    <t>cg05570937</t>
  </si>
  <si>
    <t>cg05572370</t>
  </si>
  <si>
    <t>cg05576451</t>
  </si>
  <si>
    <t>cg05578029</t>
  </si>
  <si>
    <t>cg05578358</t>
  </si>
  <si>
    <t>cg05578592</t>
  </si>
  <si>
    <t>cg05578937</t>
  </si>
  <si>
    <t>cg05579731</t>
  </si>
  <si>
    <t>cg05583757</t>
  </si>
  <si>
    <t>cg05585544</t>
  </si>
  <si>
    <t>cg05585558</t>
  </si>
  <si>
    <t>cg05586607</t>
  </si>
  <si>
    <t>cg05590274</t>
  </si>
  <si>
    <t>cg05591210</t>
  </si>
  <si>
    <t>cg05596552</t>
  </si>
  <si>
    <t>cg05601012</t>
  </si>
  <si>
    <t>cg05603910</t>
  </si>
  <si>
    <t>cg05607460</t>
  </si>
  <si>
    <t>cg05608261</t>
  </si>
  <si>
    <t>cg05608541</t>
  </si>
  <si>
    <t>cg05613803</t>
  </si>
  <si>
    <t>cg05616355</t>
  </si>
  <si>
    <t>cg05619622</t>
  </si>
  <si>
    <t>cg05621131</t>
  </si>
  <si>
    <t>cg05623526</t>
  </si>
  <si>
    <t>cg05624382</t>
  </si>
  <si>
    <t>cg05626073</t>
  </si>
  <si>
    <t>cg05630208</t>
  </si>
  <si>
    <t>cg05631399</t>
  </si>
  <si>
    <t>cg05637308</t>
  </si>
  <si>
    <t>cg05639258</t>
  </si>
  <si>
    <t>cg05640320</t>
  </si>
  <si>
    <t>cg05645677</t>
  </si>
  <si>
    <t>cg05647503</t>
  </si>
  <si>
    <t>cg05650628</t>
  </si>
  <si>
    <t>cg05655707</t>
  </si>
  <si>
    <t>cg05656180</t>
  </si>
  <si>
    <t>cg05658811</t>
  </si>
  <si>
    <t>cg05662684</t>
  </si>
  <si>
    <t>cg05666458</t>
  </si>
  <si>
    <t>cg05670093</t>
  </si>
  <si>
    <t>cg05671350</t>
  </si>
  <si>
    <t>cg05675372</t>
  </si>
  <si>
    <t>cg05678526</t>
  </si>
  <si>
    <t>cg05683451</t>
  </si>
  <si>
    <t>cg05688809</t>
  </si>
  <si>
    <t>cg05693562</t>
  </si>
  <si>
    <t>cg05695015</t>
  </si>
  <si>
    <t>cg05695991</t>
  </si>
  <si>
    <t>cg05697249</t>
  </si>
  <si>
    <t>cg05699373</t>
  </si>
  <si>
    <t>cg05703009</t>
  </si>
  <si>
    <t>cg05704960</t>
  </si>
  <si>
    <t>cg05705813</t>
  </si>
  <si>
    <t>cg05709458</t>
  </si>
  <si>
    <t>cg05710301</t>
  </si>
  <si>
    <t>cg05713486</t>
  </si>
  <si>
    <t>cg05715998</t>
  </si>
  <si>
    <t>cg05717871</t>
  </si>
  <si>
    <t>cg05727225</t>
  </si>
  <si>
    <t>cg05727776</t>
  </si>
  <si>
    <t>cg05730269</t>
  </si>
  <si>
    <t>cg05733139</t>
  </si>
  <si>
    <t>cg05733463</t>
  </si>
  <si>
    <t>cg05739036</t>
  </si>
  <si>
    <t>cg05739825</t>
  </si>
  <si>
    <t>cg05740793</t>
  </si>
  <si>
    <t>cg05740879</t>
  </si>
  <si>
    <t>cg05745632</t>
  </si>
  <si>
    <t>cg05751148</t>
  </si>
  <si>
    <t>cg05754179</t>
  </si>
  <si>
    <t>cg05755017</t>
  </si>
  <si>
    <t>cg05756220</t>
  </si>
  <si>
    <t>cg05757894</t>
  </si>
  <si>
    <t>cg05766107</t>
  </si>
  <si>
    <t>cg05766601</t>
  </si>
  <si>
    <t>cg05768047</t>
  </si>
  <si>
    <t>cg05771342</t>
  </si>
  <si>
    <t>cg05775796</t>
  </si>
  <si>
    <t>cg05778528</t>
  </si>
  <si>
    <t>cg05781785</t>
  </si>
  <si>
    <t>cg05781820</t>
  </si>
  <si>
    <t>cg05783341</t>
  </si>
  <si>
    <t>cg05788641</t>
  </si>
  <si>
    <t>cg05789714</t>
  </si>
  <si>
    <t>cg05790863</t>
  </si>
  <si>
    <t>cg05797821</t>
  </si>
  <si>
    <t>cg05798059</t>
  </si>
  <si>
    <t>cg05798627</t>
  </si>
  <si>
    <t>cg05800289</t>
  </si>
  <si>
    <t>cg05803237</t>
  </si>
  <si>
    <t>cg05804846</t>
  </si>
  <si>
    <t>cg05806434</t>
  </si>
  <si>
    <t>cg05807698</t>
  </si>
  <si>
    <t>cg05807849</t>
  </si>
  <si>
    <t>cg05811846</t>
  </si>
  <si>
    <t>cg05812089</t>
  </si>
  <si>
    <t>cg05812599</t>
  </si>
  <si>
    <t>cg05815275</t>
  </si>
  <si>
    <t>cg05816130</t>
  </si>
  <si>
    <t>cg05816298</t>
  </si>
  <si>
    <t>cg05818894</t>
  </si>
  <si>
    <t>cg05819150</t>
  </si>
  <si>
    <t>cg05819883</t>
  </si>
  <si>
    <t>cg05820396</t>
  </si>
  <si>
    <t>cg05822345</t>
  </si>
  <si>
    <t>cg05837769</t>
  </si>
  <si>
    <t>cg05842391</t>
  </si>
  <si>
    <t>cg05848811</t>
  </si>
  <si>
    <t>cg05849319</t>
  </si>
  <si>
    <t>cg05853285</t>
  </si>
  <si>
    <t>cg05853788</t>
  </si>
  <si>
    <t>cg05854718</t>
  </si>
  <si>
    <t>cg05856173</t>
  </si>
  <si>
    <t>cg05857377</t>
  </si>
  <si>
    <t>cg05859777</t>
  </si>
  <si>
    <t>cg05861348</t>
  </si>
  <si>
    <t>cg05861664</t>
  </si>
  <si>
    <t>cg05862431</t>
  </si>
  <si>
    <t>cg05864876</t>
  </si>
  <si>
    <t>cg05866737</t>
  </si>
  <si>
    <t>cg05867215</t>
  </si>
  <si>
    <t>cg05868564</t>
  </si>
  <si>
    <t>cg05874355</t>
  </si>
  <si>
    <t>cg05877694</t>
  </si>
  <si>
    <t>cg05882586</t>
  </si>
  <si>
    <t>cg05882745</t>
  </si>
  <si>
    <t>cg05884501</t>
  </si>
  <si>
    <t>cg05886537</t>
  </si>
  <si>
    <t>cg05888643</t>
  </si>
  <si>
    <t>cg05888947</t>
  </si>
  <si>
    <t>cg05889171</t>
  </si>
  <si>
    <t>cg05889961</t>
  </si>
  <si>
    <t>cg05891899</t>
  </si>
  <si>
    <t>cg05892674</t>
  </si>
  <si>
    <t>cg05895091</t>
  </si>
  <si>
    <t>cg05895618</t>
  </si>
  <si>
    <t>cg05897087</t>
  </si>
  <si>
    <t>cg05900538</t>
  </si>
  <si>
    <t>cg05909880</t>
  </si>
  <si>
    <t>cg05911153</t>
  </si>
  <si>
    <t>cg05912121</t>
  </si>
  <si>
    <t>cg05912212</t>
  </si>
  <si>
    <t>cg05915004</t>
  </si>
  <si>
    <t>cg05915294</t>
  </si>
  <si>
    <t>cg05919312</t>
  </si>
  <si>
    <t>cg05919523</t>
  </si>
  <si>
    <t>cg05921324</t>
  </si>
  <si>
    <t>cg05923914</t>
  </si>
  <si>
    <t>cg05928581</t>
  </si>
  <si>
    <t>cg05928849</t>
  </si>
  <si>
    <t>cg05931265</t>
  </si>
  <si>
    <t>cg05933857</t>
  </si>
  <si>
    <t>cg05935961</t>
  </si>
  <si>
    <t>cg05945622</t>
  </si>
  <si>
    <t>cg05946942</t>
  </si>
  <si>
    <t>cg05949397</t>
  </si>
  <si>
    <t>cg05950572</t>
  </si>
  <si>
    <t>cg05951864</t>
  </si>
  <si>
    <t>cg05954192</t>
  </si>
  <si>
    <t>cg05957169</t>
  </si>
  <si>
    <t>cg05957546</t>
  </si>
  <si>
    <t>cg05959525</t>
  </si>
  <si>
    <t>cg05967487</t>
  </si>
  <si>
    <t>cg05969154</t>
  </si>
  <si>
    <t>cg05974629</t>
  </si>
  <si>
    <t>cg05975710</t>
  </si>
  <si>
    <t>cg05976166</t>
  </si>
  <si>
    <t>cg05976955</t>
  </si>
  <si>
    <t>cg05978254</t>
  </si>
  <si>
    <t>cg05989862</t>
  </si>
  <si>
    <t>cg05993574</t>
  </si>
  <si>
    <t>cg05994458</t>
  </si>
  <si>
    <t>cg05995607</t>
  </si>
  <si>
    <t>cg05998426</t>
  </si>
  <si>
    <t>cg06005892</t>
  </si>
  <si>
    <t>cg06007395</t>
  </si>
  <si>
    <t>cg06008062</t>
  </si>
  <si>
    <t>cg06012016</t>
  </si>
  <si>
    <t>cg06012347</t>
  </si>
  <si>
    <t>cg06012607</t>
  </si>
  <si>
    <t>cg06013378</t>
  </si>
  <si>
    <t>cg06013833</t>
  </si>
  <si>
    <t>cg06015036</t>
  </si>
  <si>
    <t>cg06017143</t>
  </si>
  <si>
    <t>cg06019530</t>
  </si>
  <si>
    <t>cg06023257</t>
  </si>
  <si>
    <t>cg06028808</t>
  </si>
  <si>
    <t>cg06029905</t>
  </si>
  <si>
    <t>cg06030133</t>
  </si>
  <si>
    <t>cg06035754</t>
  </si>
  <si>
    <t>cg06038201</t>
  </si>
  <si>
    <t>cg06039161</t>
  </si>
  <si>
    <t>cg06039988</t>
  </si>
  <si>
    <t>cg06040577</t>
  </si>
  <si>
    <t>cg06046344</t>
  </si>
  <si>
    <t>cg06046490</t>
  </si>
  <si>
    <t>cg06047778</t>
  </si>
  <si>
    <t>cg06049367</t>
  </si>
  <si>
    <t>cg06052471</t>
  </si>
  <si>
    <t>cg06053850</t>
  </si>
  <si>
    <t>cg06053862</t>
  </si>
  <si>
    <t>cg06058828</t>
  </si>
  <si>
    <t>cg06059409</t>
  </si>
  <si>
    <t>cg06061878</t>
  </si>
  <si>
    <t>cg06061966</t>
  </si>
  <si>
    <t>cg06064725</t>
  </si>
  <si>
    <t>cg06066303</t>
  </si>
  <si>
    <t>cg06067394</t>
  </si>
  <si>
    <t>cg06068935</t>
  </si>
  <si>
    <t>cg06068991</t>
  </si>
  <si>
    <t>cg06073386</t>
  </si>
  <si>
    <t>cg06073542</t>
  </si>
  <si>
    <t>cg06074582</t>
  </si>
  <si>
    <t>cg06079620</t>
  </si>
  <si>
    <t>cg06081951</t>
  </si>
  <si>
    <t>cg06085493</t>
  </si>
  <si>
    <t>cg06085985</t>
  </si>
  <si>
    <t>cg06091094</t>
  </si>
  <si>
    <t>cg06094113</t>
  </si>
  <si>
    <t>cg06098693</t>
  </si>
  <si>
    <t>cg06099659</t>
  </si>
  <si>
    <t>cg06100442</t>
  </si>
  <si>
    <t>cg06101192</t>
  </si>
  <si>
    <t>cg06104877</t>
  </si>
  <si>
    <t>cg06106126</t>
  </si>
  <si>
    <t>cg06109939</t>
  </si>
  <si>
    <t>cg06112835</t>
  </si>
  <si>
    <t>cg06114171</t>
  </si>
  <si>
    <t>cg06115388</t>
  </si>
  <si>
    <t>cg06115826</t>
  </si>
  <si>
    <t>cg06116095</t>
  </si>
  <si>
    <t>cg06118609</t>
  </si>
  <si>
    <t>cg06122148</t>
  </si>
  <si>
    <t>cg06124793</t>
  </si>
  <si>
    <t>cg06130144</t>
  </si>
  <si>
    <t>cg06133722</t>
  </si>
  <si>
    <t>cg06140051</t>
  </si>
  <si>
    <t>cg06142324</t>
  </si>
  <si>
    <t>cg06142621</t>
  </si>
  <si>
    <t>cg06142946</t>
  </si>
  <si>
    <t>cg06143585</t>
  </si>
  <si>
    <t>cg06144018</t>
  </si>
  <si>
    <t>cg06147863</t>
  </si>
  <si>
    <t>cg06148118</t>
  </si>
  <si>
    <t>cg06149302</t>
  </si>
  <si>
    <t>cg06149981</t>
  </si>
  <si>
    <t>cg06155341</t>
  </si>
  <si>
    <t>cg06155697</t>
  </si>
  <si>
    <t>cg06158994</t>
  </si>
  <si>
    <t>cg06159181</t>
  </si>
  <si>
    <t>cg06159548</t>
  </si>
  <si>
    <t>cg06171787</t>
  </si>
  <si>
    <t>cg06173461</t>
  </si>
  <si>
    <t>cg06177407</t>
  </si>
  <si>
    <t>cg06180729</t>
  </si>
  <si>
    <t>cg06182410</t>
  </si>
  <si>
    <t>cg06185738</t>
  </si>
  <si>
    <t>cg06192141</t>
  </si>
  <si>
    <t>cg06192895</t>
  </si>
  <si>
    <t>cg06196145</t>
  </si>
  <si>
    <t>cg06199346</t>
  </si>
  <si>
    <t>cg06199921</t>
  </si>
  <si>
    <t>cg06200634</t>
  </si>
  <si>
    <t>cg06202053</t>
  </si>
  <si>
    <t>cg06203560</t>
  </si>
  <si>
    <t>cg06204948</t>
  </si>
  <si>
    <t>cg06211255</t>
  </si>
  <si>
    <t>cg06217320</t>
  </si>
  <si>
    <t>cg06217736</t>
  </si>
  <si>
    <t>cg06217827</t>
  </si>
  <si>
    <t>cg06219806</t>
  </si>
  <si>
    <t>cg06222383</t>
  </si>
  <si>
    <t>cg06227594</t>
  </si>
  <si>
    <t>cg06229167</t>
  </si>
  <si>
    <t>cg06235429</t>
  </si>
  <si>
    <t>cg06237220</t>
  </si>
  <si>
    <t>cg06240542</t>
  </si>
  <si>
    <t>cg06245989</t>
  </si>
  <si>
    <t>cg06250693</t>
  </si>
  <si>
    <t>cg06250751</t>
  </si>
  <si>
    <t>cg06252985</t>
  </si>
  <si>
    <t>cg06256007</t>
  </si>
  <si>
    <t>cg06257669</t>
  </si>
  <si>
    <t>cg06263077</t>
  </si>
  <si>
    <t>cg06263495</t>
  </si>
  <si>
    <t>cg06264108</t>
  </si>
  <si>
    <t>cg06266097</t>
  </si>
  <si>
    <t>cg06267084</t>
  </si>
  <si>
    <t>cg06268956</t>
  </si>
  <si>
    <t>cg06270975</t>
  </si>
  <si>
    <t>cg06272648</t>
  </si>
  <si>
    <t>cg06276114</t>
  </si>
  <si>
    <t>cg06281297</t>
  </si>
  <si>
    <t>cg06285727</t>
  </si>
  <si>
    <t>cg06289725</t>
  </si>
  <si>
    <t>cg06290096</t>
  </si>
  <si>
    <t>cg06291635</t>
  </si>
  <si>
    <t>cg06295856</t>
  </si>
  <si>
    <t>cg06296890</t>
  </si>
  <si>
    <t>cg06298729</t>
  </si>
  <si>
    <t>cg06300961</t>
  </si>
  <si>
    <t>cg06301297</t>
  </si>
  <si>
    <t>cg06309855</t>
  </si>
  <si>
    <t>cg06312137</t>
  </si>
  <si>
    <t>cg06312283</t>
  </si>
  <si>
    <t>cg06315995</t>
  </si>
  <si>
    <t>cg06322403</t>
  </si>
  <si>
    <t>cg06325565</t>
  </si>
  <si>
    <t>cg06326853</t>
  </si>
  <si>
    <t>cg06328831</t>
  </si>
  <si>
    <t>cg06329587</t>
  </si>
  <si>
    <t>cg06329735</t>
  </si>
  <si>
    <t>cg06330691</t>
  </si>
  <si>
    <t>cg06334307</t>
  </si>
  <si>
    <t>cg06339248</t>
  </si>
  <si>
    <t>cg06342870</t>
  </si>
  <si>
    <t>cg06349174</t>
  </si>
  <si>
    <t>cg06354692</t>
  </si>
  <si>
    <t>cg06355652</t>
  </si>
  <si>
    <t>cg06358433</t>
  </si>
  <si>
    <t>cg06365538</t>
  </si>
  <si>
    <t>cg06367788</t>
  </si>
  <si>
    <t>cg06368859</t>
  </si>
  <si>
    <t>cg06370422</t>
  </si>
  <si>
    <t>cg06371984</t>
  </si>
  <si>
    <t>cg06374384</t>
  </si>
  <si>
    <t>cg06376522</t>
  </si>
  <si>
    <t>cg06378491</t>
  </si>
  <si>
    <t>cg06382664</t>
  </si>
  <si>
    <t>cg06382930</t>
  </si>
  <si>
    <t>cg06383048</t>
  </si>
  <si>
    <t>cg06384026</t>
  </si>
  <si>
    <t>cg06384055</t>
  </si>
  <si>
    <t>cg06385449</t>
  </si>
  <si>
    <t>cg06396656</t>
  </si>
  <si>
    <t>cg06399569</t>
  </si>
  <si>
    <t>cg06399933</t>
  </si>
  <si>
    <t>cg06400204</t>
  </si>
  <si>
    <t>cg06401614</t>
  </si>
  <si>
    <t>cg06401643</t>
  </si>
  <si>
    <t>cg06406157</t>
  </si>
  <si>
    <t>cg06407482</t>
  </si>
  <si>
    <t>cg06411137</t>
  </si>
  <si>
    <t>cg06416026</t>
  </si>
  <si>
    <t>cg06416186</t>
  </si>
  <si>
    <t>cg06416221</t>
  </si>
  <si>
    <t>cg06416309</t>
  </si>
  <si>
    <t>cg06417460</t>
  </si>
  <si>
    <t>cg06417518</t>
  </si>
  <si>
    <t>cg06417962</t>
  </si>
  <si>
    <t>cg06418878</t>
  </si>
  <si>
    <t>cg06425430</t>
  </si>
  <si>
    <t>cg06427502</t>
  </si>
  <si>
    <t>cg06429138</t>
  </si>
  <si>
    <t>cg06429555</t>
  </si>
  <si>
    <t>cg06432119</t>
  </si>
  <si>
    <t>cg06433350</t>
  </si>
  <si>
    <t>cg06434864</t>
  </si>
  <si>
    <t>cg06434874</t>
  </si>
  <si>
    <t>cg06441398</t>
  </si>
  <si>
    <t>cg06443648</t>
  </si>
  <si>
    <t>cg06447354</t>
  </si>
  <si>
    <t>cg06449094</t>
  </si>
  <si>
    <t>cg06453915</t>
  </si>
  <si>
    <t>cg06455375</t>
  </si>
  <si>
    <t>cg06456738</t>
  </si>
  <si>
    <t>cg06457534</t>
  </si>
  <si>
    <t>cg06459000</t>
  </si>
  <si>
    <t>cg06464468</t>
  </si>
  <si>
    <t>cg06465194</t>
  </si>
  <si>
    <t>cg06465315</t>
  </si>
  <si>
    <t>cg06466839</t>
  </si>
  <si>
    <t>cg06468072</t>
  </si>
  <si>
    <t>cg06471230</t>
  </si>
  <si>
    <t>cg06472341</t>
  </si>
  <si>
    <t>cg06473872</t>
  </si>
  <si>
    <t>cg06474131</t>
  </si>
  <si>
    <t>cg06475181</t>
  </si>
  <si>
    <t>cg06476693</t>
  </si>
  <si>
    <t>cg06480663</t>
  </si>
  <si>
    <t>cg06483559</t>
  </si>
  <si>
    <t>cg06483739</t>
  </si>
  <si>
    <t>cg06485603</t>
  </si>
  <si>
    <t>cg06485787</t>
  </si>
  <si>
    <t>cg06488988</t>
  </si>
  <si>
    <t>cg06489295</t>
  </si>
  <si>
    <t>cg06489500</t>
  </si>
  <si>
    <t>cg06489744</t>
  </si>
  <si>
    <t>cg06492744</t>
  </si>
  <si>
    <t>cg06493289</t>
  </si>
  <si>
    <t>cg06494421</t>
  </si>
  <si>
    <t>cg06495763</t>
  </si>
  <si>
    <t>cg06497934</t>
  </si>
  <si>
    <t>cg06499778</t>
  </si>
  <si>
    <t>cg06503573</t>
  </si>
  <si>
    <t>cg06504159</t>
  </si>
  <si>
    <t>cg06506768</t>
  </si>
  <si>
    <t>cg06507221</t>
  </si>
  <si>
    <t>cg06508085</t>
  </si>
  <si>
    <t>cg06508879</t>
  </si>
  <si>
    <t>cg06513075</t>
  </si>
  <si>
    <t>cg06514078</t>
  </si>
  <si>
    <t>cg06514994</t>
  </si>
  <si>
    <t>cg06516124</t>
  </si>
  <si>
    <t>cg06516650</t>
  </si>
  <si>
    <t>cg06517489</t>
  </si>
  <si>
    <t>cg06518251</t>
  </si>
  <si>
    <t>cg06518387</t>
  </si>
  <si>
    <t>cg06521148</t>
  </si>
  <si>
    <t>cg06523128</t>
  </si>
  <si>
    <t>cg06524570</t>
  </si>
  <si>
    <t>cg06526620</t>
  </si>
  <si>
    <t>cg06528773</t>
  </si>
  <si>
    <t>cg06532544</t>
  </si>
  <si>
    <t>cg06533679</t>
  </si>
  <si>
    <t>cg06533728</t>
  </si>
  <si>
    <t>cg06535308</t>
  </si>
  <si>
    <t>cg06540283</t>
  </si>
  <si>
    <t>cg06548842</t>
  </si>
  <si>
    <t>cg06549824</t>
  </si>
  <si>
    <t>cg06551161</t>
  </si>
  <si>
    <t>cg06551996</t>
  </si>
  <si>
    <t>cg06552368</t>
  </si>
  <si>
    <t>cg06562283</t>
  </si>
  <si>
    <t>cg06567290</t>
  </si>
  <si>
    <t>cg06567423</t>
  </si>
  <si>
    <t>cg06569300</t>
  </si>
  <si>
    <t>cg06572849</t>
  </si>
  <si>
    <t>cg06575847</t>
  </si>
  <si>
    <t>cg06577223</t>
  </si>
  <si>
    <t>cg06577521</t>
  </si>
  <si>
    <t>cg06582202</t>
  </si>
  <si>
    <t>cg06583259</t>
  </si>
  <si>
    <t>cg06592167</t>
  </si>
  <si>
    <t>cg06593118</t>
  </si>
  <si>
    <t>cg06594849</t>
  </si>
  <si>
    <t>cg06597413</t>
  </si>
  <si>
    <t>cg06598256</t>
  </si>
  <si>
    <t>cg06599914</t>
  </si>
  <si>
    <t>cg06602200</t>
  </si>
  <si>
    <t>cg06606296</t>
  </si>
  <si>
    <t>cg06607866</t>
  </si>
  <si>
    <t>cg06609098</t>
  </si>
  <si>
    <t>cg06622135</t>
  </si>
  <si>
    <t>cg06622725</t>
  </si>
  <si>
    <t>cg06622994</t>
  </si>
  <si>
    <t>cg06623151</t>
  </si>
  <si>
    <t>cg06624991</t>
  </si>
  <si>
    <t>cg06630494</t>
  </si>
  <si>
    <t>cg06631462</t>
  </si>
  <si>
    <t>cg06632528</t>
  </si>
  <si>
    <t>cg06632797</t>
  </si>
  <si>
    <t>cg06639538</t>
  </si>
  <si>
    <t>cg06644638</t>
  </si>
  <si>
    <t>cg06648455</t>
  </si>
  <si>
    <t>cg06654510</t>
  </si>
  <si>
    <t>cg06657409</t>
  </si>
  <si>
    <t>cg06669405</t>
  </si>
  <si>
    <t>cg06671962</t>
  </si>
  <si>
    <t>cg06675341</t>
  </si>
  <si>
    <t>cg06676088</t>
  </si>
  <si>
    <t>cg06678137</t>
  </si>
  <si>
    <t>cg06679185</t>
  </si>
  <si>
    <t>cg06680201</t>
  </si>
  <si>
    <t>cg06684321</t>
  </si>
  <si>
    <t>cg06686058</t>
  </si>
  <si>
    <t>cg06688182</t>
  </si>
  <si>
    <t>cg06688411</t>
  </si>
  <si>
    <t>cg06694040</t>
  </si>
  <si>
    <t>cg06699365</t>
  </si>
  <si>
    <t>cg06700353</t>
  </si>
  <si>
    <t>cg06705772</t>
  </si>
  <si>
    <t>cg06707663</t>
  </si>
  <si>
    <t>cg06714086</t>
  </si>
  <si>
    <t>cg06714705</t>
  </si>
  <si>
    <t>cg06716182</t>
  </si>
  <si>
    <t>cg06716698</t>
  </si>
  <si>
    <t>cg06717905</t>
  </si>
  <si>
    <t>cg06719628</t>
  </si>
  <si>
    <t>cg06731443</t>
  </si>
  <si>
    <t>cg06735554</t>
  </si>
  <si>
    <t>cg06736139</t>
  </si>
  <si>
    <t>cg06747831</t>
  </si>
  <si>
    <t>cg06751802</t>
  </si>
  <si>
    <t>cg06757048</t>
  </si>
  <si>
    <t>cg06757133</t>
  </si>
  <si>
    <t>cg06766273</t>
  </si>
  <si>
    <t>cg06777215</t>
  </si>
  <si>
    <t>cg06777812</t>
  </si>
  <si>
    <t>cg06779856</t>
  </si>
  <si>
    <t>cg06780358</t>
  </si>
  <si>
    <t>cg06781209</t>
  </si>
  <si>
    <t>cg06783981</t>
  </si>
  <si>
    <t>cg06784824</t>
  </si>
  <si>
    <t>cg06787104</t>
  </si>
  <si>
    <t>cg06787609</t>
  </si>
  <si>
    <t>cg06791415</t>
  </si>
  <si>
    <t>cg06791867</t>
  </si>
  <si>
    <t>cg06795816</t>
  </si>
  <si>
    <t>cg06796220</t>
  </si>
  <si>
    <t>cg06797734</t>
  </si>
  <si>
    <t>cg06798749</t>
  </si>
  <si>
    <t>cg06798934</t>
  </si>
  <si>
    <t>cg06807650</t>
  </si>
  <si>
    <t>cg06812836</t>
  </si>
  <si>
    <t>cg06813486</t>
  </si>
  <si>
    <t>cg06814102</t>
  </si>
  <si>
    <t>cg06814414</t>
  </si>
  <si>
    <t>cg06816055</t>
  </si>
  <si>
    <t>cg06816235</t>
  </si>
  <si>
    <t>cg06817264</t>
  </si>
  <si>
    <t>cg06818327</t>
  </si>
  <si>
    <t>cg06818786</t>
  </si>
  <si>
    <t>cg06818975</t>
  </si>
  <si>
    <t>cg06819298</t>
  </si>
  <si>
    <t>cg06823112</t>
  </si>
  <si>
    <t>cg06827779</t>
  </si>
  <si>
    <t>cg06832820</t>
  </si>
  <si>
    <t>cg06832853</t>
  </si>
  <si>
    <t>cg06836948</t>
  </si>
  <si>
    <t>cg06837675</t>
  </si>
  <si>
    <t>cg06838038</t>
  </si>
  <si>
    <t>cg06838985</t>
  </si>
  <si>
    <t>cg06840239</t>
  </si>
  <si>
    <t>cg06841783</t>
  </si>
  <si>
    <t>cg06842181</t>
  </si>
  <si>
    <t>cg06844159</t>
  </si>
  <si>
    <t>cg06846700</t>
  </si>
  <si>
    <t>cg06847157</t>
  </si>
  <si>
    <t>cg06847828</t>
  </si>
  <si>
    <t>cg06848762</t>
  </si>
  <si>
    <t>cg06849167</t>
  </si>
  <si>
    <t>cg06849723</t>
  </si>
  <si>
    <t>cg06854487</t>
  </si>
  <si>
    <t>cg06855334</t>
  </si>
  <si>
    <t>cg06859463</t>
  </si>
  <si>
    <t>cg06860916</t>
  </si>
  <si>
    <t>cg06862136</t>
  </si>
  <si>
    <t>cg06866232</t>
  </si>
  <si>
    <t>cg06867571</t>
  </si>
  <si>
    <t>cg06872519</t>
  </si>
  <si>
    <t>cg06875754</t>
  </si>
  <si>
    <t>cg06879560</t>
  </si>
  <si>
    <t>cg06880963</t>
  </si>
  <si>
    <t>cg06882420</t>
  </si>
  <si>
    <t>cg06884254</t>
  </si>
  <si>
    <t>cg06884875</t>
  </si>
  <si>
    <t>cg06886059</t>
  </si>
  <si>
    <t>cg06889951</t>
  </si>
  <si>
    <t>cg06890242</t>
  </si>
  <si>
    <t>cg06895640</t>
  </si>
  <si>
    <t>cg06903075</t>
  </si>
  <si>
    <t>cg06908202</t>
  </si>
  <si>
    <t>cg06909117</t>
  </si>
  <si>
    <t>cg06910048</t>
  </si>
  <si>
    <t>cg06910673</t>
  </si>
  <si>
    <t>cg06913593</t>
  </si>
  <si>
    <t>cg06914593</t>
  </si>
  <si>
    <t>cg06917772</t>
  </si>
  <si>
    <t>cg06920434</t>
  </si>
  <si>
    <t>cg06921282</t>
  </si>
  <si>
    <t>cg06921552</t>
  </si>
  <si>
    <t>cg06922393</t>
  </si>
  <si>
    <t>cg06925236</t>
  </si>
  <si>
    <t>cg06927878</t>
  </si>
  <si>
    <t>cg06928797</t>
  </si>
  <si>
    <t>cg06937829</t>
  </si>
  <si>
    <t>cg06944693</t>
  </si>
  <si>
    <t>cg06950730</t>
  </si>
  <si>
    <t>cg06956048</t>
  </si>
  <si>
    <t>cg06957943</t>
  </si>
  <si>
    <t>cg06962549</t>
  </si>
  <si>
    <t>cg06963109</t>
  </si>
  <si>
    <t>cg06964027</t>
  </si>
  <si>
    <t>cg06964190</t>
  </si>
  <si>
    <t>cg06970290</t>
  </si>
  <si>
    <t>cg06975311</t>
  </si>
  <si>
    <t>cg06976260</t>
  </si>
  <si>
    <t>cg06977987</t>
  </si>
  <si>
    <t>cg06978737</t>
  </si>
  <si>
    <t>cg06979108</t>
  </si>
  <si>
    <t>cg06981073</t>
  </si>
  <si>
    <t>cg06993494</t>
  </si>
  <si>
    <t>cg07000126</t>
  </si>
  <si>
    <t>cg07003579</t>
  </si>
  <si>
    <t>cg07003643</t>
  </si>
  <si>
    <t>cg07005180</t>
  </si>
  <si>
    <t>cg07005513</t>
  </si>
  <si>
    <t>cg07008193</t>
  </si>
  <si>
    <t>cg07011180</t>
  </si>
  <si>
    <t>cg07012062</t>
  </si>
  <si>
    <t>cg07013104</t>
  </si>
  <si>
    <t>cg07013734</t>
  </si>
  <si>
    <t>cg07013799</t>
  </si>
  <si>
    <t>cg07018964</t>
  </si>
  <si>
    <t>cg07019283</t>
  </si>
  <si>
    <t>cg07021181</t>
  </si>
  <si>
    <t>cg07022885</t>
  </si>
  <si>
    <t>cg07031551</t>
  </si>
  <si>
    <t>cg07034173</t>
  </si>
  <si>
    <t>cg07038822</t>
  </si>
  <si>
    <t>cg07040680</t>
  </si>
  <si>
    <t>cg07041214</t>
  </si>
  <si>
    <t>cg07042546</t>
  </si>
  <si>
    <t>cg07044016</t>
  </si>
  <si>
    <t>cg07044494</t>
  </si>
  <si>
    <t>cg07047068</t>
  </si>
  <si>
    <t>cg07049086</t>
  </si>
  <si>
    <t>cg07050626</t>
  </si>
  <si>
    <t>cg07058027</t>
  </si>
  <si>
    <t>cg07058144</t>
  </si>
  <si>
    <t>cg07059925</t>
  </si>
  <si>
    <t>cg07060572</t>
  </si>
  <si>
    <t>cg07062262</t>
  </si>
  <si>
    <t>cg07067710</t>
  </si>
  <si>
    <t>cg07072281</t>
  </si>
  <si>
    <t>cg07078758</t>
  </si>
  <si>
    <t>cg07079219</t>
  </si>
  <si>
    <t>cg07081245</t>
  </si>
  <si>
    <t>cg07085476</t>
  </si>
  <si>
    <t>cg07085895</t>
  </si>
  <si>
    <t>cg07086353</t>
  </si>
  <si>
    <t>cg07091355</t>
  </si>
  <si>
    <t>cg07092212</t>
  </si>
  <si>
    <t>cg07092880</t>
  </si>
  <si>
    <t>cg07096051</t>
  </si>
  <si>
    <t>cg07096247</t>
  </si>
  <si>
    <t>cg07099121</t>
  </si>
  <si>
    <t>cg07099388</t>
  </si>
  <si>
    <t>cg07100411</t>
  </si>
  <si>
    <t>cg07101781</t>
  </si>
  <si>
    <t>cg07101980</t>
  </si>
  <si>
    <t>cg07107130</t>
  </si>
  <si>
    <t>cg07111719</t>
  </si>
  <si>
    <t>cg07117674</t>
  </si>
  <si>
    <t>cg07117751</t>
  </si>
  <si>
    <t>cg07118866</t>
  </si>
  <si>
    <t>cg07119067</t>
  </si>
  <si>
    <t>cg07119404</t>
  </si>
  <si>
    <t>cg07121644</t>
  </si>
  <si>
    <t>cg07124117</t>
  </si>
  <si>
    <t>cg07131742</t>
  </si>
  <si>
    <t>cg07136133</t>
  </si>
  <si>
    <t>cg07138994</t>
  </si>
  <si>
    <t>cg07139165</t>
  </si>
  <si>
    <t>cg07142201</t>
  </si>
  <si>
    <t>cg07143125</t>
  </si>
  <si>
    <t>cg07143479</t>
  </si>
  <si>
    <t>cg07145284</t>
  </si>
  <si>
    <t>cg07147218</t>
  </si>
  <si>
    <t>cg07149022</t>
  </si>
  <si>
    <t>cg07149197</t>
  </si>
  <si>
    <t>cg07149785</t>
  </si>
  <si>
    <t>cg07153353</t>
  </si>
  <si>
    <t>cg07153426</t>
  </si>
  <si>
    <t>cg07153772</t>
  </si>
  <si>
    <t>cg07156733</t>
  </si>
  <si>
    <t>cg07160014</t>
  </si>
  <si>
    <t>cg07161179</t>
  </si>
  <si>
    <t>cg07165756</t>
  </si>
  <si>
    <t>cg07169295</t>
  </si>
  <si>
    <t>cg07169498</t>
  </si>
  <si>
    <t>cg07170302</t>
  </si>
  <si>
    <t>cg07178006</t>
  </si>
  <si>
    <t>cg07178379</t>
  </si>
  <si>
    <t>cg07179634</t>
  </si>
  <si>
    <t>cg07179688</t>
  </si>
  <si>
    <t>cg07189401</t>
  </si>
  <si>
    <t>cg07190903</t>
  </si>
  <si>
    <t>cg07190947</t>
  </si>
  <si>
    <t>cg07193511</t>
  </si>
  <si>
    <t>cg07194984</t>
  </si>
  <si>
    <t>cg07195090</t>
  </si>
  <si>
    <t>cg07196761</t>
  </si>
  <si>
    <t>cg07199337</t>
  </si>
  <si>
    <t>cg07199862</t>
  </si>
  <si>
    <t>cg07200089</t>
  </si>
  <si>
    <t>cg07202214</t>
  </si>
  <si>
    <t>cg07207490</t>
  </si>
  <si>
    <t>cg07210454</t>
  </si>
  <si>
    <t>cg07212818</t>
  </si>
  <si>
    <t>cg07213870</t>
  </si>
  <si>
    <t>cg07215870</t>
  </si>
  <si>
    <t>cg07220293</t>
  </si>
  <si>
    <t>cg07220939</t>
  </si>
  <si>
    <t>cg07221454</t>
  </si>
  <si>
    <t>cg07225458</t>
  </si>
  <si>
    <t>cg07229760</t>
  </si>
  <si>
    <t>cg07230581</t>
  </si>
  <si>
    <t>cg07232823</t>
  </si>
  <si>
    <t>cg07235053</t>
  </si>
  <si>
    <t>cg07235607</t>
  </si>
  <si>
    <t>cg07236001</t>
  </si>
  <si>
    <t>cg07237830</t>
  </si>
  <si>
    <t>cg07237926</t>
  </si>
  <si>
    <t>cg07237979</t>
  </si>
  <si>
    <t>cg07238066</t>
  </si>
  <si>
    <t>cg07238401</t>
  </si>
  <si>
    <t>cg07239897</t>
  </si>
  <si>
    <t>cg07243240</t>
  </si>
  <si>
    <t>cg07243930</t>
  </si>
  <si>
    <t>cg07251128</t>
  </si>
  <si>
    <t>cg07254337</t>
  </si>
  <si>
    <t>cg07258852</t>
  </si>
  <si>
    <t>cg07262328</t>
  </si>
  <si>
    <t>cg07264522</t>
  </si>
  <si>
    <t>cg07264993</t>
  </si>
  <si>
    <t>cg07268332</t>
  </si>
  <si>
    <t>cg07268726</t>
  </si>
  <si>
    <t>cg07271264</t>
  </si>
  <si>
    <t>cg07273003</t>
  </si>
  <si>
    <t>cg07273415</t>
  </si>
  <si>
    <t>cg07273992</t>
  </si>
  <si>
    <t>cg07275207</t>
  </si>
  <si>
    <t>cg07276007</t>
  </si>
  <si>
    <t>cg07276621</t>
  </si>
  <si>
    <t>cg07276831</t>
  </si>
  <si>
    <t>cg07277017</t>
  </si>
  <si>
    <t>cg07278975</t>
  </si>
  <si>
    <t>cg07282879</t>
  </si>
  <si>
    <t>cg07284339</t>
  </si>
  <si>
    <t>cg07284990</t>
  </si>
  <si>
    <t>cg07291601</t>
  </si>
  <si>
    <t>cg07295918</t>
  </si>
  <si>
    <t>cg07298299</t>
  </si>
  <si>
    <t>cg07298431</t>
  </si>
  <si>
    <t>cg07303548</t>
  </si>
  <si>
    <t>cg07314988</t>
  </si>
  <si>
    <t>cg07315970</t>
  </si>
  <si>
    <t>cg07321092</t>
  </si>
  <si>
    <t>cg07323996</t>
  </si>
  <si>
    <t>cg07325246</t>
  </si>
  <si>
    <t>cg07325562</t>
  </si>
  <si>
    <t>cg07325893</t>
  </si>
  <si>
    <t>cg07328635</t>
  </si>
  <si>
    <t>cg07329360</t>
  </si>
  <si>
    <t>cg07330145</t>
  </si>
  <si>
    <t>cg07331616</t>
  </si>
  <si>
    <t>cg07335248</t>
  </si>
  <si>
    <t>cg07336987</t>
  </si>
  <si>
    <t>cg07338577</t>
  </si>
  <si>
    <t>cg07339155</t>
  </si>
  <si>
    <t>cg07342790</t>
  </si>
  <si>
    <t>cg07342901</t>
  </si>
  <si>
    <t>cg07344468</t>
  </si>
  <si>
    <t>cg07345999</t>
  </si>
  <si>
    <t>cg07348481</t>
  </si>
  <si>
    <t>cg07349899</t>
  </si>
  <si>
    <t>cg07352834</t>
  </si>
  <si>
    <t>cg07354728</t>
  </si>
  <si>
    <t>cg07376232</t>
  </si>
  <si>
    <t>cg07380416</t>
  </si>
  <si>
    <t>cg07383757</t>
  </si>
  <si>
    <t>cg07397493</t>
  </si>
  <si>
    <t>cg07401435</t>
  </si>
  <si>
    <t>cg07407499</t>
  </si>
  <si>
    <t>cg07407754</t>
  </si>
  <si>
    <t>cg07410811</t>
  </si>
  <si>
    <t>cg07414207</t>
  </si>
  <si>
    <t>cg07416107</t>
  </si>
  <si>
    <t>cg07416733</t>
  </si>
  <si>
    <t>cg07420362</t>
  </si>
  <si>
    <t>cg07425109</t>
  </si>
  <si>
    <t>cg07426960</t>
  </si>
  <si>
    <t>cg07428958</t>
  </si>
  <si>
    <t>cg07435163</t>
  </si>
  <si>
    <t>cg07437360</t>
  </si>
  <si>
    <t>cg07438103</t>
  </si>
  <si>
    <t>cg07439128</t>
  </si>
  <si>
    <t>cg07440264</t>
  </si>
  <si>
    <t>cg07440278</t>
  </si>
  <si>
    <t>cg07441944</t>
  </si>
  <si>
    <t>cg07444963</t>
  </si>
  <si>
    <t>cg07445167</t>
  </si>
  <si>
    <t>cg07451370</t>
  </si>
  <si>
    <t>cg07451926</t>
  </si>
  <si>
    <t>cg07452842</t>
  </si>
  <si>
    <t>cg07453773</t>
  </si>
  <si>
    <t>cg07455539</t>
  </si>
  <si>
    <t>cg07457568</t>
  </si>
  <si>
    <t>cg07462292</t>
  </si>
  <si>
    <t>cg07465275</t>
  </si>
  <si>
    <t>cg07470968</t>
  </si>
  <si>
    <t>cg07471203</t>
  </si>
  <si>
    <t>cg07475890</t>
  </si>
  <si>
    <t>cg07477137</t>
  </si>
  <si>
    <t>cg07478918</t>
  </si>
  <si>
    <t>cg07483936</t>
  </si>
  <si>
    <t>cg07484450</t>
  </si>
  <si>
    <t>cg07484827</t>
  </si>
  <si>
    <t>cg07485541</t>
  </si>
  <si>
    <t>cg07487535</t>
  </si>
  <si>
    <t>cg07491589</t>
  </si>
  <si>
    <t>cg07498415</t>
  </si>
  <si>
    <t>cg07501052</t>
  </si>
  <si>
    <t>cg07503785</t>
  </si>
  <si>
    <t>cg07506510</t>
  </si>
  <si>
    <t>cg07507085</t>
  </si>
  <si>
    <t>cg07508260</t>
  </si>
  <si>
    <t>cg07509094</t>
  </si>
  <si>
    <t>cg07511668</t>
  </si>
  <si>
    <t>cg07518532</t>
  </si>
  <si>
    <t>cg07520957</t>
  </si>
  <si>
    <t>cg07523553</t>
  </si>
  <si>
    <t>cg07524456</t>
  </si>
  <si>
    <t>cg07524505</t>
  </si>
  <si>
    <t>cg07525682</t>
  </si>
  <si>
    <t>cg07527631</t>
  </si>
  <si>
    <t>cg07529966</t>
  </si>
  <si>
    <t>cg07530363</t>
  </si>
  <si>
    <t>cg07532354</t>
  </si>
  <si>
    <t>cg07532930</t>
  </si>
  <si>
    <t>cg07533529</t>
  </si>
  <si>
    <t>cg07533617</t>
  </si>
  <si>
    <t>cg07534554</t>
  </si>
  <si>
    <t>cg07534823</t>
  </si>
  <si>
    <t>cg07535628</t>
  </si>
  <si>
    <t>cg07537095</t>
  </si>
  <si>
    <t>cg07537750</t>
  </si>
  <si>
    <t>cg07537896</t>
  </si>
  <si>
    <t>cg07538986</t>
  </si>
  <si>
    <t>cg07539927</t>
  </si>
  <si>
    <t>cg07541559</t>
  </si>
  <si>
    <t>cg07545052</t>
  </si>
  <si>
    <t>cg07545925</t>
  </si>
  <si>
    <t>cg07549656</t>
  </si>
  <si>
    <t>cg07552322</t>
  </si>
  <si>
    <t>cg07552374</t>
  </si>
  <si>
    <t>cg07554046</t>
  </si>
  <si>
    <t>cg07556829</t>
  </si>
  <si>
    <t>cg07556915</t>
  </si>
  <si>
    <t>cg07557337</t>
  </si>
  <si>
    <t>cg07557980</t>
  </si>
  <si>
    <t>cg07560096</t>
  </si>
  <si>
    <t>cg07566286</t>
  </si>
  <si>
    <t>cg07566537</t>
  </si>
  <si>
    <t>cg07568015</t>
  </si>
  <si>
    <t>cg07570298</t>
  </si>
  <si>
    <t>cg07573279</t>
  </si>
  <si>
    <t>cg07580827</t>
  </si>
  <si>
    <t>cg07581395</t>
  </si>
  <si>
    <t>cg07583420</t>
  </si>
  <si>
    <t>cg07586868</t>
  </si>
  <si>
    <t>cg07587653</t>
  </si>
  <si>
    <t>cg07587771</t>
  </si>
  <si>
    <t>cg07588779</t>
  </si>
  <si>
    <t>cg07589064</t>
  </si>
  <si>
    <t>cg07589519</t>
  </si>
  <si>
    <t>cg07590922</t>
  </si>
  <si>
    <t>cg07596299</t>
  </si>
  <si>
    <t>cg07597763</t>
  </si>
  <si>
    <t>cg07602847</t>
  </si>
  <si>
    <t>cg07605836</t>
  </si>
  <si>
    <t>cg07606115</t>
  </si>
  <si>
    <t>cg07607813</t>
  </si>
  <si>
    <t>cg07611000</t>
  </si>
  <si>
    <t>cg07613512</t>
  </si>
  <si>
    <t>cg07616094</t>
  </si>
  <si>
    <t>cg07617163</t>
  </si>
  <si>
    <t>cg07618110</t>
  </si>
  <si>
    <t>cg07618453</t>
  </si>
  <si>
    <t>cg07619142</t>
  </si>
  <si>
    <t>cg07624600</t>
  </si>
  <si>
    <t>cg07629355</t>
  </si>
  <si>
    <t>cg07629401</t>
  </si>
  <si>
    <t>cg07631435</t>
  </si>
  <si>
    <t>cg07631801</t>
  </si>
  <si>
    <t>cg07640406</t>
  </si>
  <si>
    <t>cg07642499</t>
  </si>
  <si>
    <t>cg07649045</t>
  </si>
  <si>
    <t>cg07652408</t>
  </si>
  <si>
    <t>cg07655487</t>
  </si>
  <si>
    <t>cg07655598</t>
  </si>
  <si>
    <t>cg07656648</t>
  </si>
  <si>
    <t>cg07659663</t>
  </si>
  <si>
    <t>cg07660693</t>
  </si>
  <si>
    <t>cg07661246</t>
  </si>
  <si>
    <t>cg07664358</t>
  </si>
  <si>
    <t>cg07666098</t>
  </si>
  <si>
    <t>cg07673089</t>
  </si>
  <si>
    <t>cg07673133</t>
  </si>
  <si>
    <t>cg07674570</t>
  </si>
  <si>
    <t>cg07676093</t>
  </si>
  <si>
    <t>cg07680935</t>
  </si>
  <si>
    <t>cg07682037</t>
  </si>
  <si>
    <t>cg07683142</t>
  </si>
  <si>
    <t>cg07690882</t>
  </si>
  <si>
    <t>cg07691133</t>
  </si>
  <si>
    <t>cg07692929</t>
  </si>
  <si>
    <t>cg07693440</t>
  </si>
  <si>
    <t>cg07694400</t>
  </si>
  <si>
    <t>cg07698783</t>
  </si>
  <si>
    <t>cg07700644</t>
  </si>
  <si>
    <t>cg07701443</t>
  </si>
  <si>
    <t>cg07702311</t>
  </si>
  <si>
    <t>cg07702424</t>
  </si>
  <si>
    <t>cg07705866</t>
  </si>
  <si>
    <t>cg07707380</t>
  </si>
  <si>
    <t>cg07709430</t>
  </si>
  <si>
    <t>cg07712329</t>
  </si>
  <si>
    <t>cg07712444</t>
  </si>
  <si>
    <t>cg07713318</t>
  </si>
  <si>
    <t>cg07713705</t>
  </si>
  <si>
    <t>cg07714534</t>
  </si>
  <si>
    <t>cg07715909</t>
  </si>
  <si>
    <t>cg07716052</t>
  </si>
  <si>
    <t>cg07724905</t>
  </si>
  <si>
    <t>cg07725167</t>
  </si>
  <si>
    <t>cg07728874</t>
  </si>
  <si>
    <t>cg07730301</t>
  </si>
  <si>
    <t>cg07731047</t>
  </si>
  <si>
    <t>cg07736627</t>
  </si>
  <si>
    <t>cg07741624</t>
  </si>
  <si>
    <t>cg07742381</t>
  </si>
  <si>
    <t>cg07743702</t>
  </si>
  <si>
    <t>cg07743764</t>
  </si>
  <si>
    <t>cg07744435</t>
  </si>
  <si>
    <t>cg07744502</t>
  </si>
  <si>
    <t>cg07745373</t>
  </si>
  <si>
    <t>cg07745905</t>
  </si>
  <si>
    <t>cg07748540</t>
  </si>
  <si>
    <t>cg07749724</t>
  </si>
  <si>
    <t>cg07749845</t>
  </si>
  <si>
    <t>cg07760851</t>
  </si>
  <si>
    <t>cg07764334</t>
  </si>
  <si>
    <t>cg07764959</t>
  </si>
  <si>
    <t>cg07768201</t>
  </si>
  <si>
    <t>cg07773434</t>
  </si>
  <si>
    <t>cg07776163</t>
  </si>
  <si>
    <t>cg07780377</t>
  </si>
  <si>
    <t>cg07781399</t>
  </si>
  <si>
    <t>cg07782221</t>
  </si>
  <si>
    <t>cg07782744</t>
  </si>
  <si>
    <t>cg07784284</t>
  </si>
  <si>
    <t>cg07784428</t>
  </si>
  <si>
    <t>cg07793224</t>
  </si>
  <si>
    <t>cg07796475</t>
  </si>
  <si>
    <t>cg07799005</t>
  </si>
  <si>
    <t>cg07800325</t>
  </si>
  <si>
    <t>cg07804260</t>
  </si>
  <si>
    <t>cg07808874</t>
  </si>
  <si>
    <t>cg07811421</t>
  </si>
  <si>
    <t>cg07812953</t>
  </si>
  <si>
    <t>cg07819010</t>
  </si>
  <si>
    <t>cg07821909</t>
  </si>
  <si>
    <t>cg07831417</t>
  </si>
  <si>
    <t>cg07841234</t>
  </si>
  <si>
    <t>cg07864189</t>
  </si>
  <si>
    <t>cg07873128</t>
  </si>
  <si>
    <t>cg07882059</t>
  </si>
  <si>
    <t>cg07882535</t>
  </si>
  <si>
    <t>cg07885778</t>
  </si>
  <si>
    <t>cg07888967</t>
  </si>
  <si>
    <t>cg07891457</t>
  </si>
  <si>
    <t>cg07904447</t>
  </si>
  <si>
    <t>cg07905944</t>
  </si>
  <si>
    <t>cg07915343</t>
  </si>
  <si>
    <t>cg07916488</t>
  </si>
  <si>
    <t>cg07931631</t>
  </si>
  <si>
    <t>cg07934552</t>
  </si>
  <si>
    <t>cg07935304</t>
  </si>
  <si>
    <t>cg07953082</t>
  </si>
  <si>
    <t>cg07954316</t>
  </si>
  <si>
    <t>cg07962043</t>
  </si>
  <si>
    <t>cg07973309</t>
  </si>
  <si>
    <t>cg07974063</t>
  </si>
  <si>
    <t>cg07974485</t>
  </si>
  <si>
    <t>cg07977153</t>
  </si>
  <si>
    <t>cg07982082</t>
  </si>
  <si>
    <t>cg07985931</t>
  </si>
  <si>
    <t>cg07991139</t>
  </si>
  <si>
    <t>cg07995438</t>
  </si>
  <si>
    <t>cg07995847</t>
  </si>
  <si>
    <t>cg07999042</t>
  </si>
  <si>
    <t>cg08000731</t>
  </si>
  <si>
    <t>cg08001668</t>
  </si>
  <si>
    <t>cg08005122</t>
  </si>
  <si>
    <t>cg08005462</t>
  </si>
  <si>
    <t>cg08005992</t>
  </si>
  <si>
    <t>cg08012287</t>
  </si>
  <si>
    <t>cg08014499</t>
  </si>
  <si>
    <t>cg08017450</t>
  </si>
  <si>
    <t>cg08017858</t>
  </si>
  <si>
    <t>cg08019195</t>
  </si>
  <si>
    <t>cg08019651</t>
  </si>
  <si>
    <t>cg08022044</t>
  </si>
  <si>
    <t>cg08023209</t>
  </si>
  <si>
    <t>cg08024887</t>
  </si>
  <si>
    <t>cg08028295</t>
  </si>
  <si>
    <t>cg08034171</t>
  </si>
  <si>
    <t>cg08036278</t>
  </si>
  <si>
    <t>cg08036798</t>
  </si>
  <si>
    <t>cg08037817</t>
  </si>
  <si>
    <t>cg08038037</t>
  </si>
  <si>
    <t>cg08043020</t>
  </si>
  <si>
    <t>cg08043565</t>
  </si>
  <si>
    <t>cg08048279</t>
  </si>
  <si>
    <t>cg08048699</t>
  </si>
  <si>
    <t>cg08048948</t>
  </si>
  <si>
    <t>cg08051049</t>
  </si>
  <si>
    <t>cg08057037</t>
  </si>
  <si>
    <t>cg08061755</t>
  </si>
  <si>
    <t>cg08063013</t>
  </si>
  <si>
    <t>cg08065122</t>
  </si>
  <si>
    <t>cg08066631</t>
  </si>
  <si>
    <t>cg08066991</t>
  </si>
  <si>
    <t>cg08068240</t>
  </si>
  <si>
    <t>cg08069931</t>
  </si>
  <si>
    <t>cg08070235</t>
  </si>
  <si>
    <t>cg08071904</t>
  </si>
  <si>
    <t>cg08074544</t>
  </si>
  <si>
    <t>cg08077155</t>
  </si>
  <si>
    <t>cg08079170</t>
  </si>
  <si>
    <t>cg08082142</t>
  </si>
  <si>
    <t>cg08084675</t>
  </si>
  <si>
    <t>cg08087655</t>
  </si>
  <si>
    <t>cg08095183</t>
  </si>
  <si>
    <t>cg08095340</t>
  </si>
  <si>
    <t>cg08101193</t>
  </si>
  <si>
    <t>cg08111863</t>
  </si>
  <si>
    <t>cg08112276</t>
  </si>
  <si>
    <t>cg08118309</t>
  </si>
  <si>
    <t>cg08122151</t>
  </si>
  <si>
    <t>cg08124000</t>
  </si>
  <si>
    <t>cg08127021</t>
  </si>
  <si>
    <t>cg08127916</t>
  </si>
  <si>
    <t>cg08128418</t>
  </si>
  <si>
    <t>cg08129366</t>
  </si>
  <si>
    <t>cg08133937</t>
  </si>
  <si>
    <t>cg08134417</t>
  </si>
  <si>
    <t>cg08134803</t>
  </si>
  <si>
    <t>cg08137852</t>
  </si>
  <si>
    <t>cg08138505</t>
  </si>
  <si>
    <t>cg08139512</t>
  </si>
  <si>
    <t>cg08139833</t>
  </si>
  <si>
    <t>cg08141873</t>
  </si>
  <si>
    <t>cg08142478</t>
  </si>
  <si>
    <t>cg08145798</t>
  </si>
  <si>
    <t>cg08148052</t>
  </si>
  <si>
    <t>cg08148802</t>
  </si>
  <si>
    <t>cg08148891</t>
  </si>
  <si>
    <t>cg08152564</t>
  </si>
  <si>
    <t>cg08158799</t>
  </si>
  <si>
    <t>cg08160246</t>
  </si>
  <si>
    <t>cg08164072</t>
  </si>
  <si>
    <t>cg08169311</t>
  </si>
  <si>
    <t>cg08170519</t>
  </si>
  <si>
    <t>cg08178356</t>
  </si>
  <si>
    <t>cg08182160</t>
  </si>
  <si>
    <t>cg08182171</t>
  </si>
  <si>
    <t>cg08182240</t>
  </si>
  <si>
    <t>cg08185661</t>
  </si>
  <si>
    <t>cg08187057</t>
  </si>
  <si>
    <t>cg08189124</t>
  </si>
  <si>
    <t>cg08191915</t>
  </si>
  <si>
    <t>cg08191993</t>
  </si>
  <si>
    <t>cg08193293</t>
  </si>
  <si>
    <t>cg08198936</t>
  </si>
  <si>
    <t>cg08202743</t>
  </si>
  <si>
    <t>cg08203715</t>
  </si>
  <si>
    <t>cg08205236</t>
  </si>
  <si>
    <t>cg08207707</t>
  </si>
  <si>
    <t>cg08209764</t>
  </si>
  <si>
    <t>cg08214060</t>
  </si>
  <si>
    <t>cg08214423</t>
  </si>
  <si>
    <t>cg08215774</t>
  </si>
  <si>
    <t>cg08216368</t>
  </si>
  <si>
    <t>cg08221207</t>
  </si>
  <si>
    <t>cg08221781</t>
  </si>
  <si>
    <t>cg08224212</t>
  </si>
  <si>
    <t>cg08231730</t>
  </si>
  <si>
    <t>cg08234507</t>
  </si>
  <si>
    <t>cg08236766</t>
  </si>
  <si>
    <t>cg08241307</t>
  </si>
  <si>
    <t>cg08242020</t>
  </si>
  <si>
    <t>cg08246619</t>
  </si>
  <si>
    <t>cg08246800</t>
  </si>
  <si>
    <t>cg08250880</t>
  </si>
  <si>
    <t>cg08258650</t>
  </si>
  <si>
    <t>cg08259810</t>
  </si>
  <si>
    <t>cg08261871</t>
  </si>
  <si>
    <t>cg08265548</t>
  </si>
  <si>
    <t>cg08271632</t>
  </si>
  <si>
    <t>cg08273750</t>
  </si>
  <si>
    <t>cg08275025</t>
  </si>
  <si>
    <t>cg08281515</t>
  </si>
  <si>
    <t>cg08285383</t>
  </si>
  <si>
    <t>cg08288074</t>
  </si>
  <si>
    <t>cg08288223</t>
  </si>
  <si>
    <t>cg08288703</t>
  </si>
  <si>
    <t>cg08288886</t>
  </si>
  <si>
    <t>cg08292023</t>
  </si>
  <si>
    <t>cg08293002</t>
  </si>
  <si>
    <t>cg08293690</t>
  </si>
  <si>
    <t>cg08298091</t>
  </si>
  <si>
    <t>cg08298827</t>
  </si>
  <si>
    <t>cg08304103</t>
  </si>
  <si>
    <t>cg08304120</t>
  </si>
  <si>
    <t>cg08307434</t>
  </si>
  <si>
    <t>cg08309519</t>
  </si>
  <si>
    <t>cg08309706</t>
  </si>
  <si>
    <t>cg08312987</t>
  </si>
  <si>
    <t>cg08314660</t>
  </si>
  <si>
    <t>cg08317412</t>
  </si>
  <si>
    <t>cg08318505</t>
  </si>
  <si>
    <t>cg08318582</t>
  </si>
  <si>
    <t>cg08324906</t>
  </si>
  <si>
    <t>cg08327706</t>
  </si>
  <si>
    <t>cg08328266</t>
  </si>
  <si>
    <t>cg08329655</t>
  </si>
  <si>
    <t>cg08332071</t>
  </si>
  <si>
    <t>cg08335254</t>
  </si>
  <si>
    <t>cg08343101</t>
  </si>
  <si>
    <t>cg08344485</t>
  </si>
  <si>
    <t>cg08346494</t>
  </si>
  <si>
    <t>cg08351710</t>
  </si>
  <si>
    <t>cg08354187</t>
  </si>
  <si>
    <t>cg08357230</t>
  </si>
  <si>
    <t>cg08360771</t>
  </si>
  <si>
    <t>cg08361684</t>
  </si>
  <si>
    <t>cg08362738</t>
  </si>
  <si>
    <t>cg08364607</t>
  </si>
  <si>
    <t>cg08365112</t>
  </si>
  <si>
    <t>cg08367035</t>
  </si>
  <si>
    <t>cg08367205</t>
  </si>
  <si>
    <t>cg08368638</t>
  </si>
  <si>
    <t>cg08375849</t>
  </si>
  <si>
    <t>cg08376089</t>
  </si>
  <si>
    <t>cg08376848</t>
  </si>
  <si>
    <t>cg08378220</t>
  </si>
  <si>
    <t>cg08393305</t>
  </si>
  <si>
    <t>cg08408453</t>
  </si>
  <si>
    <t>cg08411235</t>
  </si>
  <si>
    <t>cg08411443</t>
  </si>
  <si>
    <t>cg08416315</t>
  </si>
  <si>
    <t>cg08416638</t>
  </si>
  <si>
    <t>cg08419523</t>
  </si>
  <si>
    <t>cg08419850</t>
  </si>
  <si>
    <t>cg08419918</t>
  </si>
  <si>
    <t>cg08425745</t>
  </si>
  <si>
    <t>cg08431873</t>
  </si>
  <si>
    <t>cg08432559</t>
  </si>
  <si>
    <t>cg08437786</t>
  </si>
  <si>
    <t>cg08440945</t>
  </si>
  <si>
    <t>cg08441138</t>
  </si>
  <si>
    <t>cg08442334</t>
  </si>
  <si>
    <t>cg08444060</t>
  </si>
  <si>
    <t>cg08450021</t>
  </si>
  <si>
    <t>cg08458678</t>
  </si>
  <si>
    <t>cg08458745</t>
  </si>
  <si>
    <t>cg08462108</t>
  </si>
  <si>
    <t>cg08462117</t>
  </si>
  <si>
    <t>cg08462835</t>
  </si>
  <si>
    <t>cg08463581</t>
  </si>
  <si>
    <t>cg08466074</t>
  </si>
  <si>
    <t>cg08471073</t>
  </si>
  <si>
    <t>cg08473858</t>
  </si>
  <si>
    <t>cg08474929</t>
  </si>
  <si>
    <t>cg08477528</t>
  </si>
  <si>
    <t>cg08477594</t>
  </si>
  <si>
    <t>cg08481354</t>
  </si>
  <si>
    <t>cg08485565</t>
  </si>
  <si>
    <t>cg08491575</t>
  </si>
  <si>
    <t>cg08494300</t>
  </si>
  <si>
    <t>cg08498647</t>
  </si>
  <si>
    <t>cg08498787</t>
  </si>
  <si>
    <t>cg08498830</t>
  </si>
  <si>
    <t>cg08506138</t>
  </si>
  <si>
    <t>cg08506743</t>
  </si>
  <si>
    <t>cg08507344</t>
  </si>
  <si>
    <t>cg08508325</t>
  </si>
  <si>
    <t>cg08509586</t>
  </si>
  <si>
    <t>cg08512078</t>
  </si>
  <si>
    <t>cg08512142</t>
  </si>
  <si>
    <t>cg08514419</t>
  </si>
  <si>
    <t>cg08521065</t>
  </si>
  <si>
    <t>cg08522176</t>
  </si>
  <si>
    <t>cg08525845</t>
  </si>
  <si>
    <t>cg08527546</t>
  </si>
  <si>
    <t>cg08530414</t>
  </si>
  <si>
    <t>cg08531140</t>
  </si>
  <si>
    <t>cg08533095</t>
  </si>
  <si>
    <t>cg08533336</t>
  </si>
  <si>
    <t>cg08533783</t>
  </si>
  <si>
    <t>cg08537804</t>
  </si>
  <si>
    <t>cg08539737</t>
  </si>
  <si>
    <t>cg08546845</t>
  </si>
  <si>
    <t>cg08549282</t>
  </si>
  <si>
    <t>cg08550026</t>
  </si>
  <si>
    <t>cg08550882</t>
  </si>
  <si>
    <t>cg08552043</t>
  </si>
  <si>
    <t>cg08553156</t>
  </si>
  <si>
    <t>cg08553158</t>
  </si>
  <si>
    <t>cg08554302</t>
  </si>
  <si>
    <t>cg08558873</t>
  </si>
  <si>
    <t>cg08561325</t>
  </si>
  <si>
    <t>cg08564601</t>
  </si>
  <si>
    <t>cg08570686</t>
  </si>
  <si>
    <t>cg08571680</t>
  </si>
  <si>
    <t>cg08572535</t>
  </si>
  <si>
    <t>cg08575722</t>
  </si>
  <si>
    <t>cg08585315</t>
  </si>
  <si>
    <t>cg08586366</t>
  </si>
  <si>
    <t>cg08592104</t>
  </si>
  <si>
    <t>cg08596000</t>
  </si>
  <si>
    <t>cg08596817</t>
  </si>
  <si>
    <t>cg08597220</t>
  </si>
  <si>
    <t>cg08597735</t>
  </si>
  <si>
    <t>cg08598780</t>
  </si>
  <si>
    <t>cg08604523</t>
  </si>
  <si>
    <t>cg08608126</t>
  </si>
  <si>
    <t>cg08611602</t>
  </si>
  <si>
    <t>cg08612187</t>
  </si>
  <si>
    <t>cg08614097</t>
  </si>
  <si>
    <t>cg08614638</t>
  </si>
  <si>
    <t>cg08617645</t>
  </si>
  <si>
    <t>cg08619712</t>
  </si>
  <si>
    <t>cg08623810</t>
  </si>
  <si>
    <t>cg08628232</t>
  </si>
  <si>
    <t>cg08628580</t>
  </si>
  <si>
    <t>cg08630923</t>
  </si>
  <si>
    <t>cg08634826</t>
  </si>
  <si>
    <t>cg08635618</t>
  </si>
  <si>
    <t>cg08639279</t>
  </si>
  <si>
    <t>cg08639748</t>
  </si>
  <si>
    <t>cg08639843</t>
  </si>
  <si>
    <t>cg08642707</t>
  </si>
  <si>
    <t>cg08648317</t>
  </si>
  <si>
    <t>cg08648997</t>
  </si>
  <si>
    <t>cg08653292</t>
  </si>
  <si>
    <t>cg08657939</t>
  </si>
  <si>
    <t>cg08669010</t>
  </si>
  <si>
    <t>cg08669096</t>
  </si>
  <si>
    <t>cg08670658</t>
  </si>
  <si>
    <t>cg08672956</t>
  </si>
  <si>
    <t>cg08676812</t>
  </si>
  <si>
    <t>cg08679180</t>
  </si>
  <si>
    <t>cg08683071</t>
  </si>
  <si>
    <t>cg08686462</t>
  </si>
  <si>
    <t>cg08690459</t>
  </si>
  <si>
    <t>cg08690721</t>
  </si>
  <si>
    <t>cg08691358</t>
  </si>
  <si>
    <t>cg08700454</t>
  </si>
  <si>
    <t>cg08700546</t>
  </si>
  <si>
    <t>cg08706575</t>
  </si>
  <si>
    <t>cg08706873</t>
  </si>
  <si>
    <t>cg08706907</t>
  </si>
  <si>
    <t>cg08710204</t>
  </si>
  <si>
    <t>cg08711063</t>
  </si>
  <si>
    <t>cg08712824</t>
  </si>
  <si>
    <t>cg08714753</t>
  </si>
  <si>
    <t>cg08716584</t>
  </si>
  <si>
    <t>cg08720806</t>
  </si>
  <si>
    <t>cg08722996</t>
  </si>
  <si>
    <t>cg08726522</t>
  </si>
  <si>
    <t>cg08731067</t>
  </si>
  <si>
    <t>cg08734623</t>
  </si>
  <si>
    <t>cg08743050</t>
  </si>
  <si>
    <t>cg08743776</t>
  </si>
  <si>
    <t>cg08748890</t>
  </si>
  <si>
    <t>cg08752135</t>
  </si>
  <si>
    <t>cg08757191</t>
  </si>
  <si>
    <t>cg08757348</t>
  </si>
  <si>
    <t>cg08759026</t>
  </si>
  <si>
    <t>cg08763886</t>
  </si>
  <si>
    <t>cg08765940</t>
  </si>
  <si>
    <t>cg08768904</t>
  </si>
  <si>
    <t>cg08769073</t>
  </si>
  <si>
    <t>cg08769451</t>
  </si>
  <si>
    <t>cg08770647</t>
  </si>
  <si>
    <t>cg08771114</t>
  </si>
  <si>
    <t>cg08771706</t>
  </si>
  <si>
    <t>cg08772028</t>
  </si>
  <si>
    <t>cg08775230</t>
  </si>
  <si>
    <t>cg08776641</t>
  </si>
  <si>
    <t>cg08778805</t>
  </si>
  <si>
    <t>cg08783499</t>
  </si>
  <si>
    <t>cg08783509</t>
  </si>
  <si>
    <t>cg08784129</t>
  </si>
  <si>
    <t>cg08785534</t>
  </si>
  <si>
    <t>cg08788438</t>
  </si>
  <si>
    <t>cg08790638</t>
  </si>
  <si>
    <t>cg08790734</t>
  </si>
  <si>
    <t>cg08792797</t>
  </si>
  <si>
    <t>cg08794544</t>
  </si>
  <si>
    <t>cg08800856</t>
  </si>
  <si>
    <t>cg08803878</t>
  </si>
  <si>
    <t>cg08805054</t>
  </si>
  <si>
    <t>cg08811581</t>
  </si>
  <si>
    <t>cg08819008</t>
  </si>
  <si>
    <t>cg08822616</t>
  </si>
  <si>
    <t>cg08823954</t>
  </si>
  <si>
    <t>cg08824692</t>
  </si>
  <si>
    <t>cg08824847</t>
  </si>
  <si>
    <t>cg08824961</t>
  </si>
  <si>
    <t>cg08826843</t>
  </si>
  <si>
    <t>cg08827700</t>
  </si>
  <si>
    <t>cg08828816</t>
  </si>
  <si>
    <t>cg08832596</t>
  </si>
  <si>
    <t>cg08837192</t>
  </si>
  <si>
    <t>cg08839620</t>
  </si>
  <si>
    <t>cg08843492</t>
  </si>
  <si>
    <t>cg08861127</t>
  </si>
  <si>
    <t>cg08862742</t>
  </si>
  <si>
    <t>cg08864819</t>
  </si>
  <si>
    <t>cg08869244</t>
  </si>
  <si>
    <t>cg08869273</t>
  </si>
  <si>
    <t>cg08871189</t>
  </si>
  <si>
    <t>cg08873353</t>
  </si>
  <si>
    <t>cg08888916</t>
  </si>
  <si>
    <t>cg08893585</t>
  </si>
  <si>
    <t>cg08895013</t>
  </si>
  <si>
    <t>cg08895021</t>
  </si>
  <si>
    <t>cg08896945</t>
  </si>
  <si>
    <t>cg08897302</t>
  </si>
  <si>
    <t>cg08900073</t>
  </si>
  <si>
    <t>cg08900384</t>
  </si>
  <si>
    <t>cg08900426</t>
  </si>
  <si>
    <t>cg08904394</t>
  </si>
  <si>
    <t>cg08904961</t>
  </si>
  <si>
    <t>cg08908247</t>
  </si>
  <si>
    <t>cg08913010</t>
  </si>
  <si>
    <t>cg08914150</t>
  </si>
  <si>
    <t>cg08914797</t>
  </si>
  <si>
    <t>cg08918811</t>
  </si>
  <si>
    <t>cg08919717</t>
  </si>
  <si>
    <t>cg08924321</t>
  </si>
  <si>
    <t>cg08924696</t>
  </si>
  <si>
    <t>cg08926040</t>
  </si>
  <si>
    <t>cg08926253</t>
  </si>
  <si>
    <t>cg08931107</t>
  </si>
  <si>
    <t>cg08932665</t>
  </si>
  <si>
    <t>cg08934394</t>
  </si>
  <si>
    <t>cg08934607</t>
  </si>
  <si>
    <t>cg08942269</t>
  </si>
  <si>
    <t>cg08943494</t>
  </si>
  <si>
    <t>cg08948964</t>
  </si>
  <si>
    <t>cg08951891</t>
  </si>
  <si>
    <t>cg08960830</t>
  </si>
  <si>
    <t>cg08962271</t>
  </si>
  <si>
    <t>cg08965235</t>
  </si>
  <si>
    <t>cg08966619</t>
  </si>
  <si>
    <t>cg08966950</t>
  </si>
  <si>
    <t>cg08970694</t>
  </si>
  <si>
    <t>cg08975559</t>
  </si>
  <si>
    <t>cg08976101</t>
  </si>
  <si>
    <t>cg08979831</t>
  </si>
  <si>
    <t>cg08980355</t>
  </si>
  <si>
    <t>cg08981514</t>
  </si>
  <si>
    <t>cg08982827</t>
  </si>
  <si>
    <t>cg08986368</t>
  </si>
  <si>
    <t>cg08989979</t>
  </si>
  <si>
    <t>cg08991615</t>
  </si>
  <si>
    <t>cg08993172</t>
  </si>
  <si>
    <t>cg08995609</t>
  </si>
  <si>
    <t>cg08998189</t>
  </si>
  <si>
    <t>cg08998953</t>
  </si>
  <si>
    <t>cg08999895</t>
  </si>
  <si>
    <t>cg09012125</t>
  </si>
  <si>
    <t>cg09012337</t>
  </si>
  <si>
    <t>cg09017174</t>
  </si>
  <si>
    <t>cg09019035</t>
  </si>
  <si>
    <t>cg09026253</t>
  </si>
  <si>
    <t>cg09026379</t>
  </si>
  <si>
    <t>cg09033691</t>
  </si>
  <si>
    <t>cg09035127</t>
  </si>
  <si>
    <t>cg09035529</t>
  </si>
  <si>
    <t>cg09035838</t>
  </si>
  <si>
    <t>cg09037089</t>
  </si>
  <si>
    <t>cg09038676</t>
  </si>
  <si>
    <t>cg09038717</t>
  </si>
  <si>
    <t>cg09039689</t>
  </si>
  <si>
    <t>cg09039751</t>
  </si>
  <si>
    <t>cg09040699</t>
  </si>
  <si>
    <t>cg09041678</t>
  </si>
  <si>
    <t>cg09048129</t>
  </si>
  <si>
    <t>cg09049451</t>
  </si>
  <si>
    <t>cg09051513</t>
  </si>
  <si>
    <t>cg09053097</t>
  </si>
  <si>
    <t>cg09057265</t>
  </si>
  <si>
    <t>cg09060081</t>
  </si>
  <si>
    <t>cg09060789</t>
  </si>
  <si>
    <t>cg09062970</t>
  </si>
  <si>
    <t>cg09068031</t>
  </si>
  <si>
    <t>cg09068492</t>
  </si>
  <si>
    <t>cg09071504</t>
  </si>
  <si>
    <t>cg09072148</t>
  </si>
  <si>
    <t>cg09072230</t>
  </si>
  <si>
    <t>cg09074260</t>
  </si>
  <si>
    <t>cg09074338</t>
  </si>
  <si>
    <t>cg09075610</t>
  </si>
  <si>
    <t>cg09076770</t>
  </si>
  <si>
    <t>cg09077752</t>
  </si>
  <si>
    <t>cg09080444</t>
  </si>
  <si>
    <t>cg09082823</t>
  </si>
  <si>
    <t>cg09082852</t>
  </si>
  <si>
    <t>cg09084200</t>
  </si>
  <si>
    <t>cg09086761</t>
  </si>
  <si>
    <t>cg09088050</t>
  </si>
  <si>
    <t>cg09089242</t>
  </si>
  <si>
    <t>cg09091373</t>
  </si>
  <si>
    <t>cg09091424</t>
  </si>
  <si>
    <t>cg09096950</t>
  </si>
  <si>
    <t>cg09100017</t>
  </si>
  <si>
    <t>cg09102864</t>
  </si>
  <si>
    <t>cg09106510</t>
  </si>
  <si>
    <t>cg09108532</t>
  </si>
  <si>
    <t>cg09114153</t>
  </si>
  <si>
    <t>cg09114203</t>
  </si>
  <si>
    <t>cg09116009</t>
  </si>
  <si>
    <t>cg09116251</t>
  </si>
  <si>
    <t>cg09118558</t>
  </si>
  <si>
    <t>cg09122035</t>
  </si>
  <si>
    <t>cg09125999</t>
  </si>
  <si>
    <t>cg09127371</t>
  </si>
  <si>
    <t>cg09130190</t>
  </si>
  <si>
    <t>cg09131151</t>
  </si>
  <si>
    <t>cg09133563</t>
  </si>
  <si>
    <t>cg09134593</t>
  </si>
  <si>
    <t>cg09136129</t>
  </si>
  <si>
    <t>cg09140593</t>
  </si>
  <si>
    <t>cg09140665</t>
  </si>
  <si>
    <t>cg09141659</t>
  </si>
  <si>
    <t>cg09142135</t>
  </si>
  <si>
    <t>cg09144398</t>
  </si>
  <si>
    <t>cg09145322</t>
  </si>
  <si>
    <t>cg09147119</t>
  </si>
  <si>
    <t>cg09147777</t>
  </si>
  <si>
    <t>cg09147846</t>
  </si>
  <si>
    <t>cg09148649</t>
  </si>
  <si>
    <t>cg09149459</t>
  </si>
  <si>
    <t>cg09149525</t>
  </si>
  <si>
    <t>cg09150064</t>
  </si>
  <si>
    <t>cg09152841</t>
  </si>
  <si>
    <t>cg09153080</t>
  </si>
  <si>
    <t>cg09153448</t>
  </si>
  <si>
    <t>cg09153889</t>
  </si>
  <si>
    <t>cg09157176</t>
  </si>
  <si>
    <t>cg09161419</t>
  </si>
  <si>
    <t>cg09161549</t>
  </si>
  <si>
    <t>cg09162148</t>
  </si>
  <si>
    <t>cg09162537</t>
  </si>
  <si>
    <t>cg09163021</t>
  </si>
  <si>
    <t>cg09164911</t>
  </si>
  <si>
    <t>cg09167291</t>
  </si>
  <si>
    <t>cg09169673</t>
  </si>
  <si>
    <t>cg09170311</t>
  </si>
  <si>
    <t>cg09175289</t>
  </si>
  <si>
    <t>cg09175485</t>
  </si>
  <si>
    <t>cg09175724</t>
  </si>
  <si>
    <t>cg09176023</t>
  </si>
  <si>
    <t>cg09176233</t>
  </si>
  <si>
    <t>cg09176545</t>
  </si>
  <si>
    <t>cg09177106</t>
  </si>
  <si>
    <t>cg09177194</t>
  </si>
  <si>
    <t>cg09178025</t>
  </si>
  <si>
    <t>cg09178514</t>
  </si>
  <si>
    <t>cg09183450</t>
  </si>
  <si>
    <t>cg09185399</t>
  </si>
  <si>
    <t>cg09186818</t>
  </si>
  <si>
    <t>cg09188763</t>
  </si>
  <si>
    <t>cg09190042</t>
  </si>
  <si>
    <t>cg09190408</t>
  </si>
  <si>
    <t>cg09193791</t>
  </si>
  <si>
    <t>cg09198782</t>
  </si>
  <si>
    <t>cg09202851</t>
  </si>
  <si>
    <t>cg09205751</t>
  </si>
  <si>
    <t>cg09210514</t>
  </si>
  <si>
    <t>cg09213929</t>
  </si>
  <si>
    <t>cg09218146</t>
  </si>
  <si>
    <t>cg09225861</t>
  </si>
  <si>
    <t>cg09229487</t>
  </si>
  <si>
    <t>cg09230221</t>
  </si>
  <si>
    <t>cg09232068</t>
  </si>
  <si>
    <t>cg09232871</t>
  </si>
  <si>
    <t>cg09235723</t>
  </si>
  <si>
    <t>cg09238106</t>
  </si>
  <si>
    <t>cg09241928</t>
  </si>
  <si>
    <t>cg09242181</t>
  </si>
  <si>
    <t>cg09244748</t>
  </si>
  <si>
    <t>cg09248429</t>
  </si>
  <si>
    <t>cg09251466</t>
  </si>
  <si>
    <t>cg09252999</t>
  </si>
  <si>
    <t>cg09253931</t>
  </si>
  <si>
    <t>cg09255694</t>
  </si>
  <si>
    <t>cg09257824</t>
  </si>
  <si>
    <t>cg09258439</t>
  </si>
  <si>
    <t>cg09261702</t>
  </si>
  <si>
    <t>cg09262729</t>
  </si>
  <si>
    <t>cg09272198</t>
  </si>
  <si>
    <t>cg09272746</t>
  </si>
  <si>
    <t>cg09278276</t>
  </si>
  <si>
    <t>cg09278980</t>
  </si>
  <si>
    <t>cg09286626</t>
  </si>
  <si>
    <t>cg09294095</t>
  </si>
  <si>
    <t>cg09295063</t>
  </si>
  <si>
    <t>cg09297839</t>
  </si>
  <si>
    <t>cg09298680</t>
  </si>
  <si>
    <t>cg09303150</t>
  </si>
  <si>
    <t>cg09307689</t>
  </si>
  <si>
    <t>cg09313740</t>
  </si>
  <si>
    <t>cg09314708</t>
  </si>
  <si>
    <t>cg09315662</t>
  </si>
  <si>
    <t>cg09317928</t>
  </si>
  <si>
    <t>cg09318763</t>
  </si>
  <si>
    <t>cg09320717</t>
  </si>
  <si>
    <t>cg09325375</t>
  </si>
  <si>
    <t>cg09325905</t>
  </si>
  <si>
    <t>cg09326702</t>
  </si>
  <si>
    <t>cg09330078</t>
  </si>
  <si>
    <t>cg09333889</t>
  </si>
  <si>
    <t>cg09336043</t>
  </si>
  <si>
    <t>cg09337943</t>
  </si>
  <si>
    <t>cg09338297</t>
  </si>
  <si>
    <t>cg09338489</t>
  </si>
  <si>
    <t>cg09339476</t>
  </si>
  <si>
    <t>cg09339876</t>
  </si>
  <si>
    <t>cg09344283</t>
  </si>
  <si>
    <t>cg09346831</t>
  </si>
  <si>
    <t>cg09347923</t>
  </si>
  <si>
    <t>cg09349409</t>
  </si>
  <si>
    <t>cg09351035</t>
  </si>
  <si>
    <t>cg09351677</t>
  </si>
  <si>
    <t>cg09352338</t>
  </si>
  <si>
    <t>cg09360974</t>
  </si>
  <si>
    <t>cg09364022</t>
  </si>
  <si>
    <t>cg09371112</t>
  </si>
  <si>
    <t>cg09373227</t>
  </si>
  <si>
    <t>cg09375756</t>
  </si>
  <si>
    <t>cg09383860</t>
  </si>
  <si>
    <t>cg09386376</t>
  </si>
  <si>
    <t>cg09387970</t>
  </si>
  <si>
    <t>cg09389348</t>
  </si>
  <si>
    <t>cg09390414</t>
  </si>
  <si>
    <t>cg09394785</t>
  </si>
  <si>
    <t>cg09395844</t>
  </si>
  <si>
    <t>cg09397087</t>
  </si>
  <si>
    <t>cg09399878</t>
  </si>
  <si>
    <t>cg09400332</t>
  </si>
  <si>
    <t>cg09403933</t>
  </si>
  <si>
    <t>cg09405076</t>
  </si>
  <si>
    <t>cg09410243</t>
  </si>
  <si>
    <t>cg09412882</t>
  </si>
  <si>
    <t>cg09415957</t>
  </si>
  <si>
    <t>cg09416301</t>
  </si>
  <si>
    <t>cg09416908</t>
  </si>
  <si>
    <t>cg09419102</t>
  </si>
  <si>
    <t>cg09419192</t>
  </si>
  <si>
    <t>cg09426197</t>
  </si>
  <si>
    <t>cg09431318</t>
  </si>
  <si>
    <t>cg09434175</t>
  </si>
  <si>
    <t>cg09435245</t>
  </si>
  <si>
    <t>cg09435266</t>
  </si>
  <si>
    <t>cg09435499</t>
  </si>
  <si>
    <t>cg09436562</t>
  </si>
  <si>
    <t>cg09436907</t>
  </si>
  <si>
    <t>cg09436931</t>
  </si>
  <si>
    <t>cg09443484</t>
  </si>
  <si>
    <t>cg09445967</t>
  </si>
  <si>
    <t>cg09447006</t>
  </si>
  <si>
    <t>cg09448652</t>
  </si>
  <si>
    <t>cg09450823</t>
  </si>
  <si>
    <t>cg09451763</t>
  </si>
  <si>
    <t>cg09452027</t>
  </si>
  <si>
    <t>cg09452478</t>
  </si>
  <si>
    <t>cg09452728</t>
  </si>
  <si>
    <t>cg09458820</t>
  </si>
  <si>
    <t>cg09461507</t>
  </si>
  <si>
    <t>cg09462826</t>
  </si>
  <si>
    <t>cg09466243</t>
  </si>
  <si>
    <t>cg09466807</t>
  </si>
  <si>
    <t>cg09467902</t>
  </si>
  <si>
    <t>cg09469643</t>
  </si>
  <si>
    <t>cg09476073</t>
  </si>
  <si>
    <t>cg09478995</t>
  </si>
  <si>
    <t>cg09482611</t>
  </si>
  <si>
    <t>cg09488196</t>
  </si>
  <si>
    <t>cg09489462</t>
  </si>
  <si>
    <t>cg09494188</t>
  </si>
  <si>
    <t>cg09502447</t>
  </si>
  <si>
    <t>cg09502866</t>
  </si>
  <si>
    <t>cg09503596</t>
  </si>
  <si>
    <t>cg09507884</t>
  </si>
  <si>
    <t>cg09508189</t>
  </si>
  <si>
    <t>cg09509144</t>
  </si>
  <si>
    <t>cg09515805</t>
  </si>
  <si>
    <t>cg09516786</t>
  </si>
  <si>
    <t>cg09517010</t>
  </si>
  <si>
    <t>cg09517554</t>
  </si>
  <si>
    <t>cg09517809</t>
  </si>
  <si>
    <t>cg09518195</t>
  </si>
  <si>
    <t>cg09518969</t>
  </si>
  <si>
    <t>cg09522613</t>
  </si>
  <si>
    <t>cg09524686</t>
  </si>
  <si>
    <t>cg09526022</t>
  </si>
  <si>
    <t>cg09527192</t>
  </si>
  <si>
    <t>cg09528501</t>
  </si>
  <si>
    <t>cg09530156</t>
  </si>
  <si>
    <t>cg09530407</t>
  </si>
  <si>
    <t>cg09530763</t>
  </si>
  <si>
    <t>cg09531376</t>
  </si>
  <si>
    <t>cg09532898</t>
  </si>
  <si>
    <t>cg09538401</t>
  </si>
  <si>
    <t>cg09538651</t>
  </si>
  <si>
    <t>cg09541468</t>
  </si>
  <si>
    <t>cg09544705</t>
  </si>
  <si>
    <t>cg09546258</t>
  </si>
  <si>
    <t>cg09549591</t>
  </si>
  <si>
    <t>cg09551996</t>
  </si>
  <si>
    <t>cg09554856</t>
  </si>
  <si>
    <t>cg09562426</t>
  </si>
  <si>
    <t>cg09563805</t>
  </si>
  <si>
    <t>cg09564913</t>
  </si>
  <si>
    <t>cg09571376</t>
  </si>
  <si>
    <t>cg09573890</t>
  </si>
  <si>
    <t>cg09575421</t>
  </si>
  <si>
    <t>cg09577324</t>
  </si>
  <si>
    <t>cg09578155</t>
  </si>
  <si>
    <t>cg09582200</t>
  </si>
  <si>
    <t>cg09583654</t>
  </si>
  <si>
    <t>cg09584118</t>
  </si>
  <si>
    <t>cg09585333</t>
  </si>
  <si>
    <t>cg09585968</t>
  </si>
  <si>
    <t>cg09587634</t>
  </si>
  <si>
    <t>cg09588284</t>
  </si>
  <si>
    <t>cg09590193</t>
  </si>
  <si>
    <t>cg09591497</t>
  </si>
  <si>
    <t>cg09591542</t>
  </si>
  <si>
    <t>cg09595384</t>
  </si>
  <si>
    <t>cg09597390</t>
  </si>
  <si>
    <t>cg09600152</t>
  </si>
  <si>
    <t>cg09608841</t>
  </si>
  <si>
    <t>cg09608949</t>
  </si>
  <si>
    <t>cg09609418</t>
  </si>
  <si>
    <t>cg09610772</t>
  </si>
  <si>
    <t>cg09612099</t>
  </si>
  <si>
    <t>cg09616795</t>
  </si>
  <si>
    <t>cg09620688</t>
  </si>
  <si>
    <t>cg09633579</t>
  </si>
  <si>
    <t>cg09636245</t>
  </si>
  <si>
    <t>cg09637363</t>
  </si>
  <si>
    <t>cg09641642</t>
  </si>
  <si>
    <t>cg09645888</t>
  </si>
  <si>
    <t>cg09648702</t>
  </si>
  <si>
    <t>cg09651302</t>
  </si>
  <si>
    <t>cg09654261</t>
  </si>
  <si>
    <t>cg09657136</t>
  </si>
  <si>
    <t>cg09659803</t>
  </si>
  <si>
    <t>cg09659887</t>
  </si>
  <si>
    <t>cg09661721</t>
  </si>
  <si>
    <t>cg09661809</t>
  </si>
  <si>
    <t>cg09667650</t>
  </si>
  <si>
    <t>cg09668344</t>
  </si>
  <si>
    <t>cg09671810</t>
  </si>
  <si>
    <t>cg09673208</t>
  </si>
  <si>
    <t>cg09674867</t>
  </si>
  <si>
    <t>cg09676684</t>
  </si>
  <si>
    <t>cg09677638</t>
  </si>
  <si>
    <t>cg09684106</t>
  </si>
  <si>
    <t>cg09684429</t>
  </si>
  <si>
    <t>cg09685934</t>
  </si>
  <si>
    <t>cg09687417</t>
  </si>
  <si>
    <t>cg09691574</t>
  </si>
  <si>
    <t>cg09694722</t>
  </si>
  <si>
    <t>cg09695430</t>
  </si>
  <si>
    <t>cg09696301</t>
  </si>
  <si>
    <t>cg09699159</t>
  </si>
  <si>
    <t>cg09700598</t>
  </si>
  <si>
    <t>cg09700701</t>
  </si>
  <si>
    <t>cg09701102</t>
  </si>
  <si>
    <t>cg09704475</t>
  </si>
  <si>
    <t>cg09706243</t>
  </si>
  <si>
    <t>cg09709060</t>
  </si>
  <si>
    <t>cg09709565</t>
  </si>
  <si>
    <t>cg09709600</t>
  </si>
  <si>
    <t>cg09711746</t>
  </si>
  <si>
    <t>cg09712902</t>
  </si>
  <si>
    <t>cg09717526</t>
  </si>
  <si>
    <t>cg09723590</t>
  </si>
  <si>
    <t>cg09723979</t>
  </si>
  <si>
    <t>cg09725686</t>
  </si>
  <si>
    <t>cg09726240</t>
  </si>
  <si>
    <t>cg09726509</t>
  </si>
  <si>
    <t>cg09729166</t>
  </si>
  <si>
    <t>cg09729866</t>
  </si>
  <si>
    <t>cg09730017</t>
  </si>
  <si>
    <t>cg09731124</t>
  </si>
  <si>
    <t>cg09737499</t>
  </si>
  <si>
    <t>cg09739212</t>
  </si>
  <si>
    <t>cg09743615</t>
  </si>
  <si>
    <t>cg09749669</t>
  </si>
  <si>
    <t>cg09750183</t>
  </si>
  <si>
    <t>cg09750643</t>
  </si>
  <si>
    <t>cg09759588</t>
  </si>
  <si>
    <t>cg09760666</t>
  </si>
  <si>
    <t>cg09761155</t>
  </si>
  <si>
    <t>cg09761846</t>
  </si>
  <si>
    <t>cg09762533</t>
  </si>
  <si>
    <t>cg09763325</t>
  </si>
  <si>
    <t>cg09763790</t>
  </si>
  <si>
    <t>cg09766856</t>
  </si>
  <si>
    <t>cg09767031</t>
  </si>
  <si>
    <t>cg09767313</t>
  </si>
  <si>
    <t>cg09767850</t>
  </si>
  <si>
    <t>cg09772827</t>
  </si>
  <si>
    <t>cg09776041</t>
  </si>
  <si>
    <t>cg09777344</t>
  </si>
  <si>
    <t>cg09777883</t>
  </si>
  <si>
    <t>cg09778713</t>
  </si>
  <si>
    <t>cg09778782</t>
  </si>
  <si>
    <t>cg09779544</t>
  </si>
  <si>
    <t>cg09781307</t>
  </si>
  <si>
    <t>cg09784886</t>
  </si>
  <si>
    <t>cg09785586</t>
  </si>
  <si>
    <t>cg09788900</t>
  </si>
  <si>
    <t>cg09790617</t>
  </si>
  <si>
    <t>cg09792557</t>
  </si>
  <si>
    <t>cg09793776</t>
  </si>
  <si>
    <t>cg09799714</t>
  </si>
  <si>
    <t>cg09801334</t>
  </si>
  <si>
    <t>cg09801924</t>
  </si>
  <si>
    <t>cg09802018</t>
  </si>
  <si>
    <t>cg09803002</t>
  </si>
  <si>
    <t>cg09806934</t>
  </si>
  <si>
    <t>cg09807524</t>
  </si>
  <si>
    <t>cg09819791</t>
  </si>
  <si>
    <t>cg09828257</t>
  </si>
  <si>
    <t>cg09828538</t>
  </si>
  <si>
    <t>cg09830455</t>
  </si>
  <si>
    <t>cg09833545</t>
  </si>
  <si>
    <t>cg09833701</t>
  </si>
  <si>
    <t>cg09840309</t>
  </si>
  <si>
    <t>cg09843573</t>
  </si>
  <si>
    <t>cg09847882</t>
  </si>
  <si>
    <t>cg09854726</t>
  </si>
  <si>
    <t>cg09863384</t>
  </si>
  <si>
    <t>cg09864961</t>
  </si>
  <si>
    <t>cg09865698</t>
  </si>
  <si>
    <t>cg09867084</t>
  </si>
  <si>
    <t>cg09868111</t>
  </si>
  <si>
    <t>cg09875624</t>
  </si>
  <si>
    <t>cg09879334</t>
  </si>
  <si>
    <t>cg09879876</t>
  </si>
  <si>
    <t>cg09880665</t>
  </si>
  <si>
    <t>cg09883841</t>
  </si>
  <si>
    <t>cg09886009</t>
  </si>
  <si>
    <t>cg09889828</t>
  </si>
  <si>
    <t>cg09890597</t>
  </si>
  <si>
    <t>cg09895049</t>
  </si>
  <si>
    <t>cg09896120</t>
  </si>
  <si>
    <t>cg09900758</t>
  </si>
  <si>
    <t>cg09902061</t>
  </si>
  <si>
    <t>cg09902130</t>
  </si>
  <si>
    <t>cg09905416</t>
  </si>
  <si>
    <t>cg09906402</t>
  </si>
  <si>
    <t>cg09906680</t>
  </si>
  <si>
    <t>cg09908041</t>
  </si>
  <si>
    <t>cg09908110</t>
  </si>
  <si>
    <t>cg09913813</t>
  </si>
  <si>
    <t>cg09915500</t>
  </si>
  <si>
    <t>cg09919193</t>
  </si>
  <si>
    <t>cg09920268</t>
  </si>
  <si>
    <t>cg09926046</t>
  </si>
  <si>
    <t>cg09929763</t>
  </si>
  <si>
    <t>cg09935596</t>
  </si>
  <si>
    <t>cg09935767</t>
  </si>
  <si>
    <t>cg09936933</t>
  </si>
  <si>
    <t>cg09938664</t>
  </si>
  <si>
    <t>cg09941876</t>
  </si>
  <si>
    <t>cg09946142</t>
  </si>
  <si>
    <t>cg09947611</t>
  </si>
  <si>
    <t>cg09950164</t>
  </si>
  <si>
    <t>cg09951637</t>
  </si>
  <si>
    <t>cg09952595</t>
  </si>
  <si>
    <t>cg09954549</t>
  </si>
  <si>
    <t>cg09958483</t>
  </si>
  <si>
    <t>cg09959428</t>
  </si>
  <si>
    <t>cg09961574</t>
  </si>
  <si>
    <t>cg09963962</t>
  </si>
  <si>
    <t>cg09966895</t>
  </si>
  <si>
    <t>cg09969989</t>
  </si>
  <si>
    <t>cg09971562</t>
  </si>
  <si>
    <t>cg09975093</t>
  </si>
  <si>
    <t>cg09975397</t>
  </si>
  <si>
    <t>cg09978545</t>
  </si>
  <si>
    <t>cg09994445</t>
  </si>
  <si>
    <t>cg09997244</t>
  </si>
  <si>
    <t>cg09998591</t>
  </si>
  <si>
    <t>cg10000952</t>
  </si>
  <si>
    <t>cg10001186</t>
  </si>
  <si>
    <t>cg10001219</t>
  </si>
  <si>
    <t>cg10001374</t>
  </si>
  <si>
    <t>cg10005273</t>
  </si>
  <si>
    <t>cg10006762</t>
  </si>
  <si>
    <t>cg10012599</t>
  </si>
  <si>
    <t>cg10012920</t>
  </si>
  <si>
    <t>cg10016024</t>
  </si>
  <si>
    <t>cg10021935</t>
  </si>
  <si>
    <t>cg10022526</t>
  </si>
  <si>
    <t>cg10023271</t>
  </si>
  <si>
    <t>cg10024063</t>
  </si>
  <si>
    <t>cg10024508</t>
  </si>
  <si>
    <t>cg10026995</t>
  </si>
  <si>
    <t>cg10030504</t>
  </si>
  <si>
    <t>cg10034846</t>
  </si>
  <si>
    <t>cg10040495</t>
  </si>
  <si>
    <t>cg10042293</t>
  </si>
  <si>
    <t>cg10043090</t>
  </si>
  <si>
    <t>cg10043753</t>
  </si>
  <si>
    <t>cg10044629</t>
  </si>
  <si>
    <t>cg10045354</t>
  </si>
  <si>
    <t>cg10048349</t>
  </si>
  <si>
    <t>cg10049631</t>
  </si>
  <si>
    <t>cg10052164</t>
  </si>
  <si>
    <t>cg10055139</t>
  </si>
  <si>
    <t>cg10055265</t>
  </si>
  <si>
    <t>cg10056096</t>
  </si>
  <si>
    <t>cg10057841</t>
  </si>
  <si>
    <t>cg10059056</t>
  </si>
  <si>
    <t>cg10061117</t>
  </si>
  <si>
    <t>cg10064871</t>
  </si>
  <si>
    <t>cg10068408</t>
  </si>
  <si>
    <t>cg10068539</t>
  </si>
  <si>
    <t>cg10068989</t>
  </si>
  <si>
    <t>cg10069323</t>
  </si>
  <si>
    <t>cg10076809</t>
  </si>
  <si>
    <t>cg10076902</t>
  </si>
  <si>
    <t>cg10079131</t>
  </si>
  <si>
    <t>cg10082662</t>
  </si>
  <si>
    <t>cg10082963</t>
  </si>
  <si>
    <t>cg10083593</t>
  </si>
  <si>
    <t>cg10089145</t>
  </si>
  <si>
    <t>cg10089552</t>
  </si>
  <si>
    <t>cg10092198</t>
  </si>
  <si>
    <t>cg10096321</t>
  </si>
  <si>
    <t>cg10101263</t>
  </si>
  <si>
    <t>cg10110432</t>
  </si>
  <si>
    <t>cg10112781</t>
  </si>
  <si>
    <t>cg10113191</t>
  </si>
  <si>
    <t>cg10116178</t>
  </si>
  <si>
    <t>cg10116840</t>
  </si>
  <si>
    <t>cg10119679</t>
  </si>
  <si>
    <t>cg10127085</t>
  </si>
  <si>
    <t>cg10127679</t>
  </si>
  <si>
    <t>cg10130088</t>
  </si>
  <si>
    <t>cg10130811</t>
  </si>
  <si>
    <t>cg10131836</t>
  </si>
  <si>
    <t>cg10133725</t>
  </si>
  <si>
    <t>cg10141801</t>
  </si>
  <si>
    <t>cg10145584</t>
  </si>
  <si>
    <t>cg10148841</t>
  </si>
  <si>
    <t>cg10155522</t>
  </si>
  <si>
    <t>cg10155572</t>
  </si>
  <si>
    <t>cg10159951</t>
  </si>
  <si>
    <t>cg10160397</t>
  </si>
  <si>
    <t>cg10161008</t>
  </si>
  <si>
    <t>cg10166888</t>
  </si>
  <si>
    <t>cg10167266</t>
  </si>
  <si>
    <t>cg10169364</t>
  </si>
  <si>
    <t>cg10169957</t>
  </si>
  <si>
    <t>cg10174343</t>
  </si>
  <si>
    <t>cg10176687</t>
  </si>
  <si>
    <t>cg10193817</t>
  </si>
  <si>
    <t>cg10208301</t>
  </si>
  <si>
    <t>cg10242862</t>
  </si>
  <si>
    <t>cg10248302</t>
  </si>
  <si>
    <t>cg10249997</t>
  </si>
  <si>
    <t>cg10254967</t>
  </si>
  <si>
    <t>cg10256045</t>
  </si>
  <si>
    <t>cg10256234</t>
  </si>
  <si>
    <t>cg10256304</t>
  </si>
  <si>
    <t>cg10257521</t>
  </si>
  <si>
    <t>cg10258385</t>
  </si>
  <si>
    <t>cg10259392</t>
  </si>
  <si>
    <t>cg10260050</t>
  </si>
  <si>
    <t>cg10261191</t>
  </si>
  <si>
    <t>cg10261226</t>
  </si>
  <si>
    <t>cg10262710</t>
  </si>
  <si>
    <t>cg10263594</t>
  </si>
  <si>
    <t>cg10264003</t>
  </si>
  <si>
    <t>cg10264187</t>
  </si>
  <si>
    <t>cg10264188</t>
  </si>
  <si>
    <t>cg10266547</t>
  </si>
  <si>
    <t>cg10266557</t>
  </si>
  <si>
    <t>cg10270866</t>
  </si>
  <si>
    <t>cg10276301</t>
  </si>
  <si>
    <t>cg10276576</t>
  </si>
  <si>
    <t>cg10280756</t>
  </si>
  <si>
    <t>cg10281394</t>
  </si>
  <si>
    <t>cg10283505</t>
  </si>
  <si>
    <t>cg10283969</t>
  </si>
  <si>
    <t>cg10284884</t>
  </si>
  <si>
    <t>cg10285953</t>
  </si>
  <si>
    <t>cg10287786</t>
  </si>
  <si>
    <t>cg10296062</t>
  </si>
  <si>
    <t>cg10297721</t>
  </si>
  <si>
    <t>cg10298507</t>
  </si>
  <si>
    <t>cg10299838</t>
  </si>
  <si>
    <t>cg10300521</t>
  </si>
  <si>
    <t>cg10307345</t>
  </si>
  <si>
    <t>cg10307595</t>
  </si>
  <si>
    <t>cg10308578</t>
  </si>
  <si>
    <t>cg10312101</t>
  </si>
  <si>
    <t>cg10313633</t>
  </si>
  <si>
    <t>cg10314807</t>
  </si>
  <si>
    <t>cg10316593</t>
  </si>
  <si>
    <t>cg10317815</t>
  </si>
  <si>
    <t>cg10318313</t>
  </si>
  <si>
    <t>cg10321339</t>
  </si>
  <si>
    <t>cg10326447</t>
  </si>
  <si>
    <t>cg10329874</t>
  </si>
  <si>
    <t>cg10330248</t>
  </si>
  <si>
    <t>cg10331048</t>
  </si>
  <si>
    <t>cg10333041</t>
  </si>
  <si>
    <t>cg10335112</t>
  </si>
  <si>
    <t>cg10335834</t>
  </si>
  <si>
    <t>cg10335931</t>
  </si>
  <si>
    <t>cg10337079</t>
  </si>
  <si>
    <t>cg10339344</t>
  </si>
  <si>
    <t>cg10339481</t>
  </si>
  <si>
    <t>cg10342590</t>
  </si>
  <si>
    <t>cg10346364</t>
  </si>
  <si>
    <t>cg10349413</t>
  </si>
  <si>
    <t>cg10349758</t>
  </si>
  <si>
    <t>cg10350350</t>
  </si>
  <si>
    <t>cg10350957</t>
  </si>
  <si>
    <t>cg10353108</t>
  </si>
  <si>
    <t>cg10353705</t>
  </si>
  <si>
    <t>cg10357314</t>
  </si>
  <si>
    <t>cg10359006</t>
  </si>
  <si>
    <t>cg10361167</t>
  </si>
  <si>
    <t>cg10361765</t>
  </si>
  <si>
    <t>cg10362475</t>
  </si>
  <si>
    <t>cg10364182</t>
  </si>
  <si>
    <t>cg10364881</t>
  </si>
  <si>
    <t>cg10369780</t>
  </si>
  <si>
    <t>cg10371523</t>
  </si>
  <si>
    <t>cg10372188</t>
  </si>
  <si>
    <t>cg10374009</t>
  </si>
  <si>
    <t>cg10374499</t>
  </si>
  <si>
    <t>cg10376306</t>
  </si>
  <si>
    <t>cg10377274</t>
  </si>
  <si>
    <t>cg10378819</t>
  </si>
  <si>
    <t>cg10379476</t>
  </si>
  <si>
    <t>cg10383367</t>
  </si>
  <si>
    <t>cg10383568</t>
  </si>
  <si>
    <t>cg10386924</t>
  </si>
  <si>
    <t>cg10391540</t>
  </si>
  <si>
    <t>cg10391895</t>
  </si>
  <si>
    <t>cg10392164</t>
  </si>
  <si>
    <t>cg10395685</t>
  </si>
  <si>
    <t>cg10397070</t>
  </si>
  <si>
    <t>cg10398590</t>
  </si>
  <si>
    <t>cg10400081</t>
  </si>
  <si>
    <t>cg10400440</t>
  </si>
  <si>
    <t>cg10402023</t>
  </si>
  <si>
    <t>cg10402513</t>
  </si>
  <si>
    <t>cg10404950</t>
  </si>
  <si>
    <t>cg10408430</t>
  </si>
  <si>
    <t>cg10418217</t>
  </si>
  <si>
    <t>cg10422334</t>
  </si>
  <si>
    <t>cg10425885</t>
  </si>
  <si>
    <t>cg10427430</t>
  </si>
  <si>
    <t>cg10430742</t>
  </si>
  <si>
    <t>cg10433819</t>
  </si>
  <si>
    <t>cg10435245</t>
  </si>
  <si>
    <t>cg10442157</t>
  </si>
  <si>
    <t>cg10443971</t>
  </si>
  <si>
    <t>cg10448438</t>
  </si>
  <si>
    <t>cg10448528</t>
  </si>
  <si>
    <t>cg10449409</t>
  </si>
  <si>
    <t>cg10449675</t>
  </si>
  <si>
    <t>cg10454268</t>
  </si>
  <si>
    <t>cg10454766</t>
  </si>
  <si>
    <t>cg10457846</t>
  </si>
  <si>
    <t>cg10460350</t>
  </si>
  <si>
    <t>cg10462961</t>
  </si>
  <si>
    <t>cg10465028</t>
  </si>
  <si>
    <t>cg10467022</t>
  </si>
  <si>
    <t>cg10469297</t>
  </si>
  <si>
    <t>cg10469774</t>
  </si>
  <si>
    <t>cg10470873</t>
  </si>
  <si>
    <t>cg10489124</t>
  </si>
  <si>
    <t>cg10490196</t>
  </si>
  <si>
    <t>cg10495164</t>
  </si>
  <si>
    <t>cg10495424</t>
  </si>
  <si>
    <t>cg10495980</t>
  </si>
  <si>
    <t>cg10495997</t>
  </si>
  <si>
    <t>cg10496030</t>
  </si>
  <si>
    <t>cg10497894</t>
  </si>
  <si>
    <t>cg10498429</t>
  </si>
  <si>
    <t>cg10500733</t>
  </si>
  <si>
    <t>cg10501065</t>
  </si>
  <si>
    <t>cg10503232</t>
  </si>
  <si>
    <t>cg10504000</t>
  </si>
  <si>
    <t>cg10509626</t>
  </si>
  <si>
    <t>cg10512089</t>
  </si>
  <si>
    <t>cg10514793</t>
  </si>
  <si>
    <t>cg10516359</t>
  </si>
  <si>
    <t>cg10517281</t>
  </si>
  <si>
    <t>cg10518295</t>
  </si>
  <si>
    <t>cg10518439</t>
  </si>
  <si>
    <t>cg10519389</t>
  </si>
  <si>
    <t>cg10523193</t>
  </si>
  <si>
    <t>cg10523820</t>
  </si>
  <si>
    <t>cg10531864</t>
  </si>
  <si>
    <t>cg10533255</t>
  </si>
  <si>
    <t>cg10533990</t>
  </si>
  <si>
    <t>cg10536151</t>
  </si>
  <si>
    <t>cg10539418</t>
  </si>
  <si>
    <t>cg10546904</t>
  </si>
  <si>
    <t>cg10548355</t>
  </si>
  <si>
    <t>cg10548968</t>
  </si>
  <si>
    <t>cg10552523</t>
  </si>
  <si>
    <t>cg10557009</t>
  </si>
  <si>
    <t>cg10558494</t>
  </si>
  <si>
    <t>cg10560245</t>
  </si>
  <si>
    <t>cg10560393</t>
  </si>
  <si>
    <t>cg10566699</t>
  </si>
  <si>
    <t>cg10568225</t>
  </si>
  <si>
    <t>cg10571796</t>
  </si>
  <si>
    <t>cg10572659</t>
  </si>
  <si>
    <t>cg10573143</t>
  </si>
  <si>
    <t>cg10575441</t>
  </si>
  <si>
    <t>cg10575846</t>
  </si>
  <si>
    <t>cg10577273</t>
  </si>
  <si>
    <t>cg10580903</t>
  </si>
  <si>
    <t>cg10581241</t>
  </si>
  <si>
    <t>cg10583382</t>
  </si>
  <si>
    <t>cg10583992</t>
  </si>
  <si>
    <t>cg10585962</t>
  </si>
  <si>
    <t>cg10587366</t>
  </si>
  <si>
    <t>cg10589353</t>
  </si>
  <si>
    <t>cg10590134</t>
  </si>
  <si>
    <t>cg10590442</t>
  </si>
  <si>
    <t>cg10590925</t>
  </si>
  <si>
    <t>cg10593028</t>
  </si>
  <si>
    <t>cg10598551</t>
  </si>
  <si>
    <t>cg10598871</t>
  </si>
  <si>
    <t>cg10600536</t>
  </si>
  <si>
    <t>cg10602543</t>
  </si>
  <si>
    <t>cg10604040</t>
  </si>
  <si>
    <t>cg10612617</t>
  </si>
  <si>
    <t>cg10612775</t>
  </si>
  <si>
    <t>cg10614045</t>
  </si>
  <si>
    <t>cg10615842</t>
  </si>
  <si>
    <t>cg10616216</t>
  </si>
  <si>
    <t>cg10616300</t>
  </si>
  <si>
    <t>cg10618578</t>
  </si>
  <si>
    <t>cg10618635</t>
  </si>
  <si>
    <t>cg10621441</t>
  </si>
  <si>
    <t>cg10624395</t>
  </si>
  <si>
    <t>cg10628098</t>
  </si>
  <si>
    <t>cg10630085</t>
  </si>
  <si>
    <t>cg10633981</t>
  </si>
  <si>
    <t>cg10637688</t>
  </si>
  <si>
    <t>cg10639395</t>
  </si>
  <si>
    <t>cg10640398</t>
  </si>
  <si>
    <t>cg10648543</t>
  </si>
  <si>
    <t>cg10650127</t>
  </si>
  <si>
    <t>cg10652583</t>
  </si>
  <si>
    <t>cg10658307</t>
  </si>
  <si>
    <t>cg10659216</t>
  </si>
  <si>
    <t>cg10659464</t>
  </si>
  <si>
    <t>cg10659575</t>
  </si>
  <si>
    <t>cg10668614</t>
  </si>
  <si>
    <t>cg10669451</t>
  </si>
  <si>
    <t>cg10670869</t>
  </si>
  <si>
    <t>cg10673351</t>
  </si>
  <si>
    <t>cg10674470</t>
  </si>
  <si>
    <t>cg10675058</t>
  </si>
  <si>
    <t>cg10677245</t>
  </si>
  <si>
    <t>cg10678459</t>
  </si>
  <si>
    <t>cg10679277</t>
  </si>
  <si>
    <t>cg10684802</t>
  </si>
  <si>
    <t>cg10685839</t>
  </si>
  <si>
    <t>cg10687644</t>
  </si>
  <si>
    <t>cg10689689</t>
  </si>
  <si>
    <t>cg10693390</t>
  </si>
  <si>
    <t>cg10694914</t>
  </si>
  <si>
    <t>cg10696445</t>
  </si>
  <si>
    <t>cg10701232</t>
  </si>
  <si>
    <t>cg10704680</t>
  </si>
  <si>
    <t>cg10704729</t>
  </si>
  <si>
    <t>cg10706649</t>
  </si>
  <si>
    <t>cg10707733</t>
  </si>
  <si>
    <t>cg10713715</t>
  </si>
  <si>
    <t>cg10718721</t>
  </si>
  <si>
    <t>cg10718809</t>
  </si>
  <si>
    <t>cg10719604</t>
  </si>
  <si>
    <t>cg10725768</t>
  </si>
  <si>
    <t>cg10726226</t>
  </si>
  <si>
    <t>cg10726517</t>
  </si>
  <si>
    <t>cg10726868</t>
  </si>
  <si>
    <t>cg10728452</t>
  </si>
  <si>
    <t>cg10732385</t>
  </si>
  <si>
    <t>cg10735607</t>
  </si>
  <si>
    <t>cg10746278</t>
  </si>
  <si>
    <t>cg10749822</t>
  </si>
  <si>
    <t>cg10749860</t>
  </si>
  <si>
    <t>cg10753889</t>
  </si>
  <si>
    <t>cg10763288</t>
  </si>
  <si>
    <t>cg10766174</t>
  </si>
  <si>
    <t>cg10766226</t>
  </si>
  <si>
    <t>cg10769658</t>
  </si>
  <si>
    <t>cg10776232</t>
  </si>
  <si>
    <t>cg10777103</t>
  </si>
  <si>
    <t>cg10787981</t>
  </si>
  <si>
    <t>cg10788371</t>
  </si>
  <si>
    <t>cg10790526</t>
  </si>
  <si>
    <t>cg10792130</t>
  </si>
  <si>
    <t>cg10797557</t>
  </si>
  <si>
    <t>cg10798225</t>
  </si>
  <si>
    <t>cg10798664</t>
  </si>
  <si>
    <t>cg10803034</t>
  </si>
  <si>
    <t>cg10810649</t>
  </si>
  <si>
    <t>cg10812451</t>
  </si>
  <si>
    <t>cg10816169</t>
  </si>
  <si>
    <t>cg10819467</t>
  </si>
  <si>
    <t>cg10819493</t>
  </si>
  <si>
    <t>cg10821722</t>
  </si>
  <si>
    <t>cg10824063</t>
  </si>
  <si>
    <t>cg10826257</t>
  </si>
  <si>
    <t>cg10827488</t>
  </si>
  <si>
    <t>cg10828456</t>
  </si>
  <si>
    <t>cg10832281</t>
  </si>
  <si>
    <t>cg10833685</t>
  </si>
  <si>
    <t>cg10834721</t>
  </si>
  <si>
    <t>cg10835651</t>
  </si>
  <si>
    <t>cg10838469</t>
  </si>
  <si>
    <t>cg10841552</t>
  </si>
  <si>
    <t>cg10842804</t>
  </si>
  <si>
    <t>cg10845902</t>
  </si>
  <si>
    <t>cg10847948</t>
  </si>
  <si>
    <t>cg10848367</t>
  </si>
  <si>
    <t>cg10851168</t>
  </si>
  <si>
    <t>cg10855540</t>
  </si>
  <si>
    <t>cg10859442</t>
  </si>
  <si>
    <t>cg10862939</t>
  </si>
  <si>
    <t>cg10862981</t>
  </si>
  <si>
    <t>cg10877013</t>
  </si>
  <si>
    <t>cg10877385</t>
  </si>
  <si>
    <t>cg10879244</t>
  </si>
  <si>
    <t>cg10879867</t>
  </si>
  <si>
    <t>cg10880163</t>
  </si>
  <si>
    <t>cg10884788</t>
  </si>
  <si>
    <t>cg10885779</t>
  </si>
  <si>
    <t>cg10889792</t>
  </si>
  <si>
    <t>cg10891482</t>
  </si>
  <si>
    <t>cg10892972</t>
  </si>
  <si>
    <t>cg10893908</t>
  </si>
  <si>
    <t>cg10896604</t>
  </si>
  <si>
    <t>cg10904867</t>
  </si>
  <si>
    <t>cg10905012</t>
  </si>
  <si>
    <t>cg10908953</t>
  </si>
  <si>
    <t>cg10920905</t>
  </si>
  <si>
    <t>cg10921599</t>
  </si>
  <si>
    <t>cg10922289</t>
  </si>
  <si>
    <t>cg10932868</t>
  </si>
  <si>
    <t>cg10932907</t>
  </si>
  <si>
    <t>cg10933774</t>
  </si>
  <si>
    <t>cg10937302</t>
  </si>
  <si>
    <t>cg10950661</t>
  </si>
  <si>
    <t>cg10951214</t>
  </si>
  <si>
    <t>cg10956549</t>
  </si>
  <si>
    <t>cg10959649</t>
  </si>
  <si>
    <t>cg10959896</t>
  </si>
  <si>
    <t>cg10961484</t>
  </si>
  <si>
    <t>cg10964385</t>
  </si>
  <si>
    <t>cg10965384</t>
  </si>
  <si>
    <t>cg10966187</t>
  </si>
  <si>
    <t>cg10970251</t>
  </si>
  <si>
    <t>cg10970776</t>
  </si>
  <si>
    <t>cg10970946</t>
  </si>
  <si>
    <t>cg10972932</t>
  </si>
  <si>
    <t>cg10979191</t>
  </si>
  <si>
    <t>cg10981907</t>
  </si>
  <si>
    <t>cg10983623</t>
  </si>
  <si>
    <t>cg10985970</t>
  </si>
  <si>
    <t>cg10987788</t>
  </si>
  <si>
    <t>cg10988368</t>
  </si>
  <si>
    <t>cg10989517</t>
  </si>
  <si>
    <t>cg10991475</t>
  </si>
  <si>
    <t>cg10997248</t>
  </si>
  <si>
    <t>cg11003536</t>
  </si>
  <si>
    <t>cg11004323</t>
  </si>
  <si>
    <t>cg11005826</t>
  </si>
  <si>
    <t>cg11021661</t>
  </si>
  <si>
    <t>cg11024522</t>
  </si>
  <si>
    <t>cg11027221</t>
  </si>
  <si>
    <t>cg11028624</t>
  </si>
  <si>
    <t>cg11029270</t>
  </si>
  <si>
    <t>cg11031937</t>
  </si>
  <si>
    <t>cg11033273</t>
  </si>
  <si>
    <t>cg11034978</t>
  </si>
  <si>
    <t>cg11035519</t>
  </si>
  <si>
    <t>cg11035813</t>
  </si>
  <si>
    <t>cg11036406</t>
  </si>
  <si>
    <t>cg11038843</t>
  </si>
  <si>
    <t>cg11047973</t>
  </si>
  <si>
    <t>cg11049323</t>
  </si>
  <si>
    <t>cg11049828</t>
  </si>
  <si>
    <t>cg11051429</t>
  </si>
  <si>
    <t>cg11052535</t>
  </si>
  <si>
    <t>cg11052922</t>
  </si>
  <si>
    <t>cg11053561</t>
  </si>
  <si>
    <t>cg11054816</t>
  </si>
  <si>
    <t>cg11056766</t>
  </si>
  <si>
    <t>cg11060199</t>
  </si>
  <si>
    <t>cg11060943</t>
  </si>
  <si>
    <t>cg11062672</t>
  </si>
  <si>
    <t>cg11067407</t>
  </si>
  <si>
    <t>cg11069284</t>
  </si>
  <si>
    <t>cg11070176</t>
  </si>
  <si>
    <t>cg11070420</t>
  </si>
  <si>
    <t>cg11072469</t>
  </si>
  <si>
    <t>cg11075416</t>
  </si>
  <si>
    <t>cg11076617</t>
  </si>
  <si>
    <t>cg11077392</t>
  </si>
  <si>
    <t>cg11079992</t>
  </si>
  <si>
    <t>cg11081272</t>
  </si>
  <si>
    <t>cg11093872</t>
  </si>
  <si>
    <t>cg11095027</t>
  </si>
  <si>
    <t>cg11095319</t>
  </si>
  <si>
    <t>cg11096993</t>
  </si>
  <si>
    <t>cg11097902</t>
  </si>
  <si>
    <t>cg11102794</t>
  </si>
  <si>
    <t>cg11104828</t>
  </si>
  <si>
    <t>cg11108702</t>
  </si>
  <si>
    <t>cg11111132</t>
  </si>
  <si>
    <t>cg11117460</t>
  </si>
  <si>
    <t>cg11122453</t>
  </si>
  <si>
    <t>cg11126068</t>
  </si>
  <si>
    <t>cg11127561</t>
  </si>
  <si>
    <t>cg11127874</t>
  </si>
  <si>
    <t>cg11128216</t>
  </si>
  <si>
    <t>cg11129341</t>
  </si>
  <si>
    <t>cg11129796</t>
  </si>
  <si>
    <t>cg11132272</t>
  </si>
  <si>
    <t>cg11134155</t>
  </si>
  <si>
    <t>cg11140017</t>
  </si>
  <si>
    <t>cg11141380</t>
  </si>
  <si>
    <t>cg11152384</t>
  </si>
  <si>
    <t>cg11153275</t>
  </si>
  <si>
    <t>cg11155811</t>
  </si>
  <si>
    <t>cg11155924</t>
  </si>
  <si>
    <t>cg11157153</t>
  </si>
  <si>
    <t>cg11166108</t>
  </si>
  <si>
    <t>cg11169641</t>
  </si>
  <si>
    <t>cg11169848</t>
  </si>
  <si>
    <t>cg11171811</t>
  </si>
  <si>
    <t>cg11172483</t>
  </si>
  <si>
    <t>cg11179625</t>
  </si>
  <si>
    <t>cg11180638</t>
  </si>
  <si>
    <t>cg11180966</t>
  </si>
  <si>
    <t>cg11183156</t>
  </si>
  <si>
    <t>cg11185456</t>
  </si>
  <si>
    <t>cg11185804</t>
  </si>
  <si>
    <t>cg11188027</t>
  </si>
  <si>
    <t>cg11188440</t>
  </si>
  <si>
    <t>cg11190277</t>
  </si>
  <si>
    <t>cg11194398</t>
  </si>
  <si>
    <t>cg11200858</t>
  </si>
  <si>
    <t>cg11201177</t>
  </si>
  <si>
    <t>cg11201837</t>
  </si>
  <si>
    <t>cg11203377</t>
  </si>
  <si>
    <t>cg11208039</t>
  </si>
  <si>
    <t>cg11210160</t>
  </si>
  <si>
    <t>cg11213143</t>
  </si>
  <si>
    <t>cg11213308</t>
  </si>
  <si>
    <t>cg11214243</t>
  </si>
  <si>
    <t>cg11220773</t>
  </si>
  <si>
    <t>cg11222622</t>
  </si>
  <si>
    <t>cg11231631</t>
  </si>
  <si>
    <t>cg11240634</t>
  </si>
  <si>
    <t>cg11246422</t>
  </si>
  <si>
    <t>cg11247695</t>
  </si>
  <si>
    <t>cg11248668</t>
  </si>
  <si>
    <t>cg11251728</t>
  </si>
  <si>
    <t>cg11257981</t>
  </si>
  <si>
    <t>cg11260848</t>
  </si>
  <si>
    <t>cg11263364</t>
  </si>
  <si>
    <t>cg11264206</t>
  </si>
  <si>
    <t>cg11264539</t>
  </si>
  <si>
    <t>cg11272547</t>
  </si>
  <si>
    <t>cg11272874</t>
  </si>
  <si>
    <t>cg11279425</t>
  </si>
  <si>
    <t>cg11281320</t>
  </si>
  <si>
    <t>cg11283289</t>
  </si>
  <si>
    <t>cg11287219</t>
  </si>
  <si>
    <t>cg11288764</t>
  </si>
  <si>
    <t>cg11291531</t>
  </si>
  <si>
    <t>cg11291978</t>
  </si>
  <si>
    <t>cg11295113</t>
  </si>
  <si>
    <t>cg11296937</t>
  </si>
  <si>
    <t>cg11299537</t>
  </si>
  <si>
    <t>cg11307363</t>
  </si>
  <si>
    <t>cg11308643</t>
  </si>
  <si>
    <t>cg11310820</t>
  </si>
  <si>
    <t>cg11314056</t>
  </si>
  <si>
    <t>cg11321083</t>
  </si>
  <si>
    <t>cg11326311</t>
  </si>
  <si>
    <t>cg11328661</t>
  </si>
  <si>
    <t>cg11329129</t>
  </si>
  <si>
    <t>cg11333459</t>
  </si>
  <si>
    <t>cg11335436</t>
  </si>
  <si>
    <t>cg11340527</t>
  </si>
  <si>
    <t>cg11342234</t>
  </si>
  <si>
    <t>cg11343506</t>
  </si>
  <si>
    <t>cg11344026</t>
  </si>
  <si>
    <t>cg11345703</t>
  </si>
  <si>
    <t>cg11345918</t>
  </si>
  <si>
    <t>cg11348713</t>
  </si>
  <si>
    <t>cg11349761</t>
  </si>
  <si>
    <t>cg11352146</t>
  </si>
  <si>
    <t>cg11358634</t>
  </si>
  <si>
    <t>cg11366131</t>
  </si>
  <si>
    <t>cg11367841</t>
  </si>
  <si>
    <t>cg11369301</t>
  </si>
  <si>
    <t>cg11369706</t>
  </si>
  <si>
    <t>cg11376147</t>
  </si>
  <si>
    <t>cg11378101</t>
  </si>
  <si>
    <t>cg11382203</t>
  </si>
  <si>
    <t>cg11387131</t>
  </si>
  <si>
    <t>cg11391201</t>
  </si>
  <si>
    <t>cg11392776</t>
  </si>
  <si>
    <t>cg11395954</t>
  </si>
  <si>
    <t>cg11399053</t>
  </si>
  <si>
    <t>cg11400333</t>
  </si>
  <si>
    <t>cg11408986</t>
  </si>
  <si>
    <t>cg11417667</t>
  </si>
  <si>
    <t>cg11417675</t>
  </si>
  <si>
    <t>cg11419064</t>
  </si>
  <si>
    <t>cg11421927</t>
  </si>
  <si>
    <t>cg11421956</t>
  </si>
  <si>
    <t>cg11425254</t>
  </si>
  <si>
    <t>cg11425977</t>
  </si>
  <si>
    <t>cg11428229</t>
  </si>
  <si>
    <t>cg11428279</t>
  </si>
  <si>
    <t>cg11429283</t>
  </si>
  <si>
    <t>cg11429960</t>
  </si>
  <si>
    <t>cg11432943</t>
  </si>
  <si>
    <t>cg11435872</t>
  </si>
  <si>
    <t>cg11446193</t>
  </si>
  <si>
    <t>cg11452292</t>
  </si>
  <si>
    <t>cg11457534</t>
  </si>
  <si>
    <t>cg11457700</t>
  </si>
  <si>
    <t>cg11465766</t>
  </si>
  <si>
    <t>cg11466713</t>
  </si>
  <si>
    <t>cg11466837</t>
  </si>
  <si>
    <t>cg11468835</t>
  </si>
  <si>
    <t>cg11468953</t>
  </si>
  <si>
    <t>cg11473876</t>
  </si>
  <si>
    <t>cg11474811</t>
  </si>
  <si>
    <t>cg11474888</t>
  </si>
  <si>
    <t>cg11479156</t>
  </si>
  <si>
    <t>cg11482099</t>
  </si>
  <si>
    <t>cg11482376</t>
  </si>
  <si>
    <t>cg11484576</t>
  </si>
  <si>
    <t>cg11486637</t>
  </si>
  <si>
    <t>cg11488893</t>
  </si>
  <si>
    <t>cg11489918</t>
  </si>
  <si>
    <t>cg11490276</t>
  </si>
  <si>
    <t>cg11492040</t>
  </si>
  <si>
    <t>cg11493197</t>
  </si>
  <si>
    <t>cg11494699</t>
  </si>
  <si>
    <t>cg11496778</t>
  </si>
  <si>
    <t>cg11500390</t>
  </si>
  <si>
    <t>cg11501451</t>
  </si>
  <si>
    <t>cg11504740</t>
  </si>
  <si>
    <t>cg11514462</t>
  </si>
  <si>
    <t>cg11516654</t>
  </si>
  <si>
    <t>cg11518550</t>
  </si>
  <si>
    <t>cg11520866</t>
  </si>
  <si>
    <t>cg11523456</t>
  </si>
  <si>
    <t>cg11524260</t>
  </si>
  <si>
    <t>cg11525052</t>
  </si>
  <si>
    <t>cg11527344</t>
  </si>
  <si>
    <t>cg11532655</t>
  </si>
  <si>
    <t>cg11540055</t>
  </si>
  <si>
    <t>cg11545521</t>
  </si>
  <si>
    <t>cg11546709</t>
  </si>
  <si>
    <t>cg11550547</t>
  </si>
  <si>
    <t>cg11553687</t>
  </si>
  <si>
    <t>cg11554335</t>
  </si>
  <si>
    <t>cg11562596</t>
  </si>
  <si>
    <t>cg11567172</t>
  </si>
  <si>
    <t>cg11580525</t>
  </si>
  <si>
    <t>cg11581979</t>
  </si>
  <si>
    <t>cg11585942</t>
  </si>
  <si>
    <t>cg11585955</t>
  </si>
  <si>
    <t>cg11586591</t>
  </si>
  <si>
    <t>cg11588610</t>
  </si>
  <si>
    <t>cg11588906</t>
  </si>
  <si>
    <t>cg11588932</t>
  </si>
  <si>
    <t>cg11590282</t>
  </si>
  <si>
    <t>cg11591525</t>
  </si>
  <si>
    <t>cg11593247</t>
  </si>
  <si>
    <t>cg11596397</t>
  </si>
  <si>
    <t>cg11596897</t>
  </si>
  <si>
    <t>cg11596902</t>
  </si>
  <si>
    <t>cg11596947</t>
  </si>
  <si>
    <t>cg11597185</t>
  </si>
  <si>
    <t>cg11600161</t>
  </si>
  <si>
    <t>cg11603759</t>
  </si>
  <si>
    <t>cg11604272</t>
  </si>
  <si>
    <t>cg11611244</t>
  </si>
  <si>
    <t>cg11619602</t>
  </si>
  <si>
    <t>cg11620074</t>
  </si>
  <si>
    <t>cg11623855</t>
  </si>
  <si>
    <t>cg11624479</t>
  </si>
  <si>
    <t>cg11630206</t>
  </si>
  <si>
    <t>cg11633280</t>
  </si>
  <si>
    <t>cg11633310</t>
  </si>
  <si>
    <t>cg11634248</t>
  </si>
  <si>
    <t>cg11635839</t>
  </si>
  <si>
    <t>cg11637544</t>
  </si>
  <si>
    <t>cg11637721</t>
  </si>
  <si>
    <t>cg11640384</t>
  </si>
  <si>
    <t>cg11642250</t>
  </si>
  <si>
    <t>cg11643991</t>
  </si>
  <si>
    <t>cg11644479</t>
  </si>
  <si>
    <t>cg11644586</t>
  </si>
  <si>
    <t>cg11654118</t>
  </si>
  <si>
    <t>cg11655394</t>
  </si>
  <si>
    <t>cg11656177</t>
  </si>
  <si>
    <t>cg11657323</t>
  </si>
  <si>
    <t>cg11660018</t>
  </si>
  <si>
    <t>cg11661281</t>
  </si>
  <si>
    <t>cg11662520</t>
  </si>
  <si>
    <t>cg11664903</t>
  </si>
  <si>
    <t>cg11665588</t>
  </si>
  <si>
    <t>cg11671925</t>
  </si>
  <si>
    <t>cg11672159</t>
  </si>
  <si>
    <t>cg11675225</t>
  </si>
  <si>
    <t>cg11676109</t>
  </si>
  <si>
    <t>cg11680026</t>
  </si>
  <si>
    <t>cg11682012</t>
  </si>
  <si>
    <t>cg11687330</t>
  </si>
  <si>
    <t>cg11691844</t>
  </si>
  <si>
    <t>cg11694510</t>
  </si>
  <si>
    <t>cg11696789</t>
  </si>
  <si>
    <t>cg11697588</t>
  </si>
  <si>
    <t>cg11701022</t>
  </si>
  <si>
    <t>cg11701604</t>
  </si>
  <si>
    <t>cg11705746</t>
  </si>
  <si>
    <t>cg11706746</t>
  </si>
  <si>
    <t>cg11708752</t>
  </si>
  <si>
    <t>cg11713029</t>
  </si>
  <si>
    <t>cg11718030</t>
  </si>
  <si>
    <t>cg11718317</t>
  </si>
  <si>
    <t>cg11718501</t>
  </si>
  <si>
    <t>cg11730020</t>
  </si>
  <si>
    <t>cg11731238</t>
  </si>
  <si>
    <t>cg11735427</t>
  </si>
  <si>
    <t>cg11735997</t>
  </si>
  <si>
    <t>cg11737298</t>
  </si>
  <si>
    <t>cg11740872</t>
  </si>
  <si>
    <t>cg11742383</t>
  </si>
  <si>
    <t>cg11742746</t>
  </si>
  <si>
    <t>cg11748881</t>
  </si>
  <si>
    <t>cg11751213</t>
  </si>
  <si>
    <t>cg11751545</t>
  </si>
  <si>
    <t>cg11752440</t>
  </si>
  <si>
    <t>cg11753499</t>
  </si>
  <si>
    <t>cg11754259</t>
  </si>
  <si>
    <t>cg11763866</t>
  </si>
  <si>
    <t>cg11770667</t>
  </si>
  <si>
    <t>cg11775807</t>
  </si>
  <si>
    <t>cg11777890</t>
  </si>
  <si>
    <t>cg11779299</t>
  </si>
  <si>
    <t>cg11781389</t>
  </si>
  <si>
    <t>cg11791039</t>
  </si>
  <si>
    <t>cg11791526</t>
  </si>
  <si>
    <t>cg11799072</t>
  </si>
  <si>
    <t>cg11802781</t>
  </si>
  <si>
    <t>cg11803771</t>
  </si>
  <si>
    <t>cg11807356</t>
  </si>
  <si>
    <t>cg11812625</t>
  </si>
  <si>
    <t>cg11817631</t>
  </si>
  <si>
    <t>cg11821245</t>
  </si>
  <si>
    <t>cg11821796</t>
  </si>
  <si>
    <t>cg11829155</t>
  </si>
  <si>
    <t>cg11832408</t>
  </si>
  <si>
    <t>cg11833293</t>
  </si>
  <si>
    <t>cg11833811</t>
  </si>
  <si>
    <t>cg11838384</t>
  </si>
  <si>
    <t>cg11845292</t>
  </si>
  <si>
    <t>cg11845417</t>
  </si>
  <si>
    <t>cg11850058</t>
  </si>
  <si>
    <t>cg11853817</t>
  </si>
  <si>
    <t>cg11856215</t>
  </si>
  <si>
    <t>cg11856976</t>
  </si>
  <si>
    <t>cg11861730</t>
  </si>
  <si>
    <t>cg11862081</t>
  </si>
  <si>
    <t>cg11862642</t>
  </si>
  <si>
    <t>cg11864726</t>
  </si>
  <si>
    <t>cg11869828</t>
  </si>
  <si>
    <t>cg11872086</t>
  </si>
  <si>
    <t>cg11874426</t>
  </si>
  <si>
    <t>cg11874762</t>
  </si>
  <si>
    <t>cg11879623</t>
  </si>
  <si>
    <t>cg11886358</t>
  </si>
  <si>
    <t>cg11886405</t>
  </si>
  <si>
    <t>cg11887214</t>
  </si>
  <si>
    <t>cg11889119</t>
  </si>
  <si>
    <t>cg11891377</t>
  </si>
  <si>
    <t>cg11896211</t>
  </si>
  <si>
    <t>cg11902062</t>
  </si>
  <si>
    <t>cg11907564</t>
  </si>
  <si>
    <t>cg11908384</t>
  </si>
  <si>
    <t>cg11909865</t>
  </si>
  <si>
    <t>cg11911498</t>
  </si>
  <si>
    <t>cg11918051</t>
  </si>
  <si>
    <t>cg11921539</t>
  </si>
  <si>
    <t>cg11921952</t>
  </si>
  <si>
    <t>cg11925872</t>
  </si>
  <si>
    <t>cg11926776</t>
  </si>
  <si>
    <t>cg11927738</t>
  </si>
  <si>
    <t>cg11930477</t>
  </si>
  <si>
    <t>cg11933464</t>
  </si>
  <si>
    <t>cg11935523</t>
  </si>
  <si>
    <t>cg11944284</t>
  </si>
  <si>
    <t>cg11945871</t>
  </si>
  <si>
    <t>cg11946449</t>
  </si>
  <si>
    <t>cg11948328</t>
  </si>
  <si>
    <t>cg11948381</t>
  </si>
  <si>
    <t>cg11948865</t>
  </si>
  <si>
    <t>cg11949253</t>
  </si>
  <si>
    <t>cg11961618</t>
  </si>
  <si>
    <t>cg11962566</t>
  </si>
  <si>
    <t>cg11964358</t>
  </si>
  <si>
    <t>cg11966524</t>
  </si>
  <si>
    <t>cg11966998</t>
  </si>
  <si>
    <t>cg11971918</t>
  </si>
  <si>
    <t>cg11972564</t>
  </si>
  <si>
    <t>cg11972598</t>
  </si>
  <si>
    <t>cg11973132</t>
  </si>
  <si>
    <t>cg11976911</t>
  </si>
  <si>
    <t>cg11980188</t>
  </si>
  <si>
    <t>cg11981631</t>
  </si>
  <si>
    <t>cg11983942</t>
  </si>
  <si>
    <t>cg11986385</t>
  </si>
  <si>
    <t>cg11995303</t>
  </si>
  <si>
    <t>cg11996652</t>
  </si>
  <si>
    <t>cg11999939</t>
  </si>
  <si>
    <t>cg12001148</t>
  </si>
  <si>
    <t>cg12004787</t>
  </si>
  <si>
    <t>cg12005186</t>
  </si>
  <si>
    <t>cg12006284</t>
  </si>
  <si>
    <t>cg12007053</t>
  </si>
  <si>
    <t>cg12010750</t>
  </si>
  <si>
    <t>cg12016746</t>
  </si>
  <si>
    <t>cg12018163</t>
  </si>
  <si>
    <t>cg12019650</t>
  </si>
  <si>
    <t>cg12025243</t>
  </si>
  <si>
    <t>cg12026858</t>
  </si>
  <si>
    <t>cg12027899</t>
  </si>
  <si>
    <t>cg12031060</t>
  </si>
  <si>
    <t>cg12038298</t>
  </si>
  <si>
    <t>cg12041266</t>
  </si>
  <si>
    <t>cg12043631</t>
  </si>
  <si>
    <t>cg12043747</t>
  </si>
  <si>
    <t>cg12051260</t>
  </si>
  <si>
    <t>cg12053891</t>
  </si>
  <si>
    <t>cg12055220</t>
  </si>
  <si>
    <t>cg12059782</t>
  </si>
  <si>
    <t>cg12062782</t>
  </si>
  <si>
    <t>cg12068791</t>
  </si>
  <si>
    <t>cg12069073</t>
  </si>
  <si>
    <t>cg12069248</t>
  </si>
  <si>
    <t>cg12071131</t>
  </si>
  <si>
    <t>cg12072529</t>
  </si>
  <si>
    <t>cg12072972</t>
  </si>
  <si>
    <t>cg12076823</t>
  </si>
  <si>
    <t>cg12078588</t>
  </si>
  <si>
    <t>cg12079678</t>
  </si>
  <si>
    <t>cg12080812</t>
  </si>
  <si>
    <t>cg12082129</t>
  </si>
  <si>
    <t>cg12084235</t>
  </si>
  <si>
    <t>cg12084899</t>
  </si>
  <si>
    <t>cg12085698</t>
  </si>
  <si>
    <t>cg12086806</t>
  </si>
  <si>
    <t>cg12087471</t>
  </si>
  <si>
    <t>cg12089204</t>
  </si>
  <si>
    <t>cg12099188</t>
  </si>
  <si>
    <t>cg12100006</t>
  </si>
  <si>
    <t>cg12101354</t>
  </si>
  <si>
    <t>cg12102514</t>
  </si>
  <si>
    <t>cg12103742</t>
  </si>
  <si>
    <t>cg12105077</t>
  </si>
  <si>
    <t>cg12109743</t>
  </si>
  <si>
    <t>cg12109747</t>
  </si>
  <si>
    <t>cg12110216</t>
  </si>
  <si>
    <t>cg12110980</t>
  </si>
  <si>
    <t>cg12114834</t>
  </si>
  <si>
    <t>cg12115882</t>
  </si>
  <si>
    <t>cg12116851</t>
  </si>
  <si>
    <t>cg12118281</t>
  </si>
  <si>
    <t>cg12119032</t>
  </si>
  <si>
    <t>cg12121166</t>
  </si>
  <si>
    <t>cg12121704</t>
  </si>
  <si>
    <t>cg12122057</t>
  </si>
  <si>
    <t>cg12124927</t>
  </si>
  <si>
    <t>cg12127706</t>
  </si>
  <si>
    <t>cg12128119</t>
  </si>
  <si>
    <t>cg12129012</t>
  </si>
  <si>
    <t>cg12129897</t>
  </si>
  <si>
    <t>cg12133828</t>
  </si>
  <si>
    <t>cg12134230</t>
  </si>
  <si>
    <t>cg12136632</t>
  </si>
  <si>
    <t>cg12138837</t>
  </si>
  <si>
    <t>cg12141659</t>
  </si>
  <si>
    <t>cg12145564</t>
  </si>
  <si>
    <t>cg12150784</t>
  </si>
  <si>
    <t>cg12151545</t>
  </si>
  <si>
    <t>cg12152352</t>
  </si>
  <si>
    <t>cg12154803</t>
  </si>
  <si>
    <t>cg12155547</t>
  </si>
  <si>
    <t>cg12156287</t>
  </si>
  <si>
    <t>cg12159995</t>
  </si>
  <si>
    <t>cg12162751</t>
  </si>
  <si>
    <t>cg12165551</t>
  </si>
  <si>
    <t>cg12176709</t>
  </si>
  <si>
    <t>cg12184541</t>
  </si>
  <si>
    <t>cg12186219</t>
  </si>
  <si>
    <t>cg12187358</t>
  </si>
  <si>
    <t>cg12188650</t>
  </si>
  <si>
    <t>cg12189255</t>
  </si>
  <si>
    <t>cg12189835</t>
  </si>
  <si>
    <t>cg12190322</t>
  </si>
  <si>
    <t>cg12191285</t>
  </si>
  <si>
    <t>cg12195149</t>
  </si>
  <si>
    <t>cg12196305</t>
  </si>
  <si>
    <t>cg12200716</t>
  </si>
  <si>
    <t>cg12201660</t>
  </si>
  <si>
    <t>cg12201927</t>
  </si>
  <si>
    <t>cg12204166</t>
  </si>
  <si>
    <t>cg12205564</t>
  </si>
  <si>
    <t>cg12208899</t>
  </si>
  <si>
    <t>cg12219390</t>
  </si>
  <si>
    <t>cg12220625</t>
  </si>
  <si>
    <t>cg12223985</t>
  </si>
  <si>
    <t>cg12223997</t>
  </si>
  <si>
    <t>cg12226717</t>
  </si>
  <si>
    <t>cg12228707</t>
  </si>
  <si>
    <t>cg12232110</t>
  </si>
  <si>
    <t>cg12235572</t>
  </si>
  <si>
    <t>cg12237269</t>
  </si>
  <si>
    <t>cg12239342</t>
  </si>
  <si>
    <t>cg12240761</t>
  </si>
  <si>
    <t>cg12243453</t>
  </si>
  <si>
    <t>cg12245084</t>
  </si>
  <si>
    <t>cg12245709</t>
  </si>
  <si>
    <t>cg12245876</t>
  </si>
  <si>
    <t>cg12255774</t>
  </si>
  <si>
    <t>cg12256070</t>
  </si>
  <si>
    <t>cg12256550</t>
  </si>
  <si>
    <t>cg12256856</t>
  </si>
  <si>
    <t>cg12262070</t>
  </si>
  <si>
    <t>cg12268453</t>
  </si>
  <si>
    <t>cg12270275</t>
  </si>
  <si>
    <t>cg12274663</t>
  </si>
  <si>
    <t>cg12276506</t>
  </si>
  <si>
    <t>cg12277888</t>
  </si>
  <si>
    <t>cg12279405</t>
  </si>
  <si>
    <t>cg12282552</t>
  </si>
  <si>
    <t>cg12285580</t>
  </si>
  <si>
    <t>cg12286963</t>
  </si>
  <si>
    <t>cg12288982</t>
  </si>
  <si>
    <t>cg12289926</t>
  </si>
  <si>
    <t>cg12296079</t>
  </si>
  <si>
    <t>cg12296860</t>
  </si>
  <si>
    <t>cg12298155</t>
  </si>
  <si>
    <t>cg12298445</t>
  </si>
  <si>
    <t>cg12301696</t>
  </si>
  <si>
    <t>cg12302526</t>
  </si>
  <si>
    <t>cg12303232</t>
  </si>
  <si>
    <t>cg12306296</t>
  </si>
  <si>
    <t>cg12308279</t>
  </si>
  <si>
    <t>cg12308965</t>
  </si>
  <si>
    <t>cg12311132</t>
  </si>
  <si>
    <t>cg12313535</t>
  </si>
  <si>
    <t>cg12315713</t>
  </si>
  <si>
    <t>cg12315735</t>
  </si>
  <si>
    <t>cg12320306</t>
  </si>
  <si>
    <t>cg12322132</t>
  </si>
  <si>
    <t>cg12322672</t>
  </si>
  <si>
    <t>cg12332454</t>
  </si>
  <si>
    <t>cg12332863</t>
  </si>
  <si>
    <t>cg12339644</t>
  </si>
  <si>
    <t>cg12342742</t>
  </si>
  <si>
    <t>cg12348511</t>
  </si>
  <si>
    <t>cg12349030</t>
  </si>
  <si>
    <t>cg12354321</t>
  </si>
  <si>
    <t>cg12357053</t>
  </si>
  <si>
    <t>cg12361088</t>
  </si>
  <si>
    <t>cg12364994</t>
  </si>
  <si>
    <t>cg12365451</t>
  </si>
  <si>
    <t>cg12365681</t>
  </si>
  <si>
    <t>cg12366974</t>
  </si>
  <si>
    <t>cg12368105</t>
  </si>
  <si>
    <t>cg12368694</t>
  </si>
  <si>
    <t>cg12368752</t>
  </si>
  <si>
    <t>cg12372692</t>
  </si>
  <si>
    <t>cg12374682</t>
  </si>
  <si>
    <t>cg12376271</t>
  </si>
  <si>
    <t>cg12377368</t>
  </si>
  <si>
    <t>cg12378449</t>
  </si>
  <si>
    <t>cg12380429</t>
  </si>
  <si>
    <t>cg12382045</t>
  </si>
  <si>
    <t>cg12383159</t>
  </si>
  <si>
    <t>cg12383453</t>
  </si>
  <si>
    <t>cg12389772</t>
  </si>
  <si>
    <t>cg12392857</t>
  </si>
  <si>
    <t>cg12393716</t>
  </si>
  <si>
    <t>cg12394201</t>
  </si>
  <si>
    <t>cg12395125</t>
  </si>
  <si>
    <t>cg12396132</t>
  </si>
  <si>
    <t>cg12397205</t>
  </si>
  <si>
    <t>cg12398330</t>
  </si>
  <si>
    <t>cg12405136</t>
  </si>
  <si>
    <t>cg12405520</t>
  </si>
  <si>
    <t>cg12406460</t>
  </si>
  <si>
    <t>cg12407459</t>
  </si>
  <si>
    <t>cg12407978</t>
  </si>
  <si>
    <t>cg12410310</t>
  </si>
  <si>
    <t>cg12412427</t>
  </si>
  <si>
    <t>cg12414746</t>
  </si>
  <si>
    <t>cg12415917</t>
  </si>
  <si>
    <t>cg12418739</t>
  </si>
  <si>
    <t>cg12419482</t>
  </si>
  <si>
    <t>cg12422683</t>
  </si>
  <si>
    <t>cg12423493</t>
  </si>
  <si>
    <t>cg12424468</t>
  </si>
  <si>
    <t>cg12424921</t>
  </si>
  <si>
    <t>cg12425989</t>
  </si>
  <si>
    <t>cg12426748</t>
  </si>
  <si>
    <t>cg12428727</t>
  </si>
  <si>
    <t>cg12437254</t>
  </si>
  <si>
    <t>cg12439006</t>
  </si>
  <si>
    <t>cg12439773</t>
  </si>
  <si>
    <t>cg12442871</t>
  </si>
  <si>
    <t>cg12444117</t>
  </si>
  <si>
    <t>cg12448003</t>
  </si>
  <si>
    <t>cg12449040</t>
  </si>
  <si>
    <t>cg12449685</t>
  </si>
  <si>
    <t>cg12450391</t>
  </si>
  <si>
    <t>cg12453012</t>
  </si>
  <si>
    <t>cg12453675</t>
  </si>
  <si>
    <t>cg12464638</t>
  </si>
  <si>
    <t>cg12467096</t>
  </si>
  <si>
    <t>cg12471986</t>
  </si>
  <si>
    <t>cg12472022</t>
  </si>
  <si>
    <t>cg12472597</t>
  </si>
  <si>
    <t>cg12473775</t>
  </si>
  <si>
    <t>cg12479098</t>
  </si>
  <si>
    <t>cg12480390</t>
  </si>
  <si>
    <t>cg12483773</t>
  </si>
  <si>
    <t>cg12487062</t>
  </si>
  <si>
    <t>cg12491094</t>
  </si>
  <si>
    <t>cg12492835</t>
  </si>
  <si>
    <t>cg12493218</t>
  </si>
  <si>
    <t>cg12496355</t>
  </si>
  <si>
    <t>cg12502403</t>
  </si>
  <si>
    <t>cg12508624</t>
  </si>
  <si>
    <t>cg12508700</t>
  </si>
  <si>
    <t>cg12510110</t>
  </si>
  <si>
    <t>cg12510502</t>
  </si>
  <si>
    <t>cg12511277</t>
  </si>
  <si>
    <t>cg12514806</t>
  </si>
  <si>
    <t>cg12520982</t>
  </si>
  <si>
    <t>cg12526834</t>
  </si>
  <si>
    <t>cg12527260</t>
  </si>
  <si>
    <t>cg12531542</t>
  </si>
  <si>
    <t>cg12532343</t>
  </si>
  <si>
    <t>cg12535090</t>
  </si>
  <si>
    <t>cg12535569</t>
  </si>
  <si>
    <t>cg12535744</t>
  </si>
  <si>
    <t>cg12536279</t>
  </si>
  <si>
    <t>cg12537437</t>
  </si>
  <si>
    <t>cg12537619</t>
  </si>
  <si>
    <t>cg12538681</t>
  </si>
  <si>
    <t>cg12540453</t>
  </si>
  <si>
    <t>cg12544293</t>
  </si>
  <si>
    <t>cg12553554</t>
  </si>
  <si>
    <t>cg12553843</t>
  </si>
  <si>
    <t>cg12562132</t>
  </si>
  <si>
    <t>cg12562828</t>
  </si>
  <si>
    <t>cg12563184</t>
  </si>
  <si>
    <t>cg12565914</t>
  </si>
  <si>
    <t>cg12570032</t>
  </si>
  <si>
    <t>cg12570975</t>
  </si>
  <si>
    <t>cg12571847</t>
  </si>
  <si>
    <t>cg12572278</t>
  </si>
  <si>
    <t>cg12573502</t>
  </si>
  <si>
    <t>cg12575434</t>
  </si>
  <si>
    <t>cg12575507</t>
  </si>
  <si>
    <t>cg12575751</t>
  </si>
  <si>
    <t>cg12577455</t>
  </si>
  <si>
    <t>cg12578166</t>
  </si>
  <si>
    <t>cg12580930</t>
  </si>
  <si>
    <t>cg12581592</t>
  </si>
  <si>
    <t>cg12589431</t>
  </si>
  <si>
    <t>cg12590346</t>
  </si>
  <si>
    <t>cg12591625</t>
  </si>
  <si>
    <t>cg12592409</t>
  </si>
  <si>
    <t>cg12596520</t>
  </si>
  <si>
    <t>cg12598007</t>
  </si>
  <si>
    <t>cg12598837</t>
  </si>
  <si>
    <t>cg12598865</t>
  </si>
  <si>
    <t>cg12601909</t>
  </si>
  <si>
    <t>cg12603560</t>
  </si>
  <si>
    <t>cg12603576</t>
  </si>
  <si>
    <t>cg12606682</t>
  </si>
  <si>
    <t>cg12608702</t>
  </si>
  <si>
    <t>cg12608775</t>
  </si>
  <si>
    <t>cg12613344</t>
  </si>
  <si>
    <t>cg12613618</t>
  </si>
  <si>
    <t>cg12614244</t>
  </si>
  <si>
    <t>cg12616487</t>
  </si>
  <si>
    <t>cg12617684</t>
  </si>
  <si>
    <t>cg12621303</t>
  </si>
  <si>
    <t>cg12623107</t>
  </si>
  <si>
    <t>cg12626085</t>
  </si>
  <si>
    <t>cg12626242</t>
  </si>
  <si>
    <t>cg12627299</t>
  </si>
  <si>
    <t>cg12627354</t>
  </si>
  <si>
    <t>cg12631737</t>
  </si>
  <si>
    <t>cg12635602</t>
  </si>
  <si>
    <t>cg12640109</t>
  </si>
  <si>
    <t>cg12641047</t>
  </si>
  <si>
    <t>cg12642289</t>
  </si>
  <si>
    <t>cg12642521</t>
  </si>
  <si>
    <t>cg12644659</t>
  </si>
  <si>
    <t>cg12647962</t>
  </si>
  <si>
    <t>cg12647966</t>
  </si>
  <si>
    <t>cg12658947</t>
  </si>
  <si>
    <t>cg12667048</t>
  </si>
  <si>
    <t>cg12672540</t>
  </si>
  <si>
    <t>cg12672785</t>
  </si>
  <si>
    <t>cg12675417</t>
  </si>
  <si>
    <t>cg12678834</t>
  </si>
  <si>
    <t>cg12682458</t>
  </si>
  <si>
    <t>cg12685539</t>
  </si>
  <si>
    <t>cg12687069</t>
  </si>
  <si>
    <t>cg12689529</t>
  </si>
  <si>
    <t>cg12690575</t>
  </si>
  <si>
    <t>cg12693641</t>
  </si>
  <si>
    <t>cg12697833</t>
  </si>
  <si>
    <t>cg12700464</t>
  </si>
  <si>
    <t>cg12710552</t>
  </si>
  <si>
    <t>cg12711760</t>
  </si>
  <si>
    <t>cg12714665</t>
  </si>
  <si>
    <t>cg12723425</t>
  </si>
  <si>
    <t>cg12723492</t>
  </si>
  <si>
    <t>cg12726298</t>
  </si>
  <si>
    <t>cg12726658</t>
  </si>
  <si>
    <t>cg12728032</t>
  </si>
  <si>
    <t>cg12729518</t>
  </si>
  <si>
    <t>cg12729894</t>
  </si>
  <si>
    <t>cg12730562</t>
  </si>
  <si>
    <t>cg12731568</t>
  </si>
  <si>
    <t>cg12731773</t>
  </si>
  <si>
    <t>cg12733154</t>
  </si>
  <si>
    <t>cg12733707</t>
  </si>
  <si>
    <t>cg12734107</t>
  </si>
  <si>
    <t>cg12743894</t>
  </si>
  <si>
    <t>cg12752325</t>
  </si>
  <si>
    <t>cg12754421</t>
  </si>
  <si>
    <t>cg12755421</t>
  </si>
  <si>
    <t>cg12756312</t>
  </si>
  <si>
    <t>cg12757570</t>
  </si>
  <si>
    <t>cg12758867</t>
  </si>
  <si>
    <t>cg12762029</t>
  </si>
  <si>
    <t>cg12762089</t>
  </si>
  <si>
    <t>cg12771777</t>
  </si>
  <si>
    <t>cg12775934</t>
  </si>
  <si>
    <t>cg12775935</t>
  </si>
  <si>
    <t>cg12776156</t>
  </si>
  <si>
    <t>cg12778395</t>
  </si>
  <si>
    <t>cg12778580</t>
  </si>
  <si>
    <t>cg12779520</t>
  </si>
  <si>
    <t>cg12781254</t>
  </si>
  <si>
    <t>cg12781568</t>
  </si>
  <si>
    <t>cg12782654</t>
  </si>
  <si>
    <t>cg12782933</t>
  </si>
  <si>
    <t>cg12782992</t>
  </si>
  <si>
    <t>cg12783776</t>
  </si>
  <si>
    <t>cg12785087</t>
  </si>
  <si>
    <t>cg12794432</t>
  </si>
  <si>
    <t>cg12795368</t>
  </si>
  <si>
    <t>cg12797157</t>
  </si>
  <si>
    <t>cg12802819</t>
  </si>
  <si>
    <t>cg12804755</t>
  </si>
  <si>
    <t>cg12808596</t>
  </si>
  <si>
    <t>cg12809655</t>
  </si>
  <si>
    <t>cg12819873</t>
  </si>
  <si>
    <t>cg12822818</t>
  </si>
  <si>
    <t>cg12830752</t>
  </si>
  <si>
    <t>cg12833018</t>
  </si>
  <si>
    <t>cg12835342</t>
  </si>
  <si>
    <t>cg12839363</t>
  </si>
  <si>
    <t>cg12840818</t>
  </si>
  <si>
    <t>cg12841566</t>
  </si>
  <si>
    <t>cg12842588</t>
  </si>
  <si>
    <t>cg12845432</t>
  </si>
  <si>
    <t>cg12848345</t>
  </si>
  <si>
    <t>cg12851635</t>
  </si>
  <si>
    <t>cg12851789</t>
  </si>
  <si>
    <t>cg12851792</t>
  </si>
  <si>
    <t>cg12856433</t>
  </si>
  <si>
    <t>cg12856521</t>
  </si>
  <si>
    <t>cg12857638</t>
  </si>
  <si>
    <t>cg12859429</t>
  </si>
  <si>
    <t>cg12867610</t>
  </si>
  <si>
    <t>cg12869797</t>
  </si>
  <si>
    <t>cg12870830</t>
  </si>
  <si>
    <t>cg12873262</t>
  </si>
  <si>
    <t>cg12874602</t>
  </si>
  <si>
    <t>cg12879713</t>
  </si>
  <si>
    <t>cg12882392</t>
  </si>
  <si>
    <t>cg12883617</t>
  </si>
  <si>
    <t>cg12884422</t>
  </si>
  <si>
    <t>cg12887832</t>
  </si>
  <si>
    <t>cg12889420</t>
  </si>
  <si>
    <t>cg12892243</t>
  </si>
  <si>
    <t>cg12895546</t>
  </si>
  <si>
    <t>cg12895631</t>
  </si>
  <si>
    <t>cg12897901</t>
  </si>
  <si>
    <t>cg12899423</t>
  </si>
  <si>
    <t>cg12900931</t>
  </si>
  <si>
    <t>cg12901038</t>
  </si>
  <si>
    <t>cg12901165</t>
  </si>
  <si>
    <t>cg12902436</t>
  </si>
  <si>
    <t>cg12903047</t>
  </si>
  <si>
    <t>cg12904004</t>
  </si>
  <si>
    <t>cg12911763</t>
  </si>
  <si>
    <t>cg12913167</t>
  </si>
  <si>
    <t>cg12914733</t>
  </si>
  <si>
    <t>cg12915591</t>
  </si>
  <si>
    <t>cg12921275</t>
  </si>
  <si>
    <t>cg12926529</t>
  </si>
  <si>
    <t>cg12930602</t>
  </si>
  <si>
    <t>cg12930795</t>
  </si>
  <si>
    <t>cg12932306</t>
  </si>
  <si>
    <t>cg12934320</t>
  </si>
  <si>
    <t>cg12936779</t>
  </si>
  <si>
    <t>cg12938128</t>
  </si>
  <si>
    <t>cg12939085</t>
  </si>
  <si>
    <t>cg12940337</t>
  </si>
  <si>
    <t>cg12942165</t>
  </si>
  <si>
    <t>cg12951488</t>
  </si>
  <si>
    <t>cg12954619</t>
  </si>
  <si>
    <t>cg12954779</t>
  </si>
  <si>
    <t>cg12959048</t>
  </si>
  <si>
    <t>cg12968258</t>
  </si>
  <si>
    <t>cg12970008</t>
  </si>
  <si>
    <t>cg12970683</t>
  </si>
  <si>
    <t>cg12970742</t>
  </si>
  <si>
    <t>cg12977171</t>
  </si>
  <si>
    <t>cg12977328</t>
  </si>
  <si>
    <t>cg12978214</t>
  </si>
  <si>
    <t>cg12980201</t>
  </si>
  <si>
    <t>cg12980788</t>
  </si>
  <si>
    <t>cg12982322</t>
  </si>
  <si>
    <t>cg12983089</t>
  </si>
  <si>
    <t>cg12984656</t>
  </si>
  <si>
    <t>cg12991791</t>
  </si>
  <si>
    <t>cg12992240</t>
  </si>
  <si>
    <t>cg12993663</t>
  </si>
  <si>
    <t>cg12994233</t>
  </si>
  <si>
    <t>cg12997404</t>
  </si>
  <si>
    <t>cg13000285</t>
  </si>
  <si>
    <t>cg13010014</t>
  </si>
  <si>
    <t>cg13013130</t>
  </si>
  <si>
    <t>cg13014422</t>
  </si>
  <si>
    <t>cg13014558</t>
  </si>
  <si>
    <t>cg13015284</t>
  </si>
  <si>
    <t>cg13015350</t>
  </si>
  <si>
    <t>cg13016308</t>
  </si>
  <si>
    <t>cg13016524</t>
  </si>
  <si>
    <t>cg13016732</t>
  </si>
  <si>
    <t>cg13018903</t>
  </si>
  <si>
    <t>cg13019868</t>
  </si>
  <si>
    <t>cg13020378</t>
  </si>
  <si>
    <t>cg13022616</t>
  </si>
  <si>
    <t>cg13024368</t>
  </si>
  <si>
    <t>cg13028834</t>
  </si>
  <si>
    <t>cg13035611</t>
  </si>
  <si>
    <t>cg13039082</t>
  </si>
  <si>
    <t>cg13042926</t>
  </si>
  <si>
    <t>cg13043300</t>
  </si>
  <si>
    <t>cg13046608</t>
  </si>
  <si>
    <t>cg13046853</t>
  </si>
  <si>
    <t>cg13047308</t>
  </si>
  <si>
    <t>cg13048008</t>
  </si>
  <si>
    <t>cg13051202</t>
  </si>
  <si>
    <t>cg13052068</t>
  </si>
  <si>
    <t>cg13055001</t>
  </si>
  <si>
    <t>cg13055484</t>
  </si>
  <si>
    <t>cg13058581</t>
  </si>
  <si>
    <t>cg13059136</t>
  </si>
  <si>
    <t>cg13062618</t>
  </si>
  <si>
    <t>cg13062935</t>
  </si>
  <si>
    <t>cg13063369</t>
  </si>
  <si>
    <t>cg13063614</t>
  </si>
  <si>
    <t>cg13064429</t>
  </si>
  <si>
    <t>cg13069535</t>
  </si>
  <si>
    <t>cg13070366</t>
  </si>
  <si>
    <t>cg13071812</t>
  </si>
  <si>
    <t>cg13075444</t>
  </si>
  <si>
    <t>cg13077745</t>
  </si>
  <si>
    <t>cg13081704</t>
  </si>
  <si>
    <t>cg13084909</t>
  </si>
  <si>
    <t>cg13085404</t>
  </si>
  <si>
    <t>cg13087259</t>
  </si>
  <si>
    <t>cg13087330</t>
  </si>
  <si>
    <t>cg13091702</t>
  </si>
  <si>
    <t>cg13092433</t>
  </si>
  <si>
    <t>cg13096351</t>
  </si>
  <si>
    <t>cg13100764</t>
  </si>
  <si>
    <t>cg13101652</t>
  </si>
  <si>
    <t>cg13109410</t>
  </si>
  <si>
    <t>cg13117112</t>
  </si>
  <si>
    <t>cg13123165</t>
  </si>
  <si>
    <t>cg13123851</t>
  </si>
  <si>
    <t>cg13124842</t>
  </si>
  <si>
    <t>cg13125510</t>
  </si>
  <si>
    <t>cg13127309</t>
  </si>
  <si>
    <t>cg13128596</t>
  </si>
  <si>
    <t>cg13129380</t>
  </si>
  <si>
    <t>cg13135654</t>
  </si>
  <si>
    <t>cg13136266</t>
  </si>
  <si>
    <t>cg13143213</t>
  </si>
  <si>
    <t>cg13143389</t>
  </si>
  <si>
    <t>cg13148478</t>
  </si>
  <si>
    <t>cg13152396</t>
  </si>
  <si>
    <t>cg13155079</t>
  </si>
  <si>
    <t>cg13160738</t>
  </si>
  <si>
    <t>cg13162577</t>
  </si>
  <si>
    <t>cg13167340</t>
  </si>
  <si>
    <t>cg13167353</t>
  </si>
  <si>
    <t>cg13168012</t>
  </si>
  <si>
    <t>cg13177921</t>
  </si>
  <si>
    <t>cg13179915</t>
  </si>
  <si>
    <t>cg13185005</t>
  </si>
  <si>
    <t>cg13185308</t>
  </si>
  <si>
    <t>cg13187967</t>
  </si>
  <si>
    <t>cg13190306</t>
  </si>
  <si>
    <t>cg13190572</t>
  </si>
  <si>
    <t>cg13191008</t>
  </si>
  <si>
    <t>cg13193591</t>
  </si>
  <si>
    <t>cg13202816</t>
  </si>
  <si>
    <t>cg13203297</t>
  </si>
  <si>
    <t>cg13205937</t>
  </si>
  <si>
    <t>cg13208494</t>
  </si>
  <si>
    <t>cg13210534</t>
  </si>
  <si>
    <t>cg13216057</t>
  </si>
  <si>
    <t>cg13216372</t>
  </si>
  <si>
    <t>cg13221767</t>
  </si>
  <si>
    <t>cg13234062</t>
  </si>
  <si>
    <t>cg13236257</t>
  </si>
  <si>
    <t>cg13237843</t>
  </si>
  <si>
    <t>cg13239041</t>
  </si>
  <si>
    <t>cg13239646</t>
  </si>
  <si>
    <t>cg13247967</t>
  </si>
  <si>
    <t>cg13248115</t>
  </si>
  <si>
    <t>cg13249008</t>
  </si>
  <si>
    <t>cg13250203</t>
  </si>
  <si>
    <t>cg13250711</t>
  </si>
  <si>
    <t>cg13251608</t>
  </si>
  <si>
    <t>cg13255035</t>
  </si>
  <si>
    <t>cg13255398</t>
  </si>
  <si>
    <t>cg13255440</t>
  </si>
  <si>
    <t>cg13258606</t>
  </si>
  <si>
    <t>cg13266096</t>
  </si>
  <si>
    <t>cg13272258</t>
  </si>
  <si>
    <t>cg13279713</t>
  </si>
  <si>
    <t>cg13279956</t>
  </si>
  <si>
    <t>cg13285004</t>
  </si>
  <si>
    <t>cg13285077</t>
  </si>
  <si>
    <t>cg13286351</t>
  </si>
  <si>
    <t>cg13290267</t>
  </si>
  <si>
    <t>cg13290643</t>
  </si>
  <si>
    <t>cg13292777</t>
  </si>
  <si>
    <t>cg13297120</t>
  </si>
  <si>
    <t>cg13298528</t>
  </si>
  <si>
    <t>cg13298691</t>
  </si>
  <si>
    <t>cg13300301</t>
  </si>
  <si>
    <t>cg13301003</t>
  </si>
  <si>
    <t>cg13306893</t>
  </si>
  <si>
    <t>cg13309174</t>
  </si>
  <si>
    <t>cg13312195</t>
  </si>
  <si>
    <t>cg13316472</t>
  </si>
  <si>
    <t>cg13318256</t>
  </si>
  <si>
    <t>cg13319772</t>
  </si>
  <si>
    <t>cg13319938</t>
  </si>
  <si>
    <t>cg13321166</t>
  </si>
  <si>
    <t>cg13329217</t>
  </si>
  <si>
    <t>cg13329242</t>
  </si>
  <si>
    <t>cg13337669</t>
  </si>
  <si>
    <t>cg13340272</t>
  </si>
  <si>
    <t>cg13340335</t>
  </si>
  <si>
    <t>cg13341995</t>
  </si>
  <si>
    <t>cg13342387</t>
  </si>
  <si>
    <t>cg13343368</t>
  </si>
  <si>
    <t>cg13346411</t>
  </si>
  <si>
    <t>cg13348944</t>
  </si>
  <si>
    <t>cg13352306</t>
  </si>
  <si>
    <t>cg13352518</t>
  </si>
  <si>
    <t>cg13352894</t>
  </si>
  <si>
    <t>cg13353733</t>
  </si>
  <si>
    <t>cg13361747</t>
  </si>
  <si>
    <t>cg13365543</t>
  </si>
  <si>
    <t>cg13365972</t>
  </si>
  <si>
    <t>cg13366801</t>
  </si>
  <si>
    <t>cg13372231</t>
  </si>
  <si>
    <t>cg13376598</t>
  </si>
  <si>
    <t>cg13376953</t>
  </si>
  <si>
    <t>cg13378284</t>
  </si>
  <si>
    <t>cg13383490</t>
  </si>
  <si>
    <t>cg13386884</t>
  </si>
  <si>
    <t>cg13391028</t>
  </si>
  <si>
    <t>cg13391116</t>
  </si>
  <si>
    <t>cg13393001</t>
  </si>
  <si>
    <t>cg13393276</t>
  </si>
  <si>
    <t>cg13395086</t>
  </si>
  <si>
    <t>cg13395854</t>
  </si>
  <si>
    <t>cg13399274</t>
  </si>
  <si>
    <t>cg13401531</t>
  </si>
  <si>
    <t>cg13405525</t>
  </si>
  <si>
    <t>cg13406746</t>
  </si>
  <si>
    <t>cg13408712</t>
  </si>
  <si>
    <t>cg13409589</t>
  </si>
  <si>
    <t>cg13411336</t>
  </si>
  <si>
    <t>cg13412615</t>
  </si>
  <si>
    <t>cg13414478</t>
  </si>
  <si>
    <t>cg13421345</t>
  </si>
  <si>
    <t>cg13421924</t>
  </si>
  <si>
    <t>cg13427189</t>
  </si>
  <si>
    <t>cg13428066</t>
  </si>
  <si>
    <t>cg13435189</t>
  </si>
  <si>
    <t>cg13439241</t>
  </si>
  <si>
    <t>cg13440083</t>
  </si>
  <si>
    <t>cg13441983</t>
  </si>
  <si>
    <t>cg13442606</t>
  </si>
  <si>
    <t>cg13443768</t>
  </si>
  <si>
    <t>cg13444151</t>
  </si>
  <si>
    <t>cg13451000</t>
  </si>
  <si>
    <t>cg13461336</t>
  </si>
  <si>
    <t>cg13461482</t>
  </si>
  <si>
    <t>cg13462583</t>
  </si>
  <si>
    <t>cg13463639</t>
  </si>
  <si>
    <t>cg13470155</t>
  </si>
  <si>
    <t>cg13471712</t>
  </si>
  <si>
    <t>cg13473383</t>
  </si>
  <si>
    <t>cg13474244</t>
  </si>
  <si>
    <t>cg13475638</t>
  </si>
  <si>
    <t>cg13478001</t>
  </si>
  <si>
    <t>cg13479898</t>
  </si>
  <si>
    <t>cg13481638</t>
  </si>
  <si>
    <t>cg13491234</t>
  </si>
  <si>
    <t>cg13493005</t>
  </si>
  <si>
    <t>cg13494368</t>
  </si>
  <si>
    <t>cg13500430</t>
  </si>
  <si>
    <t>cg13501959</t>
  </si>
  <si>
    <t>cg13504812</t>
  </si>
  <si>
    <t>cg13505393</t>
  </si>
  <si>
    <t>cg13511231</t>
  </si>
  <si>
    <t>cg13522575</t>
  </si>
  <si>
    <t>cg13526644</t>
  </si>
  <si>
    <t>cg13530039</t>
  </si>
  <si>
    <t>cg13531268</t>
  </si>
  <si>
    <t>cg13532185</t>
  </si>
  <si>
    <t>cg13535416</t>
  </si>
  <si>
    <t>cg13536051</t>
  </si>
  <si>
    <t>cg13536703</t>
  </si>
  <si>
    <t>cg13537915</t>
  </si>
  <si>
    <t>cg13540210</t>
  </si>
  <si>
    <t>cg13547113</t>
  </si>
  <si>
    <t>cg13547237</t>
  </si>
  <si>
    <t>cg13547299</t>
  </si>
  <si>
    <t>cg13547381</t>
  </si>
  <si>
    <t>cg13548265</t>
  </si>
  <si>
    <t>cg13551510</t>
  </si>
  <si>
    <t>cg13552831</t>
  </si>
  <si>
    <t>cg13553343</t>
  </si>
  <si>
    <t>cg13555772</t>
  </si>
  <si>
    <t>cg13560619</t>
  </si>
  <si>
    <t>cg13562284</t>
  </si>
  <si>
    <t>cg13565215</t>
  </si>
  <si>
    <t>cg13567299</t>
  </si>
  <si>
    <t>cg13567349</t>
  </si>
  <si>
    <t>cg13570904</t>
  </si>
  <si>
    <t>cg13572369</t>
  </si>
  <si>
    <t>cg13575604</t>
  </si>
  <si>
    <t>cg13576045</t>
  </si>
  <si>
    <t>cg13576483</t>
  </si>
  <si>
    <t>cg13577072</t>
  </si>
  <si>
    <t>cg13580265</t>
  </si>
  <si>
    <t>cg13582001</t>
  </si>
  <si>
    <t>cg13582500</t>
  </si>
  <si>
    <t>cg13582950</t>
  </si>
  <si>
    <t>cg13583586</t>
  </si>
  <si>
    <t>cg13587725</t>
  </si>
  <si>
    <t>cg13588572</t>
  </si>
  <si>
    <t>cg13589810</t>
  </si>
  <si>
    <t>cg13592872</t>
  </si>
  <si>
    <t>cg13594863</t>
  </si>
  <si>
    <t>cg13599092</t>
  </si>
  <si>
    <t>cg13601739</t>
  </si>
  <si>
    <t>cg13608094</t>
  </si>
  <si>
    <t>cg13612595</t>
  </si>
  <si>
    <t>cg13613180</t>
  </si>
  <si>
    <t>cg13613532</t>
  </si>
  <si>
    <t>cg13614606</t>
  </si>
  <si>
    <t>cg13616912</t>
  </si>
  <si>
    <t>cg13618688</t>
  </si>
  <si>
    <t>cg13620770</t>
  </si>
  <si>
    <t>cg13620921</t>
  </si>
  <si>
    <t>cg13621464</t>
  </si>
  <si>
    <t>cg13625026</t>
  </si>
  <si>
    <t>cg13625403</t>
  </si>
  <si>
    <t>cg13626866</t>
  </si>
  <si>
    <t>cg13631259</t>
  </si>
  <si>
    <t>cg13632983</t>
  </si>
  <si>
    <t>cg13633560</t>
  </si>
  <si>
    <t>cg13634736</t>
  </si>
  <si>
    <t>cg13638420</t>
  </si>
  <si>
    <t>cg13638867</t>
  </si>
  <si>
    <t>cg13641591</t>
  </si>
  <si>
    <t>cg13641898</t>
  </si>
  <si>
    <t>cg13646917</t>
  </si>
  <si>
    <t>cg13647528</t>
  </si>
  <si>
    <t>cg13650974</t>
  </si>
  <si>
    <t>cg13652887</t>
  </si>
  <si>
    <t>cg13652954</t>
  </si>
  <si>
    <t>cg13654391</t>
  </si>
  <si>
    <t>cg13654525</t>
  </si>
  <si>
    <t>cg13656360</t>
  </si>
  <si>
    <t>cg13661968</t>
  </si>
  <si>
    <t>cg13663793</t>
  </si>
  <si>
    <t>cg13669089</t>
  </si>
  <si>
    <t>cg13671930</t>
  </si>
  <si>
    <t>cg13684444</t>
  </si>
  <si>
    <t>cg13686799</t>
  </si>
  <si>
    <t>cg13686857</t>
  </si>
  <si>
    <t>cg13687729</t>
  </si>
  <si>
    <t>cg13688406</t>
  </si>
  <si>
    <t>cg13689118</t>
  </si>
  <si>
    <t>cg13690785</t>
  </si>
  <si>
    <t>cg13692433</t>
  </si>
  <si>
    <t>cg13700207</t>
  </si>
  <si>
    <t>cg13703666</t>
  </si>
  <si>
    <t>cg13707395</t>
  </si>
  <si>
    <t>cg13708218</t>
  </si>
  <si>
    <t>cg13711609</t>
  </si>
  <si>
    <t>cg13713832</t>
  </si>
  <si>
    <t>cg13719712</t>
  </si>
  <si>
    <t>cg13720316</t>
  </si>
  <si>
    <t>cg13724238</t>
  </si>
  <si>
    <t>cg13728131</t>
  </si>
  <si>
    <t>cg13728763</t>
  </si>
  <si>
    <t>cg13731761</t>
  </si>
  <si>
    <t>cg13736131</t>
  </si>
  <si>
    <t>cg13741871</t>
  </si>
  <si>
    <t>cg13742956</t>
  </si>
  <si>
    <t>cg13745279</t>
  </si>
  <si>
    <t>cg13746740</t>
  </si>
  <si>
    <t>cg13749939</t>
  </si>
  <si>
    <t>cg13750061</t>
  </si>
  <si>
    <t>cg13751113</t>
  </si>
  <si>
    <t>cg13756879</t>
  </si>
  <si>
    <t>cg13759143</t>
  </si>
  <si>
    <t>cg13763876</t>
  </si>
  <si>
    <t>cg13765785</t>
  </si>
  <si>
    <t>cg13767135</t>
  </si>
  <si>
    <t>cg13768347</t>
  </si>
  <si>
    <t>cg13770461</t>
  </si>
  <si>
    <t>cg13774792</t>
  </si>
  <si>
    <t>cg13777411</t>
  </si>
  <si>
    <t>cg13778222</t>
  </si>
  <si>
    <t>cg13781158</t>
  </si>
  <si>
    <t>cg13782932</t>
  </si>
  <si>
    <t>cg13786863</t>
  </si>
  <si>
    <t>cg13787610</t>
  </si>
  <si>
    <t>cg13795120</t>
  </si>
  <si>
    <t>cg13802364</t>
  </si>
  <si>
    <t>cg13802966</t>
  </si>
  <si>
    <t>cg13806267</t>
  </si>
  <si>
    <t>cg13807363</t>
  </si>
  <si>
    <t>cg13807496</t>
  </si>
  <si>
    <t>cg13808145</t>
  </si>
  <si>
    <t>cg13808561</t>
  </si>
  <si>
    <t>cg13809236</t>
  </si>
  <si>
    <t>cg13812894</t>
  </si>
  <si>
    <t>cg13816999</t>
  </si>
  <si>
    <t>cg13818664</t>
  </si>
  <si>
    <t>cg13819485</t>
  </si>
  <si>
    <t>cg13820391</t>
  </si>
  <si>
    <t>cg13828397</t>
  </si>
  <si>
    <t>cg13829130</t>
  </si>
  <si>
    <t>cg13835436</t>
  </si>
  <si>
    <t>cg13835853</t>
  </si>
  <si>
    <t>cg13843417</t>
  </si>
  <si>
    <t>cg13844500</t>
  </si>
  <si>
    <t>cg13846344</t>
  </si>
  <si>
    <t>cg13848377</t>
  </si>
  <si>
    <t>cg13849196</t>
  </si>
  <si>
    <t>cg13851621</t>
  </si>
  <si>
    <t>cg13852218</t>
  </si>
  <si>
    <t>cg13852398</t>
  </si>
  <si>
    <t>cg13853761</t>
  </si>
  <si>
    <t>cg13854727</t>
  </si>
  <si>
    <t>cg13856573</t>
  </si>
  <si>
    <t>cg13861399</t>
  </si>
  <si>
    <t>cg13862860</t>
  </si>
  <si>
    <t>cg13864017</t>
  </si>
  <si>
    <t>cg13864937</t>
  </si>
  <si>
    <t>cg13874739</t>
  </si>
  <si>
    <t>cg13875506</t>
  </si>
  <si>
    <t>cg13876113</t>
  </si>
  <si>
    <t>cg13876292</t>
  </si>
  <si>
    <t>cg13877574</t>
  </si>
  <si>
    <t>cg13881637</t>
  </si>
  <si>
    <t>cg13885561</t>
  </si>
  <si>
    <t>cg13885609</t>
  </si>
  <si>
    <t>cg13889085</t>
  </si>
  <si>
    <t>cg13892042</t>
  </si>
  <si>
    <t>cg13893637</t>
  </si>
  <si>
    <t>cg13894192</t>
  </si>
  <si>
    <t>cg13894784</t>
  </si>
  <si>
    <t>cg13899320</t>
  </si>
  <si>
    <t>cg13902829</t>
  </si>
  <si>
    <t>cg13906669</t>
  </si>
  <si>
    <t>cg13908476</t>
  </si>
  <si>
    <t>cg13911411</t>
  </si>
  <si>
    <t>cg13911594</t>
  </si>
  <si>
    <t>cg13911697</t>
  </si>
  <si>
    <t>cg13912753</t>
  </si>
  <si>
    <t>cg13913149</t>
  </si>
  <si>
    <t>cg13915566</t>
  </si>
  <si>
    <t>cg13915803</t>
  </si>
  <si>
    <t>cg13916322</t>
  </si>
  <si>
    <t>cg13916742</t>
  </si>
  <si>
    <t>cg13916928</t>
  </si>
  <si>
    <t>cg13922121</t>
  </si>
  <si>
    <t>cg13922669</t>
  </si>
  <si>
    <t>cg13924510</t>
  </si>
  <si>
    <t>cg13925360</t>
  </si>
  <si>
    <t>cg13931277</t>
  </si>
  <si>
    <t>cg13932606</t>
  </si>
  <si>
    <t>cg13935310</t>
  </si>
  <si>
    <t>cg13944685</t>
  </si>
  <si>
    <t>cg13948330</t>
  </si>
  <si>
    <t>cg13952556</t>
  </si>
  <si>
    <t>cg13953458</t>
  </si>
  <si>
    <t>cg13956924</t>
  </si>
  <si>
    <t>cg13963315</t>
  </si>
  <si>
    <t>cg13963807</t>
  </si>
  <si>
    <t>cg13965202</t>
  </si>
  <si>
    <t>cg13965908</t>
  </si>
  <si>
    <t>cg13971030</t>
  </si>
  <si>
    <t>cg13971124</t>
  </si>
  <si>
    <t>cg13973090</t>
  </si>
  <si>
    <t>cg13978021</t>
  </si>
  <si>
    <t>cg13982661</t>
  </si>
  <si>
    <t>cg13982695</t>
  </si>
  <si>
    <t>cg13984434</t>
  </si>
  <si>
    <t>cg13985437</t>
  </si>
  <si>
    <t>cg13988209</t>
  </si>
  <si>
    <t>cg13988440</t>
  </si>
  <si>
    <t>cg13989519</t>
  </si>
  <si>
    <t>cg13989528</t>
  </si>
  <si>
    <t>cg13992402</t>
  </si>
  <si>
    <t>cg13993051</t>
  </si>
  <si>
    <t>cg13993218</t>
  </si>
  <si>
    <t>cg13997990</t>
  </si>
  <si>
    <t>cg13999086</t>
  </si>
  <si>
    <t>cg14002287</t>
  </si>
  <si>
    <t>cg14004557</t>
  </si>
  <si>
    <t>cg14006005</t>
  </si>
  <si>
    <t>cg14006677</t>
  </si>
  <si>
    <t>cg14009749</t>
  </si>
  <si>
    <t>cg14017611</t>
  </si>
  <si>
    <t>cg14019670</t>
  </si>
  <si>
    <t>cg14020320</t>
  </si>
  <si>
    <t>cg14021073</t>
  </si>
  <si>
    <t>cg14022090</t>
  </si>
  <si>
    <t>cg14022202</t>
  </si>
  <si>
    <t>cg14022995</t>
  </si>
  <si>
    <t>cg14029546</t>
  </si>
  <si>
    <t>cg14030346</t>
  </si>
  <si>
    <t>cg14033806</t>
  </si>
  <si>
    <t>cg14035508</t>
  </si>
  <si>
    <t>cg14036128</t>
  </si>
  <si>
    <t>cg14036981</t>
  </si>
  <si>
    <t>cg14037413</t>
  </si>
  <si>
    <t>cg14037837</t>
  </si>
  <si>
    <t>cg14039301</t>
  </si>
  <si>
    <t>cg14039909</t>
  </si>
  <si>
    <t>cg14039925</t>
  </si>
  <si>
    <t>cg14042308</t>
  </si>
  <si>
    <t>cg14044577</t>
  </si>
  <si>
    <t>cg14051353</t>
  </si>
  <si>
    <t>cg14051368</t>
  </si>
  <si>
    <t>cg14053701</t>
  </si>
  <si>
    <t>cg14057041</t>
  </si>
  <si>
    <t>cg14057456</t>
  </si>
  <si>
    <t>cg14058741</t>
  </si>
  <si>
    <t>cg14058869</t>
  </si>
  <si>
    <t>cg14064268</t>
  </si>
  <si>
    <t>cg14064503</t>
  </si>
  <si>
    <t>cg14073716</t>
  </si>
  <si>
    <t>cg14076394</t>
  </si>
  <si>
    <t>cg14081591</t>
  </si>
  <si>
    <t>cg14081744</t>
  </si>
  <si>
    <t>cg14085017</t>
  </si>
  <si>
    <t>cg14086033</t>
  </si>
  <si>
    <t>cg14086791</t>
  </si>
  <si>
    <t>cg14088811</t>
  </si>
  <si>
    <t>cg14091483</t>
  </si>
  <si>
    <t>cg14093335</t>
  </si>
  <si>
    <t>cg14098737</t>
  </si>
  <si>
    <t>cg14099685</t>
  </si>
  <si>
    <t>cg14101380</t>
  </si>
  <si>
    <t>cg14101442</t>
  </si>
  <si>
    <t>cg14104148</t>
  </si>
  <si>
    <t>cg14106660</t>
  </si>
  <si>
    <t>cg14112985</t>
  </si>
  <si>
    <t>cg14119616</t>
  </si>
  <si>
    <t>cg14132103</t>
  </si>
  <si>
    <t>cg14135214</t>
  </si>
  <si>
    <t>cg14136260</t>
  </si>
  <si>
    <t>cg14136709</t>
  </si>
  <si>
    <t>cg14137939</t>
  </si>
  <si>
    <t>cg14139581</t>
  </si>
  <si>
    <t>cg14139652</t>
  </si>
  <si>
    <t>cg14140118</t>
  </si>
  <si>
    <t>cg14140874</t>
  </si>
  <si>
    <t>cg14141061</t>
  </si>
  <si>
    <t>cg14144305</t>
  </si>
  <si>
    <t>cg14146407</t>
  </si>
  <si>
    <t>cg14149701</t>
  </si>
  <si>
    <t>cg14151290</t>
  </si>
  <si>
    <t>cg14151995</t>
  </si>
  <si>
    <t>cg14152222</t>
  </si>
  <si>
    <t>cg14161359</t>
  </si>
  <si>
    <t>cg14166189</t>
  </si>
  <si>
    <t>cg14166625</t>
  </si>
  <si>
    <t>cg14167139</t>
  </si>
  <si>
    <t>cg14168614</t>
  </si>
  <si>
    <t>cg14170423</t>
  </si>
  <si>
    <t>cg14174320</t>
  </si>
  <si>
    <t>cg14178696</t>
  </si>
  <si>
    <t>cg14178846</t>
  </si>
  <si>
    <t>cg14180029</t>
  </si>
  <si>
    <t>cg14182841</t>
  </si>
  <si>
    <t>cg14183540</t>
  </si>
  <si>
    <t>cg14186824</t>
  </si>
  <si>
    <t>cg14186937</t>
  </si>
  <si>
    <t>cg14188639</t>
  </si>
  <si>
    <t>cg14189245</t>
  </si>
  <si>
    <t>cg14189304</t>
  </si>
  <si>
    <t>cg14189782</t>
  </si>
  <si>
    <t>cg14191493</t>
  </si>
  <si>
    <t>cg14196353</t>
  </si>
  <si>
    <t>cg14199144</t>
  </si>
  <si>
    <t>cg14200465</t>
  </si>
  <si>
    <t>cg14201634</t>
  </si>
  <si>
    <t>cg14205016</t>
  </si>
  <si>
    <t>cg14209518</t>
  </si>
  <si>
    <t>cg14210971</t>
  </si>
  <si>
    <t>cg14212038</t>
  </si>
  <si>
    <t>cg14212197</t>
  </si>
  <si>
    <t>cg14215753</t>
  </si>
  <si>
    <t>cg14232165</t>
  </si>
  <si>
    <t>cg14234104</t>
  </si>
  <si>
    <t>cg14235783</t>
  </si>
  <si>
    <t>cg14239983</t>
  </si>
  <si>
    <t>cg14240790</t>
  </si>
  <si>
    <t>cg14242895</t>
  </si>
  <si>
    <t>cg14243741</t>
  </si>
  <si>
    <t>cg14248369</t>
  </si>
  <si>
    <t>cg14249564</t>
  </si>
  <si>
    <t>cg14250138</t>
  </si>
  <si>
    <t>cg14250984</t>
  </si>
  <si>
    <t>cg14252492</t>
  </si>
  <si>
    <t>cg14255177</t>
  </si>
  <si>
    <t>cg14256396</t>
  </si>
  <si>
    <t>cg14266722</t>
  </si>
  <si>
    <t>cg14275845</t>
  </si>
  <si>
    <t>cg14276125</t>
  </si>
  <si>
    <t>cg14276515</t>
  </si>
  <si>
    <t>cg14278057</t>
  </si>
  <si>
    <t>cg14283328</t>
  </si>
  <si>
    <t>cg14286335</t>
  </si>
  <si>
    <t>cg14294096</t>
  </si>
  <si>
    <t>cg14294658</t>
  </si>
  <si>
    <t>cg14295924</t>
  </si>
  <si>
    <t>cg14296990</t>
  </si>
  <si>
    <t>cg14304290</t>
  </si>
  <si>
    <t>cg14305262</t>
  </si>
  <si>
    <t>cg14308612</t>
  </si>
  <si>
    <t>cg14309111</t>
  </si>
  <si>
    <t>cg14309691</t>
  </si>
  <si>
    <t>cg14310231</t>
  </si>
  <si>
    <t>cg14312661</t>
  </si>
  <si>
    <t>cg14318455</t>
  </si>
  <si>
    <t>cg14319451</t>
  </si>
  <si>
    <t>cg14323834</t>
  </si>
  <si>
    <t>cg14326225</t>
  </si>
  <si>
    <t>cg14329989</t>
  </si>
  <si>
    <t>cg14336033</t>
  </si>
  <si>
    <t>cg14341034</t>
  </si>
  <si>
    <t>cg14343548</t>
  </si>
  <si>
    <t>cg14343713</t>
  </si>
  <si>
    <t>cg14346046</t>
  </si>
  <si>
    <t>cg14348532</t>
  </si>
  <si>
    <t>cg14354618</t>
  </si>
  <si>
    <t>cg14359259</t>
  </si>
  <si>
    <t>cg14359798</t>
  </si>
  <si>
    <t>cg14362814</t>
  </si>
  <si>
    <t>cg14364094</t>
  </si>
  <si>
    <t>cg14370752</t>
  </si>
  <si>
    <t>cg14372701</t>
  </si>
  <si>
    <t>cg14373018</t>
  </si>
  <si>
    <t>cg14373068</t>
  </si>
  <si>
    <t>cg14377687</t>
  </si>
  <si>
    <t>cg14378420</t>
  </si>
  <si>
    <t>cg14378925</t>
  </si>
  <si>
    <t>cg14387684</t>
  </si>
  <si>
    <t>cg14388724</t>
  </si>
  <si>
    <t>cg14391469</t>
  </si>
  <si>
    <t>cg14395634</t>
  </si>
  <si>
    <t>cg14398963</t>
  </si>
  <si>
    <t>cg14399884</t>
  </si>
  <si>
    <t>cg14400631</t>
  </si>
  <si>
    <t>cg14402562</t>
  </si>
  <si>
    <t>cg14407987</t>
  </si>
  <si>
    <t>cg14408823</t>
  </si>
  <si>
    <t>cg14410064</t>
  </si>
  <si>
    <t>cg14412490</t>
  </si>
  <si>
    <t>cg14412891</t>
  </si>
  <si>
    <t>cg14415214</t>
  </si>
  <si>
    <t>cg14420757</t>
  </si>
  <si>
    <t>cg14426268</t>
  </si>
  <si>
    <t>cg14428310</t>
  </si>
  <si>
    <t>cg14429979</t>
  </si>
  <si>
    <t>cg14431266</t>
  </si>
  <si>
    <t>cg14432744</t>
  </si>
  <si>
    <t>cg14434149</t>
  </si>
  <si>
    <t>cg14436038</t>
  </si>
  <si>
    <t>cg14437534</t>
  </si>
  <si>
    <t>cg14442997</t>
  </si>
  <si>
    <t>cg14443558</t>
  </si>
  <si>
    <t>cg14443953</t>
  </si>
  <si>
    <t>cg14452896</t>
  </si>
  <si>
    <t>cg14455319</t>
  </si>
  <si>
    <t>cg14456103</t>
  </si>
  <si>
    <t>cg14462402</t>
  </si>
  <si>
    <t>cg14464639</t>
  </si>
  <si>
    <t>cg14468692</t>
  </si>
  <si>
    <t>cg14471615</t>
  </si>
  <si>
    <t>cg14471671</t>
  </si>
  <si>
    <t>cg14472551</t>
  </si>
  <si>
    <t>cg14472806</t>
  </si>
  <si>
    <t>cg14474003</t>
  </si>
  <si>
    <t>cg14480149</t>
  </si>
  <si>
    <t>cg14480266</t>
  </si>
  <si>
    <t>cg14483383</t>
  </si>
  <si>
    <t>cg14484649</t>
  </si>
  <si>
    <t>cg14485083</t>
  </si>
  <si>
    <t>cg14485185</t>
  </si>
  <si>
    <t>cg14486463</t>
  </si>
  <si>
    <t>cg14486857</t>
  </si>
  <si>
    <t>cg14487944</t>
  </si>
  <si>
    <t>cg14488974</t>
  </si>
  <si>
    <t>cg14500267</t>
  </si>
  <si>
    <t>cg14502980</t>
  </si>
  <si>
    <t>cg14504497</t>
  </si>
  <si>
    <t>cg14504636</t>
  </si>
  <si>
    <t>cg14505434</t>
  </si>
  <si>
    <t>cg14511677</t>
  </si>
  <si>
    <t>cg14511745</t>
  </si>
  <si>
    <t>cg14515571</t>
  </si>
  <si>
    <t>cg14519515</t>
  </si>
  <si>
    <t>cg14521421</t>
  </si>
  <si>
    <t>cg14521746</t>
  </si>
  <si>
    <t>cg14522803</t>
  </si>
  <si>
    <t>cg14528835</t>
  </si>
  <si>
    <t>cg14529707</t>
  </si>
  <si>
    <t>cg14534803</t>
  </si>
  <si>
    <t>cg14537332</t>
  </si>
  <si>
    <t>cg14538055</t>
  </si>
  <si>
    <t>cg14542839</t>
  </si>
  <si>
    <t>cg14544632</t>
  </si>
  <si>
    <t>cg14546497</t>
  </si>
  <si>
    <t>cg14547895</t>
  </si>
  <si>
    <t>cg14550985</t>
  </si>
  <si>
    <t>cg14553377</t>
  </si>
  <si>
    <t>cg14562054</t>
  </si>
  <si>
    <t>cg14569209</t>
  </si>
  <si>
    <t>cg14570506</t>
  </si>
  <si>
    <t>cg14570838</t>
  </si>
  <si>
    <t>cg14571706</t>
  </si>
  <si>
    <t>cg14572111</t>
  </si>
  <si>
    <t>cg14574066</t>
  </si>
  <si>
    <t>cg14574726</t>
  </si>
  <si>
    <t>cg14577593</t>
  </si>
  <si>
    <t>cg14578030</t>
  </si>
  <si>
    <t>cg14579819</t>
  </si>
  <si>
    <t>cg14583152</t>
  </si>
  <si>
    <t>cg14588642</t>
  </si>
  <si>
    <t>cg14590637</t>
  </si>
  <si>
    <t>cg14592365</t>
  </si>
  <si>
    <t>cg14596450</t>
  </si>
  <si>
    <t>cg14596631</t>
  </si>
  <si>
    <t>cg14596967</t>
  </si>
  <si>
    <t>cg14599023</t>
  </si>
  <si>
    <t>cg14600987</t>
  </si>
  <si>
    <t>cg14601234</t>
  </si>
  <si>
    <t>cg14602697</t>
  </si>
  <si>
    <t>cg14603352</t>
  </si>
  <si>
    <t>cg14603605</t>
  </si>
  <si>
    <t>cg14604336</t>
  </si>
  <si>
    <t>cg14610256</t>
  </si>
  <si>
    <t>cg14614006</t>
  </si>
  <si>
    <t>cg14616284</t>
  </si>
  <si>
    <t>cg14619716</t>
  </si>
  <si>
    <t>cg14620221</t>
  </si>
  <si>
    <t>cg14624207</t>
  </si>
  <si>
    <t>cg14624546</t>
  </si>
  <si>
    <t>cg14631438</t>
  </si>
  <si>
    <t>cg14632899</t>
  </si>
  <si>
    <t>cg14633466</t>
  </si>
  <si>
    <t>cg14634247</t>
  </si>
  <si>
    <t>cg14637111</t>
  </si>
  <si>
    <t>cg14638189</t>
  </si>
  <si>
    <t>cg14640751</t>
  </si>
  <si>
    <t>cg14642395</t>
  </si>
  <si>
    <t>cg14643497</t>
  </si>
  <si>
    <t>cg14646457</t>
  </si>
  <si>
    <t>cg14647190</t>
  </si>
  <si>
    <t>cg14651616</t>
  </si>
  <si>
    <t>cg14654385</t>
  </si>
  <si>
    <t>cg14655905</t>
  </si>
  <si>
    <t>cg14656778</t>
  </si>
  <si>
    <t>cg14659840</t>
  </si>
  <si>
    <t>cg14664316</t>
  </si>
  <si>
    <t>cg14669500</t>
  </si>
  <si>
    <t>cg14672680</t>
  </si>
  <si>
    <t>cg14672921</t>
  </si>
  <si>
    <t>cg14673319</t>
  </si>
  <si>
    <t>cg14675241</t>
  </si>
  <si>
    <t>cg14681958</t>
  </si>
  <si>
    <t>cg14682277</t>
  </si>
  <si>
    <t>cg14682528</t>
  </si>
  <si>
    <t>cg14684068</t>
  </si>
  <si>
    <t>cg14686207</t>
  </si>
  <si>
    <t>cg14688343</t>
  </si>
  <si>
    <t>cg14691871</t>
  </si>
  <si>
    <t>cg14703061</t>
  </si>
  <si>
    <t>cg14707162</t>
  </si>
  <si>
    <t>cg14707834</t>
  </si>
  <si>
    <t>cg14709449</t>
  </si>
  <si>
    <t>cg14711859</t>
  </si>
  <si>
    <t>cg14712784</t>
  </si>
  <si>
    <t>cg14717725</t>
  </si>
  <si>
    <t>cg14718848</t>
  </si>
  <si>
    <t>cg14719804</t>
  </si>
  <si>
    <t>cg14727452</t>
  </si>
  <si>
    <t>cg14727952</t>
  </si>
  <si>
    <t>cg14730524</t>
  </si>
  <si>
    <t>cg14731698</t>
  </si>
  <si>
    <t>cg14734340</t>
  </si>
  <si>
    <t>cg14737287</t>
  </si>
  <si>
    <t>cg14739477</t>
  </si>
  <si>
    <t>cg14745748</t>
  </si>
  <si>
    <t>cg14746813</t>
  </si>
  <si>
    <t>cg14747550</t>
  </si>
  <si>
    <t>cg14750263</t>
  </si>
  <si>
    <t>cg14751503</t>
  </si>
  <si>
    <t>cg14753385</t>
  </si>
  <si>
    <t>cg14753432</t>
  </si>
  <si>
    <t>cg14755009</t>
  </si>
  <si>
    <t>cg14756913</t>
  </si>
  <si>
    <t>cg14759565</t>
  </si>
  <si>
    <t>cg14761876</t>
  </si>
  <si>
    <t>cg14762024</t>
  </si>
  <si>
    <t>cg14762062</t>
  </si>
  <si>
    <t>cg14763104</t>
  </si>
  <si>
    <t>cg14765337</t>
  </si>
  <si>
    <t>cg14770636</t>
  </si>
  <si>
    <t>cg14776050</t>
  </si>
  <si>
    <t>cg14776894</t>
  </si>
  <si>
    <t>cg14780449</t>
  </si>
  <si>
    <t>cg14784922</t>
  </si>
  <si>
    <t>cg14788049</t>
  </si>
  <si>
    <t>cg14789039</t>
  </si>
  <si>
    <t>cg14790396</t>
  </si>
  <si>
    <t>cg14792845</t>
  </si>
  <si>
    <t>cg14794298</t>
  </si>
  <si>
    <t>cg14795231</t>
  </si>
  <si>
    <t>cg14796230</t>
  </si>
  <si>
    <t>cg14796565</t>
  </si>
  <si>
    <t>cg14800351</t>
  </si>
  <si>
    <t>cg14801518</t>
  </si>
  <si>
    <t>cg14803802</t>
  </si>
  <si>
    <t>cg14804384</t>
  </si>
  <si>
    <t>cg14809912</t>
  </si>
  <si>
    <t>cg14813258</t>
  </si>
  <si>
    <t>cg14814323</t>
  </si>
  <si>
    <t>cg14816825</t>
  </si>
  <si>
    <t>cg14817211</t>
  </si>
  <si>
    <t>cg14818960</t>
  </si>
  <si>
    <t>cg14820176</t>
  </si>
  <si>
    <t>cg14821322</t>
  </si>
  <si>
    <t>cg14824301</t>
  </si>
  <si>
    <t>cg14829063</t>
  </si>
  <si>
    <t>cg14848289</t>
  </si>
  <si>
    <t>cg14850730</t>
  </si>
  <si>
    <t>cg14851284</t>
  </si>
  <si>
    <t>cg14853734</t>
  </si>
  <si>
    <t>cg14860397</t>
  </si>
  <si>
    <t>cg14862950</t>
  </si>
  <si>
    <t>cg14864148</t>
  </si>
  <si>
    <t>cg14867085</t>
  </si>
  <si>
    <t>cg14868747</t>
  </si>
  <si>
    <t>cg14871333</t>
  </si>
  <si>
    <t>cg14871704</t>
  </si>
  <si>
    <t>cg14876517</t>
  </si>
  <si>
    <t>cg14877352</t>
  </si>
  <si>
    <t>cg14877413</t>
  </si>
  <si>
    <t>cg14881618</t>
  </si>
  <si>
    <t>cg14882481</t>
  </si>
  <si>
    <t>cg14883291</t>
  </si>
  <si>
    <t>cg14889653</t>
  </si>
  <si>
    <t>cg14890224</t>
  </si>
  <si>
    <t>cg14894367</t>
  </si>
  <si>
    <t>cg14896003</t>
  </si>
  <si>
    <t>cg14898433</t>
  </si>
  <si>
    <t>cg14899408</t>
  </si>
  <si>
    <t>cg14904534</t>
  </si>
  <si>
    <t>cg14904638</t>
  </si>
  <si>
    <t>cg14909325</t>
  </si>
  <si>
    <t>cg14915854</t>
  </si>
  <si>
    <t>cg14916213</t>
  </si>
  <si>
    <t>cg14917395</t>
  </si>
  <si>
    <t>cg14924052</t>
  </si>
  <si>
    <t>cg14924594</t>
  </si>
  <si>
    <t>cg14926715</t>
  </si>
  <si>
    <t>cg14927357</t>
  </si>
  <si>
    <t>cg14932715</t>
  </si>
  <si>
    <t>cg14933200</t>
  </si>
  <si>
    <t>cg14933468</t>
  </si>
  <si>
    <t>cg14933485</t>
  </si>
  <si>
    <t>cg14934413</t>
  </si>
  <si>
    <t>cg14942906</t>
  </si>
  <si>
    <t>cg14943002</t>
  </si>
  <si>
    <t>cg14944514</t>
  </si>
  <si>
    <t>cg14947466</t>
  </si>
  <si>
    <t>cg14948785</t>
  </si>
  <si>
    <t>cg14950576</t>
  </si>
  <si>
    <t>cg14953580</t>
  </si>
  <si>
    <t>cg14958491</t>
  </si>
  <si>
    <t>cg14966716</t>
  </si>
  <si>
    <t>cg14969261</t>
  </si>
  <si>
    <t>cg14971286</t>
  </si>
  <si>
    <t>cg14973973</t>
  </si>
  <si>
    <t>cg14979593</t>
  </si>
  <si>
    <t>cg14980165</t>
  </si>
  <si>
    <t>cg14988628</t>
  </si>
  <si>
    <t>cg14994180</t>
  </si>
  <si>
    <t>cg14999168</t>
  </si>
  <si>
    <t>cg15000841</t>
  </si>
  <si>
    <t>cg15002332</t>
  </si>
  <si>
    <t>cg15003194</t>
  </si>
  <si>
    <t>cg15003737</t>
  </si>
  <si>
    <t>cg15003833</t>
  </si>
  <si>
    <t>cg15009090</t>
  </si>
  <si>
    <t>cg15013982</t>
  </si>
  <si>
    <t>cg15017496</t>
  </si>
  <si>
    <t>cg15017982</t>
  </si>
  <si>
    <t>cg15021658</t>
  </si>
  <si>
    <t>cg15025133</t>
  </si>
  <si>
    <t>cg15032941</t>
  </si>
  <si>
    <t>cg15033969</t>
  </si>
  <si>
    <t>cg15034237</t>
  </si>
  <si>
    <t>cg15034244</t>
  </si>
  <si>
    <t>cg15037583</t>
  </si>
  <si>
    <t>cg15042747</t>
  </si>
  <si>
    <t>cg15044073</t>
  </si>
  <si>
    <t>cg15044322</t>
  </si>
  <si>
    <t>cg15046507</t>
  </si>
  <si>
    <t>cg15046877</t>
  </si>
  <si>
    <t>cg15050310</t>
  </si>
  <si>
    <t>cg15054281</t>
  </si>
  <si>
    <t>cg15057446</t>
  </si>
  <si>
    <t>cg15060115</t>
  </si>
  <si>
    <t>cg15063726</t>
  </si>
  <si>
    <t>cg15066033</t>
  </si>
  <si>
    <t>cg15068428</t>
  </si>
  <si>
    <t>cg15069186</t>
  </si>
  <si>
    <t>cg15069471</t>
  </si>
  <si>
    <t>cg15069630</t>
  </si>
  <si>
    <t>cg15072405</t>
  </si>
  <si>
    <t>cg15075709</t>
  </si>
  <si>
    <t>cg15083015</t>
  </si>
  <si>
    <t>cg15084618</t>
  </si>
  <si>
    <t>cg15096549</t>
  </si>
  <si>
    <t>cg15101392</t>
  </si>
  <si>
    <t>cg15102179</t>
  </si>
  <si>
    <t>cg15102749</t>
  </si>
  <si>
    <t>cg15107132</t>
  </si>
  <si>
    <t>cg15107670</t>
  </si>
  <si>
    <t>cg15112369</t>
  </si>
  <si>
    <t>cg15115522</t>
  </si>
  <si>
    <t>cg15115797</t>
  </si>
  <si>
    <t>cg15117252</t>
  </si>
  <si>
    <t>cg15124950</t>
  </si>
  <si>
    <t>cg15128778</t>
  </si>
  <si>
    <t>cg15131519</t>
  </si>
  <si>
    <t>cg15137643</t>
  </si>
  <si>
    <t>cg15139949</t>
  </si>
  <si>
    <t>cg15143698</t>
  </si>
  <si>
    <t>cg15143809</t>
  </si>
  <si>
    <t>cg15144888</t>
  </si>
  <si>
    <t>cg15146396</t>
  </si>
  <si>
    <t>cg15149117</t>
  </si>
  <si>
    <t>cg15151685</t>
  </si>
  <si>
    <t>cg15155441</t>
  </si>
  <si>
    <t>cg15158086</t>
  </si>
  <si>
    <t>cg15159060</t>
  </si>
  <si>
    <t>cg15159131</t>
  </si>
  <si>
    <t>cg15161667</t>
  </si>
  <si>
    <t>cg15161691</t>
  </si>
  <si>
    <t>cg15164733</t>
  </si>
  <si>
    <t>cg15166492</t>
  </si>
  <si>
    <t>cg15166590</t>
  </si>
  <si>
    <t>cg15168906</t>
  </si>
  <si>
    <t>cg15172739</t>
  </si>
  <si>
    <t>cg15175446</t>
  </si>
  <si>
    <t>cg15175716</t>
  </si>
  <si>
    <t>cg15177855</t>
  </si>
  <si>
    <t>cg15183083</t>
  </si>
  <si>
    <t>cg15188574</t>
  </si>
  <si>
    <t>cg15190354</t>
  </si>
  <si>
    <t>cg15194222</t>
  </si>
  <si>
    <t>cg15194251</t>
  </si>
  <si>
    <t>cg15199622</t>
  </si>
  <si>
    <t>cg15202848</t>
  </si>
  <si>
    <t>cg15204861</t>
  </si>
  <si>
    <t>cg15208689</t>
  </si>
  <si>
    <t>cg15209987</t>
  </si>
  <si>
    <t>cg15211864</t>
  </si>
  <si>
    <t>cg15212210</t>
  </si>
  <si>
    <t>cg15215830</t>
  </si>
  <si>
    <t>cg15217623</t>
  </si>
  <si>
    <t>cg15217978</t>
  </si>
  <si>
    <t>cg15225105</t>
  </si>
  <si>
    <t>cg15226102</t>
  </si>
  <si>
    <t>cg15227610</t>
  </si>
  <si>
    <t>cg15228694</t>
  </si>
  <si>
    <t>cg15232290</t>
  </si>
  <si>
    <t>cg15235707</t>
  </si>
  <si>
    <t>cg15239238</t>
  </si>
  <si>
    <t>cg15240568</t>
  </si>
  <si>
    <t>cg15264052</t>
  </si>
  <si>
    <t>cg15264725</t>
  </si>
  <si>
    <t>cg15266969</t>
  </si>
  <si>
    <t>cg15267303</t>
  </si>
  <si>
    <t>cg15268963</t>
  </si>
  <si>
    <t>cg15269516</t>
  </si>
  <si>
    <t>cg15269875</t>
  </si>
  <si>
    <t>cg15270729</t>
  </si>
  <si>
    <t>cg15273822</t>
  </si>
  <si>
    <t>cg15274309</t>
  </si>
  <si>
    <t>cg15274870</t>
  </si>
  <si>
    <t>cg15275313</t>
  </si>
  <si>
    <t>cg15276655</t>
  </si>
  <si>
    <t>cg15277477</t>
  </si>
  <si>
    <t>cg15277677</t>
  </si>
  <si>
    <t>cg15279866</t>
  </si>
  <si>
    <t>cg15286618</t>
  </si>
  <si>
    <t>cg15289899</t>
  </si>
  <si>
    <t>cg15290965</t>
  </si>
  <si>
    <t>cg15293363</t>
  </si>
  <si>
    <t>cg15297235</t>
  </si>
  <si>
    <t>cg15298932</t>
  </si>
  <si>
    <t>cg15301794</t>
  </si>
  <si>
    <t>cg15302032</t>
  </si>
  <si>
    <t>cg15302350</t>
  </si>
  <si>
    <t>cg15304464</t>
  </si>
  <si>
    <t>cg15307777</t>
  </si>
  <si>
    <t>cg15313320</t>
  </si>
  <si>
    <t>cg15313325</t>
  </si>
  <si>
    <t>cg15320059</t>
  </si>
  <si>
    <t>cg15320925</t>
  </si>
  <si>
    <t>cg15322932</t>
  </si>
  <si>
    <t>cg15331855</t>
  </si>
  <si>
    <t>cg15334391</t>
  </si>
  <si>
    <t>cg15335683</t>
  </si>
  <si>
    <t>cg15336893</t>
  </si>
  <si>
    <t>cg15337281</t>
  </si>
  <si>
    <t>cg15340373</t>
  </si>
  <si>
    <t>cg15343224</t>
  </si>
  <si>
    <t>cg15343797</t>
  </si>
  <si>
    <t>cg15343812</t>
  </si>
  <si>
    <t>cg15345391</t>
  </si>
  <si>
    <t>cg15346359</t>
  </si>
  <si>
    <t>cg15349139</t>
  </si>
  <si>
    <t>cg15350840</t>
  </si>
  <si>
    <t>cg15350899</t>
  </si>
  <si>
    <t>cg15351736</t>
  </si>
  <si>
    <t>cg15354625</t>
  </si>
  <si>
    <t>cg15355719</t>
  </si>
  <si>
    <t>cg15355859</t>
  </si>
  <si>
    <t>cg15356966</t>
  </si>
  <si>
    <t>cg15362155</t>
  </si>
  <si>
    <t>cg15365218</t>
  </si>
  <si>
    <t>cg15370815</t>
  </si>
  <si>
    <t>cg15376097</t>
  </si>
  <si>
    <t>cg15384392</t>
  </si>
  <si>
    <t>cg15391359</t>
  </si>
  <si>
    <t>cg15391452</t>
  </si>
  <si>
    <t>cg15392457</t>
  </si>
  <si>
    <t>cg15400868</t>
  </si>
  <si>
    <t>cg15404043</t>
  </si>
  <si>
    <t>cg15411034</t>
  </si>
  <si>
    <t>cg15412087</t>
  </si>
  <si>
    <t>cg15417149</t>
  </si>
  <si>
    <t>cg15417285</t>
  </si>
  <si>
    <t>cg15429179</t>
  </si>
  <si>
    <t>cg15429888</t>
  </si>
  <si>
    <t>cg15430422</t>
  </si>
  <si>
    <t>cg15432711</t>
  </si>
  <si>
    <t>cg15436385</t>
  </si>
  <si>
    <t>cg15436551</t>
  </si>
  <si>
    <t>cg15438794</t>
  </si>
  <si>
    <t>cg15440331</t>
  </si>
  <si>
    <t>cg15440808</t>
  </si>
  <si>
    <t>cg15442037</t>
  </si>
  <si>
    <t>cg15444531</t>
  </si>
  <si>
    <t>cg15446073</t>
  </si>
  <si>
    <t>cg15446391</t>
  </si>
  <si>
    <t>cg15448495</t>
  </si>
  <si>
    <t>cg15451020</t>
  </si>
  <si>
    <t>cg15451948</t>
  </si>
  <si>
    <t>cg15453278</t>
  </si>
  <si>
    <t>cg15456144</t>
  </si>
  <si>
    <t>cg15456821</t>
  </si>
  <si>
    <t>cg15457506</t>
  </si>
  <si>
    <t>cg15457899</t>
  </si>
  <si>
    <t>cg15462887</t>
  </si>
  <si>
    <t>cg15463484</t>
  </si>
  <si>
    <t>cg15465743</t>
  </si>
  <si>
    <t>cg15467785</t>
  </si>
  <si>
    <t>cg15472658</t>
  </si>
  <si>
    <t>cg15474711</t>
  </si>
  <si>
    <t>cg15480095</t>
  </si>
  <si>
    <t>cg15480475</t>
  </si>
  <si>
    <t>cg15481493</t>
  </si>
  <si>
    <t>cg15482500</t>
  </si>
  <si>
    <t>cg15482717</t>
  </si>
  <si>
    <t>cg15484375</t>
  </si>
  <si>
    <t>cg15485101</t>
  </si>
  <si>
    <t>cg15486645</t>
  </si>
  <si>
    <t>cg15488570</t>
  </si>
  <si>
    <t>cg15489541</t>
  </si>
  <si>
    <t>cg15495288</t>
  </si>
  <si>
    <t>cg15497734</t>
  </si>
  <si>
    <t>cg15498563</t>
  </si>
  <si>
    <t>cg15500067</t>
  </si>
  <si>
    <t>cg15500466</t>
  </si>
  <si>
    <t>cg15503018</t>
  </si>
  <si>
    <t>cg15503722</t>
  </si>
  <si>
    <t>cg15509024</t>
  </si>
  <si>
    <t>cg15511120</t>
  </si>
  <si>
    <t>cg15512352</t>
  </si>
  <si>
    <t>cg15516052</t>
  </si>
  <si>
    <t>cg15524336</t>
  </si>
  <si>
    <t>cg15526825</t>
  </si>
  <si>
    <t>cg15531562</t>
  </si>
  <si>
    <t>cg15534272</t>
  </si>
  <si>
    <t>cg15536116</t>
  </si>
  <si>
    <t>cg15538427</t>
  </si>
  <si>
    <t>cg15541062</t>
  </si>
  <si>
    <t>cg15541315</t>
  </si>
  <si>
    <t>cg15542066</t>
  </si>
  <si>
    <t>cg15542639</t>
  </si>
  <si>
    <t>cg15543736</t>
  </si>
  <si>
    <t>cg15545878</t>
  </si>
  <si>
    <t>cg15553522</t>
  </si>
  <si>
    <t>cg15554438</t>
  </si>
  <si>
    <t>cg15554555</t>
  </si>
  <si>
    <t>cg15555017</t>
  </si>
  <si>
    <t>cg15556599</t>
  </si>
  <si>
    <t>cg15559086</t>
  </si>
  <si>
    <t>cg15564267</t>
  </si>
  <si>
    <t>cg15568107</t>
  </si>
  <si>
    <t>cg15569292</t>
  </si>
  <si>
    <t>cg15571376</t>
  </si>
  <si>
    <t>cg15572436</t>
  </si>
  <si>
    <t>cg15574263</t>
  </si>
  <si>
    <t>cg15575356</t>
  </si>
  <si>
    <t>cg15576669</t>
  </si>
  <si>
    <t>cg15581842</t>
  </si>
  <si>
    <t>cg15594471</t>
  </si>
  <si>
    <t>cg15596647</t>
  </si>
  <si>
    <t>cg15603226</t>
  </si>
  <si>
    <t>cg15603568</t>
  </si>
  <si>
    <t>cg15611186</t>
  </si>
  <si>
    <t>cg15612424</t>
  </si>
  <si>
    <t>cg15616358</t>
  </si>
  <si>
    <t>cg15617545</t>
  </si>
  <si>
    <t>cg15619177</t>
  </si>
  <si>
    <t>cg15619546</t>
  </si>
  <si>
    <t>cg15622309</t>
  </si>
  <si>
    <t>cg15622352</t>
  </si>
  <si>
    <t>cg15624716</t>
  </si>
  <si>
    <t>cg15625117</t>
  </si>
  <si>
    <t>cg15632675</t>
  </si>
  <si>
    <t>cg15633416</t>
  </si>
  <si>
    <t>cg15637527</t>
  </si>
  <si>
    <t>cg15639910</t>
  </si>
  <si>
    <t>cg15644003</t>
  </si>
  <si>
    <t>cg15645463</t>
  </si>
  <si>
    <t>cg15648239</t>
  </si>
  <si>
    <t>cg15649702</t>
  </si>
  <si>
    <t>cg15649710</t>
  </si>
  <si>
    <t>cg15651149</t>
  </si>
  <si>
    <t>cg15656834</t>
  </si>
  <si>
    <t>cg15657641</t>
  </si>
  <si>
    <t>cg15659093</t>
  </si>
  <si>
    <t>cg15659828</t>
  </si>
  <si>
    <t>cg15662902</t>
  </si>
  <si>
    <t>cg15663092</t>
  </si>
  <si>
    <t>cg15664618</t>
  </si>
  <si>
    <t>cg15666177</t>
  </si>
  <si>
    <t>cg15668767</t>
  </si>
  <si>
    <t>cg15670290</t>
  </si>
  <si>
    <t>cg15675740</t>
  </si>
  <si>
    <t>cg15676405</t>
  </si>
  <si>
    <t>cg15676544</t>
  </si>
  <si>
    <t>cg15676735</t>
  </si>
  <si>
    <t>cg15678386</t>
  </si>
  <si>
    <t>cg15678678</t>
  </si>
  <si>
    <t>cg15678817</t>
  </si>
  <si>
    <t>cg15679098</t>
  </si>
  <si>
    <t>cg15682194</t>
  </si>
  <si>
    <t>cg15683950</t>
  </si>
  <si>
    <t>cg15685268</t>
  </si>
  <si>
    <t>cg15686157</t>
  </si>
  <si>
    <t>cg15692862</t>
  </si>
  <si>
    <t>cg15694809</t>
  </si>
  <si>
    <t>cg15694989</t>
  </si>
  <si>
    <t>cg15695194</t>
  </si>
  <si>
    <t>cg15698545</t>
  </si>
  <si>
    <t>cg15698795</t>
  </si>
  <si>
    <t>cg15699766</t>
  </si>
  <si>
    <t>cg15700636</t>
  </si>
  <si>
    <t>cg15702349</t>
  </si>
  <si>
    <t>cg15706539</t>
  </si>
  <si>
    <t>cg15708618</t>
  </si>
  <si>
    <t>cg15708990</t>
  </si>
  <si>
    <t>cg15710695</t>
  </si>
  <si>
    <t>cg15714223</t>
  </si>
  <si>
    <t>cg15714607</t>
  </si>
  <si>
    <t>cg15717764</t>
  </si>
  <si>
    <t>cg15719376</t>
  </si>
  <si>
    <t>cg15721424</t>
  </si>
  <si>
    <t>cg15721728</t>
  </si>
  <si>
    <t>cg15722533</t>
  </si>
  <si>
    <t>cg15724159</t>
  </si>
  <si>
    <t>cg15725584</t>
  </si>
  <si>
    <t>cg15725808</t>
  </si>
  <si>
    <t>cg15727708</t>
  </si>
  <si>
    <t>cg15731317</t>
  </si>
  <si>
    <t>cg15741162</t>
  </si>
  <si>
    <t>cg15746396</t>
  </si>
  <si>
    <t>cg15749322</t>
  </si>
  <si>
    <t>cg15750611</t>
  </si>
  <si>
    <t>cg15751198</t>
  </si>
  <si>
    <t>cg15751948</t>
  </si>
  <si>
    <t>cg15755507</t>
  </si>
  <si>
    <t>cg15756248</t>
  </si>
  <si>
    <t>cg15756407</t>
  </si>
  <si>
    <t>cg15763252</t>
  </si>
  <si>
    <t>cg15763258</t>
  </si>
  <si>
    <t>cg15763899</t>
  </si>
  <si>
    <t>cg15765532</t>
  </si>
  <si>
    <t>cg15765817</t>
  </si>
  <si>
    <t>cg15768270</t>
  </si>
  <si>
    <t>cg15769279</t>
  </si>
  <si>
    <t>cg15769472</t>
  </si>
  <si>
    <t>cg15774153</t>
  </si>
  <si>
    <t>cg15777472</t>
  </si>
  <si>
    <t>cg15777623</t>
  </si>
  <si>
    <t>cg15782852</t>
  </si>
  <si>
    <t>cg15789106</t>
  </si>
  <si>
    <t>cg15795544</t>
  </si>
  <si>
    <t>cg15796682</t>
  </si>
  <si>
    <t>cg15799461</t>
  </si>
  <si>
    <t>cg15801654</t>
  </si>
  <si>
    <t>cg15801751</t>
  </si>
  <si>
    <t>cg15805337</t>
  </si>
  <si>
    <t>cg15806780</t>
  </si>
  <si>
    <t>cg15806880</t>
  </si>
  <si>
    <t>cg15808924</t>
  </si>
  <si>
    <t>cg15810744</t>
  </si>
  <si>
    <t>cg15812322</t>
  </si>
  <si>
    <t>cg15813095</t>
  </si>
  <si>
    <t>cg15813330</t>
  </si>
  <si>
    <t>cg15817236</t>
  </si>
  <si>
    <t>cg15822411</t>
  </si>
  <si>
    <t>cg15826130</t>
  </si>
  <si>
    <t>cg15828364</t>
  </si>
  <si>
    <t>cg15829826</t>
  </si>
  <si>
    <t>cg15830290</t>
  </si>
  <si>
    <t>cg15832662</t>
  </si>
  <si>
    <t>cg15832905</t>
  </si>
  <si>
    <t>cg15836711</t>
  </si>
  <si>
    <t>cg15842276</t>
  </si>
  <si>
    <t>cg15842967</t>
  </si>
  <si>
    <t>cg15846482</t>
  </si>
  <si>
    <t>cg15848364</t>
  </si>
  <si>
    <t>cg15849872</t>
  </si>
  <si>
    <t>cg15851278</t>
  </si>
  <si>
    <t>cg15855184</t>
  </si>
  <si>
    <t>cg15857427</t>
  </si>
  <si>
    <t>cg15857739</t>
  </si>
  <si>
    <t>cg15861189</t>
  </si>
  <si>
    <t>cg15880738</t>
  </si>
  <si>
    <t>cg15883761</t>
  </si>
  <si>
    <t>cg15887459</t>
  </si>
  <si>
    <t>cg15887846</t>
  </si>
  <si>
    <t>cg15894129</t>
  </si>
  <si>
    <t>cg15894661</t>
  </si>
  <si>
    <t>cg15896579</t>
  </si>
  <si>
    <t>cg15896978</t>
  </si>
  <si>
    <t>cg15897209</t>
  </si>
  <si>
    <t>cg15899112</t>
  </si>
  <si>
    <t>cg15903837</t>
  </si>
  <si>
    <t>cg15904130</t>
  </si>
  <si>
    <t>cg15908324</t>
  </si>
  <si>
    <t>cg15908627</t>
  </si>
  <si>
    <t>cg15909725</t>
  </si>
  <si>
    <t>cg15914011</t>
  </si>
  <si>
    <t>cg15914769</t>
  </si>
  <si>
    <t>cg15915129</t>
  </si>
  <si>
    <t>cg15917625</t>
  </si>
  <si>
    <t>cg15918732</t>
  </si>
  <si>
    <t>cg15920975</t>
  </si>
  <si>
    <t>cg15932284</t>
  </si>
  <si>
    <t>cg15933729</t>
  </si>
  <si>
    <t>cg15939287</t>
  </si>
  <si>
    <t>cg15939915</t>
  </si>
  <si>
    <t>cg15940128</t>
  </si>
  <si>
    <t>cg15943437</t>
  </si>
  <si>
    <t>cg15945333</t>
  </si>
  <si>
    <t>cg15945475</t>
  </si>
  <si>
    <t>cg15945999</t>
  </si>
  <si>
    <t>cg15948326</t>
  </si>
  <si>
    <t>cg15950337</t>
  </si>
  <si>
    <t>cg15953187</t>
  </si>
  <si>
    <t>cg15956558</t>
  </si>
  <si>
    <t>cg15957341</t>
  </si>
  <si>
    <t>cg15958289</t>
  </si>
  <si>
    <t>cg15964523</t>
  </si>
  <si>
    <t>cg15968932</t>
  </si>
  <si>
    <t>cg15970259</t>
  </si>
  <si>
    <t>cg15971656</t>
  </si>
  <si>
    <t>cg15975211</t>
  </si>
  <si>
    <t>cg15975375</t>
  </si>
  <si>
    <t>cg15976541</t>
  </si>
  <si>
    <t>cg15976910</t>
  </si>
  <si>
    <t>cg15978097</t>
  </si>
  <si>
    <t>cg15983605</t>
  </si>
  <si>
    <t>cg15983698</t>
  </si>
  <si>
    <t>cg15985132</t>
  </si>
  <si>
    <t>cg15992347</t>
  </si>
  <si>
    <t>cg15994604</t>
  </si>
  <si>
    <t>cg16001613</t>
  </si>
  <si>
    <t>cg16003049</t>
  </si>
  <si>
    <t>cg16003678</t>
  </si>
  <si>
    <t>cg16004226</t>
  </si>
  <si>
    <t>cg16004548</t>
  </si>
  <si>
    <t>cg16005564</t>
  </si>
  <si>
    <t>cg16006626</t>
  </si>
  <si>
    <t>cg16006969</t>
  </si>
  <si>
    <t>cg16007541</t>
  </si>
  <si>
    <t>cg16012690</t>
  </si>
  <si>
    <t>cg16013966</t>
  </si>
  <si>
    <t>cg16016431</t>
  </si>
  <si>
    <t>cg16021896</t>
  </si>
  <si>
    <t>cg16023107</t>
  </si>
  <si>
    <t>cg16024530</t>
  </si>
  <si>
    <t>cg16026550</t>
  </si>
  <si>
    <t>cg16028555</t>
  </si>
  <si>
    <t>cg16032108</t>
  </si>
  <si>
    <t>cg16035277</t>
  </si>
  <si>
    <t>cg16035520</t>
  </si>
  <si>
    <t>cg16039869</t>
  </si>
  <si>
    <t>cg16047053</t>
  </si>
  <si>
    <t>cg16049246</t>
  </si>
  <si>
    <t>cg16051651</t>
  </si>
  <si>
    <t>cg16053334</t>
  </si>
  <si>
    <t>cg16056964</t>
  </si>
  <si>
    <t>cg16060204</t>
  </si>
  <si>
    <t>cg16061668</t>
  </si>
  <si>
    <t>cg16061947</t>
  </si>
  <si>
    <t>cg16065899</t>
  </si>
  <si>
    <t>cg16073427</t>
  </si>
  <si>
    <t>cg16077226</t>
  </si>
  <si>
    <t>cg16082644</t>
  </si>
  <si>
    <t>cg16083838</t>
  </si>
  <si>
    <t>cg16086925</t>
  </si>
  <si>
    <t>cg16087630</t>
  </si>
  <si>
    <t>cg16090599</t>
  </si>
  <si>
    <t>cg16092786</t>
  </si>
  <si>
    <t>cg16098531</t>
  </si>
  <si>
    <t>cg16100721</t>
  </si>
  <si>
    <t>cg16120811</t>
  </si>
  <si>
    <t>cg16120927</t>
  </si>
  <si>
    <t>cg16124402</t>
  </si>
  <si>
    <t>cg16125371</t>
  </si>
  <si>
    <t>cg16129132</t>
  </si>
  <si>
    <t>cg16129800</t>
  </si>
  <si>
    <t>cg16131482</t>
  </si>
  <si>
    <t>cg16133943</t>
  </si>
  <si>
    <t>cg16134191</t>
  </si>
  <si>
    <t>cg16135180</t>
  </si>
  <si>
    <t>cg16137891</t>
  </si>
  <si>
    <t>cg16139011</t>
  </si>
  <si>
    <t>cg16145209</t>
  </si>
  <si>
    <t>cg16145821</t>
  </si>
  <si>
    <t>cg16146033</t>
  </si>
  <si>
    <t>cg16148346</t>
  </si>
  <si>
    <t>cg16148773</t>
  </si>
  <si>
    <t>cg16150393</t>
  </si>
  <si>
    <t>cg16151558</t>
  </si>
  <si>
    <t>cg16151795</t>
  </si>
  <si>
    <t>cg16152871</t>
  </si>
  <si>
    <t>cg16158779</t>
  </si>
  <si>
    <t>cg16167240</t>
  </si>
  <si>
    <t>cg16168321</t>
  </si>
  <si>
    <t>cg16168406</t>
  </si>
  <si>
    <t>cg16171723</t>
  </si>
  <si>
    <t>cg16177481</t>
  </si>
  <si>
    <t>cg16180920</t>
  </si>
  <si>
    <t>cg16182465</t>
  </si>
  <si>
    <t>cg16182743</t>
  </si>
  <si>
    <t>cg16182932</t>
  </si>
  <si>
    <t>cg16184346</t>
  </si>
  <si>
    <t>cg16185379</t>
  </si>
  <si>
    <t>cg16192052</t>
  </si>
  <si>
    <t>cg16196602</t>
  </si>
  <si>
    <t>cg16196984</t>
  </si>
  <si>
    <t>cg16197088</t>
  </si>
  <si>
    <t>cg16200584</t>
  </si>
  <si>
    <t>cg16201780</t>
  </si>
  <si>
    <t>cg16203106</t>
  </si>
  <si>
    <t>cg16208240</t>
  </si>
  <si>
    <t>cg16208395</t>
  </si>
  <si>
    <t>cg16209873</t>
  </si>
  <si>
    <t>cg16211161</t>
  </si>
  <si>
    <t>cg16212279</t>
  </si>
  <si>
    <t>cg16213375</t>
  </si>
  <si>
    <t>cg16220743</t>
  </si>
  <si>
    <t>cg16225091</t>
  </si>
  <si>
    <t>cg16226369</t>
  </si>
  <si>
    <t>cg16235582</t>
  </si>
  <si>
    <t>cg16236770</t>
  </si>
  <si>
    <t>cg16243351</t>
  </si>
  <si>
    <t>cg16243542</t>
  </si>
  <si>
    <t>cg16244299</t>
  </si>
  <si>
    <t>cg16245265</t>
  </si>
  <si>
    <t>cg16246188</t>
  </si>
  <si>
    <t>cg16253834</t>
  </si>
  <si>
    <t>cg16257091</t>
  </si>
  <si>
    <t>cg16257181</t>
  </si>
  <si>
    <t>cg16257247</t>
  </si>
  <si>
    <t>cg16257533</t>
  </si>
  <si>
    <t>cg16260696</t>
  </si>
  <si>
    <t>cg16260700</t>
  </si>
  <si>
    <t>cg16269184</t>
  </si>
  <si>
    <t>cg16273041</t>
  </si>
  <si>
    <t>cg16274762</t>
  </si>
  <si>
    <t>cg16276153</t>
  </si>
  <si>
    <t>cg16279290</t>
  </si>
  <si>
    <t>cg16279835</t>
  </si>
  <si>
    <t>cg16280313</t>
  </si>
  <si>
    <t>cg16280667</t>
  </si>
  <si>
    <t>cg16281248</t>
  </si>
  <si>
    <t>cg16287734</t>
  </si>
  <si>
    <t>cg16289449</t>
  </si>
  <si>
    <t>cg16291112</t>
  </si>
  <si>
    <t>cg16292382</t>
  </si>
  <si>
    <t>cg16293069</t>
  </si>
  <si>
    <t>cg16293569</t>
  </si>
  <si>
    <t>cg16293853</t>
  </si>
  <si>
    <t>cg16299665</t>
  </si>
  <si>
    <t>cg16302816</t>
  </si>
  <si>
    <t>cg16306508</t>
  </si>
  <si>
    <t>cg16308174</t>
  </si>
  <si>
    <t>cg16309319</t>
  </si>
  <si>
    <t>cg16309325</t>
  </si>
  <si>
    <t>cg16309993</t>
  </si>
  <si>
    <t>cg16311302</t>
  </si>
  <si>
    <t>cg16313230</t>
  </si>
  <si>
    <t>cg16313264</t>
  </si>
  <si>
    <t>cg16313944</t>
  </si>
  <si>
    <t>cg16317318</t>
  </si>
  <si>
    <t>cg16317441</t>
  </si>
  <si>
    <t>cg16317457</t>
  </si>
  <si>
    <t>cg16317734</t>
  </si>
  <si>
    <t>cg16322014</t>
  </si>
  <si>
    <t>cg16327477</t>
  </si>
  <si>
    <t>cg16327839</t>
  </si>
  <si>
    <t>cg16328381</t>
  </si>
  <si>
    <t>cg16329509</t>
  </si>
  <si>
    <t>cg16332060</t>
  </si>
  <si>
    <t>cg16332631</t>
  </si>
  <si>
    <t>cg16335858</t>
  </si>
  <si>
    <t>cg16337273</t>
  </si>
  <si>
    <t>cg16337763</t>
  </si>
  <si>
    <t>cg16339434</t>
  </si>
  <si>
    <t>cg16340030</t>
  </si>
  <si>
    <t>cg16344511</t>
  </si>
  <si>
    <t>cg16346813</t>
  </si>
  <si>
    <t>cg16348742</t>
  </si>
  <si>
    <t>cg16356224</t>
  </si>
  <si>
    <t>cg16356552</t>
  </si>
  <si>
    <t>cg16358920</t>
  </si>
  <si>
    <t>cg16359142</t>
  </si>
  <si>
    <t>cg16359550</t>
  </si>
  <si>
    <t>cg16364803</t>
  </si>
  <si>
    <t>cg16365690</t>
  </si>
  <si>
    <t>cg16371518</t>
  </si>
  <si>
    <t>cg16372156</t>
  </si>
  <si>
    <t>cg16373456</t>
  </si>
  <si>
    <t>cg16374093</t>
  </si>
  <si>
    <t>cg16374193</t>
  </si>
  <si>
    <t>cg16389345</t>
  </si>
  <si>
    <t>cg16389348</t>
  </si>
  <si>
    <t>cg16393207</t>
  </si>
  <si>
    <t>cg16399393</t>
  </si>
  <si>
    <t>cg16402635</t>
  </si>
  <si>
    <t>cg16402894</t>
  </si>
  <si>
    <t>cg16404106</t>
  </si>
  <si>
    <t>cg16405454</t>
  </si>
  <si>
    <t>cg16406611</t>
  </si>
  <si>
    <t>cg16407471</t>
  </si>
  <si>
    <t>cg16409869</t>
  </si>
  <si>
    <t>cg16411579</t>
  </si>
  <si>
    <t>cg16411949</t>
  </si>
  <si>
    <t>cg16414684</t>
  </si>
  <si>
    <t>cg16414796</t>
  </si>
  <si>
    <t>cg16417437</t>
  </si>
  <si>
    <t>cg16418684</t>
  </si>
  <si>
    <t>cg16420888</t>
  </si>
  <si>
    <t>cg16422816</t>
  </si>
  <si>
    <t>cg16423756</t>
  </si>
  <si>
    <t>cg16426034</t>
  </si>
  <si>
    <t>cg16434150</t>
  </si>
  <si>
    <t>cg16434190</t>
  </si>
  <si>
    <t>cg16434897</t>
  </si>
  <si>
    <t>cg16438686</t>
  </si>
  <si>
    <t>cg16442814</t>
  </si>
  <si>
    <t>cg16446783</t>
  </si>
  <si>
    <t>cg16449084</t>
  </si>
  <si>
    <t>cg16451134</t>
  </si>
  <si>
    <t>cg16453560</t>
  </si>
  <si>
    <t>cg16456980</t>
  </si>
  <si>
    <t>cg16457574</t>
  </si>
  <si>
    <t>cg16458170</t>
  </si>
  <si>
    <t>cg16461134</t>
  </si>
  <si>
    <t>cg16463460</t>
  </si>
  <si>
    <t>cg16465939</t>
  </si>
  <si>
    <t>cg16466334</t>
  </si>
  <si>
    <t>cg16467919</t>
  </si>
  <si>
    <t>cg16469419</t>
  </si>
  <si>
    <t>cg16472011</t>
  </si>
  <si>
    <t>cg16472904</t>
  </si>
  <si>
    <t>cg16476427</t>
  </si>
  <si>
    <t>cg16477492</t>
  </si>
  <si>
    <t>cg16480759</t>
  </si>
  <si>
    <t>cg16481667</t>
  </si>
  <si>
    <t>cg16486109</t>
  </si>
  <si>
    <t>cg16488737</t>
  </si>
  <si>
    <t>cg16492395</t>
  </si>
  <si>
    <t>cg16497921</t>
  </si>
  <si>
    <t>cg16498504</t>
  </si>
  <si>
    <t>cg16499634</t>
  </si>
  <si>
    <t>cg16501028</t>
  </si>
  <si>
    <t>cg16501572</t>
  </si>
  <si>
    <t>cg16506887</t>
  </si>
  <si>
    <t>cg16507827</t>
  </si>
  <si>
    <t>cg16509173</t>
  </si>
  <si>
    <t>cg16509239</t>
  </si>
  <si>
    <t>cg16509978</t>
  </si>
  <si>
    <t>cg16511948</t>
  </si>
  <si>
    <t>cg16512570</t>
  </si>
  <si>
    <t>cg16514167</t>
  </si>
  <si>
    <t>cg16516316</t>
  </si>
  <si>
    <t>cg16516888</t>
  </si>
  <si>
    <t>cg16516980</t>
  </si>
  <si>
    <t>cg16517172</t>
  </si>
  <si>
    <t>cg16517358</t>
  </si>
  <si>
    <t>cg16518015</t>
  </si>
  <si>
    <t>cg16519399</t>
  </si>
  <si>
    <t>cg16520038</t>
  </si>
  <si>
    <t>cg16521773</t>
  </si>
  <si>
    <t>cg16522260</t>
  </si>
  <si>
    <t>cg16523148</t>
  </si>
  <si>
    <t>cg16526416</t>
  </si>
  <si>
    <t>cg16526445</t>
  </si>
  <si>
    <t>cg16528926</t>
  </si>
  <si>
    <t>cg16535062</t>
  </si>
  <si>
    <t>cg16535667</t>
  </si>
  <si>
    <t>cg16538343</t>
  </si>
  <si>
    <t>cg16541031</t>
  </si>
  <si>
    <t>cg16541628</t>
  </si>
  <si>
    <t>cg16542898</t>
  </si>
  <si>
    <t>cg16542929</t>
  </si>
  <si>
    <t>cg16544887</t>
  </si>
  <si>
    <t>cg16546622</t>
  </si>
  <si>
    <t>cg16547529</t>
  </si>
  <si>
    <t>cg16548261</t>
  </si>
  <si>
    <t>cg16551100</t>
  </si>
  <si>
    <t>cg16553354</t>
  </si>
  <si>
    <t>cg16556677</t>
  </si>
  <si>
    <t>cg16564135</t>
  </si>
  <si>
    <t>cg16568681</t>
  </si>
  <si>
    <t>cg16572600</t>
  </si>
  <si>
    <t>cg16574793</t>
  </si>
  <si>
    <t>cg16577595</t>
  </si>
  <si>
    <t>cg16578226</t>
  </si>
  <si>
    <t>cg16588061</t>
  </si>
  <si>
    <t>cg16588880</t>
  </si>
  <si>
    <t>cg16592326</t>
  </si>
  <si>
    <t>cg16592378</t>
  </si>
  <si>
    <t>cg16592434</t>
  </si>
  <si>
    <t>cg16594910</t>
  </si>
  <si>
    <t>cg16595548</t>
  </si>
  <si>
    <t>cg16598420</t>
  </si>
  <si>
    <t>cg16608656</t>
  </si>
  <si>
    <t>cg16609872</t>
  </si>
  <si>
    <t>cg16611234</t>
  </si>
  <si>
    <t>cg16612699</t>
  </si>
  <si>
    <t>cg16612806</t>
  </si>
  <si>
    <t>cg16615954</t>
  </si>
  <si>
    <t>cg16616340</t>
  </si>
  <si>
    <t>cg16617073</t>
  </si>
  <si>
    <t>cg16617628</t>
  </si>
  <si>
    <t>cg16626063</t>
  </si>
  <si>
    <t>cg16628183</t>
  </si>
  <si>
    <t>cg16630303</t>
  </si>
  <si>
    <t>cg16632280</t>
  </si>
  <si>
    <t>cg16633848</t>
  </si>
  <si>
    <t>cg16634901</t>
  </si>
  <si>
    <t>cg16634971</t>
  </si>
  <si>
    <t>cg16638248</t>
  </si>
  <si>
    <t>cg16644457</t>
  </si>
  <si>
    <t>cg16659908</t>
  </si>
  <si>
    <t>cg16661143</t>
  </si>
  <si>
    <t>cg16662250</t>
  </si>
  <si>
    <t>cg16663155</t>
  </si>
  <si>
    <t>cg16672189</t>
  </si>
  <si>
    <t>cg16674116</t>
  </si>
  <si>
    <t>cg16675558</t>
  </si>
  <si>
    <t>cg16675758</t>
  </si>
  <si>
    <t>cg16676292</t>
  </si>
  <si>
    <t>cg16678159</t>
  </si>
  <si>
    <t>cg16682046</t>
  </si>
  <si>
    <t>cg16685832</t>
  </si>
  <si>
    <t>cg16687450</t>
  </si>
  <si>
    <t>cg16687867</t>
  </si>
  <si>
    <t>cg16688583</t>
  </si>
  <si>
    <t>cg16692211</t>
  </si>
  <si>
    <t>cg16697977</t>
  </si>
  <si>
    <t>cg16698575</t>
  </si>
  <si>
    <t>cg16704834</t>
  </si>
  <si>
    <t>cg16709110</t>
  </si>
  <si>
    <t>cg16711165</t>
  </si>
  <si>
    <t>cg16711450</t>
  </si>
  <si>
    <t>cg16712155</t>
  </si>
  <si>
    <t>cg16712438</t>
  </si>
  <si>
    <t>cg16713357</t>
  </si>
  <si>
    <t>cg16720379</t>
  </si>
  <si>
    <t>cg16723180</t>
  </si>
  <si>
    <t>cg16728846</t>
  </si>
  <si>
    <t>cg16733769</t>
  </si>
  <si>
    <t>cg16737213</t>
  </si>
  <si>
    <t>cg16749930</t>
  </si>
  <si>
    <t>cg16753846</t>
  </si>
  <si>
    <t>cg16755114</t>
  </si>
  <si>
    <t>cg16760981</t>
  </si>
  <si>
    <t>cg16766640</t>
  </si>
  <si>
    <t>cg16768850</t>
  </si>
  <si>
    <t>cg16769381</t>
  </si>
  <si>
    <t>cg16770774</t>
  </si>
  <si>
    <t>cg16771716</t>
  </si>
  <si>
    <t>cg16776574</t>
  </si>
  <si>
    <t>cg16778148</t>
  </si>
  <si>
    <t>cg16780860</t>
  </si>
  <si>
    <t>cg16786315</t>
  </si>
  <si>
    <t>cg16787065</t>
  </si>
  <si>
    <t>cg16788234</t>
  </si>
  <si>
    <t>cg16791781</t>
  </si>
  <si>
    <t>cg16793187</t>
  </si>
  <si>
    <t>cg16793525</t>
  </si>
  <si>
    <t>cg16794682</t>
  </si>
  <si>
    <t>cg16798348</t>
  </si>
  <si>
    <t>cg16800162</t>
  </si>
  <si>
    <t>cg16801797</t>
  </si>
  <si>
    <t>cg16802508</t>
  </si>
  <si>
    <t>cg16803548</t>
  </si>
  <si>
    <t>cg16806210</t>
  </si>
  <si>
    <t>cg16808373</t>
  </si>
  <si>
    <t>cg16808505</t>
  </si>
  <si>
    <t>cg16811455</t>
  </si>
  <si>
    <t>cg16817891</t>
  </si>
  <si>
    <t>cg16820186</t>
  </si>
  <si>
    <t>cg16821068</t>
  </si>
  <si>
    <t>cg16822189</t>
  </si>
  <si>
    <t>cg16823277</t>
  </si>
  <si>
    <t>cg16823430</t>
  </si>
  <si>
    <t>cg16823737</t>
  </si>
  <si>
    <t>cg16825288</t>
  </si>
  <si>
    <t>cg16825545</t>
  </si>
  <si>
    <t>cg16828648</t>
  </si>
  <si>
    <t>cg16837326</t>
  </si>
  <si>
    <t>cg16839921</t>
  </si>
  <si>
    <t>cg16841119</t>
  </si>
  <si>
    <t>cg16842717</t>
  </si>
  <si>
    <t>cg16844661</t>
  </si>
  <si>
    <t>cg16845483</t>
  </si>
  <si>
    <t>cg16845701</t>
  </si>
  <si>
    <t>cg16854052</t>
  </si>
  <si>
    <t>cg16857192</t>
  </si>
  <si>
    <t>cg16857801</t>
  </si>
  <si>
    <t>cg16858415</t>
  </si>
  <si>
    <t>cg16873863</t>
  </si>
  <si>
    <t>cg16874185</t>
  </si>
  <si>
    <t>cg16877339</t>
  </si>
  <si>
    <t>cg16878549</t>
  </si>
  <si>
    <t>cg16882301</t>
  </si>
  <si>
    <t>cg16884601</t>
  </si>
  <si>
    <t>cg16885861</t>
  </si>
  <si>
    <t>cg16895493</t>
  </si>
  <si>
    <t>cg16895973</t>
  </si>
  <si>
    <t>cg16898576</t>
  </si>
  <si>
    <t>cg16904321</t>
  </si>
  <si>
    <t>cg16911576</t>
  </si>
  <si>
    <t>cg16920538</t>
  </si>
  <si>
    <t>cg16928657</t>
  </si>
  <si>
    <t>cg16933224</t>
  </si>
  <si>
    <t>cg16933967</t>
  </si>
  <si>
    <t>cg16934127</t>
  </si>
  <si>
    <t>cg16934235</t>
  </si>
  <si>
    <t>cg16935999</t>
  </si>
  <si>
    <t>cg16938805</t>
  </si>
  <si>
    <t>cg16941568</t>
  </si>
  <si>
    <t>cg16943053</t>
  </si>
  <si>
    <t>cg16945685</t>
  </si>
  <si>
    <t>cg16945809</t>
  </si>
  <si>
    <t>cg16946439</t>
  </si>
  <si>
    <t>cg16950627</t>
  </si>
  <si>
    <t>cg16955318</t>
  </si>
  <si>
    <t>cg16958106</t>
  </si>
  <si>
    <t>cg16965393</t>
  </si>
  <si>
    <t>cg16971827</t>
  </si>
  <si>
    <t>cg16971991</t>
  </si>
  <si>
    <t>cg16972885</t>
  </si>
  <si>
    <t>cg16977799</t>
  </si>
  <si>
    <t>cg16977872</t>
  </si>
  <si>
    <t>cg16978571</t>
  </si>
  <si>
    <t>cg16979575</t>
  </si>
  <si>
    <t>cg16980426</t>
  </si>
  <si>
    <t>cg16981685</t>
  </si>
  <si>
    <t>cg16986846</t>
  </si>
  <si>
    <t>cg16986973</t>
  </si>
  <si>
    <t>cg16996281</t>
  </si>
  <si>
    <t>cg16998353</t>
  </si>
  <si>
    <t>cg17001194</t>
  </si>
  <si>
    <t>cg17001627</t>
  </si>
  <si>
    <t>cg17001976</t>
  </si>
  <si>
    <t>cg17003221</t>
  </si>
  <si>
    <t>cg17003376</t>
  </si>
  <si>
    <t>cg17007896</t>
  </si>
  <si>
    <t>cg17009522</t>
  </si>
  <si>
    <t>cg17009679</t>
  </si>
  <si>
    <t>cg17013303</t>
  </si>
  <si>
    <t>cg17018464</t>
  </si>
  <si>
    <t>cg17028450</t>
  </si>
  <si>
    <t>cg17030562</t>
  </si>
  <si>
    <t>cg17032161</t>
  </si>
  <si>
    <t>cg17034036</t>
  </si>
  <si>
    <t>cg17035757</t>
  </si>
  <si>
    <t>cg17037149</t>
  </si>
  <si>
    <t>cg17039830</t>
  </si>
  <si>
    <t>cg17042914</t>
  </si>
  <si>
    <t>cg17043191</t>
  </si>
  <si>
    <t>cg17046322</t>
  </si>
  <si>
    <t>cg17048483</t>
  </si>
  <si>
    <t>cg17052466</t>
  </si>
  <si>
    <t>cg17058012</t>
  </si>
  <si>
    <t>cg17058475</t>
  </si>
  <si>
    <t>cg17058777</t>
  </si>
  <si>
    <t>cg17059994</t>
  </si>
  <si>
    <t>cg17063910</t>
  </si>
  <si>
    <t>cg17063929</t>
  </si>
  <si>
    <t>cg17066238</t>
  </si>
  <si>
    <t>cg17066254</t>
  </si>
  <si>
    <t>cg17072805</t>
  </si>
  <si>
    <t>cg17074339</t>
  </si>
  <si>
    <t>cg17074821</t>
  </si>
  <si>
    <t>cg17076485</t>
  </si>
  <si>
    <t>cg17081955</t>
  </si>
  <si>
    <t>cg17087974</t>
  </si>
  <si>
    <t>cg17090237</t>
  </si>
  <si>
    <t>cg17092519</t>
  </si>
  <si>
    <t>cg17103026</t>
  </si>
  <si>
    <t>cg17105005</t>
  </si>
  <si>
    <t>cg17108629</t>
  </si>
  <si>
    <t>cg17111166</t>
  </si>
  <si>
    <t>cg17112182</t>
  </si>
  <si>
    <t>cg17114257</t>
  </si>
  <si>
    <t>cg17114283</t>
  </si>
  <si>
    <t>cg17119170</t>
  </si>
  <si>
    <t>cg17123809</t>
  </si>
  <si>
    <t>cg17127339</t>
  </si>
  <si>
    <t>cg17128833</t>
  </si>
  <si>
    <t>cg17131044</t>
  </si>
  <si>
    <t>cg17140647</t>
  </si>
  <si>
    <t>cg17142020</t>
  </si>
  <si>
    <t>cg17144437</t>
  </si>
  <si>
    <t>cg17145281</t>
  </si>
  <si>
    <t>cg17146918</t>
  </si>
  <si>
    <t>cg17147820</t>
  </si>
  <si>
    <t>cg17149644</t>
  </si>
  <si>
    <t>cg17151150</t>
  </si>
  <si>
    <t>cg17153055</t>
  </si>
  <si>
    <t>cg17155859</t>
  </si>
  <si>
    <t>cg17160439</t>
  </si>
  <si>
    <t>cg17161419</t>
  </si>
  <si>
    <t>cg17161520</t>
  </si>
  <si>
    <t>cg17163363</t>
  </si>
  <si>
    <t>cg17163839</t>
  </si>
  <si>
    <t>cg17166288</t>
  </si>
  <si>
    <t>cg17168875</t>
  </si>
  <si>
    <t>cg17171127</t>
  </si>
  <si>
    <t>cg17173423</t>
  </si>
  <si>
    <t>cg17174372</t>
  </si>
  <si>
    <t>cg17174493</t>
  </si>
  <si>
    <t>cg17174764</t>
  </si>
  <si>
    <t>cg17174778</t>
  </si>
  <si>
    <t>cg17176195</t>
  </si>
  <si>
    <t>cg17186803</t>
  </si>
  <si>
    <t>cg17198658</t>
  </si>
  <si>
    <t>cg17198772</t>
  </si>
  <si>
    <t>cg17202854</t>
  </si>
  <si>
    <t>cg17213154</t>
  </si>
  <si>
    <t>cg17214699</t>
  </si>
  <si>
    <t>cg17215361</t>
  </si>
  <si>
    <t>cg17219038</t>
  </si>
  <si>
    <t>cg17219828</t>
  </si>
  <si>
    <t>cg17221226</t>
  </si>
  <si>
    <t>cg17222950</t>
  </si>
  <si>
    <t>cg17225172</t>
  </si>
  <si>
    <t>cg17227621</t>
  </si>
  <si>
    <t>cg17228821</t>
  </si>
  <si>
    <t>cg17229197</t>
  </si>
  <si>
    <t>cg17233601</t>
  </si>
  <si>
    <t>cg17239974</t>
  </si>
  <si>
    <t>cg17240496</t>
  </si>
  <si>
    <t>cg17247314</t>
  </si>
  <si>
    <t>cg17253407</t>
  </si>
  <si>
    <t>cg17255148</t>
  </si>
  <si>
    <t>cg17257587</t>
  </si>
  <si>
    <t>cg17259265</t>
  </si>
  <si>
    <t>cg17260124</t>
  </si>
  <si>
    <t>cg17260660</t>
  </si>
  <si>
    <t>cg17260706</t>
  </si>
  <si>
    <t>cg17261120</t>
  </si>
  <si>
    <t>cg17261804</t>
  </si>
  <si>
    <t>cg17266233</t>
  </si>
  <si>
    <t>cg17270234</t>
  </si>
  <si>
    <t>cg17272126</t>
  </si>
  <si>
    <t>cg17273911</t>
  </si>
  <si>
    <t>cg17274640</t>
  </si>
  <si>
    <t>cg17277529</t>
  </si>
  <si>
    <t>cg17280740</t>
  </si>
  <si>
    <t>cg17284162</t>
  </si>
  <si>
    <t>cg17285335</t>
  </si>
  <si>
    <t>cg17285663</t>
  </si>
  <si>
    <t>cg17285922</t>
  </si>
  <si>
    <t>cg17287172</t>
  </si>
  <si>
    <t>cg17290213</t>
  </si>
  <si>
    <t>cg17291157</t>
  </si>
  <si>
    <t>cg17292384</t>
  </si>
  <si>
    <t>cg17293600</t>
  </si>
  <si>
    <t>cg17294952</t>
  </si>
  <si>
    <t>cg17296447</t>
  </si>
  <si>
    <t>cg17296588</t>
  </si>
  <si>
    <t>cg17297475</t>
  </si>
  <si>
    <t>cg17297696</t>
  </si>
  <si>
    <t>cg17299456</t>
  </si>
  <si>
    <t>cg17300723</t>
  </si>
  <si>
    <t>cg17302292</t>
  </si>
  <si>
    <t>cg17304336</t>
  </si>
  <si>
    <t>cg17304467</t>
  </si>
  <si>
    <t>cg17305275</t>
  </si>
  <si>
    <t>cg17308151</t>
  </si>
  <si>
    <t>cg17309711</t>
  </si>
  <si>
    <t>cg17320698</t>
  </si>
  <si>
    <t>cg17321617</t>
  </si>
  <si>
    <t>cg17322667</t>
  </si>
  <si>
    <t>cg17323171</t>
  </si>
  <si>
    <t>cg17330460</t>
  </si>
  <si>
    <t>cg17333251</t>
  </si>
  <si>
    <t>cg17333783</t>
  </si>
  <si>
    <t>cg17333791</t>
  </si>
  <si>
    <t>cg17333973</t>
  </si>
  <si>
    <t>cg17335440</t>
  </si>
  <si>
    <t>cg17338544</t>
  </si>
  <si>
    <t>cg17341158</t>
  </si>
  <si>
    <t>cg17341170</t>
  </si>
  <si>
    <t>cg17342184</t>
  </si>
  <si>
    <t>cg17344040</t>
  </si>
  <si>
    <t>cg17344055</t>
  </si>
  <si>
    <t>cg17346115</t>
  </si>
  <si>
    <t>cg17353812</t>
  </si>
  <si>
    <t>cg17356532</t>
  </si>
  <si>
    <t>cg17357132</t>
  </si>
  <si>
    <t>cg17363443</t>
  </si>
  <si>
    <t>cg17363540</t>
  </si>
  <si>
    <t>cg17371081</t>
  </si>
  <si>
    <t>cg17372245</t>
  </si>
  <si>
    <t>cg17372806</t>
  </si>
  <si>
    <t>cg17377491</t>
  </si>
  <si>
    <t>cg17378273</t>
  </si>
  <si>
    <t>cg17378617</t>
  </si>
  <si>
    <t>cg17379799</t>
  </si>
  <si>
    <t>cg17381377</t>
  </si>
  <si>
    <t>cg17392047</t>
  </si>
  <si>
    <t>cg17397420</t>
  </si>
  <si>
    <t>cg17401435</t>
  </si>
  <si>
    <t>cg17403830</t>
  </si>
  <si>
    <t>cg17404081</t>
  </si>
  <si>
    <t>cg17408637</t>
  </si>
  <si>
    <t>cg17413302</t>
  </si>
  <si>
    <t>cg17413943</t>
  </si>
  <si>
    <t>cg17414718</t>
  </si>
  <si>
    <t>cg17415721</t>
  </si>
  <si>
    <t>cg17416793</t>
  </si>
  <si>
    <t>cg17418276</t>
  </si>
  <si>
    <t>cg17419660</t>
  </si>
  <si>
    <t>cg17421143</t>
  </si>
  <si>
    <t>cg17421890</t>
  </si>
  <si>
    <t>cg17422915</t>
  </si>
  <si>
    <t>cg17424056</t>
  </si>
  <si>
    <t>cg17426084</t>
  </si>
  <si>
    <t>cg17429870</t>
  </si>
  <si>
    <t>cg17430228</t>
  </si>
  <si>
    <t>cg17434043</t>
  </si>
  <si>
    <t>cg17434309</t>
  </si>
  <si>
    <t>cg17434901</t>
  </si>
  <si>
    <t>cg17436370</t>
  </si>
  <si>
    <t>cg17440386</t>
  </si>
  <si>
    <t>cg17441778</t>
  </si>
  <si>
    <t>cg17447877</t>
  </si>
  <si>
    <t>cg17451760</t>
  </si>
  <si>
    <t>cg17455688</t>
  </si>
  <si>
    <t>cg17462140</t>
  </si>
  <si>
    <t>cg17468440</t>
  </si>
  <si>
    <t>cg17470184</t>
  </si>
  <si>
    <t>cg17470231</t>
  </si>
  <si>
    <t>cg17471467</t>
  </si>
  <si>
    <t>cg17471760</t>
  </si>
  <si>
    <t>cg17472111</t>
  </si>
  <si>
    <t>cg17472796</t>
  </si>
  <si>
    <t>cg17473896</t>
  </si>
  <si>
    <t>cg17476271</t>
  </si>
  <si>
    <t>cg17482801</t>
  </si>
  <si>
    <t>cg17486860</t>
  </si>
  <si>
    <t>cg17493164</t>
  </si>
  <si>
    <t>cg17499955</t>
  </si>
  <si>
    <t>cg17500403</t>
  </si>
  <si>
    <t>cg17500632</t>
  </si>
  <si>
    <t>cg17500874</t>
  </si>
  <si>
    <t>cg17501754</t>
  </si>
  <si>
    <t>cg17506328</t>
  </si>
  <si>
    <t>cg17510003</t>
  </si>
  <si>
    <t>cg17514353</t>
  </si>
  <si>
    <t>cg17526229</t>
  </si>
  <si>
    <t>cg17537493</t>
  </si>
  <si>
    <t>cg17543973</t>
  </si>
  <si>
    <t>cg17547336</t>
  </si>
  <si>
    <t>cg17551192</t>
  </si>
  <si>
    <t>cg17554182</t>
  </si>
  <si>
    <t>cg17557141</t>
  </si>
  <si>
    <t>cg17557984</t>
  </si>
  <si>
    <t>cg17559156</t>
  </si>
  <si>
    <t>cg17562299</t>
  </si>
  <si>
    <t>cg17564074</t>
  </si>
  <si>
    <t>cg17567825</t>
  </si>
  <si>
    <t>cg17569080</t>
  </si>
  <si>
    <t>cg17571335</t>
  </si>
  <si>
    <t>cg17578131</t>
  </si>
  <si>
    <t>cg17578903</t>
  </si>
  <si>
    <t>cg17579825</t>
  </si>
  <si>
    <t>cg17580363</t>
  </si>
  <si>
    <t>cg17580616</t>
  </si>
  <si>
    <t>cg17583008</t>
  </si>
  <si>
    <t>cg17586880</t>
  </si>
  <si>
    <t>cg17589079</t>
  </si>
  <si>
    <t>cg17592231</t>
  </si>
  <si>
    <t>cg17597195</t>
  </si>
  <si>
    <t>cg17600693</t>
  </si>
  <si>
    <t>cg17601287</t>
  </si>
  <si>
    <t>cg17603763</t>
  </si>
  <si>
    <t>cg17606289</t>
  </si>
  <si>
    <t>cg17606683</t>
  </si>
  <si>
    <t>cg17614165</t>
  </si>
  <si>
    <t>cg17616283</t>
  </si>
  <si>
    <t>cg17616305</t>
  </si>
  <si>
    <t>cg17616646</t>
  </si>
  <si>
    <t>cg17618092</t>
  </si>
  <si>
    <t>cg17625643</t>
  </si>
  <si>
    <t>cg17627559</t>
  </si>
  <si>
    <t>cg17627813</t>
  </si>
  <si>
    <t>cg17628894</t>
  </si>
  <si>
    <t>cg17631184</t>
  </si>
  <si>
    <t>cg17631198</t>
  </si>
  <si>
    <t>cg17637837</t>
  </si>
  <si>
    <t>cg17638507</t>
  </si>
  <si>
    <t>cg17638841</t>
  </si>
  <si>
    <t>cg17639290</t>
  </si>
  <si>
    <t>cg17641118</t>
  </si>
  <si>
    <t>cg17644644</t>
  </si>
  <si>
    <t>cg17647271</t>
  </si>
  <si>
    <t>cg17647744</t>
  </si>
  <si>
    <t>cg17649115</t>
  </si>
  <si>
    <t>cg17651855</t>
  </si>
  <si>
    <t>cg17652291</t>
  </si>
  <si>
    <t>cg17655609</t>
  </si>
  <si>
    <t>cg17661781</t>
  </si>
  <si>
    <t>cg17661940</t>
  </si>
  <si>
    <t>cg17663774</t>
  </si>
  <si>
    <t>cg17665927</t>
  </si>
  <si>
    <t>cg17672031</t>
  </si>
  <si>
    <t>cg17675492</t>
  </si>
  <si>
    <t>cg17677413</t>
  </si>
  <si>
    <t>cg17677487</t>
  </si>
  <si>
    <t>cg17678645</t>
  </si>
  <si>
    <t>cg17679104</t>
  </si>
  <si>
    <t>cg17681034</t>
  </si>
  <si>
    <t>cg17681750</t>
  </si>
  <si>
    <t>cg17682432</t>
  </si>
  <si>
    <t>cg17683593</t>
  </si>
  <si>
    <t>cg17685019</t>
  </si>
  <si>
    <t>cg17690322</t>
  </si>
  <si>
    <t>cg17693757</t>
  </si>
  <si>
    <t>cg17695682</t>
  </si>
  <si>
    <t>cg17695841</t>
  </si>
  <si>
    <t>cg17696044</t>
  </si>
  <si>
    <t>cg17696379</t>
  </si>
  <si>
    <t>cg17700453</t>
  </si>
  <si>
    <t>cg17703996</t>
  </si>
  <si>
    <t>cg17706456</t>
  </si>
  <si>
    <t>cg17713715</t>
  </si>
  <si>
    <t>cg17732521</t>
  </si>
  <si>
    <t>cg17754876</t>
  </si>
  <si>
    <t>cg17818724</t>
  </si>
  <si>
    <t>cg17838626</t>
  </si>
  <si>
    <t>cg17839278</t>
  </si>
  <si>
    <t>cg17840408</t>
  </si>
  <si>
    <t>cg17855991</t>
  </si>
  <si>
    <t>cg17862113</t>
  </si>
  <si>
    <t>cg17872757</t>
  </si>
  <si>
    <t>cg17878935</t>
  </si>
  <si>
    <t>cg17891278</t>
  </si>
  <si>
    <t>cg17945323</t>
  </si>
  <si>
    <t>cg17946316</t>
  </si>
  <si>
    <t>cg17956079</t>
  </si>
  <si>
    <t>cg17956443</t>
  </si>
  <si>
    <t>cg17959448</t>
  </si>
  <si>
    <t>cg17959824</t>
  </si>
  <si>
    <t>cg17960727</t>
  </si>
  <si>
    <t>cg17971003</t>
  </si>
  <si>
    <t>cg17971065</t>
  </si>
  <si>
    <t>cg17976121</t>
  </si>
  <si>
    <t>cg17980364</t>
  </si>
  <si>
    <t>cg17980625</t>
  </si>
  <si>
    <t>cg17981769</t>
  </si>
  <si>
    <t>cg17982478</t>
  </si>
  <si>
    <t>cg17983657</t>
  </si>
  <si>
    <t>cg17983957</t>
  </si>
  <si>
    <t>cg17985854</t>
  </si>
  <si>
    <t>cg17988623</t>
  </si>
  <si>
    <t>cg17990365</t>
  </si>
  <si>
    <t>cg17992161</t>
  </si>
  <si>
    <t>cg17993282</t>
  </si>
  <si>
    <t>cg17996991</t>
  </si>
  <si>
    <t>cg17997463</t>
  </si>
  <si>
    <t>cg17998964</t>
  </si>
  <si>
    <t>cg17999156</t>
  </si>
  <si>
    <t>cg17999319</t>
  </si>
  <si>
    <t>cg17999916</t>
  </si>
  <si>
    <t>cg18000638</t>
  </si>
  <si>
    <t>cg18000800</t>
  </si>
  <si>
    <t>cg18001524</t>
  </si>
  <si>
    <t>cg18002602</t>
  </si>
  <si>
    <t>cg18004068</t>
  </si>
  <si>
    <t>cg18009380</t>
  </si>
  <si>
    <t>cg18009484</t>
  </si>
  <si>
    <t>cg18009621</t>
  </si>
  <si>
    <t>cg18009798</t>
  </si>
  <si>
    <t>cg18010131</t>
  </si>
  <si>
    <t>cg18014109</t>
  </si>
  <si>
    <t>cg18014274</t>
  </si>
  <si>
    <t>cg18015534</t>
  </si>
  <si>
    <t>cg18016139</t>
  </si>
  <si>
    <t>cg18019132</t>
  </si>
  <si>
    <t>cg18021467</t>
  </si>
  <si>
    <t>cg18026733</t>
  </si>
  <si>
    <t>cg18027014</t>
  </si>
  <si>
    <t>cg18029119</t>
  </si>
  <si>
    <t>cg18031880</t>
  </si>
  <si>
    <t>cg18034957</t>
  </si>
  <si>
    <t>cg18039789</t>
  </si>
  <si>
    <t>cg18039855</t>
  </si>
  <si>
    <t>cg18041960</t>
  </si>
  <si>
    <t>cg18042724</t>
  </si>
  <si>
    <t>cg18043888</t>
  </si>
  <si>
    <t>cg18044967</t>
  </si>
  <si>
    <t>cg18048562</t>
  </si>
  <si>
    <t>cg18049328</t>
  </si>
  <si>
    <t>cg18052274</t>
  </si>
  <si>
    <t>cg18053228</t>
  </si>
  <si>
    <t>cg18057618</t>
  </si>
  <si>
    <t>cg18058077</t>
  </si>
  <si>
    <t>cg18058279</t>
  </si>
  <si>
    <t>cg18060193</t>
  </si>
  <si>
    <t>cg18065599</t>
  </si>
  <si>
    <t>cg18069484</t>
  </si>
  <si>
    <t>cg18070458</t>
  </si>
  <si>
    <t>cg18070812</t>
  </si>
  <si>
    <t>cg18072687</t>
  </si>
  <si>
    <t>cg18076767</t>
  </si>
  <si>
    <t>cg18076842</t>
  </si>
  <si>
    <t>cg18080694</t>
  </si>
  <si>
    <t>cg18085627</t>
  </si>
  <si>
    <t>cg18087209</t>
  </si>
  <si>
    <t>cg18089569</t>
  </si>
  <si>
    <t>cg18090202</t>
  </si>
  <si>
    <t>cg18093064</t>
  </si>
  <si>
    <t>cg18098639</t>
  </si>
  <si>
    <t>cg18100436</t>
  </si>
  <si>
    <t>cg18101140</t>
  </si>
  <si>
    <t>cg18104242</t>
  </si>
  <si>
    <t>cg18108946</t>
  </si>
  <si>
    <t>cg18109485</t>
  </si>
  <si>
    <t>cg18110520</t>
  </si>
  <si>
    <t>cg18111867</t>
  </si>
  <si>
    <t>cg18112681</t>
  </si>
  <si>
    <t>cg18113332</t>
  </si>
  <si>
    <t>cg18113790</t>
  </si>
  <si>
    <t>cg18118249</t>
  </si>
  <si>
    <t>cg18121220</t>
  </si>
  <si>
    <t>cg18122696</t>
  </si>
  <si>
    <t>cg18128550</t>
  </si>
  <si>
    <t>cg18130076</t>
  </si>
  <si>
    <t>cg18130930</t>
  </si>
  <si>
    <t>cg18132081</t>
  </si>
  <si>
    <t>cg18133074</t>
  </si>
  <si>
    <t>cg18133300</t>
  </si>
  <si>
    <t>cg18135489</t>
  </si>
  <si>
    <t>cg18138484</t>
  </si>
  <si>
    <t>cg18145189</t>
  </si>
  <si>
    <t>cg18149119</t>
  </si>
  <si>
    <t>cg18152523</t>
  </si>
  <si>
    <t>cg18154328</t>
  </si>
  <si>
    <t>cg18156551</t>
  </si>
  <si>
    <t>cg18159646</t>
  </si>
  <si>
    <t>cg18159802</t>
  </si>
  <si>
    <t>cg18159934</t>
  </si>
  <si>
    <t>cg18159937</t>
  </si>
  <si>
    <t>cg18160691</t>
  </si>
  <si>
    <t>cg18162528</t>
  </si>
  <si>
    <t>cg18163699</t>
  </si>
  <si>
    <t>cg18165196</t>
  </si>
  <si>
    <t>cg18165914</t>
  </si>
  <si>
    <t>cg18166990</t>
  </si>
  <si>
    <t>cg18169610</t>
  </si>
  <si>
    <t>cg18170080</t>
  </si>
  <si>
    <t>cg18170491</t>
  </si>
  <si>
    <t>cg18174530</t>
  </si>
  <si>
    <t>cg18177920</t>
  </si>
  <si>
    <t>cg18187335</t>
  </si>
  <si>
    <t>cg18204273</t>
  </si>
  <si>
    <t>cg18212762</t>
  </si>
  <si>
    <t>cg18220639</t>
  </si>
  <si>
    <t>cg18220961</t>
  </si>
  <si>
    <t>cg18221021</t>
  </si>
  <si>
    <t>cg18222122</t>
  </si>
  <si>
    <t>cg18222192</t>
  </si>
  <si>
    <t>cg18222865</t>
  </si>
  <si>
    <t>cg18224077</t>
  </si>
  <si>
    <t>cg18225409</t>
  </si>
  <si>
    <t>cg18225595</t>
  </si>
  <si>
    <t>cg18226049</t>
  </si>
  <si>
    <t>cg18226539</t>
  </si>
  <si>
    <t>cg18226915</t>
  </si>
  <si>
    <t>cg18235480</t>
  </si>
  <si>
    <t>cg18239686</t>
  </si>
  <si>
    <t>cg18240412</t>
  </si>
  <si>
    <t>cg18241351</t>
  </si>
  <si>
    <t>cg18241967</t>
  </si>
  <si>
    <t>cg18247126</t>
  </si>
  <si>
    <t>cg18247223</t>
  </si>
  <si>
    <t>cg18253591</t>
  </si>
  <si>
    <t>cg18256252</t>
  </si>
  <si>
    <t>cg18257026</t>
  </si>
  <si>
    <t>cg18261246</t>
  </si>
  <si>
    <t>cg18263591</t>
  </si>
  <si>
    <t>cg18265608</t>
  </si>
  <si>
    <t>cg18268363</t>
  </si>
  <si>
    <t>cg18275831</t>
  </si>
  <si>
    <t>cg18281842</t>
  </si>
  <si>
    <t>cg18282099</t>
  </si>
  <si>
    <t>cg18282388</t>
  </si>
  <si>
    <t>cg18287642</t>
  </si>
  <si>
    <t>cg18291939</t>
  </si>
  <si>
    <t>cg18294610</t>
  </si>
  <si>
    <t>cg18296121</t>
  </si>
  <si>
    <t>cg18296308</t>
  </si>
  <si>
    <t>cg18297705</t>
  </si>
  <si>
    <t>cg18298997</t>
  </si>
  <si>
    <t>cg18305333</t>
  </si>
  <si>
    <t>cg18311341</t>
  </si>
  <si>
    <t>cg18313182</t>
  </si>
  <si>
    <t>cg18313719</t>
  </si>
  <si>
    <t>cg18318142</t>
  </si>
  <si>
    <t>cg18318307</t>
  </si>
  <si>
    <t>cg18318552</t>
  </si>
  <si>
    <t>cg18320379</t>
  </si>
  <si>
    <t>cg18321548</t>
  </si>
  <si>
    <t>cg18325992</t>
  </si>
  <si>
    <t>cg18327423</t>
  </si>
  <si>
    <t>cg18332754</t>
  </si>
  <si>
    <t>cg18333694</t>
  </si>
  <si>
    <t>cg18335176</t>
  </si>
  <si>
    <t>cg18337963</t>
  </si>
  <si>
    <t>cg18338296</t>
  </si>
  <si>
    <t>cg18341059</t>
  </si>
  <si>
    <t>cg18350739</t>
  </si>
  <si>
    <t>cg18351999</t>
  </si>
  <si>
    <t>cg18354462</t>
  </si>
  <si>
    <t>cg18355311</t>
  </si>
  <si>
    <t>cg18362489</t>
  </si>
  <si>
    <t>cg18362496</t>
  </si>
  <si>
    <t>cg18372740</t>
  </si>
  <si>
    <t>cg18374830</t>
  </si>
  <si>
    <t>cg18377376</t>
  </si>
  <si>
    <t>cg18384712</t>
  </si>
  <si>
    <t>cg18386131</t>
  </si>
  <si>
    <t>cg18386828</t>
  </si>
  <si>
    <t>cg18387853</t>
  </si>
  <si>
    <t>cg18387985</t>
  </si>
  <si>
    <t>cg18392612</t>
  </si>
  <si>
    <t>cg18392783</t>
  </si>
  <si>
    <t>cg18393958</t>
  </si>
  <si>
    <t>cg18399703</t>
  </si>
  <si>
    <t>cg18401934</t>
  </si>
  <si>
    <t>cg18403673</t>
  </si>
  <si>
    <t>cg18407189</t>
  </si>
  <si>
    <t>cg18407752</t>
  </si>
  <si>
    <t>cg18409302</t>
  </si>
  <si>
    <t>cg18411500</t>
  </si>
  <si>
    <t>cg18412889</t>
  </si>
  <si>
    <t>cg18414381</t>
  </si>
  <si>
    <t>cg18416981</t>
  </si>
  <si>
    <t>cg18417901</t>
  </si>
  <si>
    <t>cg18426842</t>
  </si>
  <si>
    <t>cg18430624</t>
  </si>
  <si>
    <t>cg18431183</t>
  </si>
  <si>
    <t>cg18431486</t>
  </si>
  <si>
    <t>cg18432384</t>
  </si>
  <si>
    <t>cg18434560</t>
  </si>
  <si>
    <t>cg18440777</t>
  </si>
  <si>
    <t>cg18440889</t>
  </si>
  <si>
    <t>cg18441295</t>
  </si>
  <si>
    <t>cg18442286</t>
  </si>
  <si>
    <t>cg18445438</t>
  </si>
  <si>
    <t>cg18446044</t>
  </si>
  <si>
    <t>cg18450930</t>
  </si>
  <si>
    <t>cg18458509</t>
  </si>
  <si>
    <t>cg18462141</t>
  </si>
  <si>
    <t>cg18464296</t>
  </si>
  <si>
    <t>cg18470144</t>
  </si>
  <si>
    <t>cg18471235</t>
  </si>
  <si>
    <t>cg18477587</t>
  </si>
  <si>
    <t>cg18477771</t>
  </si>
  <si>
    <t>cg18477816</t>
  </si>
  <si>
    <t>cg18479173</t>
  </si>
  <si>
    <t>cg18480328</t>
  </si>
  <si>
    <t>cg18482593</t>
  </si>
  <si>
    <t>cg18482822</t>
  </si>
  <si>
    <t>cg18484189</t>
  </si>
  <si>
    <t>cg18486698</t>
  </si>
  <si>
    <t>cg18488745</t>
  </si>
  <si>
    <t>cg18492926</t>
  </si>
  <si>
    <t>cg18495563</t>
  </si>
  <si>
    <t>cg18496910</t>
  </si>
  <si>
    <t>cg18497925</t>
  </si>
  <si>
    <t>cg18502617</t>
  </si>
  <si>
    <t>cg18504190</t>
  </si>
  <si>
    <t>cg18509490</t>
  </si>
  <si>
    <t>cg18512352</t>
  </si>
  <si>
    <t>cg18515591</t>
  </si>
  <si>
    <t>cg18516946</t>
  </si>
  <si>
    <t>cg18517222</t>
  </si>
  <si>
    <t>cg18518074</t>
  </si>
  <si>
    <t>cg18519905</t>
  </si>
  <si>
    <t>cg18527537</t>
  </si>
  <si>
    <t>cg18527899</t>
  </si>
  <si>
    <t>cg18529243</t>
  </si>
  <si>
    <t>cg18531146</t>
  </si>
  <si>
    <t>cg18536644</t>
  </si>
  <si>
    <t>cg18538812</t>
  </si>
  <si>
    <t>cg18539086</t>
  </si>
  <si>
    <t>cg18540157</t>
  </si>
  <si>
    <t>cg18541234</t>
  </si>
  <si>
    <t>cg18545771</t>
  </si>
  <si>
    <t>cg18546477</t>
  </si>
  <si>
    <t>cg18546622</t>
  </si>
  <si>
    <t>cg18551169</t>
  </si>
  <si>
    <t>cg18555440</t>
  </si>
  <si>
    <t>cg18560551</t>
  </si>
  <si>
    <t>cg18561362</t>
  </si>
  <si>
    <t>cg18564041</t>
  </si>
  <si>
    <t>cg18567470</t>
  </si>
  <si>
    <t>cg18567882</t>
  </si>
  <si>
    <t>cg18568653</t>
  </si>
  <si>
    <t>cg18568748</t>
  </si>
  <si>
    <t>cg18571531</t>
  </si>
  <si>
    <t>cg18573204</t>
  </si>
  <si>
    <t>cg18573443</t>
  </si>
  <si>
    <t>cg18574463</t>
  </si>
  <si>
    <t>cg18574813</t>
  </si>
  <si>
    <t>cg18577214</t>
  </si>
  <si>
    <t>cg18578096</t>
  </si>
  <si>
    <t>cg18585693</t>
  </si>
  <si>
    <t>cg18589858</t>
  </si>
  <si>
    <t>cg18591228</t>
  </si>
  <si>
    <t>cg18595258</t>
  </si>
  <si>
    <t>cg18622870</t>
  </si>
  <si>
    <t>cg18652941</t>
  </si>
  <si>
    <t>cg18655584</t>
  </si>
  <si>
    <t>cg18669654</t>
  </si>
  <si>
    <t>cg18691875</t>
  </si>
  <si>
    <t>cg18692596</t>
  </si>
  <si>
    <t>cg18698884</t>
  </si>
  <si>
    <t>cg18705039</t>
  </si>
  <si>
    <t>cg18713878</t>
  </si>
  <si>
    <t>cg18718425</t>
  </si>
  <si>
    <t>cg18719395</t>
  </si>
  <si>
    <t>cg18720285</t>
  </si>
  <si>
    <t>cg18722841</t>
  </si>
  <si>
    <t>cg18722881</t>
  </si>
  <si>
    <t>cg18730174</t>
  </si>
  <si>
    <t>cg18734472</t>
  </si>
  <si>
    <t>cg18746357</t>
  </si>
  <si>
    <t>cg18749309</t>
  </si>
  <si>
    <t>cg18750049</t>
  </si>
  <si>
    <t>cg18752041</t>
  </si>
  <si>
    <t>cg18753841</t>
  </si>
  <si>
    <t>cg18755698</t>
  </si>
  <si>
    <t>cg18757468</t>
  </si>
  <si>
    <t>cg18760094</t>
  </si>
  <si>
    <t>cg18762825</t>
  </si>
  <si>
    <t>cg18764575</t>
  </si>
  <si>
    <t>cg18765542</t>
  </si>
  <si>
    <t>cg18766608</t>
  </si>
  <si>
    <t>cg18766821</t>
  </si>
  <si>
    <t>cg18768414</t>
  </si>
  <si>
    <t>cg18770763</t>
  </si>
  <si>
    <t>cg18771839</t>
  </si>
  <si>
    <t>cg18775145</t>
  </si>
  <si>
    <t>cg18776207</t>
  </si>
  <si>
    <t>cg18777792</t>
  </si>
  <si>
    <t>cg18783395</t>
  </si>
  <si>
    <t>cg18788872</t>
  </si>
  <si>
    <t>cg18790382</t>
  </si>
  <si>
    <t>cg18790771</t>
  </si>
  <si>
    <t>cg18792041</t>
  </si>
  <si>
    <t>cg18793661</t>
  </si>
  <si>
    <t>cg18801806</t>
  </si>
  <si>
    <t>cg18801955</t>
  </si>
  <si>
    <t>cg18803384</t>
  </si>
  <si>
    <t>cg18806923</t>
  </si>
  <si>
    <t>cg18809729</t>
  </si>
  <si>
    <t>cg18813159</t>
  </si>
  <si>
    <t>cg18818531</t>
  </si>
  <si>
    <t>cg18821418</t>
  </si>
  <si>
    <t>cg18825531</t>
  </si>
  <si>
    <t>cg18834489</t>
  </si>
  <si>
    <t>cg18836745</t>
  </si>
  <si>
    <t>cg18843836</t>
  </si>
  <si>
    <t>cg18846731</t>
  </si>
  <si>
    <t>cg18855140</t>
  </si>
  <si>
    <t>cg18856296</t>
  </si>
  <si>
    <t>cg18857871</t>
  </si>
  <si>
    <t>cg18858676</t>
  </si>
  <si>
    <t>cg18862171</t>
  </si>
  <si>
    <t>cg18868478</t>
  </si>
  <si>
    <t>cg18868540</t>
  </si>
  <si>
    <t>cg18874060</t>
  </si>
  <si>
    <t>cg18877285</t>
  </si>
  <si>
    <t>cg18879828</t>
  </si>
  <si>
    <t>cg18881978</t>
  </si>
  <si>
    <t>cg18886932</t>
  </si>
  <si>
    <t>cg18888883</t>
  </si>
  <si>
    <t>cg18890215</t>
  </si>
  <si>
    <t>cg18890364</t>
  </si>
  <si>
    <t>cg18891037</t>
  </si>
  <si>
    <t>cg18894028</t>
  </si>
  <si>
    <t>cg18897335</t>
  </si>
  <si>
    <t>cg18898209</t>
  </si>
  <si>
    <t>cg18908568</t>
  </si>
  <si>
    <t>cg18913951</t>
  </si>
  <si>
    <t>cg18925548</t>
  </si>
  <si>
    <t>cg18928687</t>
  </si>
  <si>
    <t>cg18930076</t>
  </si>
  <si>
    <t>cg18930863</t>
  </si>
  <si>
    <t>cg18931273</t>
  </si>
  <si>
    <t>cg18934103</t>
  </si>
  <si>
    <t>cg18935108</t>
  </si>
  <si>
    <t>cg18935353</t>
  </si>
  <si>
    <t>cg18935449</t>
  </si>
  <si>
    <t>cg18935453</t>
  </si>
  <si>
    <t>cg18935660</t>
  </si>
  <si>
    <t>cg18950778</t>
  </si>
  <si>
    <t>cg18954388</t>
  </si>
  <si>
    <t>cg18955691</t>
  </si>
  <si>
    <t>cg18959478</t>
  </si>
  <si>
    <t>cg18961230</t>
  </si>
  <si>
    <t>cg18963330</t>
  </si>
  <si>
    <t>cg18970929</t>
  </si>
  <si>
    <t>cg18971819</t>
  </si>
  <si>
    <t>cg18975055</t>
  </si>
  <si>
    <t>cg18975392</t>
  </si>
  <si>
    <t>cg18981946</t>
  </si>
  <si>
    <t>cg18982587</t>
  </si>
  <si>
    <t>cg18986534</t>
  </si>
  <si>
    <t>cg18987103</t>
  </si>
  <si>
    <t>cg18993847</t>
  </si>
  <si>
    <t>cg18998442</t>
  </si>
  <si>
    <t>cg18999314</t>
  </si>
  <si>
    <t>cg19002131</t>
  </si>
  <si>
    <t>cg19002462</t>
  </si>
  <si>
    <t>cg19002591</t>
  </si>
  <si>
    <t>cg19005368</t>
  </si>
  <si>
    <t>cg19005842</t>
  </si>
  <si>
    <t>cg19006378</t>
  </si>
  <si>
    <t>cg19006947</t>
  </si>
  <si>
    <t>cg19008371</t>
  </si>
  <si>
    <t>cg19009405</t>
  </si>
  <si>
    <t>cg19009664</t>
  </si>
  <si>
    <t>cg19011911</t>
  </si>
  <si>
    <t>cg19013178</t>
  </si>
  <si>
    <t>cg19014214</t>
  </si>
  <si>
    <t>cg19015582</t>
  </si>
  <si>
    <t>cg19017312</t>
  </si>
  <si>
    <t>cg19017420</t>
  </si>
  <si>
    <t>cg19018097</t>
  </si>
  <si>
    <t>cg19020830</t>
  </si>
  <si>
    <t>cg19024989</t>
  </si>
  <si>
    <t>cg19026260</t>
  </si>
  <si>
    <t>cg19029131</t>
  </si>
  <si>
    <t>cg19030519</t>
  </si>
  <si>
    <t>cg19037107</t>
  </si>
  <si>
    <t>cg19038228</t>
  </si>
  <si>
    <t>cg19038246</t>
  </si>
  <si>
    <t>cg19038968</t>
  </si>
  <si>
    <t>cg19041676</t>
  </si>
  <si>
    <t>cg19045191</t>
  </si>
  <si>
    <t>cg19047670</t>
  </si>
  <si>
    <t>cg19051815</t>
  </si>
  <si>
    <t>cg19060203</t>
  </si>
  <si>
    <t>cg19061798</t>
  </si>
  <si>
    <t>cg19065045</t>
  </si>
  <si>
    <t>cg19068644</t>
  </si>
  <si>
    <t>cg19071237</t>
  </si>
  <si>
    <t>cg19072037</t>
  </si>
  <si>
    <t>cg19074748</t>
  </si>
  <si>
    <t>cg19081021</t>
  </si>
  <si>
    <t>cg19086497</t>
  </si>
  <si>
    <t>cg19087119</t>
  </si>
  <si>
    <t>cg19089328</t>
  </si>
  <si>
    <t>cg19090861</t>
  </si>
  <si>
    <t>cg19093295</t>
  </si>
  <si>
    <t>cg19097880</t>
  </si>
  <si>
    <t>cg19104072</t>
  </si>
  <si>
    <t>cg19105504</t>
  </si>
  <si>
    <t>cg19113668</t>
  </si>
  <si>
    <t>cg19120389</t>
  </si>
  <si>
    <t>cg19120782</t>
  </si>
  <si>
    <t>cg19123966</t>
  </si>
  <si>
    <t>cg19125767</t>
  </si>
  <si>
    <t>cg19126426</t>
  </si>
  <si>
    <t>cg19126615</t>
  </si>
  <si>
    <t>cg19130175</t>
  </si>
  <si>
    <t>cg19131476</t>
  </si>
  <si>
    <t>cg19132069</t>
  </si>
  <si>
    <t>cg19132326</t>
  </si>
  <si>
    <t>cg19132462</t>
  </si>
  <si>
    <t>cg19133023</t>
  </si>
  <si>
    <t>cg19135690</t>
  </si>
  <si>
    <t>cg19137676</t>
  </si>
  <si>
    <t>cg19138538</t>
  </si>
  <si>
    <t>cg19139809</t>
  </si>
  <si>
    <t>cg19141316</t>
  </si>
  <si>
    <t>cg19141411</t>
  </si>
  <si>
    <t>cg19141913</t>
  </si>
  <si>
    <t>cg19142399</t>
  </si>
  <si>
    <t>cg19146902</t>
  </si>
  <si>
    <t>cg19148251</t>
  </si>
  <si>
    <t>cg19148410</t>
  </si>
  <si>
    <t>cg19157696</t>
  </si>
  <si>
    <t>cg19157853</t>
  </si>
  <si>
    <t>cg19158754</t>
  </si>
  <si>
    <t>cg19160629</t>
  </si>
  <si>
    <t>cg19172170</t>
  </si>
  <si>
    <t>cg19174059</t>
  </si>
  <si>
    <t>cg19178040</t>
  </si>
  <si>
    <t>cg19178324</t>
  </si>
  <si>
    <t>cg19181160</t>
  </si>
  <si>
    <t>cg19186806</t>
  </si>
  <si>
    <t>cg19190519</t>
  </si>
  <si>
    <t>cg19192120</t>
  </si>
  <si>
    <t>cg19192256</t>
  </si>
  <si>
    <t>cg19193135</t>
  </si>
  <si>
    <t>cg19197652</t>
  </si>
  <si>
    <t>cg19199378</t>
  </si>
  <si>
    <t>cg19199590</t>
  </si>
  <si>
    <t>cg19199711</t>
  </si>
  <si>
    <t>cg19200086</t>
  </si>
  <si>
    <t>cg19200496</t>
  </si>
  <si>
    <t>cg19204693</t>
  </si>
  <si>
    <t>cg19216731</t>
  </si>
  <si>
    <t>cg19216994</t>
  </si>
  <si>
    <t>cg19218057</t>
  </si>
  <si>
    <t>cg19218505</t>
  </si>
  <si>
    <t>cg19219366</t>
  </si>
  <si>
    <t>cg19222784</t>
  </si>
  <si>
    <t>cg19226866</t>
  </si>
  <si>
    <t>cg19233923</t>
  </si>
  <si>
    <t>cg19234089</t>
  </si>
  <si>
    <t>cg19236745</t>
  </si>
  <si>
    <t>cg19240396</t>
  </si>
  <si>
    <t>cg19240569</t>
  </si>
  <si>
    <t>cg19240938</t>
  </si>
  <si>
    <t>cg19241619</t>
  </si>
  <si>
    <t>cg19241690</t>
  </si>
  <si>
    <t>cg19244655</t>
  </si>
  <si>
    <t>cg19246862</t>
  </si>
  <si>
    <t>cg19248829</t>
  </si>
  <si>
    <t>cg19255307</t>
  </si>
  <si>
    <t>cg19255465</t>
  </si>
  <si>
    <t>cg19255818</t>
  </si>
  <si>
    <t>cg19257832</t>
  </si>
  <si>
    <t>cg19262315</t>
  </si>
  <si>
    <t>cg19262958</t>
  </si>
  <si>
    <t>cg19264203</t>
  </si>
  <si>
    <t>cg19270623</t>
  </si>
  <si>
    <t>cg19272713</t>
  </si>
  <si>
    <t>cg19272754</t>
  </si>
  <si>
    <t>cg19274368</t>
  </si>
  <si>
    <t>cg19275133</t>
  </si>
  <si>
    <t>cg19279310</t>
  </si>
  <si>
    <t>cg19280572</t>
  </si>
  <si>
    <t>cg19283264</t>
  </si>
  <si>
    <t>cg19285478</t>
  </si>
  <si>
    <t>cg19285552</t>
  </si>
  <si>
    <t>cg19286604</t>
  </si>
  <si>
    <t>cg19287808</t>
  </si>
  <si>
    <t>cg19288979</t>
  </si>
  <si>
    <t>cg19289112</t>
  </si>
  <si>
    <t>cg19297095</t>
  </si>
  <si>
    <t>cg19299201</t>
  </si>
  <si>
    <t>cg19306847</t>
  </si>
  <si>
    <t>cg19307003</t>
  </si>
  <si>
    <t>cg19308663</t>
  </si>
  <si>
    <t>cg19312291</t>
  </si>
  <si>
    <t>cg19313495</t>
  </si>
  <si>
    <t>cg19313758</t>
  </si>
  <si>
    <t>cg19314882</t>
  </si>
  <si>
    <t>cg19315081</t>
  </si>
  <si>
    <t>cg19315854</t>
  </si>
  <si>
    <t>cg19316405</t>
  </si>
  <si>
    <t>cg19316647</t>
  </si>
  <si>
    <t>cg19319067</t>
  </si>
  <si>
    <t>cg19323289</t>
  </si>
  <si>
    <t>cg19324627</t>
  </si>
  <si>
    <t>cg19327844</t>
  </si>
  <si>
    <t>cg19333100</t>
  </si>
  <si>
    <t>cg19333286</t>
  </si>
  <si>
    <t>cg19333883</t>
  </si>
  <si>
    <t>cg19334406</t>
  </si>
  <si>
    <t>cg19336497</t>
  </si>
  <si>
    <t>cg19337651</t>
  </si>
  <si>
    <t>cg19341656</t>
  </si>
  <si>
    <t>cg19343464</t>
  </si>
  <si>
    <t>cg19344795</t>
  </si>
  <si>
    <t>cg19345602</t>
  </si>
  <si>
    <t>cg19347288</t>
  </si>
  <si>
    <t>cg19347782</t>
  </si>
  <si>
    <t>cg19351617</t>
  </si>
  <si>
    <t>cg19355929</t>
  </si>
  <si>
    <t>cg19357918</t>
  </si>
  <si>
    <t>cg19358397</t>
  </si>
  <si>
    <t>cg19358520</t>
  </si>
  <si>
    <t>cg19360308</t>
  </si>
  <si>
    <t>cg19362060</t>
  </si>
  <si>
    <t>cg19362728</t>
  </si>
  <si>
    <t>cg19363546</t>
  </si>
  <si>
    <t>cg19364351</t>
  </si>
  <si>
    <t>cg19366543</t>
  </si>
  <si>
    <t>cg19371526</t>
  </si>
  <si>
    <t>cg19372226</t>
  </si>
  <si>
    <t>cg19375210</t>
  </si>
  <si>
    <t>cg19376842</t>
  </si>
  <si>
    <t>cg19379482</t>
  </si>
  <si>
    <t>cg19386379</t>
  </si>
  <si>
    <t>cg19388930</t>
  </si>
  <si>
    <t>cg19389446</t>
  </si>
  <si>
    <t>cg19389884</t>
  </si>
  <si>
    <t>cg19391515</t>
  </si>
  <si>
    <t>cg19392335</t>
  </si>
  <si>
    <t>cg19395706</t>
  </si>
  <si>
    <t>cg19400601</t>
  </si>
  <si>
    <t>cg19405941</t>
  </si>
  <si>
    <t>cg19405965</t>
  </si>
  <si>
    <t>cg19409687</t>
  </si>
  <si>
    <t>cg19415743</t>
  </si>
  <si>
    <t>cg19417024</t>
  </si>
  <si>
    <t>cg19417526</t>
  </si>
  <si>
    <t>cg19418922</t>
  </si>
  <si>
    <t>cg19432283</t>
  </si>
  <si>
    <t>cg19433435</t>
  </si>
  <si>
    <t>cg19433902</t>
  </si>
  <si>
    <t>cg19438894</t>
  </si>
  <si>
    <t>cg19446990</t>
  </si>
  <si>
    <t>cg19447966</t>
  </si>
  <si>
    <t>cg19453665</t>
  </si>
  <si>
    <t>cg19459470</t>
  </si>
  <si>
    <t>cg19459876</t>
  </si>
  <si>
    <t>cg19460095</t>
  </si>
  <si>
    <t>cg19460817</t>
  </si>
  <si>
    <t>cg19461880</t>
  </si>
  <si>
    <t>cg19462635</t>
  </si>
  <si>
    <t>cg19462847</t>
  </si>
  <si>
    <t>cg19466774</t>
  </si>
  <si>
    <t>cg19468290</t>
  </si>
  <si>
    <t>cg19474865</t>
  </si>
  <si>
    <t>cg19476368</t>
  </si>
  <si>
    <t>cg19477601</t>
  </si>
  <si>
    <t>cg19477674</t>
  </si>
  <si>
    <t>cg19478410</t>
  </si>
  <si>
    <t>cg19478820</t>
  </si>
  <si>
    <t>cg19480152</t>
  </si>
  <si>
    <t>cg19480699</t>
  </si>
  <si>
    <t>cg19484761</t>
  </si>
  <si>
    <t>cg19486271</t>
  </si>
  <si>
    <t>cg19488922</t>
  </si>
  <si>
    <t>cg19493323</t>
  </si>
  <si>
    <t>cg19495444</t>
  </si>
  <si>
    <t>cg19500979</t>
  </si>
  <si>
    <t>cg19501190</t>
  </si>
  <si>
    <t>cg19502266</t>
  </si>
  <si>
    <t>cg19502359</t>
  </si>
  <si>
    <t>cg19505827</t>
  </si>
  <si>
    <t>cg19507238</t>
  </si>
  <si>
    <t>cg19507805</t>
  </si>
  <si>
    <t>cg19510820</t>
  </si>
  <si>
    <t>cg19515317</t>
  </si>
  <si>
    <t>cg19520498</t>
  </si>
  <si>
    <t>cg19522930</t>
  </si>
  <si>
    <t>cg19523250</t>
  </si>
  <si>
    <t>cg19525495</t>
  </si>
  <si>
    <t>cg19528419</t>
  </si>
  <si>
    <t>cg19528654</t>
  </si>
  <si>
    <t>cg19529599</t>
  </si>
  <si>
    <t>cg19530168</t>
  </si>
  <si>
    <t>cg19531130</t>
  </si>
  <si>
    <t>cg19541147</t>
  </si>
  <si>
    <t>cg19541837</t>
  </si>
  <si>
    <t>cg19544441</t>
  </si>
  <si>
    <t>cg19546057</t>
  </si>
  <si>
    <t>cg19549472</t>
  </si>
  <si>
    <t>cg19550313</t>
  </si>
  <si>
    <t>cg19550755</t>
  </si>
  <si>
    <t>cg19551055</t>
  </si>
  <si>
    <t>cg19551912</t>
  </si>
  <si>
    <t>cg19552494</t>
  </si>
  <si>
    <t>cg19556337</t>
  </si>
  <si>
    <t>cg19560971</t>
  </si>
  <si>
    <t>cg19562854</t>
  </si>
  <si>
    <t>cg19563452</t>
  </si>
  <si>
    <t>cg19567594</t>
  </si>
  <si>
    <t>cg19568577</t>
  </si>
  <si>
    <t>cg19568845</t>
  </si>
  <si>
    <t>cg19570321</t>
  </si>
  <si>
    <t>cg19574514</t>
  </si>
  <si>
    <t>cg19575759</t>
  </si>
  <si>
    <t>cg19578175</t>
  </si>
  <si>
    <t>cg19579446</t>
  </si>
  <si>
    <t>cg19587401</t>
  </si>
  <si>
    <t>cg19590063</t>
  </si>
  <si>
    <t>cg19595916</t>
  </si>
  <si>
    <t>cg19596755</t>
  </si>
  <si>
    <t>cg19598514</t>
  </si>
  <si>
    <t>cg19599066</t>
  </si>
  <si>
    <t>cg19604470</t>
  </si>
  <si>
    <t>cg19610519</t>
  </si>
  <si>
    <t>cg19613205</t>
  </si>
  <si>
    <t>cg19614312</t>
  </si>
  <si>
    <t>cg19615949</t>
  </si>
  <si>
    <t>cg19617373</t>
  </si>
  <si>
    <t>cg19630883</t>
  </si>
  <si>
    <t>cg19638968</t>
  </si>
  <si>
    <t>cg19639184</t>
  </si>
  <si>
    <t>cg19641315</t>
  </si>
  <si>
    <t>cg19642007</t>
  </si>
  <si>
    <t>cg19642877</t>
  </si>
  <si>
    <t>cg19646538</t>
  </si>
  <si>
    <t>cg19646729</t>
  </si>
  <si>
    <t>cg19653211</t>
  </si>
  <si>
    <t>cg19653967</t>
  </si>
  <si>
    <t>cg19654846</t>
  </si>
  <si>
    <t>cg19654882</t>
  </si>
  <si>
    <t>cg19656847</t>
  </si>
  <si>
    <t>cg19658487</t>
  </si>
  <si>
    <t>cg19659680</t>
  </si>
  <si>
    <t>cg19659689</t>
  </si>
  <si>
    <t>cg19662708</t>
  </si>
  <si>
    <t>cg19668951</t>
  </si>
  <si>
    <t>cg19671399</t>
  </si>
  <si>
    <t>cg19672982</t>
  </si>
  <si>
    <t>cg19673484</t>
  </si>
  <si>
    <t>cg19673705</t>
  </si>
  <si>
    <t>cg19674669</t>
  </si>
  <si>
    <t>cg19676686</t>
  </si>
  <si>
    <t>cg19677259</t>
  </si>
  <si>
    <t>cg19678774</t>
  </si>
  <si>
    <t>cg19679327</t>
  </si>
  <si>
    <t>cg19680388</t>
  </si>
  <si>
    <t>cg19684795</t>
  </si>
  <si>
    <t>cg19688616</t>
  </si>
  <si>
    <t>cg19691659</t>
  </si>
  <si>
    <t>cg19692750</t>
  </si>
  <si>
    <t>cg19698309</t>
  </si>
  <si>
    <t>cg19700094</t>
  </si>
  <si>
    <t>cg19700658</t>
  </si>
  <si>
    <t>cg19703610</t>
  </si>
  <si>
    <t>cg19710916</t>
  </si>
  <si>
    <t>cg19711075</t>
  </si>
  <si>
    <t>cg19713911</t>
  </si>
  <si>
    <t>cg19715094</t>
  </si>
  <si>
    <t>cg19718882</t>
  </si>
  <si>
    <t>cg19731302</t>
  </si>
  <si>
    <t>cg19734661</t>
  </si>
  <si>
    <t>cg19736334</t>
  </si>
  <si>
    <t>cg19738411</t>
  </si>
  <si>
    <t>cg19738774</t>
  </si>
  <si>
    <t>cg19739596</t>
  </si>
  <si>
    <t>cg19742341</t>
  </si>
  <si>
    <t>cg19750643</t>
  </si>
  <si>
    <t>cg19751824</t>
  </si>
  <si>
    <t>cg19764555</t>
  </si>
  <si>
    <t>cg19764973</t>
  </si>
  <si>
    <t>cg19766471</t>
  </si>
  <si>
    <t>cg19768241</t>
  </si>
  <si>
    <t>cg19776272</t>
  </si>
  <si>
    <t>cg19778287</t>
  </si>
  <si>
    <t>cg19779123</t>
  </si>
  <si>
    <t>cg19779211</t>
  </si>
  <si>
    <t>cg19779379</t>
  </si>
  <si>
    <t>cg19779605</t>
  </si>
  <si>
    <t>cg19780250</t>
  </si>
  <si>
    <t>cg19782243</t>
  </si>
  <si>
    <t>cg19782923</t>
  </si>
  <si>
    <t>cg19783404</t>
  </si>
  <si>
    <t>cg19791714</t>
  </si>
  <si>
    <t>cg19793902</t>
  </si>
  <si>
    <t>cg19794939</t>
  </si>
  <si>
    <t>cg19795980</t>
  </si>
  <si>
    <t>cg19798170</t>
  </si>
  <si>
    <t>cg19800336</t>
  </si>
  <si>
    <t>cg19806933</t>
  </si>
  <si>
    <t>cg19808323</t>
  </si>
  <si>
    <t>cg19809039</t>
  </si>
  <si>
    <t>cg19814100</t>
  </si>
  <si>
    <t>cg19815589</t>
  </si>
  <si>
    <t>cg19818890</t>
  </si>
  <si>
    <t>cg19820372</t>
  </si>
  <si>
    <t>cg19823649</t>
  </si>
  <si>
    <t>cg19825639</t>
  </si>
  <si>
    <t>cg19829455</t>
  </si>
  <si>
    <t>cg19836423</t>
  </si>
  <si>
    <t>cg19836431</t>
  </si>
  <si>
    <t>cg19837124</t>
  </si>
  <si>
    <t>cg19838963</t>
  </si>
  <si>
    <t>cg19839801</t>
  </si>
  <si>
    <t>cg19844233</t>
  </si>
  <si>
    <t>cg19844635</t>
  </si>
  <si>
    <t>cg19846131</t>
  </si>
  <si>
    <t>cg19846387</t>
  </si>
  <si>
    <t>cg19851179</t>
  </si>
  <si>
    <t>cg19854744</t>
  </si>
  <si>
    <t>cg19856263</t>
  </si>
  <si>
    <t>cg19857537</t>
  </si>
  <si>
    <t>cg19857714</t>
  </si>
  <si>
    <t>cg19860796</t>
  </si>
  <si>
    <t>cg19864941</t>
  </si>
  <si>
    <t>cg19873631</t>
  </si>
  <si>
    <t>cg19875375</t>
  </si>
  <si>
    <t>cg19878884</t>
  </si>
  <si>
    <t>cg19884965</t>
  </si>
  <si>
    <t>cg19885625</t>
  </si>
  <si>
    <t>cg19889666</t>
  </si>
  <si>
    <t>cg19896824</t>
  </si>
  <si>
    <t>cg19897495</t>
  </si>
  <si>
    <t>cg19897940</t>
  </si>
  <si>
    <t>cg19902569</t>
  </si>
  <si>
    <t>cg19904522</t>
  </si>
  <si>
    <t>cg19904916</t>
  </si>
  <si>
    <t>cg19906131</t>
  </si>
  <si>
    <t>cg19908188</t>
  </si>
  <si>
    <t>cg19909712</t>
  </si>
  <si>
    <t>cg19912141</t>
  </si>
  <si>
    <t>cg19915762</t>
  </si>
  <si>
    <t>cg19917412</t>
  </si>
  <si>
    <t>cg19917565</t>
  </si>
  <si>
    <t>cg19919209</t>
  </si>
  <si>
    <t>cg19923326</t>
  </si>
  <si>
    <t>cg19926902</t>
  </si>
  <si>
    <t>cg19931491</t>
  </si>
  <si>
    <t>cg19933908</t>
  </si>
  <si>
    <t>cg19936731</t>
  </si>
  <si>
    <t>cg19936757</t>
  </si>
  <si>
    <t>cg19942459</t>
  </si>
  <si>
    <t>cg19945464</t>
  </si>
  <si>
    <t>cg19954234</t>
  </si>
  <si>
    <t>cg19954499</t>
  </si>
  <si>
    <t>cg19956712</t>
  </si>
  <si>
    <t>cg19956769</t>
  </si>
  <si>
    <t>cg19956836</t>
  </si>
  <si>
    <t>cg19957411</t>
  </si>
  <si>
    <t>cg19959041</t>
  </si>
  <si>
    <t>cg19960899</t>
  </si>
  <si>
    <t>cg19961173</t>
  </si>
  <si>
    <t>cg19961803</t>
  </si>
  <si>
    <t>cg19962424</t>
  </si>
  <si>
    <t>cg19963142</t>
  </si>
  <si>
    <t>cg19964454</t>
  </si>
  <si>
    <t>cg19966618</t>
  </si>
  <si>
    <t>cg19968009</t>
  </si>
  <si>
    <t>cg19970908</t>
  </si>
  <si>
    <t>cg19972312</t>
  </si>
  <si>
    <t>cg19974599</t>
  </si>
  <si>
    <t>cg19975543</t>
  </si>
  <si>
    <t>cg19979370</t>
  </si>
  <si>
    <t>cg19981982</t>
  </si>
  <si>
    <t>cg19998151</t>
  </si>
  <si>
    <t>cg20001829</t>
  </si>
  <si>
    <t>cg20011940</t>
  </si>
  <si>
    <t>cg20012366</t>
  </si>
  <si>
    <t>cg20012915</t>
  </si>
  <si>
    <t>cg20013510</t>
  </si>
  <si>
    <t>cg20014822</t>
  </si>
  <si>
    <t>cg20016416</t>
  </si>
  <si>
    <t>cg20027050</t>
  </si>
  <si>
    <t>cg20027784</t>
  </si>
  <si>
    <t>cg20029201</t>
  </si>
  <si>
    <t>cg20029906</t>
  </si>
  <si>
    <t>cg20031656</t>
  </si>
  <si>
    <t>cg20032723</t>
  </si>
  <si>
    <t>cg20039048</t>
  </si>
  <si>
    <t>cg20044860</t>
  </si>
  <si>
    <t>cg20051314</t>
  </si>
  <si>
    <t>cg20051715</t>
  </si>
  <si>
    <t>cg20052411</t>
  </si>
  <si>
    <t>cg20054983</t>
  </si>
  <si>
    <t>cg20057398</t>
  </si>
  <si>
    <t>cg20058744</t>
  </si>
  <si>
    <t>cg20059511</t>
  </si>
  <si>
    <t>cg20062681</t>
  </si>
  <si>
    <t>cg20066750</t>
  </si>
  <si>
    <t>cg20068058</t>
  </si>
  <si>
    <t>cg20069407</t>
  </si>
  <si>
    <t>cg20077042</t>
  </si>
  <si>
    <t>cg20078939</t>
  </si>
  <si>
    <t>cg20080282</t>
  </si>
  <si>
    <t>cg20082272</t>
  </si>
  <si>
    <t>cg20090551</t>
  </si>
  <si>
    <t>cg20091215</t>
  </si>
  <si>
    <t>cg20091405</t>
  </si>
  <si>
    <t>cg20091523</t>
  </si>
  <si>
    <t>cg20093992</t>
  </si>
  <si>
    <t>cg20096208</t>
  </si>
  <si>
    <t>cg20107987</t>
  </si>
  <si>
    <t>cg20108992</t>
  </si>
  <si>
    <t>cg20113732</t>
  </si>
  <si>
    <t>cg20114271</t>
  </si>
  <si>
    <t>cg20118431</t>
  </si>
  <si>
    <t>cg20120351</t>
  </si>
  <si>
    <t>cg20120939</t>
  </si>
  <si>
    <t>cg20121258</t>
  </si>
  <si>
    <t>cg20123649</t>
  </si>
  <si>
    <t>cg20131682</t>
  </si>
  <si>
    <t>cg20132549</t>
  </si>
  <si>
    <t>cg20132698</t>
  </si>
  <si>
    <t>cg20135002</t>
  </si>
  <si>
    <t>cg20135230</t>
  </si>
  <si>
    <t>cg20138604</t>
  </si>
  <si>
    <t>cg20140034</t>
  </si>
  <si>
    <t>cg20140054</t>
  </si>
  <si>
    <t>cg20143789</t>
  </si>
  <si>
    <t>cg20144359</t>
  </si>
  <si>
    <t>cg20144981</t>
  </si>
  <si>
    <t>cg20149625</t>
  </si>
  <si>
    <t>cg20149998</t>
  </si>
  <si>
    <t>cg20156353</t>
  </si>
  <si>
    <t>cg20157095</t>
  </si>
  <si>
    <t>cg20165655</t>
  </si>
  <si>
    <t>cg20166723</t>
  </si>
  <si>
    <t>cg20167126</t>
  </si>
  <si>
    <t>cg20169197</t>
  </si>
  <si>
    <t>cg20170028</t>
  </si>
  <si>
    <t>cg20170839</t>
  </si>
  <si>
    <t>cg20173059</t>
  </si>
  <si>
    <t>cg20178075</t>
  </si>
  <si>
    <t>cg20179907</t>
  </si>
  <si>
    <t>cg20179942</t>
  </si>
  <si>
    <t>cg20180272</t>
  </si>
  <si>
    <t>cg20181928</t>
  </si>
  <si>
    <t>cg20184045</t>
  </si>
  <si>
    <t>cg20189916</t>
  </si>
  <si>
    <t>cg20191922</t>
  </si>
  <si>
    <t>cg20192997</t>
  </si>
  <si>
    <t>cg20195046</t>
  </si>
  <si>
    <t>cg20199333</t>
  </si>
  <si>
    <t>cg20204986</t>
  </si>
  <si>
    <t>cg20207029</t>
  </si>
  <si>
    <t>cg20210376</t>
  </si>
  <si>
    <t>cg20213269</t>
  </si>
  <si>
    <t>cg20213962</t>
  </si>
  <si>
    <t>cg20216139</t>
  </si>
  <si>
    <t>cg20218275</t>
  </si>
  <si>
    <t>cg20219100</t>
  </si>
  <si>
    <t>cg20222568</t>
  </si>
  <si>
    <t>cg20225915</t>
  </si>
  <si>
    <t>cg20227165</t>
  </si>
  <si>
    <t>cg20231694</t>
  </si>
  <si>
    <t>cg20233727</t>
  </si>
  <si>
    <t>cg20234170</t>
  </si>
  <si>
    <t>cg20234205</t>
  </si>
  <si>
    <t>cg20240860</t>
  </si>
  <si>
    <t>cg20245568</t>
  </si>
  <si>
    <t>cg20248163</t>
  </si>
  <si>
    <t>cg20248691</t>
  </si>
  <si>
    <t>cg20250981</t>
  </si>
  <si>
    <t>cg20254598</t>
  </si>
  <si>
    <t>cg20255176</t>
  </si>
  <si>
    <t>cg20256574</t>
  </si>
  <si>
    <t>cg20266711</t>
  </si>
  <si>
    <t>cg20266894</t>
  </si>
  <si>
    <t>cg20268054</t>
  </si>
  <si>
    <t>cg20268522</t>
  </si>
  <si>
    <t>cg20270341</t>
  </si>
  <si>
    <t>cg20271985</t>
  </si>
  <si>
    <t>cg20272935</t>
  </si>
  <si>
    <t>cg20277416</t>
  </si>
  <si>
    <t>cg20278498</t>
  </si>
  <si>
    <t>cg20281309</t>
  </si>
  <si>
    <t>cg20284218</t>
  </si>
  <si>
    <t>cg20285002</t>
  </si>
  <si>
    <t>cg20288916</t>
  </si>
  <si>
    <t>cg20303232</t>
  </si>
  <si>
    <t>cg20303245</t>
  </si>
  <si>
    <t>cg20309703</t>
  </si>
  <si>
    <t>cg20315690</t>
  </si>
  <si>
    <t>cg20316713</t>
  </si>
  <si>
    <t>cg20319405</t>
  </si>
  <si>
    <t>cg20320946</t>
  </si>
  <si>
    <t>cg20321331</t>
  </si>
  <si>
    <t>cg20321756</t>
  </si>
  <si>
    <t>cg20322837</t>
  </si>
  <si>
    <t>cg20322876</t>
  </si>
  <si>
    <t>cg20324356</t>
  </si>
  <si>
    <t>cg20328396</t>
  </si>
  <si>
    <t>cg20328588</t>
  </si>
  <si>
    <t>cg20331155</t>
  </si>
  <si>
    <t>cg20333014</t>
  </si>
  <si>
    <t>cg20337021</t>
  </si>
  <si>
    <t>cg20337103</t>
  </si>
  <si>
    <t>cg20338030</t>
  </si>
  <si>
    <t>cg20339650</t>
  </si>
  <si>
    <t>cg20340007</t>
  </si>
  <si>
    <t>cg20340655</t>
  </si>
  <si>
    <t>cg20342105</t>
  </si>
  <si>
    <t>cg20343063</t>
  </si>
  <si>
    <t>cg20345446</t>
  </si>
  <si>
    <t>cg20346726</t>
  </si>
  <si>
    <t>cg20352410</t>
  </si>
  <si>
    <t>cg20354848</t>
  </si>
  <si>
    <t>cg20357862</t>
  </si>
  <si>
    <t>cg20358011</t>
  </si>
  <si>
    <t>cg20358566</t>
  </si>
  <si>
    <t>cg20358655</t>
  </si>
  <si>
    <t>cg20364660</t>
  </si>
  <si>
    <t>cg20367218</t>
  </si>
  <si>
    <t>cg20368818</t>
  </si>
  <si>
    <t>cg20374917</t>
  </si>
  <si>
    <t>cg20382160</t>
  </si>
  <si>
    <t>cg20384374</t>
  </si>
  <si>
    <t>cg20385188</t>
  </si>
  <si>
    <t>cg20392764</t>
  </si>
  <si>
    <t>cg20397237</t>
  </si>
  <si>
    <t>cg20400904</t>
  </si>
  <si>
    <t>cg20406267</t>
  </si>
  <si>
    <t>cg20407704</t>
  </si>
  <si>
    <t>cg20411049</t>
  </si>
  <si>
    <t>cg20411654</t>
  </si>
  <si>
    <t>cg20414098</t>
  </si>
  <si>
    <t>cg20417723</t>
  </si>
  <si>
    <t>cg20418125</t>
  </si>
  <si>
    <t>cg20419291</t>
  </si>
  <si>
    <t>cg20419422</t>
  </si>
  <si>
    <t>cg20420254</t>
  </si>
  <si>
    <t>cg20420868</t>
  </si>
  <si>
    <t>cg20422242</t>
  </si>
  <si>
    <t>cg20422511</t>
  </si>
  <si>
    <t>cg20424531</t>
  </si>
  <si>
    <t>cg20425154</t>
  </si>
  <si>
    <t>cg20429584</t>
  </si>
  <si>
    <t>cg20429911</t>
  </si>
  <si>
    <t>cg20430631</t>
  </si>
  <si>
    <t>cg20435594</t>
  </si>
  <si>
    <t>cg20440595</t>
  </si>
  <si>
    <t>cg20444218</t>
  </si>
  <si>
    <t>cg20445727</t>
  </si>
  <si>
    <t>cg20446641</t>
  </si>
  <si>
    <t>cg20448129</t>
  </si>
  <si>
    <t>cg20450318</t>
  </si>
  <si>
    <t>cg20456732</t>
  </si>
  <si>
    <t>cg20467957</t>
  </si>
  <si>
    <t>cg20469689</t>
  </si>
  <si>
    <t>cg20471017</t>
  </si>
  <si>
    <t>cg20474675</t>
  </si>
  <si>
    <t>cg20475322</t>
  </si>
  <si>
    <t>cg20480334</t>
  </si>
  <si>
    <t>cg20480740</t>
  </si>
  <si>
    <t>cg20483374</t>
  </si>
  <si>
    <t>cg20484625</t>
  </si>
  <si>
    <t>cg20485124</t>
  </si>
  <si>
    <t>cg20490751</t>
  </si>
  <si>
    <t>cg20491695</t>
  </si>
  <si>
    <t>cg20492912</t>
  </si>
  <si>
    <t>cg20492951</t>
  </si>
  <si>
    <t>cg20501958</t>
  </si>
  <si>
    <t>cg20515580</t>
  </si>
  <si>
    <t>cg20516364</t>
  </si>
  <si>
    <t>cg20518716</t>
  </si>
  <si>
    <t>cg20522006</t>
  </si>
  <si>
    <t>cg20522104</t>
  </si>
  <si>
    <t>cg20528093</t>
  </si>
  <si>
    <t>cg20529923</t>
  </si>
  <si>
    <t>cg20531166</t>
  </si>
  <si>
    <t>cg20533553</t>
  </si>
  <si>
    <t>cg20533899</t>
  </si>
  <si>
    <t>cg20533957</t>
  </si>
  <si>
    <t>cg20535715</t>
  </si>
  <si>
    <t>cg20545775</t>
  </si>
  <si>
    <t>cg20553394</t>
  </si>
  <si>
    <t>cg20559189</t>
  </si>
  <si>
    <t>cg20563278</t>
  </si>
  <si>
    <t>cg20563498</t>
  </si>
  <si>
    <t>cg20563921</t>
  </si>
  <si>
    <t>cg20566897</t>
  </si>
  <si>
    <t>cg20567067</t>
  </si>
  <si>
    <t>cg20567499</t>
  </si>
  <si>
    <t>cg20570279</t>
  </si>
  <si>
    <t>cg20571112</t>
  </si>
  <si>
    <t>cg20573919</t>
  </si>
  <si>
    <t>cg20574381</t>
  </si>
  <si>
    <t>cg20576726</t>
  </si>
  <si>
    <t>cg20584555</t>
  </si>
  <si>
    <t>cg20587970</t>
  </si>
  <si>
    <t>cg20588859</t>
  </si>
  <si>
    <t>cg20597494</t>
  </si>
  <si>
    <t>cg20604645</t>
  </si>
  <si>
    <t>cg20608085</t>
  </si>
  <si>
    <t>cg20608119</t>
  </si>
  <si>
    <t>cg20608306</t>
  </si>
  <si>
    <t>cg20617583</t>
  </si>
  <si>
    <t>cg20621635</t>
  </si>
  <si>
    <t>cg20623052</t>
  </si>
  <si>
    <t>cg20624041</t>
  </si>
  <si>
    <t>cg20627971</t>
  </si>
  <si>
    <t>cg20629021</t>
  </si>
  <si>
    <t>cg20629239</t>
  </si>
  <si>
    <t>cg20632573</t>
  </si>
  <si>
    <t>cg20637081</t>
  </si>
  <si>
    <t>cg20638525</t>
  </si>
  <si>
    <t>cg20646782</t>
  </si>
  <si>
    <t>cg20648141</t>
  </si>
  <si>
    <t>cg20652899</t>
  </si>
  <si>
    <t>cg20654468</t>
  </si>
  <si>
    <t>cg20655548</t>
  </si>
  <si>
    <t>cg20657188</t>
  </si>
  <si>
    <t>cg20659378</t>
  </si>
  <si>
    <t>cg20660775</t>
  </si>
  <si>
    <t>cg20662523</t>
  </si>
  <si>
    <t>cg20668450</t>
  </si>
  <si>
    <t>cg20673919</t>
  </si>
  <si>
    <t>cg20689362</t>
  </si>
  <si>
    <t>cg20690774</t>
  </si>
  <si>
    <t>cg20691408</t>
  </si>
  <si>
    <t>cg20691577</t>
  </si>
  <si>
    <t>cg20691580</t>
  </si>
  <si>
    <t>cg20695175</t>
  </si>
  <si>
    <t>cg20699097</t>
  </si>
  <si>
    <t>cg20700549</t>
  </si>
  <si>
    <t>cg20705781</t>
  </si>
  <si>
    <t>cg20706804</t>
  </si>
  <si>
    <t>cg20707066</t>
  </si>
  <si>
    <t>cg20708135</t>
  </si>
  <si>
    <t>cg20709895</t>
  </si>
  <si>
    <t>cg20714487</t>
  </si>
  <si>
    <t>cg20716202</t>
  </si>
  <si>
    <t>cg20716688</t>
  </si>
  <si>
    <t>cg20722987</t>
  </si>
  <si>
    <t>cg20725239</t>
  </si>
  <si>
    <t>cg20727728</t>
  </si>
  <si>
    <t>cg20728639</t>
  </si>
  <si>
    <t>cg20728696</t>
  </si>
  <si>
    <t>cg20731798</t>
  </si>
  <si>
    <t>cg20733250</t>
  </si>
  <si>
    <t>cg20735282</t>
  </si>
  <si>
    <t>cg20737451</t>
  </si>
  <si>
    <t>cg20741418</t>
  </si>
  <si>
    <t>cg20741987</t>
  </si>
  <si>
    <t>cg20747751</t>
  </si>
  <si>
    <t>cg20749932</t>
  </si>
  <si>
    <t>cg20750853</t>
  </si>
  <si>
    <t>cg20751138</t>
  </si>
  <si>
    <t>cg20751395</t>
  </si>
  <si>
    <t>cg20752695</t>
  </si>
  <si>
    <t>cg20755342</t>
  </si>
  <si>
    <t>cg20764116</t>
  </si>
  <si>
    <t>cg20766090</t>
  </si>
  <si>
    <t>cg20768326</t>
  </si>
  <si>
    <t>cg20768429</t>
  </si>
  <si>
    <t>cg20774552</t>
  </si>
  <si>
    <t>cg20778582</t>
  </si>
  <si>
    <t>cg20778776</t>
  </si>
  <si>
    <t>cg20782778</t>
  </si>
  <si>
    <t>cg20783319</t>
  </si>
  <si>
    <t>cg20783722</t>
  </si>
  <si>
    <t>cg20784531</t>
  </si>
  <si>
    <t>cg20786730</t>
  </si>
  <si>
    <t>cg20787146</t>
  </si>
  <si>
    <t>cg20792833</t>
  </si>
  <si>
    <t>cg20804661</t>
  </si>
  <si>
    <t>cg20809470</t>
  </si>
  <si>
    <t>cg20809737</t>
  </si>
  <si>
    <t>cg20815063</t>
  </si>
  <si>
    <t>cg20821095</t>
  </si>
  <si>
    <t>cg20824867</t>
  </si>
  <si>
    <t>cg20825216</t>
  </si>
  <si>
    <t>cg20826709</t>
  </si>
  <si>
    <t>cg20828897</t>
  </si>
  <si>
    <t>cg20835708</t>
  </si>
  <si>
    <t>cg20839554</t>
  </si>
  <si>
    <t>cg20846508</t>
  </si>
  <si>
    <t>cg20847924</t>
  </si>
  <si>
    <t>cg20852945</t>
  </si>
  <si>
    <t>cg20856551</t>
  </si>
  <si>
    <t>cg20856882</t>
  </si>
  <si>
    <t>cg20864389</t>
  </si>
  <si>
    <t>cg20871509</t>
  </si>
  <si>
    <t>cg20871721</t>
  </si>
  <si>
    <t>cg20875442</t>
  </si>
  <si>
    <t>cg20876055</t>
  </si>
  <si>
    <t>cg20877443</t>
  </si>
  <si>
    <t>cg20879606</t>
  </si>
  <si>
    <t>cg20894936</t>
  </si>
  <si>
    <t>cg20897479</t>
  </si>
  <si>
    <t>cg20899321</t>
  </si>
  <si>
    <t>cg20899584</t>
  </si>
  <si>
    <t>cg20906753</t>
  </si>
  <si>
    <t>cg20907456</t>
  </si>
  <si>
    <t>cg20910424</t>
  </si>
  <si>
    <t>cg20910429</t>
  </si>
  <si>
    <t>cg20910746</t>
  </si>
  <si>
    <t>cg20911180</t>
  </si>
  <si>
    <t>cg20912066</t>
  </si>
  <si>
    <t>cg20917920</t>
  </si>
  <si>
    <t>cg20918697</t>
  </si>
  <si>
    <t>cg20919730</t>
  </si>
  <si>
    <t>cg20919799</t>
  </si>
  <si>
    <t>cg20921686</t>
  </si>
  <si>
    <t>cg20928770</t>
  </si>
  <si>
    <t>cg20929545</t>
  </si>
  <si>
    <t>cg20930290</t>
  </si>
  <si>
    <t>cg20930815</t>
  </si>
  <si>
    <t>cg20931559</t>
  </si>
  <si>
    <t>cg20933297</t>
  </si>
  <si>
    <t>cg20934799</t>
  </si>
  <si>
    <t>cg20938170</t>
  </si>
  <si>
    <t>cg20938665</t>
  </si>
  <si>
    <t>cg20941739</t>
  </si>
  <si>
    <t>cg20944133</t>
  </si>
  <si>
    <t>cg20944701</t>
  </si>
  <si>
    <t>cg20949700</t>
  </si>
  <si>
    <t>cg20950301</t>
  </si>
  <si>
    <t>cg20954537</t>
  </si>
  <si>
    <t>cg20955817</t>
  </si>
  <si>
    <t>cg20958804</t>
  </si>
  <si>
    <t>cg20959232</t>
  </si>
  <si>
    <t>cg20959325</t>
  </si>
  <si>
    <t>cg20959564</t>
  </si>
  <si>
    <t>cg20962356</t>
  </si>
  <si>
    <t>cg20963267</t>
  </si>
  <si>
    <t>cg20964304</t>
  </si>
  <si>
    <t>cg20967819</t>
  </si>
  <si>
    <t>cg20968743</t>
  </si>
  <si>
    <t>cg20969529</t>
  </si>
  <si>
    <t>cg20972199</t>
  </si>
  <si>
    <t>cg20973735</t>
  </si>
  <si>
    <t>cg20974659</t>
  </si>
  <si>
    <t>cg20981182</t>
  </si>
  <si>
    <t>cg20981402</t>
  </si>
  <si>
    <t>cg20983112</t>
  </si>
  <si>
    <t>cg20985847</t>
  </si>
  <si>
    <t>cg20987132</t>
  </si>
  <si>
    <t>cg20989454</t>
  </si>
  <si>
    <t>cg20989480</t>
  </si>
  <si>
    <t>cg20989729</t>
  </si>
  <si>
    <t>cg20992180</t>
  </si>
  <si>
    <t>cg20994083</t>
  </si>
  <si>
    <t>cg20996312</t>
  </si>
  <si>
    <t>cg20996545</t>
  </si>
  <si>
    <t>cg21001412</t>
  </si>
  <si>
    <t>cg21002224</t>
  </si>
  <si>
    <t>cg21002528</t>
  </si>
  <si>
    <t>cg21002651</t>
  </si>
  <si>
    <t>cg21002735</t>
  </si>
  <si>
    <t>cg21009265</t>
  </si>
  <si>
    <t>cg21011229</t>
  </si>
  <si>
    <t>cg21013710</t>
  </si>
  <si>
    <t>cg21014259</t>
  </si>
  <si>
    <t>cg21017775</t>
  </si>
  <si>
    <t>cg21019174</t>
  </si>
  <si>
    <t>cg21022435</t>
  </si>
  <si>
    <t>cg21025113</t>
  </si>
  <si>
    <t>cg21027517</t>
  </si>
  <si>
    <t>cg21030300</t>
  </si>
  <si>
    <t>cg21030416</t>
  </si>
  <si>
    <t>cg21030424</t>
  </si>
  <si>
    <t>cg21033709</t>
  </si>
  <si>
    <t>cg21038682</t>
  </si>
  <si>
    <t>cg21039438</t>
  </si>
  <si>
    <t>cg21046078</t>
  </si>
  <si>
    <t>cg21048949</t>
  </si>
  <si>
    <t>cg21049762</t>
  </si>
  <si>
    <t>cg21050392</t>
  </si>
  <si>
    <t>cg21051815</t>
  </si>
  <si>
    <t>cg21051972</t>
  </si>
  <si>
    <t>cg21052025</t>
  </si>
  <si>
    <t>cg21052656</t>
  </si>
  <si>
    <t>cg21058488</t>
  </si>
  <si>
    <t>cg21062347</t>
  </si>
  <si>
    <t>cg21073216</t>
  </si>
  <si>
    <t>cg21074535</t>
  </si>
  <si>
    <t>cg21074656</t>
  </si>
  <si>
    <t>cg21075020</t>
  </si>
  <si>
    <t>cg21076259</t>
  </si>
  <si>
    <t>cg21080921</t>
  </si>
  <si>
    <t>cg21082879</t>
  </si>
  <si>
    <t>cg21083175</t>
  </si>
  <si>
    <t>cg21084516</t>
  </si>
  <si>
    <t>cg21086464</t>
  </si>
  <si>
    <t>cg21089930</t>
  </si>
  <si>
    <t>cg21091629</t>
  </si>
  <si>
    <t>cg21092388</t>
  </si>
  <si>
    <t>cg21092834</t>
  </si>
  <si>
    <t>cg21094613</t>
  </si>
  <si>
    <t>cg21096399</t>
  </si>
  <si>
    <t>cg21100690</t>
  </si>
  <si>
    <t>cg21101750</t>
  </si>
  <si>
    <t>cg21107426</t>
  </si>
  <si>
    <t>cg21108085</t>
  </si>
  <si>
    <t>cg21110646</t>
  </si>
  <si>
    <t>cg21111471</t>
  </si>
  <si>
    <t>cg21112490</t>
  </si>
  <si>
    <t>cg21114004</t>
  </si>
  <si>
    <t>cg21116783</t>
  </si>
  <si>
    <t>cg21121024</t>
  </si>
  <si>
    <t>cg21121257</t>
  </si>
  <si>
    <t>cg21124714</t>
  </si>
  <si>
    <t>cg21125143</t>
  </si>
  <si>
    <t>cg21126844</t>
  </si>
  <si>
    <t>cg21127597</t>
  </si>
  <si>
    <t>cg21130221</t>
  </si>
  <si>
    <t>cg21130255</t>
  </si>
  <si>
    <t>cg21134090</t>
  </si>
  <si>
    <t>cg21134737</t>
  </si>
  <si>
    <t>cg21136371</t>
  </si>
  <si>
    <t>cg21137026</t>
  </si>
  <si>
    <t>cg21143706</t>
  </si>
  <si>
    <t>cg21144158</t>
  </si>
  <si>
    <t>cg21144871</t>
  </si>
  <si>
    <t>cg21146503</t>
  </si>
  <si>
    <t>cg21150390</t>
  </si>
  <si>
    <t>cg21151651</t>
  </si>
  <si>
    <t>cg21152628</t>
  </si>
  <si>
    <t>cg21157507</t>
  </si>
  <si>
    <t>cg21161651</t>
  </si>
  <si>
    <t>cg21163128</t>
  </si>
  <si>
    <t>cg21167761</t>
  </si>
  <si>
    <t>cg21170682</t>
  </si>
  <si>
    <t>cg21181562</t>
  </si>
  <si>
    <t>cg21185674</t>
  </si>
  <si>
    <t>cg21186438</t>
  </si>
  <si>
    <t>cg21188227</t>
  </si>
  <si>
    <t>cg21188242</t>
  </si>
  <si>
    <t>cg21194066</t>
  </si>
  <si>
    <t>cg21194723</t>
  </si>
  <si>
    <t>cg21197905</t>
  </si>
  <si>
    <t>cg21198586</t>
  </si>
  <si>
    <t>cg21201396</t>
  </si>
  <si>
    <t>cg21204804</t>
  </si>
  <si>
    <t>cg21208539</t>
  </si>
  <si>
    <t>cg21210690</t>
  </si>
  <si>
    <t>cg21219327</t>
  </si>
  <si>
    <t>cg21237591</t>
  </si>
  <si>
    <t>cg21238457</t>
  </si>
  <si>
    <t>cg21238818</t>
  </si>
  <si>
    <t>cg21245372</t>
  </si>
  <si>
    <t>cg21254083</t>
  </si>
  <si>
    <t>cg21257117</t>
  </si>
  <si>
    <t>cg21273437</t>
  </si>
  <si>
    <t>cg21294471</t>
  </si>
  <si>
    <t>cg21296513</t>
  </si>
  <si>
    <t>cg21323244</t>
  </si>
  <si>
    <t>cg21324936</t>
  </si>
  <si>
    <t>cg21325475</t>
  </si>
  <si>
    <t>cg21370143</t>
  </si>
  <si>
    <t>cg21406100</t>
  </si>
  <si>
    <t>cg21407055</t>
  </si>
  <si>
    <t>cg21412748</t>
  </si>
  <si>
    <t>cg21415227</t>
  </si>
  <si>
    <t>cg21415698</t>
  </si>
  <si>
    <t>cg21419428</t>
  </si>
  <si>
    <t>cg21421501</t>
  </si>
  <si>
    <t>cg21424090</t>
  </si>
  <si>
    <t>cg21433768</t>
  </si>
  <si>
    <t>cg21441886</t>
  </si>
  <si>
    <t>cg21460402</t>
  </si>
  <si>
    <t>cg21462715</t>
  </si>
  <si>
    <t>cg21488132</t>
  </si>
  <si>
    <t>cg21494075</t>
  </si>
  <si>
    <t>cg21504757</t>
  </si>
  <si>
    <t>cg21507528</t>
  </si>
  <si>
    <t>cg21507987</t>
  </si>
  <si>
    <t>cg21510789</t>
  </si>
  <si>
    <t>cg21513803</t>
  </si>
  <si>
    <t>cg21518089</t>
  </si>
  <si>
    <t>cg21529477</t>
  </si>
  <si>
    <t>cg21531702</t>
  </si>
  <si>
    <t>cg21533830</t>
  </si>
  <si>
    <t>cg21544633</t>
  </si>
  <si>
    <t>cg21544658</t>
  </si>
  <si>
    <t>cg21547628</t>
  </si>
  <si>
    <t>cg21548340</t>
  </si>
  <si>
    <t>cg21551979</t>
  </si>
  <si>
    <t>cg21557159</t>
  </si>
  <si>
    <t>cg21558912</t>
  </si>
  <si>
    <t>cg21561712</t>
  </si>
  <si>
    <t>cg21563192</t>
  </si>
  <si>
    <t>cg21563737</t>
  </si>
  <si>
    <t>cg21565415</t>
  </si>
  <si>
    <t>cg21566548</t>
  </si>
  <si>
    <t>cg21567332</t>
  </si>
  <si>
    <t>cg21570702</t>
  </si>
  <si>
    <t>cg21574853</t>
  </si>
  <si>
    <t>cg21581267</t>
  </si>
  <si>
    <t>cg21582163</t>
  </si>
  <si>
    <t>cg21582373</t>
  </si>
  <si>
    <t>cg21583440</t>
  </si>
  <si>
    <t>cg21584495</t>
  </si>
  <si>
    <t>cg21585512</t>
  </si>
  <si>
    <t>cg21585733</t>
  </si>
  <si>
    <t>cg21591776</t>
  </si>
  <si>
    <t>cg21592158</t>
  </si>
  <si>
    <t>cg21593030</t>
  </si>
  <si>
    <t>cg21596290</t>
  </si>
  <si>
    <t>cg21597692</t>
  </si>
  <si>
    <t>cg21599336</t>
  </si>
  <si>
    <t>cg21599792</t>
  </si>
  <si>
    <t>cg21606527</t>
  </si>
  <si>
    <t>cg21606915</t>
  </si>
  <si>
    <t>cg21609804</t>
  </si>
  <si>
    <t>cg21611112</t>
  </si>
  <si>
    <t>cg21618529</t>
  </si>
  <si>
    <t>cg21618733</t>
  </si>
  <si>
    <t>cg21619153</t>
  </si>
  <si>
    <t>cg21620535</t>
  </si>
  <si>
    <t>cg21620540</t>
  </si>
  <si>
    <t>cg21624228</t>
  </si>
  <si>
    <t>cg21625464</t>
  </si>
  <si>
    <t>cg21628164</t>
  </si>
  <si>
    <t>cg21628854</t>
  </si>
  <si>
    <t>cg21631427</t>
  </si>
  <si>
    <t>cg21634933</t>
  </si>
  <si>
    <t>cg21636841</t>
  </si>
  <si>
    <t>cg21637776</t>
  </si>
  <si>
    <t>cg21638712</t>
  </si>
  <si>
    <t>cg21641465</t>
  </si>
  <si>
    <t>cg21643860</t>
  </si>
  <si>
    <t>cg21644468</t>
  </si>
  <si>
    <t>cg21650086</t>
  </si>
  <si>
    <t>cg21655201</t>
  </si>
  <si>
    <t>cg21659910</t>
  </si>
  <si>
    <t>cg21667796</t>
  </si>
  <si>
    <t>cg21668231</t>
  </si>
  <si>
    <t>cg21669371</t>
  </si>
  <si>
    <t>cg21670003</t>
  </si>
  <si>
    <t>cg21671386</t>
  </si>
  <si>
    <t>cg21672572</t>
  </si>
  <si>
    <t>cg21673240</t>
  </si>
  <si>
    <t>cg21681756</t>
  </si>
  <si>
    <t>cg21683009</t>
  </si>
  <si>
    <t>cg21684681</t>
  </si>
  <si>
    <t>cg21686213</t>
  </si>
  <si>
    <t>cg21687924</t>
  </si>
  <si>
    <t>cg21690489</t>
  </si>
  <si>
    <t>cg21695475</t>
  </si>
  <si>
    <t>cg21696617</t>
  </si>
  <si>
    <t>cg21697198</t>
  </si>
  <si>
    <t>cg21702188</t>
  </si>
  <si>
    <t>cg21704109</t>
  </si>
  <si>
    <t>cg21704502</t>
  </si>
  <si>
    <t>cg21706343</t>
  </si>
  <si>
    <t>cg21709803</t>
  </si>
  <si>
    <t>cg21710451</t>
  </si>
  <si>
    <t>cg21717508</t>
  </si>
  <si>
    <t>cg21720306</t>
  </si>
  <si>
    <t>cg21720802</t>
  </si>
  <si>
    <t>cg21726037</t>
  </si>
  <si>
    <t>cg21729356</t>
  </si>
  <si>
    <t>cg21731578</t>
  </si>
  <si>
    <t>cg21736476</t>
  </si>
  <si>
    <t>cg21739289</t>
  </si>
  <si>
    <t>cg21739934</t>
  </si>
  <si>
    <t>cg21742931</t>
  </si>
  <si>
    <t>cg21746120</t>
  </si>
  <si>
    <t>cg21747271</t>
  </si>
  <si>
    <t>cg21750233</t>
  </si>
  <si>
    <t>cg21752270</t>
  </si>
  <si>
    <t>cg21752517</t>
  </si>
  <si>
    <t>cg21754609</t>
  </si>
  <si>
    <t>cg21756647</t>
  </si>
  <si>
    <t>cg21757951</t>
  </si>
  <si>
    <t>cg21758962</t>
  </si>
  <si>
    <t>cg21759080</t>
  </si>
  <si>
    <t>cg21764344</t>
  </si>
  <si>
    <t>cg21764367</t>
  </si>
  <si>
    <t>cg21765235</t>
  </si>
  <si>
    <t>cg21767798</t>
  </si>
  <si>
    <t>cg21769619</t>
  </si>
  <si>
    <t>cg21770330</t>
  </si>
  <si>
    <t>cg21778835</t>
  </si>
  <si>
    <t>cg21784598</t>
  </si>
  <si>
    <t>cg21786381</t>
  </si>
  <si>
    <t>cg21796225</t>
  </si>
  <si>
    <t>cg21800906</t>
  </si>
  <si>
    <t>cg21802682</t>
  </si>
  <si>
    <t>cg21802703</t>
  </si>
  <si>
    <t>cg21806917</t>
  </si>
  <si>
    <t>cg21809762</t>
  </si>
  <si>
    <t>cg21810373</t>
  </si>
  <si>
    <t>cg21810664</t>
  </si>
  <si>
    <t>cg21814238</t>
  </si>
  <si>
    <t>cg21825879</t>
  </si>
  <si>
    <t>cg21836487</t>
  </si>
  <si>
    <t>cg21836562</t>
  </si>
  <si>
    <t>cg21843586</t>
  </si>
  <si>
    <t>cg21844144</t>
  </si>
  <si>
    <t>cg21845713</t>
  </si>
  <si>
    <t>cg21855205</t>
  </si>
  <si>
    <t>cg21856695</t>
  </si>
  <si>
    <t>cg21859290</t>
  </si>
  <si>
    <t>cg21860254</t>
  </si>
  <si>
    <t>cg21862992</t>
  </si>
  <si>
    <t>cg21863998</t>
  </si>
  <si>
    <t>cg21864730</t>
  </si>
  <si>
    <t>cg21865844</t>
  </si>
  <si>
    <t>cg21873011</t>
  </si>
  <si>
    <t>cg21876869</t>
  </si>
  <si>
    <t>cg21881798</t>
  </si>
  <si>
    <t>cg21886186</t>
  </si>
  <si>
    <t>cg21890820</t>
  </si>
  <si>
    <t>cg21892409</t>
  </si>
  <si>
    <t>cg21901307</t>
  </si>
  <si>
    <t>cg21909526</t>
  </si>
  <si>
    <t>cg21909782</t>
  </si>
  <si>
    <t>cg21910615</t>
  </si>
  <si>
    <t>cg21920570</t>
  </si>
  <si>
    <t>cg21926276</t>
  </si>
  <si>
    <t>cg21927426</t>
  </si>
  <si>
    <t>cg21929875</t>
  </si>
  <si>
    <t>cg21931656</t>
  </si>
  <si>
    <t>cg21931784</t>
  </si>
  <si>
    <t>cg21932380</t>
  </si>
  <si>
    <t>cg21937958</t>
  </si>
  <si>
    <t>cg21939215</t>
  </si>
  <si>
    <t>cg21941618</t>
  </si>
  <si>
    <t>cg21943376</t>
  </si>
  <si>
    <t>cg21946524</t>
  </si>
  <si>
    <t>cg21957616</t>
  </si>
  <si>
    <t>cg21957813</t>
  </si>
  <si>
    <t>cg21958798</t>
  </si>
  <si>
    <t>cg21968515</t>
  </si>
  <si>
    <t>cg21969548</t>
  </si>
  <si>
    <t>cg21971285</t>
  </si>
  <si>
    <t>cg21971919</t>
  </si>
  <si>
    <t>cg21977766</t>
  </si>
  <si>
    <t>cg21988813</t>
  </si>
  <si>
    <t>cg21989886</t>
  </si>
  <si>
    <t>cg21992250</t>
  </si>
  <si>
    <t>cg21994822</t>
  </si>
  <si>
    <t>cg21995377</t>
  </si>
  <si>
    <t>cg21996245</t>
  </si>
  <si>
    <t>cg21996761</t>
  </si>
  <si>
    <t>cg21997740</t>
  </si>
  <si>
    <t>cg21999162</t>
  </si>
  <si>
    <t>cg22001335</t>
  </si>
  <si>
    <t>cg22009923</t>
  </si>
  <si>
    <t>cg22011436</t>
  </si>
  <si>
    <t>cg22011888</t>
  </si>
  <si>
    <t>cg22014972</t>
  </si>
  <si>
    <t>cg22016649</t>
  </si>
  <si>
    <t>cg22017309</t>
  </si>
  <si>
    <t>cg22017954</t>
  </si>
  <si>
    <t>cg22019177</t>
  </si>
  <si>
    <t>cg22019742</t>
  </si>
  <si>
    <t>cg22021076</t>
  </si>
  <si>
    <t>cg22022821</t>
  </si>
  <si>
    <t>cg22022957</t>
  </si>
  <si>
    <t>cg22024876</t>
  </si>
  <si>
    <t>cg22025454</t>
  </si>
  <si>
    <t>cg22025816</t>
  </si>
  <si>
    <t>cg22027725</t>
  </si>
  <si>
    <t>cg22028624</t>
  </si>
  <si>
    <t>cg22032521</t>
  </si>
  <si>
    <t>cg22033281</t>
  </si>
  <si>
    <t>cg22040301</t>
  </si>
  <si>
    <t>cg22040469</t>
  </si>
  <si>
    <t>cg22041190</t>
  </si>
  <si>
    <t>cg22043588</t>
  </si>
  <si>
    <t>cg22043652</t>
  </si>
  <si>
    <t>cg22046661</t>
  </si>
  <si>
    <t>cg22047766</t>
  </si>
  <si>
    <t>cg22048492</t>
  </si>
  <si>
    <t>cg22050157</t>
  </si>
  <si>
    <t>cg22051865</t>
  </si>
  <si>
    <t>cg22052720</t>
  </si>
  <si>
    <t>cg22053854</t>
  </si>
  <si>
    <t>cg22055511</t>
  </si>
  <si>
    <t>cg22056218</t>
  </si>
  <si>
    <t>cg22058906</t>
  </si>
  <si>
    <t>cg22061561</t>
  </si>
  <si>
    <t>cg22063247</t>
  </si>
  <si>
    <t>cg22064610</t>
  </si>
  <si>
    <t>cg22065591</t>
  </si>
  <si>
    <t>cg22073766</t>
  </si>
  <si>
    <t>cg22075475</t>
  </si>
  <si>
    <t>cg22079043</t>
  </si>
  <si>
    <t>cg22079354</t>
  </si>
  <si>
    <t>cg22081008</t>
  </si>
  <si>
    <t>cg22081558</t>
  </si>
  <si>
    <t>cg22082868</t>
  </si>
  <si>
    <t>cg22085702</t>
  </si>
  <si>
    <t>cg22091053</t>
  </si>
  <si>
    <t>cg22091798</t>
  </si>
  <si>
    <t>cg22093503</t>
  </si>
  <si>
    <t>cg22094042</t>
  </si>
  <si>
    <t>cg22096787</t>
  </si>
  <si>
    <t>cg22097425</t>
  </si>
  <si>
    <t>cg22107164</t>
  </si>
  <si>
    <t>cg22108008</t>
  </si>
  <si>
    <t>cg22108265</t>
  </si>
  <si>
    <t>cg22110158</t>
  </si>
  <si>
    <t>cg22110267</t>
  </si>
  <si>
    <t>cg22110998</t>
  </si>
  <si>
    <t>cg22111167</t>
  </si>
  <si>
    <t>cg22112035</t>
  </si>
  <si>
    <t>cg22115077</t>
  </si>
  <si>
    <t>cg22115093</t>
  </si>
  <si>
    <t>cg22117723</t>
  </si>
  <si>
    <t>cg22125989</t>
  </si>
  <si>
    <t>cg22126690</t>
  </si>
  <si>
    <t>cg22128896</t>
  </si>
  <si>
    <t>cg22129074</t>
  </si>
  <si>
    <t>cg22129122</t>
  </si>
  <si>
    <t>cg22130673</t>
  </si>
  <si>
    <t>cg22132309</t>
  </si>
  <si>
    <t>cg22136098</t>
  </si>
  <si>
    <t>cg22138216</t>
  </si>
  <si>
    <t>cg22138302</t>
  </si>
  <si>
    <t>cg22138597</t>
  </si>
  <si>
    <t>cg22140446</t>
  </si>
  <si>
    <t>cg22140538</t>
  </si>
  <si>
    <t>cg22141235</t>
  </si>
  <si>
    <t>cg22142922</t>
  </si>
  <si>
    <t>cg22143635</t>
  </si>
  <si>
    <t>cg22147163</t>
  </si>
  <si>
    <t>cg22151881</t>
  </si>
  <si>
    <t>cg22159835</t>
  </si>
  <si>
    <t>cg22166106</t>
  </si>
  <si>
    <t>cg22166739</t>
  </si>
  <si>
    <t>cg22169418</t>
  </si>
  <si>
    <t>cg22172230</t>
  </si>
  <si>
    <t>cg22172494</t>
  </si>
  <si>
    <t>cg22173131</t>
  </si>
  <si>
    <t>cg22176017</t>
  </si>
  <si>
    <t>cg22186291</t>
  </si>
  <si>
    <t>cg22187246</t>
  </si>
  <si>
    <t>cg22187376</t>
  </si>
  <si>
    <t>cg22189307</t>
  </si>
  <si>
    <t>cg22194396</t>
  </si>
  <si>
    <t>cg22200067</t>
  </si>
  <si>
    <t>cg22205544</t>
  </si>
  <si>
    <t>cg22207207</t>
  </si>
  <si>
    <t>cg22207272</t>
  </si>
  <si>
    <t>cg22210220</t>
  </si>
  <si>
    <t>cg22212700</t>
  </si>
  <si>
    <t>cg22212839</t>
  </si>
  <si>
    <t>cg22214498</t>
  </si>
  <si>
    <t>cg22214800</t>
  </si>
  <si>
    <t>cg22219450</t>
  </si>
  <si>
    <t>cg22222663</t>
  </si>
  <si>
    <t>cg22224704</t>
  </si>
  <si>
    <t>cg22225943</t>
  </si>
  <si>
    <t>cg22226680</t>
  </si>
  <si>
    <t>cg22230387</t>
  </si>
  <si>
    <t>cg22231483</t>
  </si>
  <si>
    <t>cg22233093</t>
  </si>
  <si>
    <t>cg22234061</t>
  </si>
  <si>
    <t>cg22235258</t>
  </si>
  <si>
    <t>cg22235873</t>
  </si>
  <si>
    <t>cg22239603</t>
  </si>
  <si>
    <t>cg22239727</t>
  </si>
  <si>
    <t>cg22247037</t>
  </si>
  <si>
    <t>cg22256309</t>
  </si>
  <si>
    <t>cg22258538</t>
  </si>
  <si>
    <t>cg22258976</t>
  </si>
  <si>
    <t>cg22259242</t>
  </si>
  <si>
    <t>cg22264616</t>
  </si>
  <si>
    <t>cg22266072</t>
  </si>
  <si>
    <t>cg22266877</t>
  </si>
  <si>
    <t>cg22267234</t>
  </si>
  <si>
    <t>cg22271905</t>
  </si>
  <si>
    <t>cg22272457</t>
  </si>
  <si>
    <t>cg22272492</t>
  </si>
  <si>
    <t>cg22276271</t>
  </si>
  <si>
    <t>cg22280820</t>
  </si>
  <si>
    <t>cg22284030</t>
  </si>
  <si>
    <t>cg22284311</t>
  </si>
  <si>
    <t>cg22284860</t>
  </si>
  <si>
    <t>cg22285621</t>
  </si>
  <si>
    <t>cg22287492</t>
  </si>
  <si>
    <t>cg22287731</t>
  </si>
  <si>
    <t>cg22289115</t>
  </si>
  <si>
    <t>cg22296808</t>
  </si>
  <si>
    <t>cg22299741</t>
  </si>
  <si>
    <t>cg22303773</t>
  </si>
  <si>
    <t>cg22306408</t>
  </si>
  <si>
    <t>cg22311230</t>
  </si>
  <si>
    <t>cg22311458</t>
  </si>
  <si>
    <t>cg22312494</t>
  </si>
  <si>
    <t>cg22315746</t>
  </si>
  <si>
    <t>cg22316674</t>
  </si>
  <si>
    <t>cg22317989</t>
  </si>
  <si>
    <t>cg22320059</t>
  </si>
  <si>
    <t>cg22322535</t>
  </si>
  <si>
    <t>cg22325703</t>
  </si>
  <si>
    <t>cg22327175</t>
  </si>
  <si>
    <t>cg22327778</t>
  </si>
  <si>
    <t>cg22329440</t>
  </si>
  <si>
    <t>cg22330021</t>
  </si>
  <si>
    <t>cg22330638</t>
  </si>
  <si>
    <t>cg22331032</t>
  </si>
  <si>
    <t>cg22332910</t>
  </si>
  <si>
    <t>cg22335368</t>
  </si>
  <si>
    <t>cg22336633</t>
  </si>
  <si>
    <t>cg22343275</t>
  </si>
  <si>
    <t>cg22343459</t>
  </si>
  <si>
    <t>cg22352122</t>
  </si>
  <si>
    <t>cg22354363</t>
  </si>
  <si>
    <t>cg22355889</t>
  </si>
  <si>
    <t>cg22358121</t>
  </si>
  <si>
    <t>cg22359107</t>
  </si>
  <si>
    <t>cg22360649</t>
  </si>
  <si>
    <t>cg22360678</t>
  </si>
  <si>
    <t>cg22361390</t>
  </si>
  <si>
    <t>cg22364204</t>
  </si>
  <si>
    <t>cg22364435</t>
  </si>
  <si>
    <t>cg22365167</t>
  </si>
  <si>
    <t>cg22368476</t>
  </si>
  <si>
    <t>cg22368545</t>
  </si>
  <si>
    <t>cg22372285</t>
  </si>
  <si>
    <t>cg22372439</t>
  </si>
  <si>
    <t>cg22372505</t>
  </si>
  <si>
    <t>cg22376940</t>
  </si>
  <si>
    <t>cg22385463</t>
  </si>
  <si>
    <t>cg22392038</t>
  </si>
  <si>
    <t>cg22395250</t>
  </si>
  <si>
    <t>cg22397625</t>
  </si>
  <si>
    <t>cg22404646</t>
  </si>
  <si>
    <t>cg22404856</t>
  </si>
  <si>
    <t>cg22406869</t>
  </si>
  <si>
    <t>cg22407504</t>
  </si>
  <si>
    <t>cg22410262</t>
  </si>
  <si>
    <t>cg22410827</t>
  </si>
  <si>
    <t>cg22413726</t>
  </si>
  <si>
    <t>cg22417398</t>
  </si>
  <si>
    <t>cg22424444</t>
  </si>
  <si>
    <t>cg22436253</t>
  </si>
  <si>
    <t>cg22458194</t>
  </si>
  <si>
    <t>cg22476960</t>
  </si>
  <si>
    <t>cg22484980</t>
  </si>
  <si>
    <t>cg22510814</t>
  </si>
  <si>
    <t>cg22511262</t>
  </si>
  <si>
    <t>cg22524514</t>
  </si>
  <si>
    <t>cg22527280</t>
  </si>
  <si>
    <t>cg22528685</t>
  </si>
  <si>
    <t>cg22529861</t>
  </si>
  <si>
    <t>cg22533573</t>
  </si>
  <si>
    <t>cg22536580</t>
  </si>
  <si>
    <t>cg22548788</t>
  </si>
  <si>
    <t>cg22552669</t>
  </si>
  <si>
    <t>cg22557091</t>
  </si>
  <si>
    <t>cg22620356</t>
  </si>
  <si>
    <t>cg22620614</t>
  </si>
  <si>
    <t>cg22621736</t>
  </si>
  <si>
    <t>cg22623080</t>
  </si>
  <si>
    <t>cg22624391</t>
  </si>
  <si>
    <t>cg22625903</t>
  </si>
  <si>
    <t>cg22626675</t>
  </si>
  <si>
    <t>cg22627427</t>
  </si>
  <si>
    <t>cg22627646</t>
  </si>
  <si>
    <t>cg22629528</t>
  </si>
  <si>
    <t>cg22632987</t>
  </si>
  <si>
    <t>cg22635660</t>
  </si>
  <si>
    <t>cg22637428</t>
  </si>
  <si>
    <t>cg22637507</t>
  </si>
  <si>
    <t>cg22639011</t>
  </si>
  <si>
    <t>cg22643214</t>
  </si>
  <si>
    <t>cg22646210</t>
  </si>
  <si>
    <t>cg22649187</t>
  </si>
  <si>
    <t>cg22650867</t>
  </si>
  <si>
    <t>cg22652406</t>
  </si>
  <si>
    <t>cg22656544</t>
  </si>
  <si>
    <t>cg22659564</t>
  </si>
  <si>
    <t>cg22662482</t>
  </si>
  <si>
    <t>cg22663489</t>
  </si>
  <si>
    <t>cg22667509</t>
  </si>
  <si>
    <t>cg22675791</t>
  </si>
  <si>
    <t>cg22680424</t>
  </si>
  <si>
    <t>cg22680591</t>
  </si>
  <si>
    <t>cg22685409</t>
  </si>
  <si>
    <t>cg22685903</t>
  </si>
  <si>
    <t>cg22689366</t>
  </si>
  <si>
    <t>cg22693702</t>
  </si>
  <si>
    <t>cg22698115</t>
  </si>
  <si>
    <t>cg22701534</t>
  </si>
  <si>
    <t>cg22704775</t>
  </si>
  <si>
    <t>cg22705929</t>
  </si>
  <si>
    <t>cg22707438</t>
  </si>
  <si>
    <t>cg22716292</t>
  </si>
  <si>
    <t>cg22718031</t>
  </si>
  <si>
    <t>cg22719782</t>
  </si>
  <si>
    <t>cg22719871</t>
  </si>
  <si>
    <t>cg22720349</t>
  </si>
  <si>
    <t>cg22725847</t>
  </si>
  <si>
    <t>cg22731558</t>
  </si>
  <si>
    <t>cg22731981</t>
  </si>
  <si>
    <t>cg22734165</t>
  </si>
  <si>
    <t>cg22735331</t>
  </si>
  <si>
    <t>cg22736956</t>
  </si>
  <si>
    <t>cg22737282</t>
  </si>
  <si>
    <t>cg22740492</t>
  </si>
  <si>
    <t>cg22747142</t>
  </si>
  <si>
    <t>cg22747802</t>
  </si>
  <si>
    <t>cg22749107</t>
  </si>
  <si>
    <t>cg22753417</t>
  </si>
  <si>
    <t>cg22756951</t>
  </si>
  <si>
    <t>cg22760287</t>
  </si>
  <si>
    <t>cg22761205</t>
  </si>
  <si>
    <t>cg22765964</t>
  </si>
  <si>
    <t>cg22768358</t>
  </si>
  <si>
    <t>cg22776767</t>
  </si>
  <si>
    <t>cg22777186</t>
  </si>
  <si>
    <t>cg22777979</t>
  </si>
  <si>
    <t>cg22782986</t>
  </si>
  <si>
    <t>cg22784836</t>
  </si>
  <si>
    <t>cg22785492</t>
  </si>
  <si>
    <t>cg22789945</t>
  </si>
  <si>
    <t>cg22791045</t>
  </si>
  <si>
    <t>cg22791976</t>
  </si>
  <si>
    <t>cg22792646</t>
  </si>
  <si>
    <t>cg22797270</t>
  </si>
  <si>
    <t>cg22798821</t>
  </si>
  <si>
    <t>cg22799110</t>
  </si>
  <si>
    <t>cg22801913</t>
  </si>
  <si>
    <t>cg22814353</t>
  </si>
  <si>
    <t>cg22824291</t>
  </si>
  <si>
    <t>cg22827833</t>
  </si>
  <si>
    <t>cg22831978</t>
  </si>
  <si>
    <t>cg22836809</t>
  </si>
  <si>
    <t>cg22837499</t>
  </si>
  <si>
    <t>cg22838281</t>
  </si>
  <si>
    <t>cg22841667</t>
  </si>
  <si>
    <t>cg22842048</t>
  </si>
  <si>
    <t>cg22842860</t>
  </si>
  <si>
    <t>cg22843446</t>
  </si>
  <si>
    <t>cg22854223</t>
  </si>
  <si>
    <t>cg22854538</t>
  </si>
  <si>
    <t>cg22855325</t>
  </si>
  <si>
    <t>cg22856329</t>
  </si>
  <si>
    <t>cg22856771</t>
  </si>
  <si>
    <t>cg22858288</t>
  </si>
  <si>
    <t>cg22859451</t>
  </si>
  <si>
    <t>cg22859714</t>
  </si>
  <si>
    <t>cg22860534</t>
  </si>
  <si>
    <t>cg22862634</t>
  </si>
  <si>
    <t>cg22862656</t>
  </si>
  <si>
    <t>cg22865562</t>
  </si>
  <si>
    <t>cg22867063</t>
  </si>
  <si>
    <t>cg22869366</t>
  </si>
  <si>
    <t>cg22870994</t>
  </si>
  <si>
    <t>cg22871233</t>
  </si>
  <si>
    <t>cg22872549</t>
  </si>
  <si>
    <t>cg22876106</t>
  </si>
  <si>
    <t>cg22878550</t>
  </si>
  <si>
    <t>cg22881680</t>
  </si>
  <si>
    <t>cg22882011</t>
  </si>
  <si>
    <t>cg22885062</t>
  </si>
  <si>
    <t>cg22889887</t>
  </si>
  <si>
    <t>cg22891988</t>
  </si>
  <si>
    <t>cg22894517</t>
  </si>
  <si>
    <t>cg22897715</t>
  </si>
  <si>
    <t>cg22902089</t>
  </si>
  <si>
    <t>cg22902532</t>
  </si>
  <si>
    <t>cg22904173</t>
  </si>
  <si>
    <t>cg22908616</t>
  </si>
  <si>
    <t>cg22910449</t>
  </si>
  <si>
    <t>cg22911054</t>
  </si>
  <si>
    <t>cg22911867</t>
  </si>
  <si>
    <t>cg22911898</t>
  </si>
  <si>
    <t>cg22913843</t>
  </si>
  <si>
    <t>cg22915154</t>
  </si>
  <si>
    <t>cg22926931</t>
  </si>
  <si>
    <t>cg22932993</t>
  </si>
  <si>
    <t>cg22933449</t>
  </si>
  <si>
    <t>cg22933646</t>
  </si>
  <si>
    <t>cg22937444</t>
  </si>
  <si>
    <t>cg22937632</t>
  </si>
  <si>
    <t>cg22943108</t>
  </si>
  <si>
    <t>cg22944075</t>
  </si>
  <si>
    <t>cg22948808</t>
  </si>
  <si>
    <t>cg22949188</t>
  </si>
  <si>
    <t>cg22954171</t>
  </si>
  <si>
    <t>cg22956116</t>
  </si>
  <si>
    <t>cg22956483</t>
  </si>
  <si>
    <t>cg22957898</t>
  </si>
  <si>
    <t>cg22958118</t>
  </si>
  <si>
    <t>cg22958951</t>
  </si>
  <si>
    <t>cg22961513</t>
  </si>
  <si>
    <t>cg22964469</t>
  </si>
  <si>
    <t>cg22967016</t>
  </si>
  <si>
    <t>cg22969079</t>
  </si>
  <si>
    <t>cg22973087</t>
  </si>
  <si>
    <t>cg22973812</t>
  </si>
  <si>
    <t>cg22975913</t>
  </si>
  <si>
    <t>cg22976120</t>
  </si>
  <si>
    <t>cg22978316</t>
  </si>
  <si>
    <t>cg22978378</t>
  </si>
  <si>
    <t>cg22982884</t>
  </si>
  <si>
    <t>cg22984786</t>
  </si>
  <si>
    <t>cg22986178</t>
  </si>
  <si>
    <t>cg22986597</t>
  </si>
  <si>
    <t>cg22986999</t>
  </si>
  <si>
    <t>cg22989496</t>
  </si>
  <si>
    <t>cg22992570</t>
  </si>
  <si>
    <t>cg22999603</t>
  </si>
  <si>
    <t>cg23001457</t>
  </si>
  <si>
    <t>cg23003085</t>
  </si>
  <si>
    <t>cg23004038</t>
  </si>
  <si>
    <t>cg23009046</t>
  </si>
  <si>
    <t>cg23009441</t>
  </si>
  <si>
    <t>cg23010913</t>
  </si>
  <si>
    <t>cg23012054</t>
  </si>
  <si>
    <t>cg23022313</t>
  </si>
  <si>
    <t>cg23025395</t>
  </si>
  <si>
    <t>cg23027425</t>
  </si>
  <si>
    <t>cg23029021</t>
  </si>
  <si>
    <t>cg23029851</t>
  </si>
  <si>
    <t>cg23031135</t>
  </si>
  <si>
    <t>cg23031939</t>
  </si>
  <si>
    <t>cg23033691</t>
  </si>
  <si>
    <t>cg23037644</t>
  </si>
  <si>
    <t>cg23038824</t>
  </si>
  <si>
    <t>cg23039189</t>
  </si>
  <si>
    <t>cg23042775</t>
  </si>
  <si>
    <t>cg23046045</t>
  </si>
  <si>
    <t>cg23049823</t>
  </si>
  <si>
    <t>cg23051559</t>
  </si>
  <si>
    <t>cg23053568</t>
  </si>
  <si>
    <t>cg23054121</t>
  </si>
  <si>
    <t>cg23055735</t>
  </si>
  <si>
    <t>cg23057967</t>
  </si>
  <si>
    <t>cg23058613</t>
  </si>
  <si>
    <t>cg23058901</t>
  </si>
  <si>
    <t>cg23060390</t>
  </si>
  <si>
    <t>cg23069847</t>
  </si>
  <si>
    <t>cg23072973</t>
  </si>
  <si>
    <t>cg23075364</t>
  </si>
  <si>
    <t>cg23075970</t>
  </si>
  <si>
    <t>cg23077606</t>
  </si>
  <si>
    <t>cg23079866</t>
  </si>
  <si>
    <t>cg23087241</t>
  </si>
  <si>
    <t>cg23097052</t>
  </si>
  <si>
    <t>cg23097878</t>
  </si>
  <si>
    <t>cg23098812</t>
  </si>
  <si>
    <t>cg23099145</t>
  </si>
  <si>
    <t>cg23101259</t>
  </si>
  <si>
    <t>cg23102483</t>
  </si>
  <si>
    <t>cg23104436</t>
  </si>
  <si>
    <t>cg23109191</t>
  </si>
  <si>
    <t>cg23109714</t>
  </si>
  <si>
    <t>cg23111641</t>
  </si>
  <si>
    <t>cg23112950</t>
  </si>
  <si>
    <t>cg23121140</t>
  </si>
  <si>
    <t>cg23121335</t>
  </si>
  <si>
    <t>cg23128382</t>
  </si>
  <si>
    <t>cg23130075</t>
  </si>
  <si>
    <t>cg23133011</t>
  </si>
  <si>
    <t>cg23135908</t>
  </si>
  <si>
    <t>cg23137936</t>
  </si>
  <si>
    <t>cg23138728</t>
  </si>
  <si>
    <t>cg23142529</t>
  </si>
  <si>
    <t>cg23143603</t>
  </si>
  <si>
    <t>cg23146180</t>
  </si>
  <si>
    <t>cg23148948</t>
  </si>
  <si>
    <t>cg23149454</t>
  </si>
  <si>
    <t>cg23149790</t>
  </si>
  <si>
    <t>cg23149852</t>
  </si>
  <si>
    <t>cg23156029</t>
  </si>
  <si>
    <t>cg23156348</t>
  </si>
  <si>
    <t>cg23159857</t>
  </si>
  <si>
    <t>cg23162087</t>
  </si>
  <si>
    <t>cg23162647</t>
  </si>
  <si>
    <t>cg23165164</t>
  </si>
  <si>
    <t>cg23170850</t>
  </si>
  <si>
    <t>cg23173301</t>
  </si>
  <si>
    <t>cg23175322</t>
  </si>
  <si>
    <t>cg23181580</t>
  </si>
  <si>
    <t>cg23185657</t>
  </si>
  <si>
    <t>cg23189044</t>
  </si>
  <si>
    <t>cg23190089</t>
  </si>
  <si>
    <t>cg23190190</t>
  </si>
  <si>
    <t>cg23193059</t>
  </si>
  <si>
    <t>cg23193177</t>
  </si>
  <si>
    <t>cg23194281</t>
  </si>
  <si>
    <t>cg23195547</t>
  </si>
  <si>
    <t>cg23196081</t>
  </si>
  <si>
    <t>cg23200506</t>
  </si>
  <si>
    <t>cg23201575</t>
  </si>
  <si>
    <t>cg23202409</t>
  </si>
  <si>
    <t>cg23203302</t>
  </si>
  <si>
    <t>cg23206745</t>
  </si>
  <si>
    <t>cg23214764</t>
  </si>
  <si>
    <t>cg23217865</t>
  </si>
  <si>
    <t>cg23220439</t>
  </si>
  <si>
    <t>cg23220533</t>
  </si>
  <si>
    <t>cg23221010</t>
  </si>
  <si>
    <t>cg23225147</t>
  </si>
  <si>
    <t>cg23225469</t>
  </si>
  <si>
    <t>cg23226763</t>
  </si>
  <si>
    <t>cg23227726</t>
  </si>
  <si>
    <t>cg23228609</t>
  </si>
  <si>
    <t>cg23230362</t>
  </si>
  <si>
    <t>cg23236270</t>
  </si>
  <si>
    <t>cg23242341</t>
  </si>
  <si>
    <t>cg23246509</t>
  </si>
  <si>
    <t>cg23247191</t>
  </si>
  <si>
    <t>cg23250019</t>
  </si>
  <si>
    <t>cg23251042</t>
  </si>
  <si>
    <t>cg23252919</t>
  </si>
  <si>
    <t>cg23254918</t>
  </si>
  <si>
    <t>cg23256971</t>
  </si>
  <si>
    <t>cg23260799</t>
  </si>
  <si>
    <t>cg23264547</t>
  </si>
  <si>
    <t>cg23264914</t>
  </si>
  <si>
    <t>cg23265210</t>
  </si>
  <si>
    <t>cg23266943</t>
  </si>
  <si>
    <t>cg23267171</t>
  </si>
  <si>
    <t>cg23267890</t>
  </si>
  <si>
    <t>cg23270550</t>
  </si>
  <si>
    <t>cg23272668</t>
  </si>
  <si>
    <t>cg23279192</t>
  </si>
  <si>
    <t>cg23279496</t>
  </si>
  <si>
    <t>cg23286629</t>
  </si>
  <si>
    <t>cg23288807</t>
  </si>
  <si>
    <t>cg23296678</t>
  </si>
  <si>
    <t>cg23299618</t>
  </si>
  <si>
    <t>cg23300851</t>
  </si>
  <si>
    <t>cg23302316</t>
  </si>
  <si>
    <t>cg23311800</t>
  </si>
  <si>
    <t>cg23312743</t>
  </si>
  <si>
    <t>cg23315601</t>
  </si>
  <si>
    <t>cg23319012</t>
  </si>
  <si>
    <t>cg23321714</t>
  </si>
  <si>
    <t>cg23322223</t>
  </si>
  <si>
    <t>cg23323203</t>
  </si>
  <si>
    <t>cg23326785</t>
  </si>
  <si>
    <t>cg23329752</t>
  </si>
  <si>
    <t>cg23335134</t>
  </si>
  <si>
    <t>cg23339709</t>
  </si>
  <si>
    <t>cg23340525</t>
  </si>
  <si>
    <t>cg23343073</t>
  </si>
  <si>
    <t>cg23345317</t>
  </si>
  <si>
    <t>cg23347400</t>
  </si>
  <si>
    <t>cg23347911</t>
  </si>
  <si>
    <t>cg23350132</t>
  </si>
  <si>
    <t>cg23351584</t>
  </si>
  <si>
    <t>cg23352146</t>
  </si>
  <si>
    <t>cg23352579</t>
  </si>
  <si>
    <t>cg23355015</t>
  </si>
  <si>
    <t>cg23357035</t>
  </si>
  <si>
    <t>cg23361590</t>
  </si>
  <si>
    <t>cg23361764</t>
  </si>
  <si>
    <t>cg23366166</t>
  </si>
  <si>
    <t>cg23370512</t>
  </si>
  <si>
    <t>cg23371208</t>
  </si>
  <si>
    <t>cg23371883</t>
  </si>
  <si>
    <t>cg23375384</t>
  </si>
  <si>
    <t>cg23375719</t>
  </si>
  <si>
    <t>cg23377395</t>
  </si>
  <si>
    <t>cg23378144</t>
  </si>
  <si>
    <t>cg23386330</t>
  </si>
  <si>
    <t>cg23386895</t>
  </si>
  <si>
    <t>cg23387056</t>
  </si>
  <si>
    <t>cg23389069</t>
  </si>
  <si>
    <t>cg23389215</t>
  </si>
  <si>
    <t>cg23390871</t>
  </si>
  <si>
    <t>cg23397278</t>
  </si>
  <si>
    <t>cg23397440</t>
  </si>
  <si>
    <t>cg23409370</t>
  </si>
  <si>
    <t>cg23409699</t>
  </si>
  <si>
    <t>cg23419447</t>
  </si>
  <si>
    <t>cg23419490</t>
  </si>
  <si>
    <t>cg23421713</t>
  </si>
  <si>
    <t>cg23423933</t>
  </si>
  <si>
    <t>cg23425374</t>
  </si>
  <si>
    <t>cg23429680</t>
  </si>
  <si>
    <t>cg23437420</t>
  </si>
  <si>
    <t>cg23437742</t>
  </si>
  <si>
    <t>cg23447569</t>
  </si>
  <si>
    <t>cg23449274</t>
  </si>
  <si>
    <t>cg23449764</t>
  </si>
  <si>
    <t>cg23454003</t>
  </si>
  <si>
    <t>cg23457268</t>
  </si>
  <si>
    <t>cg23461714</t>
  </si>
  <si>
    <t>cg23462726</t>
  </si>
  <si>
    <t>cg23463269</t>
  </si>
  <si>
    <t>cg23463310</t>
  </si>
  <si>
    <t>cg23466171</t>
  </si>
  <si>
    <t>cg23473849</t>
  </si>
  <si>
    <t>cg23476401</t>
  </si>
  <si>
    <t>cg23481419</t>
  </si>
  <si>
    <t>cg23483894</t>
  </si>
  <si>
    <t>cg23484234</t>
  </si>
  <si>
    <t>cg23491309</t>
  </si>
  <si>
    <t>cg23492613</t>
  </si>
  <si>
    <t>cg23495995</t>
  </si>
  <si>
    <t>cg23499823</t>
  </si>
  <si>
    <t>cg23500396</t>
  </si>
  <si>
    <t>cg23500835</t>
  </si>
  <si>
    <t>cg23501051</t>
  </si>
  <si>
    <t>cg23501962</t>
  </si>
  <si>
    <t>cg23518532</t>
  </si>
  <si>
    <t>cg23519626</t>
  </si>
  <si>
    <t>cg23520521</t>
  </si>
  <si>
    <t>cg23523093</t>
  </si>
  <si>
    <t>cg23523668</t>
  </si>
  <si>
    <t>cg23523733</t>
  </si>
  <si>
    <t>cg23529138</t>
  </si>
  <si>
    <t>cg23530245</t>
  </si>
  <si>
    <t>cg23531640</t>
  </si>
  <si>
    <t>cg23532110</t>
  </si>
  <si>
    <t>cg23532985</t>
  </si>
  <si>
    <t>cg23534766</t>
  </si>
  <si>
    <t>cg23539633</t>
  </si>
  <si>
    <t>cg23542356</t>
  </si>
  <si>
    <t>cg23547429</t>
  </si>
  <si>
    <t>cg23548136</t>
  </si>
  <si>
    <t>cg23549358</t>
  </si>
  <si>
    <t>cg23549693</t>
  </si>
  <si>
    <t>cg23554917</t>
  </si>
  <si>
    <t>cg23556886</t>
  </si>
  <si>
    <t>cg23559689</t>
  </si>
  <si>
    <t>cg23561531</t>
  </si>
  <si>
    <t>cg23564535</t>
  </si>
  <si>
    <t>cg23566411</t>
  </si>
  <si>
    <t>cg23569968</t>
  </si>
  <si>
    <t>cg23570810</t>
  </si>
  <si>
    <t>cg23572944</t>
  </si>
  <si>
    <t>cg23573913</t>
  </si>
  <si>
    <t>cg23575688</t>
  </si>
  <si>
    <t>cg23584647</t>
  </si>
  <si>
    <t>cg23587050</t>
  </si>
  <si>
    <t>cg23587532</t>
  </si>
  <si>
    <t>cg23589617</t>
  </si>
  <si>
    <t>cg23591869</t>
  </si>
  <si>
    <t>cg23593752</t>
  </si>
  <si>
    <t>cg23596233</t>
  </si>
  <si>
    <t>cg23596244</t>
  </si>
  <si>
    <t>cg23600701</t>
  </si>
  <si>
    <t>cg23602829</t>
  </si>
  <si>
    <t>cg23613157</t>
  </si>
  <si>
    <t>cg23613253</t>
  </si>
  <si>
    <t>cg23614000</t>
  </si>
  <si>
    <t>cg23614979</t>
  </si>
  <si>
    <t>cg23615959</t>
  </si>
  <si>
    <t>cg23617121</t>
  </si>
  <si>
    <t>cg23618595</t>
  </si>
  <si>
    <t>cg23619332</t>
  </si>
  <si>
    <t>cg23619910</t>
  </si>
  <si>
    <t>cg23628232</t>
  </si>
  <si>
    <t>cg23628760</t>
  </si>
  <si>
    <t>cg23629561</t>
  </si>
  <si>
    <t>cg23629775</t>
  </si>
  <si>
    <t>cg23632529</t>
  </si>
  <si>
    <t>cg23632744</t>
  </si>
  <si>
    <t>cg23634678</t>
  </si>
  <si>
    <t>cg23635374</t>
  </si>
  <si>
    <t>cg23638849</t>
  </si>
  <si>
    <t>cg23640019</t>
  </si>
  <si>
    <t>cg23641145</t>
  </si>
  <si>
    <t>cg23645046</t>
  </si>
  <si>
    <t>cg23646614</t>
  </si>
  <si>
    <t>cg23650423</t>
  </si>
  <si>
    <t>cg23652093</t>
  </si>
  <si>
    <t>cg23653792</t>
  </si>
  <si>
    <t>cg23656873</t>
  </si>
  <si>
    <t>cg23657686</t>
  </si>
  <si>
    <t>cg23663298</t>
  </si>
  <si>
    <t>cg23667759</t>
  </si>
  <si>
    <t>cg23667955</t>
  </si>
  <si>
    <t>cg23669043</t>
  </si>
  <si>
    <t>cg23669896</t>
  </si>
  <si>
    <t>cg23677291</t>
  </si>
  <si>
    <t>cg23678274</t>
  </si>
  <si>
    <t>cg23679756</t>
  </si>
  <si>
    <t>cg23680519</t>
  </si>
  <si>
    <t>cg23683674</t>
  </si>
  <si>
    <t>cg23691410</t>
  </si>
  <si>
    <t>cg23696193</t>
  </si>
  <si>
    <t>cg23696210</t>
  </si>
  <si>
    <t>cg23698140</t>
  </si>
  <si>
    <t>cg23698969</t>
  </si>
  <si>
    <t>cg23699098</t>
  </si>
  <si>
    <t>cg23705113</t>
  </si>
  <si>
    <t>cg23710751</t>
  </si>
  <si>
    <t>cg23711382</t>
  </si>
  <si>
    <t>cg23715559</t>
  </si>
  <si>
    <t>cg23724016</t>
  </si>
  <si>
    <t>cg23725072</t>
  </si>
  <si>
    <t>cg23730260</t>
  </si>
  <si>
    <t>cg23731146</t>
  </si>
  <si>
    <t>cg23732080</t>
  </si>
  <si>
    <t>cg23740844</t>
  </si>
  <si>
    <t>cg23743554</t>
  </si>
  <si>
    <t>cg23744030</t>
  </si>
  <si>
    <t>cg23744644</t>
  </si>
  <si>
    <t>cg23745036</t>
  </si>
  <si>
    <t>cg23745839</t>
  </si>
  <si>
    <t>cg23750514</t>
  </si>
  <si>
    <t>cg23753457</t>
  </si>
  <si>
    <t>cg23755074</t>
  </si>
  <si>
    <t>cg23756143</t>
  </si>
  <si>
    <t>cg23756264</t>
  </si>
  <si>
    <t>cg23756265</t>
  </si>
  <si>
    <t>cg23760189</t>
  </si>
  <si>
    <t>cg23762359</t>
  </si>
  <si>
    <t>cg23763197</t>
  </si>
  <si>
    <t>cg23764008</t>
  </si>
  <si>
    <t>cg23764129</t>
  </si>
  <si>
    <t>cg23767433</t>
  </si>
  <si>
    <t>cg23768534</t>
  </si>
  <si>
    <t>cg23771366</t>
  </si>
  <si>
    <t>cg23774975</t>
  </si>
  <si>
    <t>cg23777302</t>
  </si>
  <si>
    <t>cg23779993</t>
  </si>
  <si>
    <t>cg23786545</t>
  </si>
  <si>
    <t>cg23787009</t>
  </si>
  <si>
    <t>cg23787205</t>
  </si>
  <si>
    <t>cg23793599</t>
  </si>
  <si>
    <t>cg23794753</t>
  </si>
  <si>
    <t>cg23798064</t>
  </si>
  <si>
    <t>cg23798668</t>
  </si>
  <si>
    <t>cg23799558</t>
  </si>
  <si>
    <t>cg23801748</t>
  </si>
  <si>
    <t>cg23813867</t>
  </si>
  <si>
    <t>cg23815825</t>
  </si>
  <si>
    <t>cg23816537</t>
  </si>
  <si>
    <t>cg23818792</t>
  </si>
  <si>
    <t>cg23821914</t>
  </si>
  <si>
    <t>cg23825301</t>
  </si>
  <si>
    <t>cg23832825</t>
  </si>
  <si>
    <t>cg23834228</t>
  </si>
  <si>
    <t>cg23840988</t>
  </si>
  <si>
    <t>cg23843407</t>
  </si>
  <si>
    <t>cg23845249</t>
  </si>
  <si>
    <t>cg23845609</t>
  </si>
  <si>
    <t>cg23847645</t>
  </si>
  <si>
    <t>cg23847700</t>
  </si>
  <si>
    <t>cg23847908</t>
  </si>
  <si>
    <t>cg23848889</t>
  </si>
  <si>
    <t>cg23851532</t>
  </si>
  <si>
    <t>cg23851932</t>
  </si>
  <si>
    <t>cg23852646</t>
  </si>
  <si>
    <t>cg23855986</t>
  </si>
  <si>
    <t>cg23856257</t>
  </si>
  <si>
    <t>cg23861127</t>
  </si>
  <si>
    <t>cg23873021</t>
  </si>
  <si>
    <t>cg23879400</t>
  </si>
  <si>
    <t>cg23881697</t>
  </si>
  <si>
    <t>cg23884964</t>
  </si>
  <si>
    <t>cg23891087</t>
  </si>
  <si>
    <t>cg23894980</t>
  </si>
  <si>
    <t>cg23900293</t>
  </si>
  <si>
    <t>cg23903076</t>
  </si>
  <si>
    <t>cg23905216</t>
  </si>
  <si>
    <t>cg23906872</t>
  </si>
  <si>
    <t>cg23907108</t>
  </si>
  <si>
    <t>cg23908488</t>
  </si>
  <si>
    <t>cg23908698</t>
  </si>
  <si>
    <t>cg23909657</t>
  </si>
  <si>
    <t>cg23913904</t>
  </si>
  <si>
    <t>cg23916044</t>
  </si>
  <si>
    <t>cg23919924</t>
  </si>
  <si>
    <t>cg23920243</t>
  </si>
  <si>
    <t>cg23920472</t>
  </si>
  <si>
    <t>cg23922724</t>
  </si>
  <si>
    <t>cg23925241</t>
  </si>
  <si>
    <t>cg23926148</t>
  </si>
  <si>
    <t>cg23927367</t>
  </si>
  <si>
    <t>cg23928513</t>
  </si>
  <si>
    <t>cg23929682</t>
  </si>
  <si>
    <t>cg23930945</t>
  </si>
  <si>
    <t>cg23931323</t>
  </si>
  <si>
    <t>cg23933618</t>
  </si>
  <si>
    <t>cg23937993</t>
  </si>
  <si>
    <t>cg23941014</t>
  </si>
  <si>
    <t>cg23941354</t>
  </si>
  <si>
    <t>cg23943264</t>
  </si>
  <si>
    <t>cg23948874</t>
  </si>
  <si>
    <t>cg23951114</t>
  </si>
  <si>
    <t>cg23952643</t>
  </si>
  <si>
    <t>cg23954968</t>
  </si>
  <si>
    <t>cg23956844</t>
  </si>
  <si>
    <t>cg23957424</t>
  </si>
  <si>
    <t>cg23957915</t>
  </si>
  <si>
    <t>cg23958319</t>
  </si>
  <si>
    <t>cg23965588</t>
  </si>
  <si>
    <t>cg23968676</t>
  </si>
  <si>
    <t>cg23969508</t>
  </si>
  <si>
    <t>cg23971226</t>
  </si>
  <si>
    <t>cg23971381</t>
  </si>
  <si>
    <t>cg23972551</t>
  </si>
  <si>
    <t>cg23975712</t>
  </si>
  <si>
    <t>cg23976388</t>
  </si>
  <si>
    <t>cg23977670</t>
  </si>
  <si>
    <t>cg23980760</t>
  </si>
  <si>
    <t>cg23982226</t>
  </si>
  <si>
    <t>cg23982527</t>
  </si>
  <si>
    <t>cg23984059</t>
  </si>
  <si>
    <t>cg23984434</t>
  </si>
  <si>
    <t>cg23989584</t>
  </si>
  <si>
    <t>cg23991055</t>
  </si>
  <si>
    <t>cg23991263</t>
  </si>
  <si>
    <t>cg23992426</t>
  </si>
  <si>
    <t>cg23994025</t>
  </si>
  <si>
    <t>cg23995769</t>
  </si>
  <si>
    <t>cg24000223</t>
  </si>
  <si>
    <t>cg24001728</t>
  </si>
  <si>
    <t>cg24005743</t>
  </si>
  <si>
    <t>cg24006547</t>
  </si>
  <si>
    <t>cg24009118</t>
  </si>
  <si>
    <t>cg24011500</t>
  </si>
  <si>
    <t>cg24012880</t>
  </si>
  <si>
    <t>cg24015472</t>
  </si>
  <si>
    <t>cg24016626</t>
  </si>
  <si>
    <t>cg24018756</t>
  </si>
  <si>
    <t>cg24020398</t>
  </si>
  <si>
    <t>cg24023026</t>
  </si>
  <si>
    <t>cg24024833</t>
  </si>
  <si>
    <t>cg24027109</t>
  </si>
  <si>
    <t>cg24030630</t>
  </si>
  <si>
    <t>cg24032249</t>
  </si>
  <si>
    <t>cg24033957</t>
  </si>
  <si>
    <t>cg24036292</t>
  </si>
  <si>
    <t>cg24040155</t>
  </si>
  <si>
    <t>cg24040948</t>
  </si>
  <si>
    <t>cg24041078</t>
  </si>
  <si>
    <t>cg24044957</t>
  </si>
  <si>
    <t>cg24051242</t>
  </si>
  <si>
    <t>cg24052417</t>
  </si>
  <si>
    <t>cg24053664</t>
  </si>
  <si>
    <t>cg24057710</t>
  </si>
  <si>
    <t>cg24059154</t>
  </si>
  <si>
    <t>cg24060102</t>
  </si>
  <si>
    <t>cg24061542</t>
  </si>
  <si>
    <t>cg24064506</t>
  </si>
  <si>
    <t>cg24067803</t>
  </si>
  <si>
    <t>cg24068708</t>
  </si>
  <si>
    <t>cg24070541</t>
  </si>
  <si>
    <t>cg24079972</t>
  </si>
  <si>
    <t>cg24081623</t>
  </si>
  <si>
    <t>cg24088438</t>
  </si>
  <si>
    <t>cg24089521</t>
  </si>
  <si>
    <t>cg24094848</t>
  </si>
  <si>
    <t>cg24099956</t>
  </si>
  <si>
    <t>cg24100726</t>
  </si>
  <si>
    <t>cg24101009</t>
  </si>
  <si>
    <t>cg24103475</t>
  </si>
  <si>
    <t>cg24112091</t>
  </si>
  <si>
    <t>cg24118895</t>
  </si>
  <si>
    <t>cg24119798</t>
  </si>
  <si>
    <t>cg24121967</t>
  </si>
  <si>
    <t>cg24124284</t>
  </si>
  <si>
    <t>cg24126851</t>
  </si>
  <si>
    <t>cg24127061</t>
  </si>
  <si>
    <t>cg24137863</t>
  </si>
  <si>
    <t>cg24138433</t>
  </si>
  <si>
    <t>cg24139421</t>
  </si>
  <si>
    <t>cg24140030</t>
  </si>
  <si>
    <t>cg24142735</t>
  </si>
  <si>
    <t>cg24149237</t>
  </si>
  <si>
    <t>cg24151995</t>
  </si>
  <si>
    <t>cg24153132</t>
  </si>
  <si>
    <t>cg24159447</t>
  </si>
  <si>
    <t>cg24160158</t>
  </si>
  <si>
    <t>cg24168798</t>
  </si>
  <si>
    <t>cg24169417</t>
  </si>
  <si>
    <t>cg24176731</t>
  </si>
  <si>
    <t>cg24177983</t>
  </si>
  <si>
    <t>cg24181911</t>
  </si>
  <si>
    <t>cg24182581</t>
  </si>
  <si>
    <t>cg24186674</t>
  </si>
  <si>
    <t>cg24193635</t>
  </si>
  <si>
    <t>cg24194132</t>
  </si>
  <si>
    <t>cg24194650</t>
  </si>
  <si>
    <t>cg24194730</t>
  </si>
  <si>
    <t>cg24198889</t>
  </si>
  <si>
    <t>cg24202936</t>
  </si>
  <si>
    <t>cg24203315</t>
  </si>
  <si>
    <t>cg24203542</t>
  </si>
  <si>
    <t>cg24204282</t>
  </si>
  <si>
    <t>cg24205453</t>
  </si>
  <si>
    <t>cg24206507</t>
  </si>
  <si>
    <t>cg24207493</t>
  </si>
  <si>
    <t>cg24212047</t>
  </si>
  <si>
    <t>cg24212377</t>
  </si>
  <si>
    <t>cg24212471</t>
  </si>
  <si>
    <t>cg24212855</t>
  </si>
  <si>
    <t>cg24215776</t>
  </si>
  <si>
    <t>cg24218077</t>
  </si>
  <si>
    <t>cg24219638</t>
  </si>
  <si>
    <t>cg24223075</t>
  </si>
  <si>
    <t>cg24226238</t>
  </si>
  <si>
    <t>cg24226590</t>
  </si>
  <si>
    <t>cg24229579</t>
  </si>
  <si>
    <t>cg24229750</t>
  </si>
  <si>
    <t>cg24230102</t>
  </si>
  <si>
    <t>cg24235904</t>
  </si>
  <si>
    <t>cg24238205</t>
  </si>
  <si>
    <t>cg24240077</t>
  </si>
  <si>
    <t>cg24241586</t>
  </si>
  <si>
    <t>cg24244695</t>
  </si>
  <si>
    <t>cg24247865</t>
  </si>
  <si>
    <t>cg24249411</t>
  </si>
  <si>
    <t>cg24253136</t>
  </si>
  <si>
    <t>cg24260882</t>
  </si>
  <si>
    <t>cg24261333</t>
  </si>
  <si>
    <t>cg24267038</t>
  </si>
  <si>
    <t>cg24267828</t>
  </si>
  <si>
    <t>cg24270244</t>
  </si>
  <si>
    <t>cg24276070</t>
  </si>
  <si>
    <t>cg24283921</t>
  </si>
  <si>
    <t>cg24290286</t>
  </si>
  <si>
    <t>cg24297451</t>
  </si>
  <si>
    <t>cg24298860</t>
  </si>
  <si>
    <t>cg24299740</t>
  </si>
  <si>
    <t>cg24303076</t>
  </si>
  <si>
    <t>cg24303332</t>
  </si>
  <si>
    <t>cg24304848</t>
  </si>
  <si>
    <t>cg24305156</t>
  </si>
  <si>
    <t>cg24308082</t>
  </si>
  <si>
    <t>cg24309428</t>
  </si>
  <si>
    <t>cg24311922</t>
  </si>
  <si>
    <t>cg24313571</t>
  </si>
  <si>
    <t>cg24313592</t>
  </si>
  <si>
    <t>cg24321787</t>
  </si>
  <si>
    <t>cg24322623</t>
  </si>
  <si>
    <t>cg24329717</t>
  </si>
  <si>
    <t>cg24331162</t>
  </si>
  <si>
    <t>cg24341800</t>
  </si>
  <si>
    <t>cg24342283</t>
  </si>
  <si>
    <t>cg24343310</t>
  </si>
  <si>
    <t>cg24353236</t>
  </si>
  <si>
    <t>cg24353535</t>
  </si>
  <si>
    <t>cg24354272</t>
  </si>
  <si>
    <t>cg24355174</t>
  </si>
  <si>
    <t>cg24361620</t>
  </si>
  <si>
    <t>cg24362098</t>
  </si>
  <si>
    <t>cg24362716</t>
  </si>
  <si>
    <t>cg24365121</t>
  </si>
  <si>
    <t>cg24365572</t>
  </si>
  <si>
    <t>cg24365811</t>
  </si>
  <si>
    <t>cg24365867</t>
  </si>
  <si>
    <t>cg24365984</t>
  </si>
  <si>
    <t>cg24366211</t>
  </si>
  <si>
    <t>cg24366657</t>
  </si>
  <si>
    <t>cg24377329</t>
  </si>
  <si>
    <t>cg24378048</t>
  </si>
  <si>
    <t>cg24378250</t>
  </si>
  <si>
    <t>cg24378945</t>
  </si>
  <si>
    <t>cg24380380</t>
  </si>
  <si>
    <t>cg24388239</t>
  </si>
  <si>
    <t>cg24391854</t>
  </si>
  <si>
    <t>cg24394865</t>
  </si>
  <si>
    <t>cg24395117</t>
  </si>
  <si>
    <t>cg24397084</t>
  </si>
  <si>
    <t>cg24397114</t>
  </si>
  <si>
    <t>cg24399376</t>
  </si>
  <si>
    <t>cg24400943</t>
  </si>
  <si>
    <t>cg24402151</t>
  </si>
  <si>
    <t>cg24402165</t>
  </si>
  <si>
    <t>cg24406775</t>
  </si>
  <si>
    <t>cg24407308</t>
  </si>
  <si>
    <t>cg24408436</t>
  </si>
  <si>
    <t>cg24409566</t>
  </si>
  <si>
    <t>cg24411312</t>
  </si>
  <si>
    <t>cg24412714</t>
  </si>
  <si>
    <t>cg24413662</t>
  </si>
  <si>
    <t>cg24414282</t>
  </si>
  <si>
    <t>cg24419040</t>
  </si>
  <si>
    <t>cg24419099</t>
  </si>
  <si>
    <t>cg24419164</t>
  </si>
  <si>
    <t>cg24419198</t>
  </si>
  <si>
    <t>cg24420093</t>
  </si>
  <si>
    <t>cg24421870</t>
  </si>
  <si>
    <t>cg24422316</t>
  </si>
  <si>
    <t>cg24423806</t>
  </si>
  <si>
    <t>cg24424424</t>
  </si>
  <si>
    <t>cg24427660</t>
  </si>
  <si>
    <t>cg24427895</t>
  </si>
  <si>
    <t>cg24427992</t>
  </si>
  <si>
    <t>cg24431486</t>
  </si>
  <si>
    <t>cg24438178</t>
  </si>
  <si>
    <t>cg24440827</t>
  </si>
  <si>
    <t>cg24442572</t>
  </si>
  <si>
    <t>cg24442913</t>
  </si>
  <si>
    <t>cg24453664</t>
  </si>
  <si>
    <t>cg24454109</t>
  </si>
  <si>
    <t>cg24454829</t>
  </si>
  <si>
    <t>cg24455808</t>
  </si>
  <si>
    <t>cg24458609</t>
  </si>
  <si>
    <t>cg24458846</t>
  </si>
  <si>
    <t>cg24459941</t>
  </si>
  <si>
    <t>cg24461772</t>
  </si>
  <si>
    <t>cg24469013</t>
  </si>
  <si>
    <t>cg24469159</t>
  </si>
  <si>
    <t>cg24478470</t>
  </si>
  <si>
    <t>cg24478595</t>
  </si>
  <si>
    <t>cg24479785</t>
  </si>
  <si>
    <t>cg24483081</t>
  </si>
  <si>
    <t>cg24483346</t>
  </si>
  <si>
    <t>cg24484540</t>
  </si>
  <si>
    <t>cg24487784</t>
  </si>
  <si>
    <t>cg24488296</t>
  </si>
  <si>
    <t>cg24496609</t>
  </si>
  <si>
    <t>cg24496614</t>
  </si>
  <si>
    <t>cg24497361</t>
  </si>
  <si>
    <t>cg24497897</t>
  </si>
  <si>
    <t>cg24500630</t>
  </si>
  <si>
    <t>cg24504014</t>
  </si>
  <si>
    <t>cg24505395</t>
  </si>
  <si>
    <t>cg24505713</t>
  </si>
  <si>
    <t>cg24505730</t>
  </si>
  <si>
    <t>cg24507239</t>
  </si>
  <si>
    <t>cg24512005</t>
  </si>
  <si>
    <t>cg24513132</t>
  </si>
  <si>
    <t>cg24515202</t>
  </si>
  <si>
    <t>cg24515283</t>
  </si>
  <si>
    <t>cg24516766</t>
  </si>
  <si>
    <t>cg24517989</t>
  </si>
  <si>
    <t>cg24520862</t>
  </si>
  <si>
    <t>cg24521811</t>
  </si>
  <si>
    <t>cg24522478</t>
  </si>
  <si>
    <t>cg24530510</t>
  </si>
  <si>
    <t>cg24532471</t>
  </si>
  <si>
    <t>cg24533757</t>
  </si>
  <si>
    <t>cg24536244</t>
  </si>
  <si>
    <t>cg24537724</t>
  </si>
  <si>
    <t>cg24538967</t>
  </si>
  <si>
    <t>cg24543255</t>
  </si>
  <si>
    <t>cg24554151</t>
  </si>
  <si>
    <t>cg24554572</t>
  </si>
  <si>
    <t>cg24560288</t>
  </si>
  <si>
    <t>cg24562565</t>
  </si>
  <si>
    <t>cg24563501</t>
  </si>
  <si>
    <t>cg24565205</t>
  </si>
  <si>
    <t>cg24565274</t>
  </si>
  <si>
    <t>cg24568082</t>
  </si>
  <si>
    <t>cg24568548</t>
  </si>
  <si>
    <t>cg24569030</t>
  </si>
  <si>
    <t>cg24573719</t>
  </si>
  <si>
    <t>cg24576270</t>
  </si>
  <si>
    <t>cg24580001</t>
  </si>
  <si>
    <t>cg24583481</t>
  </si>
  <si>
    <t>cg24590524</t>
  </si>
  <si>
    <t>cg24592027</t>
  </si>
  <si>
    <t>cg24594452</t>
  </si>
  <si>
    <t>cg24601030</t>
  </si>
  <si>
    <t>cg24601835</t>
  </si>
  <si>
    <t>cg24602560</t>
  </si>
  <si>
    <t>cg24603444</t>
  </si>
  <si>
    <t>cg24605090</t>
  </si>
  <si>
    <t>cg24607755</t>
  </si>
  <si>
    <t>cg24610561</t>
  </si>
  <si>
    <t>cg24612198</t>
  </si>
  <si>
    <t>cg24612667</t>
  </si>
  <si>
    <t>cg24616385</t>
  </si>
  <si>
    <t>cg24616466</t>
  </si>
  <si>
    <t>cg24619694</t>
  </si>
  <si>
    <t>cg24625128</t>
  </si>
  <si>
    <t>cg24625240</t>
  </si>
  <si>
    <t>cg24626165</t>
  </si>
  <si>
    <t>cg24626674</t>
  </si>
  <si>
    <t>cg24634422</t>
  </si>
  <si>
    <t>cg24637318</t>
  </si>
  <si>
    <t>cg24639335</t>
  </si>
  <si>
    <t>cg24640637</t>
  </si>
  <si>
    <t>cg24643158</t>
  </si>
  <si>
    <t>cg24643187</t>
  </si>
  <si>
    <t>cg24644201</t>
  </si>
  <si>
    <t>cg24650785</t>
  </si>
  <si>
    <t>cg24653728</t>
  </si>
  <si>
    <t>cg24654028</t>
  </si>
  <si>
    <t>cg24659646</t>
  </si>
  <si>
    <t>cg24659854</t>
  </si>
  <si>
    <t>cg24665412</t>
  </si>
  <si>
    <t>cg24674703</t>
  </si>
  <si>
    <t>cg24677501</t>
  </si>
  <si>
    <t>cg24678137</t>
  </si>
  <si>
    <t>cg24681086</t>
  </si>
  <si>
    <t>cg24687335</t>
  </si>
  <si>
    <t>cg24689021</t>
  </si>
  <si>
    <t>cg24691578</t>
  </si>
  <si>
    <t>cg24692310</t>
  </si>
  <si>
    <t>cg24694480</t>
  </si>
  <si>
    <t>cg24701575</t>
  </si>
  <si>
    <t>cg24707890</t>
  </si>
  <si>
    <t>cg24710179</t>
  </si>
  <si>
    <t>cg24711094</t>
  </si>
  <si>
    <t>cg24713080</t>
  </si>
  <si>
    <t>cg24715106</t>
  </si>
  <si>
    <t>cg24717078</t>
  </si>
  <si>
    <t>cg24718970</t>
  </si>
  <si>
    <t>cg24719321</t>
  </si>
  <si>
    <t>cg24720849</t>
  </si>
  <si>
    <t>cg24722886</t>
  </si>
  <si>
    <t>cg24723731</t>
  </si>
  <si>
    <t>cg24724567</t>
  </si>
  <si>
    <t>cg24724917</t>
  </si>
  <si>
    <t>cg24725560</t>
  </si>
  <si>
    <t>cg24731731</t>
  </si>
  <si>
    <t>cg24732796</t>
  </si>
  <si>
    <t>cg24733126</t>
  </si>
  <si>
    <t>cg24733435</t>
  </si>
  <si>
    <t>cg24737505</t>
  </si>
  <si>
    <t>cg24741700</t>
  </si>
  <si>
    <t>cg24744697</t>
  </si>
  <si>
    <t>cg24750308</t>
  </si>
  <si>
    <t>cg24752923</t>
  </si>
  <si>
    <t>cg24755189</t>
  </si>
  <si>
    <t>cg24758816</t>
  </si>
  <si>
    <t>cg24761467</t>
  </si>
  <si>
    <t>cg24768078</t>
  </si>
  <si>
    <t>cg24769295</t>
  </si>
  <si>
    <t>cg24774960</t>
  </si>
  <si>
    <t>cg24777762</t>
  </si>
  <si>
    <t>cg24779587</t>
  </si>
  <si>
    <t>cg24781737</t>
  </si>
  <si>
    <t>cg24782783</t>
  </si>
  <si>
    <t>cg24783356</t>
  </si>
  <si>
    <t>cg24787929</t>
  </si>
  <si>
    <t>cg24789562</t>
  </si>
  <si>
    <t>cg24795461</t>
  </si>
  <si>
    <t>cg24796554</t>
  </si>
  <si>
    <t>cg24799448</t>
  </si>
  <si>
    <t>cg24799451</t>
  </si>
  <si>
    <t>cg24799795</t>
  </si>
  <si>
    <t>cg24803030</t>
  </si>
  <si>
    <t>cg24803202</t>
  </si>
  <si>
    <t>cg24803614</t>
  </si>
  <si>
    <t>cg24807146</t>
  </si>
  <si>
    <t>cg24810917</t>
  </si>
  <si>
    <t>cg24819471</t>
  </si>
  <si>
    <t>cg24825027</t>
  </si>
  <si>
    <t>cg24827784</t>
  </si>
  <si>
    <t>cg24829292</t>
  </si>
  <si>
    <t>cg24830101</t>
  </si>
  <si>
    <t>cg24830410</t>
  </si>
  <si>
    <t>cg24831888</t>
  </si>
  <si>
    <t>cg24832721</t>
  </si>
  <si>
    <t>cg24832908</t>
  </si>
  <si>
    <t>cg24841244</t>
  </si>
  <si>
    <t>cg24847169</t>
  </si>
  <si>
    <t>cg24848189</t>
  </si>
  <si>
    <t>cg24848870</t>
  </si>
  <si>
    <t>cg24855780</t>
  </si>
  <si>
    <t>cg24863544</t>
  </si>
  <si>
    <t>cg24868307</t>
  </si>
  <si>
    <t>cg24868960</t>
  </si>
  <si>
    <t>cg24869272</t>
  </si>
  <si>
    <t>cg24869667</t>
  </si>
  <si>
    <t>cg24870774</t>
  </si>
  <si>
    <t>cg24871046</t>
  </si>
  <si>
    <t>cg24872791</t>
  </si>
  <si>
    <t>cg24878090</t>
  </si>
  <si>
    <t>cg24884542</t>
  </si>
  <si>
    <t>cg24884820</t>
  </si>
  <si>
    <t>cg24885937</t>
  </si>
  <si>
    <t>cg24890446</t>
  </si>
  <si>
    <t>cg24897127</t>
  </si>
  <si>
    <t>cg24898753</t>
  </si>
  <si>
    <t>cg24899209</t>
  </si>
  <si>
    <t>cg24901811</t>
  </si>
  <si>
    <t>cg24902858</t>
  </si>
  <si>
    <t>cg24912560</t>
  </si>
  <si>
    <t>cg24912904</t>
  </si>
  <si>
    <t>cg24913541</t>
  </si>
  <si>
    <t>cg24913935</t>
  </si>
  <si>
    <t>cg24914077</t>
  </si>
  <si>
    <t>cg24916100</t>
  </si>
  <si>
    <t>cg24917241</t>
  </si>
  <si>
    <t>cg24917382</t>
  </si>
  <si>
    <t>cg24921089</t>
  </si>
  <si>
    <t>cg24925945</t>
  </si>
  <si>
    <t>cg24931592</t>
  </si>
  <si>
    <t>cg24931954</t>
  </si>
  <si>
    <t>cg24932241</t>
  </si>
  <si>
    <t>cg24934413</t>
  </si>
  <si>
    <t>cg24936630</t>
  </si>
  <si>
    <t>cg24939811</t>
  </si>
  <si>
    <t>cg24940248</t>
  </si>
  <si>
    <t>cg24941342</t>
  </si>
  <si>
    <t>cg24944820</t>
  </si>
  <si>
    <t>cg24949661</t>
  </si>
  <si>
    <t>cg24956710</t>
  </si>
  <si>
    <t>cg24957628</t>
  </si>
  <si>
    <t>cg24958612</t>
  </si>
  <si>
    <t>cg24964796</t>
  </si>
  <si>
    <t>cg24968786</t>
  </si>
  <si>
    <t>cg24968964</t>
  </si>
  <si>
    <t>cg24973226</t>
  </si>
  <si>
    <t>cg24975769</t>
  </si>
  <si>
    <t>cg24977709</t>
  </si>
  <si>
    <t>cg24978058</t>
  </si>
  <si>
    <t>cg24983752</t>
  </si>
  <si>
    <t>cg24983959</t>
  </si>
  <si>
    <t>cg24984312</t>
  </si>
  <si>
    <t>cg24985772</t>
  </si>
  <si>
    <t>cg24987259</t>
  </si>
  <si>
    <t>cg24987622</t>
  </si>
  <si>
    <t>cg24991874</t>
  </si>
  <si>
    <t>cg24994249</t>
  </si>
  <si>
    <t>cg24994593</t>
  </si>
  <si>
    <t>cg24994611</t>
  </si>
  <si>
    <t>cg24996315</t>
  </si>
  <si>
    <t>cg25002129</t>
  </si>
  <si>
    <t>cg25006998</t>
  </si>
  <si>
    <t>cg25007511</t>
  </si>
  <si>
    <t>cg25010033</t>
  </si>
  <si>
    <t>cg25010124</t>
  </si>
  <si>
    <t>cg25015585</t>
  </si>
  <si>
    <t>cg25015613</t>
  </si>
  <si>
    <t>cg25018329</t>
  </si>
  <si>
    <t>cg25019707</t>
  </si>
  <si>
    <t>cg25022327</t>
  </si>
  <si>
    <t>cg25025968</t>
  </si>
  <si>
    <t>cg25026125</t>
  </si>
  <si>
    <t>cg25026329</t>
  </si>
  <si>
    <t>cg25026627</t>
  </si>
  <si>
    <t>cg25026767</t>
  </si>
  <si>
    <t>cg25027522</t>
  </si>
  <si>
    <t>cg25027541</t>
  </si>
  <si>
    <t>cg25034557</t>
  </si>
  <si>
    <t>cg25034908</t>
  </si>
  <si>
    <t>cg25035655</t>
  </si>
  <si>
    <t>cg25037439</t>
  </si>
  <si>
    <t>cg25037548</t>
  </si>
  <si>
    <t>cg25039706</t>
  </si>
  <si>
    <t>cg25042173</t>
  </si>
  <si>
    <t>cg25044765</t>
  </si>
  <si>
    <t>cg25048701</t>
  </si>
  <si>
    <t>cg25050479</t>
  </si>
  <si>
    <t>cg25050723</t>
  </si>
  <si>
    <t>cg25056770</t>
  </si>
  <si>
    <t>cg25059994</t>
  </si>
  <si>
    <t>cg25060573</t>
  </si>
  <si>
    <t>cg25064146</t>
  </si>
  <si>
    <t>cg25067153</t>
  </si>
  <si>
    <t>cg25068347</t>
  </si>
  <si>
    <t>cg25072962</t>
  </si>
  <si>
    <t>cg25073093</t>
  </si>
  <si>
    <t>cg25073813</t>
  </si>
  <si>
    <t>cg25080747</t>
  </si>
  <si>
    <t>cg25080973</t>
  </si>
  <si>
    <t>cg25087851</t>
  </si>
  <si>
    <t>cg25089598</t>
  </si>
  <si>
    <t>cg25092764</t>
  </si>
  <si>
    <t>cg25094569</t>
  </si>
  <si>
    <t>cg25096440</t>
  </si>
  <si>
    <t>cg25100532</t>
  </si>
  <si>
    <t>cg25101869</t>
  </si>
  <si>
    <t>cg25103007</t>
  </si>
  <si>
    <t>cg25104637</t>
  </si>
  <si>
    <t>cg25106172</t>
  </si>
  <si>
    <t>cg25106500</t>
  </si>
  <si>
    <t>cg25107114</t>
  </si>
  <si>
    <t>cg25116503</t>
  </si>
  <si>
    <t>cg25121437</t>
  </si>
  <si>
    <t>cg25122603</t>
  </si>
  <si>
    <t>cg25123866</t>
  </si>
  <si>
    <t>cg25124966</t>
  </si>
  <si>
    <t>cg25126052</t>
  </si>
  <si>
    <t>cg25126321</t>
  </si>
  <si>
    <t>cg25128453</t>
  </si>
  <si>
    <t>cg25129837</t>
  </si>
  <si>
    <t>cg25131247</t>
  </si>
  <si>
    <t>cg25131727</t>
  </si>
  <si>
    <t>cg25132878</t>
  </si>
  <si>
    <t>cg25135322</t>
  </si>
  <si>
    <t>cg25135654</t>
  </si>
  <si>
    <t>cg25137204</t>
  </si>
  <si>
    <t>cg25143794</t>
  </si>
  <si>
    <t>cg25144276</t>
  </si>
  <si>
    <t>cg25147351</t>
  </si>
  <si>
    <t>cg25149253</t>
  </si>
  <si>
    <t>cg25150773</t>
  </si>
  <si>
    <t>cg25150949</t>
  </si>
  <si>
    <t>cg25152200</t>
  </si>
  <si>
    <t>cg25153731</t>
  </si>
  <si>
    <t>cg25157291</t>
  </si>
  <si>
    <t>cg25157604</t>
  </si>
  <si>
    <t>cg25163476</t>
  </si>
  <si>
    <t>cg25165501</t>
  </si>
  <si>
    <t>cg25168925</t>
  </si>
  <si>
    <t>cg25169706</t>
  </si>
  <si>
    <t>cg25169834</t>
  </si>
  <si>
    <t>cg25169875</t>
  </si>
  <si>
    <t>cg25170956</t>
  </si>
  <si>
    <t>cg25178913</t>
  </si>
  <si>
    <t>cg25181854</t>
  </si>
  <si>
    <t>cg25183776</t>
  </si>
  <si>
    <t>cg25193885</t>
  </si>
  <si>
    <t>cg25196975</t>
  </si>
  <si>
    <t>cg25204743</t>
  </si>
  <si>
    <t>cg25205121</t>
  </si>
  <si>
    <t>cg25206073</t>
  </si>
  <si>
    <t>cg25207528</t>
  </si>
  <si>
    <t>cg25210936</t>
  </si>
  <si>
    <t>cg25212053</t>
  </si>
  <si>
    <t>cg25214187</t>
  </si>
  <si>
    <t>cg25215340</t>
  </si>
  <si>
    <t>cg25219643</t>
  </si>
  <si>
    <t>cg25221207</t>
  </si>
  <si>
    <t>cg25222252</t>
  </si>
  <si>
    <t>cg25227335</t>
  </si>
  <si>
    <t>cg25229114</t>
  </si>
  <si>
    <t>cg25233308</t>
  </si>
  <si>
    <t>cg25239586</t>
  </si>
  <si>
    <t>cg25242557</t>
  </si>
  <si>
    <t>cg25242729</t>
  </si>
  <si>
    <t>cg25245082</t>
  </si>
  <si>
    <t>cg25248213</t>
  </si>
  <si>
    <t>cg25251204</t>
  </si>
  <si>
    <t>cg25254573</t>
  </si>
  <si>
    <t>cg25255113</t>
  </si>
  <si>
    <t>cg25257018</t>
  </si>
  <si>
    <t>cg25262147</t>
  </si>
  <si>
    <t>cg25264804</t>
  </si>
  <si>
    <t>cg25270670</t>
  </si>
  <si>
    <t>cg25271479</t>
  </si>
  <si>
    <t>cg25271892</t>
  </si>
  <si>
    <t>cg25272143</t>
  </si>
  <si>
    <t>cg25273707</t>
  </si>
  <si>
    <t>cg25274320</t>
  </si>
  <si>
    <t>cg25280040</t>
  </si>
  <si>
    <t>cg25281616</t>
  </si>
  <si>
    <t>cg25281677</t>
  </si>
  <si>
    <t>cg25284762</t>
  </si>
  <si>
    <t>cg25288155</t>
  </si>
  <si>
    <t>cg25288433</t>
  </si>
  <si>
    <t>cg25288464</t>
  </si>
  <si>
    <t>cg25289198</t>
  </si>
  <si>
    <t>cg25302603</t>
  </si>
  <si>
    <t>cg25303383</t>
  </si>
  <si>
    <t>cg25303540</t>
  </si>
  <si>
    <t>cg25306006</t>
  </si>
  <si>
    <t>cg25310427</t>
  </si>
  <si>
    <t>cg25316569</t>
  </si>
  <si>
    <t>cg25320665</t>
  </si>
  <si>
    <t>cg25321556</t>
  </si>
  <si>
    <t>cg25321935</t>
  </si>
  <si>
    <t>cg25324673</t>
  </si>
  <si>
    <t>cg25327296</t>
  </si>
  <si>
    <t>cg25328597</t>
  </si>
  <si>
    <t>cg25329844</t>
  </si>
  <si>
    <t>cg25332499</t>
  </si>
  <si>
    <t>cg25336198</t>
  </si>
  <si>
    <t>cg25336874</t>
  </si>
  <si>
    <t>cg25338707</t>
  </si>
  <si>
    <t>cg25344734</t>
  </si>
  <si>
    <t>cg25346915</t>
  </si>
  <si>
    <t>cg25354657</t>
  </si>
  <si>
    <t>cg25356611</t>
  </si>
  <si>
    <t>cg25356736</t>
  </si>
  <si>
    <t>cg25360663</t>
  </si>
  <si>
    <t>cg25361844</t>
  </si>
  <si>
    <t>cg25363445</t>
  </si>
  <si>
    <t>cg25363789</t>
  </si>
  <si>
    <t>cg25366155</t>
  </si>
  <si>
    <t>cg25367332</t>
  </si>
  <si>
    <t>cg25368116</t>
  </si>
  <si>
    <t>cg25368651</t>
  </si>
  <si>
    <t>cg25371036</t>
  </si>
  <si>
    <t>cg25372278</t>
  </si>
  <si>
    <t>cg25372290</t>
  </si>
  <si>
    <t>cg25374028</t>
  </si>
  <si>
    <t>cg25400358</t>
  </si>
  <si>
    <t>cg25402137</t>
  </si>
  <si>
    <t>cg25406011</t>
  </si>
  <si>
    <t>cg25406518</t>
  </si>
  <si>
    <t>cg25409040</t>
  </si>
  <si>
    <t>cg25409308</t>
  </si>
  <si>
    <t>cg25409875</t>
  </si>
  <si>
    <t>cg25410256</t>
  </si>
  <si>
    <t>cg25411363</t>
  </si>
  <si>
    <t>cg25414605</t>
  </si>
  <si>
    <t>cg25418484</t>
  </si>
  <si>
    <t>cg25422051</t>
  </si>
  <si>
    <t>cg25423829</t>
  </si>
  <si>
    <t>cg25424279</t>
  </si>
  <si>
    <t>cg25425642</t>
  </si>
  <si>
    <t>cg25426350</t>
  </si>
  <si>
    <t>cg25427233</t>
  </si>
  <si>
    <t>cg25429672</t>
  </si>
  <si>
    <t>cg25435594</t>
  </si>
  <si>
    <t>cg25437674</t>
  </si>
  <si>
    <t>cg25446153</t>
  </si>
  <si>
    <t>cg25448062</t>
  </si>
  <si>
    <t>cg25450196</t>
  </si>
  <si>
    <t>cg25456144</t>
  </si>
  <si>
    <t>cg25457956</t>
  </si>
  <si>
    <t>cg25460059</t>
  </si>
  <si>
    <t>cg25462896</t>
  </si>
  <si>
    <t>cg25462903</t>
  </si>
  <si>
    <t>cg25468341</t>
  </si>
  <si>
    <t>cg25469406</t>
  </si>
  <si>
    <t>cg25470561</t>
  </si>
  <si>
    <t>cg25476577</t>
  </si>
  <si>
    <t>cg25478299</t>
  </si>
  <si>
    <t>cg25481454</t>
  </si>
  <si>
    <t>cg25484790</t>
  </si>
  <si>
    <t>cg25486824</t>
  </si>
  <si>
    <t>cg25487430</t>
  </si>
  <si>
    <t>cg25490527</t>
  </si>
  <si>
    <t>cg25494075</t>
  </si>
  <si>
    <t>cg25500444</t>
  </si>
  <si>
    <t>cg25504868</t>
  </si>
  <si>
    <t>cg25505610</t>
  </si>
  <si>
    <t>cg25505880</t>
  </si>
  <si>
    <t>cg25506095</t>
  </si>
  <si>
    <t>cg25506195</t>
  </si>
  <si>
    <t>cg25506413</t>
  </si>
  <si>
    <t>cg25513073</t>
  </si>
  <si>
    <t>cg25513433</t>
  </si>
  <si>
    <t>cg25518365</t>
  </si>
  <si>
    <t>cg25520495</t>
  </si>
  <si>
    <t>cg25535316</t>
  </si>
  <si>
    <t>cg25537846</t>
  </si>
  <si>
    <t>cg25541544</t>
  </si>
  <si>
    <t>cg25547939</t>
  </si>
  <si>
    <t>cg25548221</t>
  </si>
  <si>
    <t>cg25548316</t>
  </si>
  <si>
    <t>cg25548825</t>
  </si>
  <si>
    <t>cg25554751</t>
  </si>
  <si>
    <t>cg25557175</t>
  </si>
  <si>
    <t>cg25560215</t>
  </si>
  <si>
    <t>cg25563456</t>
  </si>
  <si>
    <t>cg25565479</t>
  </si>
  <si>
    <t>cg25568716</t>
  </si>
  <si>
    <t>cg25575145</t>
  </si>
  <si>
    <t>cg25575359</t>
  </si>
  <si>
    <t>cg25577367</t>
  </si>
  <si>
    <t>cg25577489</t>
  </si>
  <si>
    <t>cg25577524</t>
  </si>
  <si>
    <t>cg25577598</t>
  </si>
  <si>
    <t>cg25577842</t>
  </si>
  <si>
    <t>cg25578250</t>
  </si>
  <si>
    <t>cg25582168</t>
  </si>
  <si>
    <t>cg25586361</t>
  </si>
  <si>
    <t>cg25587405</t>
  </si>
  <si>
    <t>cg25588697</t>
  </si>
  <si>
    <t>cg25592907</t>
  </si>
  <si>
    <t>cg25599065</t>
  </si>
  <si>
    <t>cg25599211</t>
  </si>
  <si>
    <t>cg25599242</t>
  </si>
  <si>
    <t>cg25604067</t>
  </si>
  <si>
    <t>cg25606978</t>
  </si>
  <si>
    <t>cg25607321</t>
  </si>
  <si>
    <t>cg25608626</t>
  </si>
  <si>
    <t>cg25611041</t>
  </si>
  <si>
    <t>cg25611931</t>
  </si>
  <si>
    <t>cg25614222</t>
  </si>
  <si>
    <t>cg25620220</t>
  </si>
  <si>
    <t>cg25623459</t>
  </si>
  <si>
    <t>cg25625514</t>
  </si>
  <si>
    <t>cg25626312</t>
  </si>
  <si>
    <t>cg25628989</t>
  </si>
  <si>
    <t>cg25630794</t>
  </si>
  <si>
    <t>cg25633067</t>
  </si>
  <si>
    <t>cg25634032</t>
  </si>
  <si>
    <t>cg25634666</t>
  </si>
  <si>
    <t>cg25635864</t>
  </si>
  <si>
    <t>cg25637966</t>
  </si>
  <si>
    <t>cg25639082</t>
  </si>
  <si>
    <t>cg25641997</t>
  </si>
  <si>
    <t>cg25642917</t>
  </si>
  <si>
    <t>cg25670060</t>
  </si>
  <si>
    <t>cg25682080</t>
  </si>
  <si>
    <t>cg25685640</t>
  </si>
  <si>
    <t>cg25719876</t>
  </si>
  <si>
    <t>cg25721132</t>
  </si>
  <si>
    <t>cg25733797</t>
  </si>
  <si>
    <t>cg25734789</t>
  </si>
  <si>
    <t>cg25739003</t>
  </si>
  <si>
    <t>cg25740457</t>
  </si>
  <si>
    <t>cg25741120</t>
  </si>
  <si>
    <t>cg25742037</t>
  </si>
  <si>
    <t>cg25744127</t>
  </si>
  <si>
    <t>cg25744613</t>
  </si>
  <si>
    <t>cg25749341</t>
  </si>
  <si>
    <t>cg25751787</t>
  </si>
  <si>
    <t>cg25752272</t>
  </si>
  <si>
    <t>cg25754143</t>
  </si>
  <si>
    <t>cg25758537</t>
  </si>
  <si>
    <t>cg25763864</t>
  </si>
  <si>
    <t>cg25764105</t>
  </si>
  <si>
    <t>cg25771096</t>
  </si>
  <si>
    <t>cg25781868</t>
  </si>
  <si>
    <t>cg25782229</t>
  </si>
  <si>
    <t>cg25782983</t>
  </si>
  <si>
    <t>cg25783352</t>
  </si>
  <si>
    <t>cg25783544</t>
  </si>
  <si>
    <t>cg25787499</t>
  </si>
  <si>
    <t>cg25787984</t>
  </si>
  <si>
    <t>cg25798460</t>
  </si>
  <si>
    <t>cg25800926</t>
  </si>
  <si>
    <t>cg25802487</t>
  </si>
  <si>
    <t>cg25814705</t>
  </si>
  <si>
    <t>cg25818697</t>
  </si>
  <si>
    <t>cg25819103</t>
  </si>
  <si>
    <t>cg25819309</t>
  </si>
  <si>
    <t>cg25821896</t>
  </si>
  <si>
    <t>cg25827053</t>
  </si>
  <si>
    <t>cg25831071</t>
  </si>
  <si>
    <t>cg25831522</t>
  </si>
  <si>
    <t>cg25835179</t>
  </si>
  <si>
    <t>cg25835307</t>
  </si>
  <si>
    <t>cg25836271</t>
  </si>
  <si>
    <t>cg25836589</t>
  </si>
  <si>
    <t>cg25841760</t>
  </si>
  <si>
    <t>cg25849332</t>
  </si>
  <si>
    <t>cg25850596</t>
  </si>
  <si>
    <t>cg25851751</t>
  </si>
  <si>
    <t>cg25852200</t>
  </si>
  <si>
    <t>cg25852472</t>
  </si>
  <si>
    <t>cg25852715</t>
  </si>
  <si>
    <t>cg25853078</t>
  </si>
  <si>
    <t>cg25854178</t>
  </si>
  <si>
    <t>cg25856450</t>
  </si>
  <si>
    <t>cg25859045</t>
  </si>
  <si>
    <t>cg25859489</t>
  </si>
  <si>
    <t>cg25864042</t>
  </si>
  <si>
    <t>cg25864978</t>
  </si>
  <si>
    <t>cg25866895</t>
  </si>
  <si>
    <t>cg25868831</t>
  </si>
  <si>
    <t>cg25869295</t>
  </si>
  <si>
    <t>cg25869889</t>
  </si>
  <si>
    <t>cg25871843</t>
  </si>
  <si>
    <t>cg25872744</t>
  </si>
  <si>
    <t>cg25872852</t>
  </si>
  <si>
    <t>cg25877512</t>
  </si>
  <si>
    <t>cg25879062</t>
  </si>
  <si>
    <t>cg25880958</t>
  </si>
  <si>
    <t>cg25881591</t>
  </si>
  <si>
    <t>cg25881850</t>
  </si>
  <si>
    <t>cg25883561</t>
  </si>
  <si>
    <t>cg25885322</t>
  </si>
  <si>
    <t>cg25885803</t>
  </si>
  <si>
    <t>cg25890640</t>
  </si>
  <si>
    <t>cg25890936</t>
  </si>
  <si>
    <t>cg25893434</t>
  </si>
  <si>
    <t>cg25894551</t>
  </si>
  <si>
    <t>cg25899154</t>
  </si>
  <si>
    <t>cg25902627</t>
  </si>
  <si>
    <t>cg25904372</t>
  </si>
  <si>
    <t>cg25904585</t>
  </si>
  <si>
    <t>cg25908390</t>
  </si>
  <si>
    <t>cg25909064</t>
  </si>
  <si>
    <t>cg25909885</t>
  </si>
  <si>
    <t>cg25911257</t>
  </si>
  <si>
    <t>cg25915434</t>
  </si>
  <si>
    <t>cg25918267</t>
  </si>
  <si>
    <t>cg25918833</t>
  </si>
  <si>
    <t>cg25920279</t>
  </si>
  <si>
    <t>cg25934954</t>
  </si>
  <si>
    <t>cg25937565</t>
  </si>
  <si>
    <t>cg25938977</t>
  </si>
  <si>
    <t>cg25941075</t>
  </si>
  <si>
    <t>cg25942880</t>
  </si>
  <si>
    <t>cg25943276</t>
  </si>
  <si>
    <t>cg25943661</t>
  </si>
  <si>
    <t>cg25951430</t>
  </si>
  <si>
    <t>cg25953350</t>
  </si>
  <si>
    <t>cg25953688</t>
  </si>
  <si>
    <t>cg25956062</t>
  </si>
  <si>
    <t>cg25961099</t>
  </si>
  <si>
    <t>cg25961618</t>
  </si>
  <si>
    <t>cg25962210</t>
  </si>
  <si>
    <t>cg25963429</t>
  </si>
  <si>
    <t>cg25963980</t>
  </si>
  <si>
    <t>cg25965355</t>
  </si>
  <si>
    <t>cg25967459</t>
  </si>
  <si>
    <t>cg25967612</t>
  </si>
  <si>
    <t>cg25968076</t>
  </si>
  <si>
    <t>cg25969082</t>
  </si>
  <si>
    <t>cg25976340</t>
  </si>
  <si>
    <t>cg25976755</t>
  </si>
  <si>
    <t>cg25982505</t>
  </si>
  <si>
    <t>cg25984791</t>
  </si>
  <si>
    <t>cg25986723</t>
  </si>
  <si>
    <t>cg25986727</t>
  </si>
  <si>
    <t>cg25987102</t>
  </si>
  <si>
    <t>cg25989749</t>
  </si>
  <si>
    <t>cg25998175</t>
  </si>
  <si>
    <t>cg25998666</t>
  </si>
  <si>
    <t>cg25999867</t>
  </si>
  <si>
    <t>cg26014266</t>
  </si>
  <si>
    <t>cg26015384</t>
  </si>
  <si>
    <t>cg26017700</t>
  </si>
  <si>
    <t>cg26020521</t>
  </si>
  <si>
    <t>cg26025333</t>
  </si>
  <si>
    <t>cg26025487</t>
  </si>
  <si>
    <t>cg26031692</t>
  </si>
  <si>
    <t>cg26034658</t>
  </si>
  <si>
    <t>cg26037602</t>
  </si>
  <si>
    <t>cg26037936</t>
  </si>
  <si>
    <t>cg26039141</t>
  </si>
  <si>
    <t>cg26039283</t>
  </si>
  <si>
    <t>cg26040670</t>
  </si>
  <si>
    <t>cg26041232</t>
  </si>
  <si>
    <t>cg26047127</t>
  </si>
  <si>
    <t>cg26053083</t>
  </si>
  <si>
    <t>cg26053358</t>
  </si>
  <si>
    <t>cg26054232</t>
  </si>
  <si>
    <t>cg26056527</t>
  </si>
  <si>
    <t>cg26062581</t>
  </si>
  <si>
    <t>cg26062621</t>
  </si>
  <si>
    <t>cg26065952</t>
  </si>
  <si>
    <t>cg26066887</t>
  </si>
  <si>
    <t>cg26071033</t>
  </si>
  <si>
    <t>cg26072173</t>
  </si>
  <si>
    <t>cg26074088</t>
  </si>
  <si>
    <t>cg26074326</t>
  </si>
  <si>
    <t>cg26076854</t>
  </si>
  <si>
    <t>cg26077811</t>
  </si>
  <si>
    <t>cg26078436</t>
  </si>
  <si>
    <t>cg26085520</t>
  </si>
  <si>
    <t>cg26085804</t>
  </si>
  <si>
    <t>cg26091247</t>
  </si>
  <si>
    <t>cg26096599</t>
  </si>
  <si>
    <t>cg26098650</t>
  </si>
  <si>
    <t>cg26103805</t>
  </si>
  <si>
    <t>cg26104986</t>
  </si>
  <si>
    <t>cg26112489</t>
  </si>
  <si>
    <t>cg26114884</t>
  </si>
  <si>
    <t>cg26116525</t>
  </si>
  <si>
    <t>cg26118131</t>
  </si>
  <si>
    <t>cg26120902</t>
  </si>
  <si>
    <t>cg26120958</t>
  </si>
  <si>
    <t>cg26122374</t>
  </si>
  <si>
    <t>cg26125443</t>
  </si>
  <si>
    <t>cg26127114</t>
  </si>
  <si>
    <t>cg26129339</t>
  </si>
  <si>
    <t>cg26129677</t>
  </si>
  <si>
    <t>cg26131803</t>
  </si>
  <si>
    <t>cg26132168</t>
  </si>
  <si>
    <t>cg26132809</t>
  </si>
  <si>
    <t>cg26134777</t>
  </si>
  <si>
    <t>cg26135397</t>
  </si>
  <si>
    <t>cg26141385</t>
  </si>
  <si>
    <t>cg26143540</t>
  </si>
  <si>
    <t>cg26145103</t>
  </si>
  <si>
    <t>cg26145504</t>
  </si>
  <si>
    <t>cg26146184</t>
  </si>
  <si>
    <t>cg26149678</t>
  </si>
  <si>
    <t>cg26157333</t>
  </si>
  <si>
    <t>cg26158194</t>
  </si>
  <si>
    <t>cg26158980</t>
  </si>
  <si>
    <t>cg26159860</t>
  </si>
  <si>
    <t>cg26164712</t>
  </si>
  <si>
    <t>cg26166595</t>
  </si>
  <si>
    <t>cg26167249</t>
  </si>
  <si>
    <t>cg26173447</t>
  </si>
  <si>
    <t>cg26181316</t>
  </si>
  <si>
    <t>cg26181894</t>
  </si>
  <si>
    <t>cg26184522</t>
  </si>
  <si>
    <t>cg26186665</t>
  </si>
  <si>
    <t>cg26187225</t>
  </si>
  <si>
    <t>cg26190483</t>
  </si>
  <si>
    <t>cg26192720</t>
  </si>
  <si>
    <t>cg26196124</t>
  </si>
  <si>
    <t>cg26196406</t>
  </si>
  <si>
    <t>cg26198776</t>
  </si>
  <si>
    <t>cg26199552</t>
  </si>
  <si>
    <t>cg26201535</t>
  </si>
  <si>
    <t>cg26202340</t>
  </si>
  <si>
    <t>cg26203336</t>
  </si>
  <si>
    <t>cg26203563</t>
  </si>
  <si>
    <t>cg26207239</t>
  </si>
  <si>
    <t>cg26209718</t>
  </si>
  <si>
    <t>cg26212966</t>
  </si>
  <si>
    <t>cg26213368</t>
  </si>
  <si>
    <t>cg26218698</t>
  </si>
  <si>
    <t>cg26221631</t>
  </si>
  <si>
    <t>cg26226914</t>
  </si>
  <si>
    <t>cg26228460</t>
  </si>
  <si>
    <t>cg26228542</t>
  </si>
  <si>
    <t>cg26230076</t>
  </si>
  <si>
    <t>cg26234034</t>
  </si>
  <si>
    <t>cg26234550</t>
  </si>
  <si>
    <t>cg26236329</t>
  </si>
  <si>
    <t>cg26238414</t>
  </si>
  <si>
    <t>cg26239495</t>
  </si>
  <si>
    <t>cg26239850</t>
  </si>
  <si>
    <t>cg26241460</t>
  </si>
  <si>
    <t>cg26241462</t>
  </si>
  <si>
    <t>cg26241658</t>
  </si>
  <si>
    <t>cg26249503</t>
  </si>
  <si>
    <t>cg26251098</t>
  </si>
  <si>
    <t>cg26254473</t>
  </si>
  <si>
    <t>cg26254553</t>
  </si>
  <si>
    <t>cg26255210</t>
  </si>
  <si>
    <t>cg26260789</t>
  </si>
  <si>
    <t>cg26261502</t>
  </si>
  <si>
    <t>cg26262057</t>
  </si>
  <si>
    <t>cg26265457</t>
  </si>
  <si>
    <t>cg26271948</t>
  </si>
  <si>
    <t>cg26275110</t>
  </si>
  <si>
    <t>cg26278703</t>
  </si>
  <si>
    <t>cg26279708</t>
  </si>
  <si>
    <t>cg26280685</t>
  </si>
  <si>
    <t>cg26286281</t>
  </si>
  <si>
    <t>cg26288892</t>
  </si>
  <si>
    <t>cg26293590</t>
  </si>
  <si>
    <t>cg26296653</t>
  </si>
  <si>
    <t>cg26298568</t>
  </si>
  <si>
    <t>cg26309566</t>
  </si>
  <si>
    <t>cg26314240</t>
  </si>
  <si>
    <t>cg26318265</t>
  </si>
  <si>
    <t>cg26320696</t>
  </si>
  <si>
    <t>cg26321969</t>
  </si>
  <si>
    <t>cg26328687</t>
  </si>
  <si>
    <t>cg26333513</t>
  </si>
  <si>
    <t>cg26335578</t>
  </si>
  <si>
    <t>cg26344859</t>
  </si>
  <si>
    <t>cg26348521</t>
  </si>
  <si>
    <t>cg26348939</t>
  </si>
  <si>
    <t>cg26350143</t>
  </si>
  <si>
    <t>cg26354968</t>
  </si>
  <si>
    <t>cg26355894</t>
  </si>
  <si>
    <t>cg26358338</t>
  </si>
  <si>
    <t>cg26360057</t>
  </si>
  <si>
    <t>cg26361436</t>
  </si>
  <si>
    <t>cg26363555</t>
  </si>
  <si>
    <t>cg26365553</t>
  </si>
  <si>
    <t>cg26377630</t>
  </si>
  <si>
    <t>cg26378984</t>
  </si>
  <si>
    <t>cg26380106</t>
  </si>
  <si>
    <t>cg26382697</t>
  </si>
  <si>
    <t>cg26386189</t>
  </si>
  <si>
    <t>cg26387848</t>
  </si>
  <si>
    <t>cg26388177</t>
  </si>
  <si>
    <t>cg26388730</t>
  </si>
  <si>
    <t>cg26389053</t>
  </si>
  <si>
    <t>cg26391219</t>
  </si>
  <si>
    <t>cg26393112</t>
  </si>
  <si>
    <t>cg26393255</t>
  </si>
  <si>
    <t>cg26393354</t>
  </si>
  <si>
    <t>cg26393713</t>
  </si>
  <si>
    <t>cg26393964</t>
  </si>
  <si>
    <t>cg26395193</t>
  </si>
  <si>
    <t>cg26399164</t>
  </si>
  <si>
    <t>cg26401390</t>
  </si>
  <si>
    <t>cg26404422</t>
  </si>
  <si>
    <t>cg26406131</t>
  </si>
  <si>
    <t>cg26411299</t>
  </si>
  <si>
    <t>cg26411814</t>
  </si>
  <si>
    <t>cg26412441</t>
  </si>
  <si>
    <t>cg26417427</t>
  </si>
  <si>
    <t>cg26418078</t>
  </si>
  <si>
    <t>cg26418160</t>
  </si>
  <si>
    <t>cg26419883</t>
  </si>
  <si>
    <t>cg26421056</t>
  </si>
  <si>
    <t>cg26421308</t>
  </si>
  <si>
    <t>cg26422060</t>
  </si>
  <si>
    <t>cg26424888</t>
  </si>
  <si>
    <t>cg26426447</t>
  </si>
  <si>
    <t>cg26427534</t>
  </si>
  <si>
    <t>cg26428830</t>
  </si>
  <si>
    <t>cg26429520</t>
  </si>
  <si>
    <t>cg26432474</t>
  </si>
  <si>
    <t>cg26432918</t>
  </si>
  <si>
    <t>cg26433582</t>
  </si>
  <si>
    <t>cg26434090</t>
  </si>
  <si>
    <t>cg26438498</t>
  </si>
  <si>
    <t>cg26438846</t>
  </si>
  <si>
    <t>cg26446803</t>
  </si>
  <si>
    <t>cg26451547</t>
  </si>
  <si>
    <t>cg26453171</t>
  </si>
  <si>
    <t>cg26453990</t>
  </si>
  <si>
    <t>cg26454662</t>
  </si>
  <si>
    <t>cg26456404</t>
  </si>
  <si>
    <t>cg26457823</t>
  </si>
  <si>
    <t>cg26461944</t>
  </si>
  <si>
    <t>cg26462504</t>
  </si>
  <si>
    <t>cg26464934</t>
  </si>
  <si>
    <t>cg26467269</t>
  </si>
  <si>
    <t>cg26467918</t>
  </si>
  <si>
    <t>cg26469019</t>
  </si>
  <si>
    <t>cg26469302</t>
  </si>
  <si>
    <t>cg26469586</t>
  </si>
  <si>
    <t>cg26470719</t>
  </si>
  <si>
    <t>cg26470926</t>
  </si>
  <si>
    <t>cg26470937</t>
  </si>
  <si>
    <t>cg26473110</t>
  </si>
  <si>
    <t>cg26473272</t>
  </si>
  <si>
    <t>cg26478074</t>
  </si>
  <si>
    <t>cg26479347</t>
  </si>
  <si>
    <t>cg26484813</t>
  </si>
  <si>
    <t>cg26487031</t>
  </si>
  <si>
    <t>cg26488636</t>
  </si>
  <si>
    <t>cg26493629</t>
  </si>
  <si>
    <t>cg26500457</t>
  </si>
  <si>
    <t>cg26501269</t>
  </si>
  <si>
    <t>cg26501502</t>
  </si>
  <si>
    <t>cg26501671</t>
  </si>
  <si>
    <t>cg26502105</t>
  </si>
  <si>
    <t>cg26504274</t>
  </si>
  <si>
    <t>cg26507725</t>
  </si>
  <si>
    <t>cg26509915</t>
  </si>
  <si>
    <t>cg26510996</t>
  </si>
  <si>
    <t>cg26512142</t>
  </si>
  <si>
    <t>cg26513837</t>
  </si>
  <si>
    <t>cg26515586</t>
  </si>
  <si>
    <t>cg26516941</t>
  </si>
  <si>
    <t>cg26524356</t>
  </si>
  <si>
    <t>cg26524638</t>
  </si>
  <si>
    <t>cg26525870</t>
  </si>
  <si>
    <t>cg26527105</t>
  </si>
  <si>
    <t>cg26534807</t>
  </si>
  <si>
    <t>cg26536672</t>
  </si>
  <si>
    <t>cg26541415</t>
  </si>
  <si>
    <t>cg26548001</t>
  </si>
  <si>
    <t>cg26548122</t>
  </si>
  <si>
    <t>cg26549860</t>
  </si>
  <si>
    <t>cg26552743</t>
  </si>
  <si>
    <t>cg26555614</t>
  </si>
  <si>
    <t>cg26561358</t>
  </si>
  <si>
    <t>cg26567736</t>
  </si>
  <si>
    <t>cg26571618</t>
  </si>
  <si>
    <t>cg26577973</t>
  </si>
  <si>
    <t>cg26580421</t>
  </si>
  <si>
    <t>cg26583584</t>
  </si>
  <si>
    <t>cg26591679</t>
  </si>
  <si>
    <t>cg26592208</t>
  </si>
  <si>
    <t>cg26598899</t>
  </si>
  <si>
    <t>cg26599989</t>
  </si>
  <si>
    <t>cg26601317</t>
  </si>
  <si>
    <t>cg26602100</t>
  </si>
  <si>
    <t>cg26608694</t>
  </si>
  <si>
    <t>cg26615176</t>
  </si>
  <si>
    <t>cg26619099</t>
  </si>
  <si>
    <t>cg26622502</t>
  </si>
  <si>
    <t>cg26624118</t>
  </si>
  <si>
    <t>cg26624134</t>
  </si>
  <si>
    <t>cg26625290</t>
  </si>
  <si>
    <t>cg26632909</t>
  </si>
  <si>
    <t>cg26636103</t>
  </si>
  <si>
    <t>cg26636379</t>
  </si>
  <si>
    <t>cg26637069</t>
  </si>
  <si>
    <t>cg26639864</t>
  </si>
  <si>
    <t>cg26644052</t>
  </si>
  <si>
    <t>cg26646197</t>
  </si>
  <si>
    <t>cg26647139</t>
  </si>
  <si>
    <t>cg26648103</t>
  </si>
  <si>
    <t>cg26655542</t>
  </si>
  <si>
    <t>cg26657357</t>
  </si>
  <si>
    <t>cg26661481</t>
  </si>
  <si>
    <t>cg26661640</t>
  </si>
  <si>
    <t>cg26668713</t>
  </si>
  <si>
    <t>cg26677322</t>
  </si>
  <si>
    <t>cg26677995</t>
  </si>
  <si>
    <t>cg26678978</t>
  </si>
  <si>
    <t>cg26679950</t>
  </si>
  <si>
    <t>cg26684673</t>
  </si>
  <si>
    <t>cg26687661</t>
  </si>
  <si>
    <t>cg26690592</t>
  </si>
  <si>
    <t>cg26690742</t>
  </si>
  <si>
    <t>cg26698819</t>
  </si>
  <si>
    <t>cg26699546</t>
  </si>
  <si>
    <t>cg26699655</t>
  </si>
  <si>
    <t>cg26703066</t>
  </si>
  <si>
    <t>cg26705266</t>
  </si>
  <si>
    <t>cg26707052</t>
  </si>
  <si>
    <t>cg26709929</t>
  </si>
  <si>
    <t>cg26717041</t>
  </si>
  <si>
    <t>cg26717758</t>
  </si>
  <si>
    <t>cg26720653</t>
  </si>
  <si>
    <t>cg26725502</t>
  </si>
  <si>
    <t>cg26728427</t>
  </si>
  <si>
    <t>cg26729217</t>
  </si>
  <si>
    <t>cg26730024</t>
  </si>
  <si>
    <t>cg26730831</t>
  </si>
  <si>
    <t>cg26731131</t>
  </si>
  <si>
    <t>cg26732287</t>
  </si>
  <si>
    <t>cg26734040</t>
  </si>
  <si>
    <t>cg26738987</t>
  </si>
  <si>
    <t>cg26739923</t>
  </si>
  <si>
    <t>cg26740318</t>
  </si>
  <si>
    <t>cg26742440</t>
  </si>
  <si>
    <t>cg26742859</t>
  </si>
  <si>
    <t>cg26745757</t>
  </si>
  <si>
    <t>cg26748758</t>
  </si>
  <si>
    <t>cg26750747</t>
  </si>
  <si>
    <t>cg26751455</t>
  </si>
  <si>
    <t>cg26754214</t>
  </si>
  <si>
    <t>cg26754560</t>
  </si>
  <si>
    <t>cg26756506</t>
  </si>
  <si>
    <t>cg26761501</t>
  </si>
  <si>
    <t>cg26761618</t>
  </si>
  <si>
    <t>cg26763524</t>
  </si>
  <si>
    <t>cg26765567</t>
  </si>
  <si>
    <t>cg26766373</t>
  </si>
  <si>
    <t>cg26767083</t>
  </si>
  <si>
    <t>cg26770464</t>
  </si>
  <si>
    <t>cg26773791</t>
  </si>
  <si>
    <t>cg26775695</t>
  </si>
  <si>
    <t>cg26781224</t>
  </si>
  <si>
    <t>cg26785702</t>
  </si>
  <si>
    <t>cg26786045</t>
  </si>
  <si>
    <t>cg26786382</t>
  </si>
  <si>
    <t>cg26787449</t>
  </si>
  <si>
    <t>cg26790547</t>
  </si>
  <si>
    <t>cg26799559</t>
  </si>
  <si>
    <t>cg26799802</t>
  </si>
  <si>
    <t>cg26800893</t>
  </si>
  <si>
    <t>cg26801014</t>
  </si>
  <si>
    <t>cg26801843</t>
  </si>
  <si>
    <t>cg26805405</t>
  </si>
  <si>
    <t>cg26805905</t>
  </si>
  <si>
    <t>cg26808144</t>
  </si>
  <si>
    <t>cg26809043</t>
  </si>
  <si>
    <t>cg26810292</t>
  </si>
  <si>
    <t>cg26810723</t>
  </si>
  <si>
    <t>cg26816128</t>
  </si>
  <si>
    <t>cg26818489</t>
  </si>
  <si>
    <t>cg26819160</t>
  </si>
  <si>
    <t>cg26821327</t>
  </si>
  <si>
    <t>cg26821540</t>
  </si>
  <si>
    <t>cg26825614</t>
  </si>
  <si>
    <t>cg26826325</t>
  </si>
  <si>
    <t>cg26830558</t>
  </si>
  <si>
    <t>cg26832211</t>
  </si>
  <si>
    <t>cg26833169</t>
  </si>
  <si>
    <t>cg26840099</t>
  </si>
  <si>
    <t>cg26840755</t>
  </si>
  <si>
    <t>cg26840770</t>
  </si>
  <si>
    <t>cg26847805</t>
  </si>
  <si>
    <t>cg26850144</t>
  </si>
  <si>
    <t>cg26851107</t>
  </si>
  <si>
    <t>cg26851112</t>
  </si>
  <si>
    <t>cg26854012</t>
  </si>
  <si>
    <t>cg26858581</t>
  </si>
  <si>
    <t>cg26860066</t>
  </si>
  <si>
    <t>cg26863308</t>
  </si>
  <si>
    <t>cg26868799</t>
  </si>
  <si>
    <t>cg26869615</t>
  </si>
  <si>
    <t>cg26870460</t>
  </si>
  <si>
    <t>cg26872475</t>
  </si>
  <si>
    <t>cg26874591</t>
  </si>
  <si>
    <t>cg26878836</t>
  </si>
  <si>
    <t>cg26879282</t>
  </si>
  <si>
    <t>cg26879899</t>
  </si>
  <si>
    <t>cg26883171</t>
  </si>
  <si>
    <t>cg26884581</t>
  </si>
  <si>
    <t>cg26885816</t>
  </si>
  <si>
    <t>cg26888861</t>
  </si>
  <si>
    <t>cg26889437</t>
  </si>
  <si>
    <t>cg26890621</t>
  </si>
  <si>
    <t>cg26893600</t>
  </si>
  <si>
    <t>cg26898077</t>
  </si>
  <si>
    <t>cg26898087</t>
  </si>
  <si>
    <t>cg26902026</t>
  </si>
  <si>
    <t>cg26902557</t>
  </si>
  <si>
    <t>cg26904017</t>
  </si>
  <si>
    <t>cg26904260</t>
  </si>
  <si>
    <t>cg26907473</t>
  </si>
  <si>
    <t>cg26908505</t>
  </si>
  <si>
    <t>cg26912485</t>
  </si>
  <si>
    <t>cg26914237</t>
  </si>
  <si>
    <t>cg26914334</t>
  </si>
  <si>
    <t>cg26915558</t>
  </si>
  <si>
    <t>cg26919953</t>
  </si>
  <si>
    <t>cg26921987</t>
  </si>
  <si>
    <t>cg26925644</t>
  </si>
  <si>
    <t>cg26929394</t>
  </si>
  <si>
    <t>cg26929889</t>
  </si>
  <si>
    <t>cg26932432</t>
  </si>
  <si>
    <t>cg26932552</t>
  </si>
  <si>
    <t>cg26934062</t>
  </si>
  <si>
    <t>cg26937267</t>
  </si>
  <si>
    <t>cg26938203</t>
  </si>
  <si>
    <t>cg26940909</t>
  </si>
  <si>
    <t>cg26942196</t>
  </si>
  <si>
    <t>cg26945670</t>
  </si>
  <si>
    <t>cg26948626</t>
  </si>
  <si>
    <t>cg26949694</t>
  </si>
  <si>
    <t>cg26950947</t>
  </si>
  <si>
    <t>cg26952188</t>
  </si>
  <si>
    <t>cg26958174</t>
  </si>
  <si>
    <t>cg26959257</t>
  </si>
  <si>
    <t>cg26960317</t>
  </si>
  <si>
    <t>cg26960671</t>
  </si>
  <si>
    <t>cg26963259</t>
  </si>
  <si>
    <t>cg26965832</t>
  </si>
  <si>
    <t>cg26966083</t>
  </si>
  <si>
    <t>cg26966434</t>
  </si>
  <si>
    <t>cg26970800</t>
  </si>
  <si>
    <t>cg26972614</t>
  </si>
  <si>
    <t>cg26974222</t>
  </si>
  <si>
    <t>cg26976390</t>
  </si>
  <si>
    <t>cg26976707</t>
  </si>
  <si>
    <t>cg26977045</t>
  </si>
  <si>
    <t>cg26978870</t>
  </si>
  <si>
    <t>cg26980692</t>
  </si>
  <si>
    <t>cg26981076</t>
  </si>
  <si>
    <t>cg26982968</t>
  </si>
  <si>
    <t>cg26985203</t>
  </si>
  <si>
    <t>cg26985319</t>
  </si>
  <si>
    <t>cg26985446</t>
  </si>
  <si>
    <t>cg26987660</t>
  </si>
  <si>
    <t>cg26991761</t>
  </si>
  <si>
    <t>cg26996175</t>
  </si>
  <si>
    <t>cg27004521</t>
  </si>
  <si>
    <t>cg27005935</t>
  </si>
  <si>
    <t>cg27006547</t>
  </si>
  <si>
    <t>cg27010959</t>
  </si>
  <si>
    <t>cg27016549</t>
  </si>
  <si>
    <t>cg27017482</t>
  </si>
  <si>
    <t>cg27019929</t>
  </si>
  <si>
    <t>cg27020953</t>
  </si>
  <si>
    <t>cg27021553</t>
  </si>
  <si>
    <t>cg27022558</t>
  </si>
  <si>
    <t>cg27022615</t>
  </si>
  <si>
    <t>cg27028555</t>
  </si>
  <si>
    <t>cg27036111</t>
  </si>
  <si>
    <t>cg27044202</t>
  </si>
  <si>
    <t>cg27047772</t>
  </si>
  <si>
    <t>cg27049076</t>
  </si>
  <si>
    <t>cg27051260</t>
  </si>
  <si>
    <t>cg27052592</t>
  </si>
  <si>
    <t>cg27055782</t>
  </si>
  <si>
    <t>cg27058763</t>
  </si>
  <si>
    <t>cg27062927</t>
  </si>
  <si>
    <t>cg27063572</t>
  </si>
  <si>
    <t>cg27066296</t>
  </si>
  <si>
    <t>cg27068170</t>
  </si>
  <si>
    <t>cg27068206</t>
  </si>
  <si>
    <t>cg27070902</t>
  </si>
  <si>
    <t>cg27071285</t>
  </si>
  <si>
    <t>cg27073809</t>
  </si>
  <si>
    <t>cg27074292</t>
  </si>
  <si>
    <t>cg27076799</t>
  </si>
  <si>
    <t>cg27083553</t>
  </si>
  <si>
    <t>cg27086006</t>
  </si>
  <si>
    <t>cg27087192</t>
  </si>
  <si>
    <t>cg27087423</t>
  </si>
  <si>
    <t>cg27090024</t>
  </si>
  <si>
    <t>cg27092752</t>
  </si>
  <si>
    <t>cg27092975</t>
  </si>
  <si>
    <t>cg27094848</t>
  </si>
  <si>
    <t>cg27104271</t>
  </si>
  <si>
    <t>cg27109163</t>
  </si>
  <si>
    <t>cg27110938</t>
  </si>
  <si>
    <t>cg27115340</t>
  </si>
  <si>
    <t>cg27119222</t>
  </si>
  <si>
    <t>cg27119919</t>
  </si>
  <si>
    <t>cg27121267</t>
  </si>
  <si>
    <t>cg27121870</t>
  </si>
  <si>
    <t>cg27121959</t>
  </si>
  <si>
    <t>cg27122888</t>
  </si>
  <si>
    <t>cg27122942</t>
  </si>
  <si>
    <t>cg27122965</t>
  </si>
  <si>
    <t>cg27123351</t>
  </si>
  <si>
    <t>cg27124616</t>
  </si>
  <si>
    <t>cg27135510</t>
  </si>
  <si>
    <t>cg27137887</t>
  </si>
  <si>
    <t>cg27138871</t>
  </si>
  <si>
    <t>cg27141267</t>
  </si>
  <si>
    <t>cg27142536</t>
  </si>
  <si>
    <t>cg27145347</t>
  </si>
  <si>
    <t>cg27147858</t>
  </si>
  <si>
    <t>cg27149179</t>
  </si>
  <si>
    <t>cg27152299</t>
  </si>
  <si>
    <t>cg27153059</t>
  </si>
  <si>
    <t>cg27154627</t>
  </si>
  <si>
    <t>cg27158472</t>
  </si>
  <si>
    <t>cg27158867</t>
  </si>
  <si>
    <t>cg27160968</t>
  </si>
  <si>
    <t>cg27163630</t>
  </si>
  <si>
    <t>cg27168547</t>
  </si>
  <si>
    <t>cg27174862</t>
  </si>
  <si>
    <t>cg27175128</t>
  </si>
  <si>
    <t>cg27175332</t>
  </si>
  <si>
    <t>cg27179693</t>
  </si>
  <si>
    <t>cg27184649</t>
  </si>
  <si>
    <t>cg27185501</t>
  </si>
  <si>
    <t>cg27185623</t>
  </si>
  <si>
    <t>cg27186519</t>
  </si>
  <si>
    <t>cg27188243</t>
  </si>
  <si>
    <t>cg27190839</t>
  </si>
  <si>
    <t>cg27190843</t>
  </si>
  <si>
    <t>cg27193655</t>
  </si>
  <si>
    <t>cg27196158</t>
  </si>
  <si>
    <t>cg27198338</t>
  </si>
  <si>
    <t>cg27202475</t>
  </si>
  <si>
    <t>cg27203558</t>
  </si>
  <si>
    <t>cg27203895</t>
  </si>
  <si>
    <t>cg27209729</t>
  </si>
  <si>
    <t>cg27209983</t>
  </si>
  <si>
    <t>cg27214378</t>
  </si>
  <si>
    <t>cg27216937</t>
  </si>
  <si>
    <t>cg27218154</t>
  </si>
  <si>
    <t>cg27219654</t>
  </si>
  <si>
    <t>cg27220312</t>
  </si>
  <si>
    <t>cg27224547</t>
  </si>
  <si>
    <t>cg27226479</t>
  </si>
  <si>
    <t>cg27227042</t>
  </si>
  <si>
    <t>cg27232360</t>
  </si>
  <si>
    <t>cg27234090</t>
  </si>
  <si>
    <t>cg27235148</t>
  </si>
  <si>
    <t>cg27237272</t>
  </si>
  <si>
    <t>cg27238887</t>
  </si>
  <si>
    <t>cg27243121</t>
  </si>
  <si>
    <t>cg27246439</t>
  </si>
  <si>
    <t>cg27250927</t>
  </si>
  <si>
    <t>cg27251488</t>
  </si>
  <si>
    <t>cg27254468</t>
  </si>
  <si>
    <t>cg27255672</t>
  </si>
  <si>
    <t>cg27258272</t>
  </si>
  <si>
    <t>cg27260891</t>
  </si>
  <si>
    <t>cg27261641</t>
  </si>
  <si>
    <t>cg27262415</t>
  </si>
  <si>
    <t>cg27263778</t>
  </si>
  <si>
    <t>cg27265307</t>
  </si>
  <si>
    <t>cg27267310</t>
  </si>
  <si>
    <t>cg27268501</t>
  </si>
  <si>
    <t>cg27268513</t>
  </si>
  <si>
    <t>cg27269279</t>
  </si>
  <si>
    <t>cg27269899</t>
  </si>
  <si>
    <t>cg27271532</t>
  </si>
  <si>
    <t>cg27273054</t>
  </si>
  <si>
    <t>cg27273643</t>
  </si>
  <si>
    <t>cg27274382</t>
  </si>
  <si>
    <t>cg27275811</t>
  </si>
  <si>
    <t>cg27278729</t>
  </si>
  <si>
    <t>cg27278802</t>
  </si>
  <si>
    <t>cg27286069</t>
  </si>
  <si>
    <t>cg27286967</t>
  </si>
  <si>
    <t>cg27289406</t>
  </si>
  <si>
    <t>cg27296293</t>
  </si>
  <si>
    <t>cg27298660</t>
  </si>
  <si>
    <t>cg27300742</t>
  </si>
  <si>
    <t>cg27300950</t>
  </si>
  <si>
    <t>cg27301655</t>
  </si>
  <si>
    <t>cg27305510</t>
  </si>
  <si>
    <t>cg27305772</t>
  </si>
  <si>
    <t>cg27307378</t>
  </si>
  <si>
    <t>cg27309677</t>
  </si>
  <si>
    <t>cg27312916</t>
  </si>
  <si>
    <t>cg27318318</t>
  </si>
  <si>
    <t>cg27319123</t>
  </si>
  <si>
    <t>cg27321017</t>
  </si>
  <si>
    <t>cg27321325</t>
  </si>
  <si>
    <t>cg27324823</t>
  </si>
  <si>
    <t>cg27326318</t>
  </si>
  <si>
    <t>cg27330757</t>
  </si>
  <si>
    <t>cg27340269</t>
  </si>
  <si>
    <t>cg27340283</t>
  </si>
  <si>
    <t>cg27343303</t>
  </si>
  <si>
    <t>cg27351358</t>
  </si>
  <si>
    <t>cg27353381</t>
  </si>
  <si>
    <t>cg27355456</t>
  </si>
  <si>
    <t>cg27363529</t>
  </si>
  <si>
    <t>cg27364242</t>
  </si>
  <si>
    <t>cg27371539</t>
  </si>
  <si>
    <t>cg27373749</t>
  </si>
  <si>
    <t>cg27376024</t>
  </si>
  <si>
    <t>cg27376683</t>
  </si>
  <si>
    <t>cg27379915</t>
  </si>
  <si>
    <t>cg27386326</t>
  </si>
  <si>
    <t>cg27389255</t>
  </si>
  <si>
    <t>cg27395208</t>
  </si>
  <si>
    <t>cg27398230</t>
  </si>
  <si>
    <t>cg27398535</t>
  </si>
  <si>
    <t>cg27401846</t>
  </si>
  <si>
    <t>cg27404351</t>
  </si>
  <si>
    <t>cg27410595</t>
  </si>
  <si>
    <t>cg27412310</t>
  </si>
  <si>
    <t>cg27414481</t>
  </si>
  <si>
    <t>cg27416171</t>
  </si>
  <si>
    <t>cg27419075</t>
  </si>
  <si>
    <t>cg27420123</t>
  </si>
  <si>
    <t>cg27421742</t>
  </si>
  <si>
    <t>cg27422467</t>
  </si>
  <si>
    <t>cg27422581</t>
  </si>
  <si>
    <t>cg27422759</t>
  </si>
  <si>
    <t>cg27424322</t>
  </si>
  <si>
    <t>cg27428304</t>
  </si>
  <si>
    <t>cg27431587</t>
  </si>
  <si>
    <t>cg27440523</t>
  </si>
  <si>
    <t>cg27440592</t>
  </si>
  <si>
    <t>cg27441551</t>
  </si>
  <si>
    <t>cg27443779</t>
  </si>
  <si>
    <t>cg27444062</t>
  </si>
  <si>
    <t>cg27444644</t>
  </si>
  <si>
    <t>cg27445792</t>
  </si>
  <si>
    <t>cg27446485</t>
  </si>
  <si>
    <t>cg27452109</t>
  </si>
  <si>
    <t>cg27462791</t>
  </si>
  <si>
    <t>cg27470087</t>
  </si>
  <si>
    <t>cg27474534</t>
  </si>
  <si>
    <t>cg27475169</t>
  </si>
  <si>
    <t>cg27481837</t>
  </si>
  <si>
    <t>cg27482328</t>
  </si>
  <si>
    <t>cg27488648</t>
  </si>
  <si>
    <t>cg27491887</t>
  </si>
  <si>
    <t>cg27497687</t>
  </si>
  <si>
    <t>cg27499747</t>
  </si>
  <si>
    <t>cg27512828</t>
  </si>
  <si>
    <t>cg27560292</t>
  </si>
  <si>
    <t>cg27560864</t>
  </si>
  <si>
    <t>cg27561006</t>
  </si>
  <si>
    <t>cg27568631</t>
  </si>
  <si>
    <t>cg27582739</t>
  </si>
  <si>
    <t>cg27596068</t>
  </si>
  <si>
    <t>cg27596275</t>
  </si>
  <si>
    <t>cg27597956</t>
  </si>
  <si>
    <t>cg27598621</t>
  </si>
  <si>
    <t>cg27601809</t>
  </si>
  <si>
    <t>cg27603069</t>
  </si>
  <si>
    <t>cg27604672</t>
  </si>
  <si>
    <t>cg27606671</t>
  </si>
  <si>
    <t>cg27607805</t>
  </si>
  <si>
    <t>cg27616543</t>
  </si>
  <si>
    <t>cg27618216</t>
  </si>
  <si>
    <t>cg27620455</t>
  </si>
  <si>
    <t>cg27629782</t>
  </si>
  <si>
    <t>cg27631389</t>
  </si>
  <si>
    <t>cg27634151</t>
  </si>
  <si>
    <t>cg27635267</t>
  </si>
  <si>
    <t>cg27637930</t>
  </si>
  <si>
    <t>cg27638288</t>
  </si>
  <si>
    <t>cg27639104</t>
  </si>
  <si>
    <t>cg27639942</t>
  </si>
  <si>
    <t>cg27640302</t>
  </si>
  <si>
    <t>cg27641076</t>
  </si>
  <si>
    <t>cg27642328</t>
  </si>
  <si>
    <t>cg27644715</t>
  </si>
  <si>
    <t>cg27647559</t>
  </si>
  <si>
    <t>cg27651070</t>
  </si>
  <si>
    <t>cg27651452</t>
  </si>
  <si>
    <t>cg27652459</t>
  </si>
  <si>
    <t>cg27657867</t>
  </si>
  <si>
    <t>cg27665860</t>
  </si>
  <si>
    <t>ch.11.10300781R</t>
  </si>
  <si>
    <t>ch.11.340609R</t>
  </si>
  <si>
    <t>ch.11.25488742R</t>
  </si>
  <si>
    <t>ch.11.28744729R</t>
  </si>
  <si>
    <t>ch.11.930275R</t>
  </si>
  <si>
    <t>ch.11.1000958R</t>
  </si>
  <si>
    <t>ch.11.50107818R</t>
  </si>
  <si>
    <t>ch.11.1155333R</t>
  </si>
  <si>
    <t>ch.11.61132480F</t>
  </si>
  <si>
    <t>ch.11.1197632F</t>
  </si>
  <si>
    <t>ch.11.1215826R</t>
  </si>
  <si>
    <t>ch.11.1222938R</t>
  </si>
  <si>
    <t>ch.11.1352825R</t>
  </si>
  <si>
    <t>ch.11.1434436R</t>
  </si>
  <si>
    <t>ch.11.69043358R</t>
  </si>
  <si>
    <t>ch.11.1543446R</t>
  </si>
  <si>
    <t>ch.11.1613249R</t>
  </si>
  <si>
    <t>ch.11.91717525F</t>
  </si>
  <si>
    <t>ch.11.102874269F</t>
  </si>
  <si>
    <t>ch.11.104819605R</t>
  </si>
  <si>
    <t>ch.11.117308167R</t>
  </si>
  <si>
    <t>ch.11.2451667R</t>
  </si>
  <si>
    <t>ch.11.2527482R</t>
  </si>
  <si>
    <t>ch.11.2738269F</t>
  </si>
  <si>
    <t>ch.11.130657691R</t>
  </si>
  <si>
    <t>cg00006122</t>
  </si>
  <si>
    <t>cg00010890</t>
  </si>
  <si>
    <t>cg00015319</t>
  </si>
  <si>
    <t>cg00019118</t>
  </si>
  <si>
    <t>cg00019366</t>
  </si>
  <si>
    <t>cg00019678</t>
  </si>
  <si>
    <t>cg00020446</t>
  </si>
  <si>
    <t>cg00020799</t>
  </si>
  <si>
    <t>cg00021166</t>
  </si>
  <si>
    <t>cg00022259</t>
  </si>
  <si>
    <t>cg00025436</t>
  </si>
  <si>
    <t>cg00028636</t>
  </si>
  <si>
    <t>cg00028929</t>
  </si>
  <si>
    <t>cg00029284</t>
  </si>
  <si>
    <t>cg00029353</t>
  </si>
  <si>
    <t>cg00029397</t>
  </si>
  <si>
    <t>cg00030523</t>
  </si>
  <si>
    <t>cg00033334</t>
  </si>
  <si>
    <t>cg00036328</t>
  </si>
  <si>
    <t>cg00044289</t>
  </si>
  <si>
    <t>cg00058026</t>
  </si>
  <si>
    <t>cg00059246</t>
  </si>
  <si>
    <t>cg00059911</t>
  </si>
  <si>
    <t>cg00060649</t>
  </si>
  <si>
    <t>cg00060880</t>
  </si>
  <si>
    <t>cg00063040</t>
  </si>
  <si>
    <t>cg00063535</t>
  </si>
  <si>
    <t>cg00065408</t>
  </si>
  <si>
    <t>cg00066925</t>
  </si>
  <si>
    <t>cg00067018</t>
  </si>
  <si>
    <t>cg00078245</t>
  </si>
  <si>
    <t>cg00078996</t>
  </si>
  <si>
    <t>cg00079219</t>
  </si>
  <si>
    <t>cg00081935</t>
  </si>
  <si>
    <t>cg00083194</t>
  </si>
  <si>
    <t>cg00085448</t>
  </si>
  <si>
    <t>cg00088844</t>
  </si>
  <si>
    <t>cg00089214</t>
  </si>
  <si>
    <t>cg00089798</t>
  </si>
  <si>
    <t>cg00090452</t>
  </si>
  <si>
    <t>cg00091483</t>
  </si>
  <si>
    <t>cg00095463</t>
  </si>
  <si>
    <t>cg00095523</t>
  </si>
  <si>
    <t>cg00095930</t>
  </si>
  <si>
    <t>cg00097357</t>
  </si>
  <si>
    <t>cg00097794</t>
  </si>
  <si>
    <t>cg00098297</t>
  </si>
  <si>
    <t>cg00100440</t>
  </si>
  <si>
    <t>cg00106420</t>
  </si>
  <si>
    <t>cg00107285</t>
  </si>
  <si>
    <t>cg00108038</t>
  </si>
  <si>
    <t>cg00108944</t>
  </si>
  <si>
    <t>cg00109465</t>
  </si>
  <si>
    <t>cg00113951</t>
  </si>
  <si>
    <t>cg00129774</t>
  </si>
  <si>
    <t>cg00136077</t>
  </si>
  <si>
    <t>cg00136105</t>
  </si>
  <si>
    <t>cg00136947</t>
  </si>
  <si>
    <t>cg00137652</t>
  </si>
  <si>
    <t>cg00144022</t>
  </si>
  <si>
    <t>cg00147009</t>
  </si>
  <si>
    <t>cg00148727</t>
  </si>
  <si>
    <t>cg00155052</t>
  </si>
  <si>
    <t>cg00157864</t>
  </si>
  <si>
    <t>cg00159614</t>
  </si>
  <si>
    <t>cg00160359</t>
  </si>
  <si>
    <t>cg00162969</t>
  </si>
  <si>
    <t>cg00168205</t>
  </si>
  <si>
    <t>cg00169184</t>
  </si>
  <si>
    <t>cg00170564</t>
  </si>
  <si>
    <t>cg00171154</t>
  </si>
  <si>
    <t>cg00172872</t>
  </si>
  <si>
    <t>cg00174093</t>
  </si>
  <si>
    <t>cg00174508</t>
  </si>
  <si>
    <t>cg00174573</t>
  </si>
  <si>
    <t>cg00175823</t>
  </si>
  <si>
    <t>cg00178506</t>
  </si>
  <si>
    <t>cg00180225</t>
  </si>
  <si>
    <t>cg00181125</t>
  </si>
  <si>
    <t>cg00187380</t>
  </si>
  <si>
    <t>cg00194771</t>
  </si>
  <si>
    <t>cg00199753</t>
  </si>
  <si>
    <t>cg00201175</t>
  </si>
  <si>
    <t>cg00201257</t>
  </si>
  <si>
    <t>cg00203594</t>
  </si>
  <si>
    <t>cg00203617</t>
  </si>
  <si>
    <t>cg00210842</t>
  </si>
  <si>
    <t>cg00211403</t>
  </si>
  <si>
    <t>cg00218447</t>
  </si>
  <si>
    <t>cg00223593</t>
  </si>
  <si>
    <t>cg00224126</t>
  </si>
  <si>
    <t>cg00224312</t>
  </si>
  <si>
    <t>cg00227651</t>
  </si>
  <si>
    <t>cg00236831</t>
  </si>
  <si>
    <t>cg00237010</t>
  </si>
  <si>
    <t>cg00238593</t>
  </si>
  <si>
    <t>cg00238770</t>
  </si>
  <si>
    <t>cg00240007</t>
  </si>
  <si>
    <t>cg00240719</t>
  </si>
  <si>
    <t>cg00243574</t>
  </si>
  <si>
    <t>cg00244747</t>
  </si>
  <si>
    <t>cg00248776</t>
  </si>
  <si>
    <t>cg00251973</t>
  </si>
  <si>
    <t>cg00252282</t>
  </si>
  <si>
    <t>cg00252813</t>
  </si>
  <si>
    <t>cg00256928</t>
  </si>
  <si>
    <t>cg00257296</t>
  </si>
  <si>
    <t>cg00261552</t>
  </si>
  <si>
    <t>cg00262368</t>
  </si>
  <si>
    <t>cg00263592</t>
  </si>
  <si>
    <t>cg00265212</t>
  </si>
  <si>
    <t>cg00265769</t>
  </si>
  <si>
    <t>cg00268967</t>
  </si>
  <si>
    <t>cg00274203</t>
  </si>
  <si>
    <t>cg00278366</t>
  </si>
  <si>
    <t>cg00280812</t>
  </si>
  <si>
    <t>cg00282706</t>
  </si>
  <si>
    <t>cg00292432</t>
  </si>
  <si>
    <t>cg00292513</t>
  </si>
  <si>
    <t>cg00294025</t>
  </si>
  <si>
    <t>cg00294382</t>
  </si>
  <si>
    <t>cg00296378</t>
  </si>
  <si>
    <t>cg00297584</t>
  </si>
  <si>
    <t>cg00302340</t>
  </si>
  <si>
    <t>cg00308065</t>
  </si>
  <si>
    <t>cg00310523</t>
  </si>
  <si>
    <t>cg00318865</t>
  </si>
  <si>
    <t>cg00329618</t>
  </si>
  <si>
    <t>cg00331237</t>
  </si>
  <si>
    <t>cg00331508</t>
  </si>
  <si>
    <t>cg00332067</t>
  </si>
  <si>
    <t>cg00338702</t>
  </si>
  <si>
    <t>cg00344358</t>
  </si>
  <si>
    <t>cg00346009</t>
  </si>
  <si>
    <t>cg00346523</t>
  </si>
  <si>
    <t>cg00347247</t>
  </si>
  <si>
    <t>cg00353340</t>
  </si>
  <si>
    <t>cg00354572</t>
  </si>
  <si>
    <t>cg00359110</t>
  </si>
  <si>
    <t>cg00363813</t>
  </si>
  <si>
    <t>cg00377301</t>
  </si>
  <si>
    <t>cg00379528</t>
  </si>
  <si>
    <t>cg00386008</t>
  </si>
  <si>
    <t>cg00387115</t>
  </si>
  <si>
    <t>cg00390143</t>
  </si>
  <si>
    <t>cg00390941</t>
  </si>
  <si>
    <t>cg00391247</t>
  </si>
  <si>
    <t>cg00393279</t>
  </si>
  <si>
    <t>cg00395210</t>
  </si>
  <si>
    <t>cg00397144</t>
  </si>
  <si>
    <t>cg00405070</t>
  </si>
  <si>
    <t>cg00407452</t>
  </si>
  <si>
    <t>cg00417147</t>
  </si>
  <si>
    <t>cg00419012</t>
  </si>
  <si>
    <t>cg00429477</t>
  </si>
  <si>
    <t>cg00437192</t>
  </si>
  <si>
    <t>cg00439790</t>
  </si>
  <si>
    <t>cg00456395</t>
  </si>
  <si>
    <t>cg00457650</t>
  </si>
  <si>
    <t>cg00459129</t>
  </si>
  <si>
    <t>cg00459232</t>
  </si>
  <si>
    <t>cg00460689</t>
  </si>
  <si>
    <t>cg00461311</t>
  </si>
  <si>
    <t>cg00462951</t>
  </si>
  <si>
    <t>cg00463848</t>
  </si>
  <si>
    <t>cg00465941</t>
  </si>
  <si>
    <t>cg00467600</t>
  </si>
  <si>
    <t>cg00470817</t>
  </si>
  <si>
    <t>cg00472136</t>
  </si>
  <si>
    <t>cg00483718</t>
  </si>
  <si>
    <t>cg00484671</t>
  </si>
  <si>
    <t>cg00489652</t>
  </si>
  <si>
    <t>cg00489902</t>
  </si>
  <si>
    <t>cg00492784</t>
  </si>
  <si>
    <t>cg00494665</t>
  </si>
  <si>
    <t>cg00495415</t>
  </si>
  <si>
    <t>cg00499475</t>
  </si>
  <si>
    <t>cg00499723</t>
  </si>
  <si>
    <t>cg00500705</t>
  </si>
  <si>
    <t>cg00500936</t>
  </si>
  <si>
    <t>cg00501628</t>
  </si>
  <si>
    <t>cg00506343</t>
  </si>
  <si>
    <t>cg00506482</t>
  </si>
  <si>
    <t>cg00509053</t>
  </si>
  <si>
    <t>cg00509207</t>
  </si>
  <si>
    <t>cg00513984</t>
  </si>
  <si>
    <t>cg00517261</t>
  </si>
  <si>
    <t>cg00521744</t>
  </si>
  <si>
    <t>cg00522288</t>
  </si>
  <si>
    <t>cg00522588</t>
  </si>
  <si>
    <t>cg00524706</t>
  </si>
  <si>
    <t>cg00530564</t>
  </si>
  <si>
    <t>cg00532413</t>
  </si>
  <si>
    <t>cg00542229</t>
  </si>
  <si>
    <t>cg00544734</t>
  </si>
  <si>
    <t>cg00545573</t>
  </si>
  <si>
    <t>cg00556279</t>
  </si>
  <si>
    <t>cg00560284</t>
  </si>
  <si>
    <t>cg00562070</t>
  </si>
  <si>
    <t>cg00573623</t>
  </si>
  <si>
    <t>cg00576279</t>
  </si>
  <si>
    <t>cg00578414</t>
  </si>
  <si>
    <t>cg00584022</t>
  </si>
  <si>
    <t>cg00588621</t>
  </si>
  <si>
    <t>cg00590029</t>
  </si>
  <si>
    <t>cg00591597</t>
  </si>
  <si>
    <t>cg00601486</t>
  </si>
  <si>
    <t>cg00604736</t>
  </si>
  <si>
    <t>cg00605358</t>
  </si>
  <si>
    <t>cg00611535</t>
  </si>
  <si>
    <t>cg00616129</t>
  </si>
  <si>
    <t>cg00624375</t>
  </si>
  <si>
    <t>cg00625776</t>
  </si>
  <si>
    <t>cg00626466</t>
  </si>
  <si>
    <t>cg00631230</t>
  </si>
  <si>
    <t>cg00632496</t>
  </si>
  <si>
    <t>cg00635560</t>
  </si>
  <si>
    <t>cg00639475</t>
  </si>
  <si>
    <t>cg00642330</t>
  </si>
  <si>
    <t>cg00642359</t>
  </si>
  <si>
    <t>cg00643814</t>
  </si>
  <si>
    <t>cg00649906</t>
  </si>
  <si>
    <t>cg00651782</t>
  </si>
  <si>
    <t>cg00654461</t>
  </si>
  <si>
    <t>cg00658451</t>
  </si>
  <si>
    <t>cg00659495</t>
  </si>
  <si>
    <t>cg00662646</t>
  </si>
  <si>
    <t>cg00663584</t>
  </si>
  <si>
    <t>cg00665405</t>
  </si>
  <si>
    <t>cg00665971</t>
  </si>
  <si>
    <t>cg00666903</t>
  </si>
  <si>
    <t>cg00668685</t>
  </si>
  <si>
    <t>cg00673365</t>
  </si>
  <si>
    <t>cg00676085</t>
  </si>
  <si>
    <t>cg00685314</t>
  </si>
  <si>
    <t>cg00685836</t>
  </si>
  <si>
    <t>cg00686022</t>
  </si>
  <si>
    <t>cg00688311</t>
  </si>
  <si>
    <t>cg00692047</t>
  </si>
  <si>
    <t>cg00692946</t>
  </si>
  <si>
    <t>cg00694851</t>
  </si>
  <si>
    <t>cg00698584</t>
  </si>
  <si>
    <t>cg00698908</t>
  </si>
  <si>
    <t>cg00700239</t>
  </si>
  <si>
    <t>cg00705613</t>
  </si>
  <si>
    <t>cg00707814</t>
  </si>
  <si>
    <t>cg00708105</t>
  </si>
  <si>
    <t>cg00709515</t>
  </si>
  <si>
    <t>cg00713401</t>
  </si>
  <si>
    <t>cg00717297</t>
  </si>
  <si>
    <t>cg00718643</t>
  </si>
  <si>
    <t>cg00719651</t>
  </si>
  <si>
    <t>cg00731749</t>
  </si>
  <si>
    <t>cg00736201</t>
  </si>
  <si>
    <t>cg00736915</t>
  </si>
  <si>
    <t>cg00737250</t>
  </si>
  <si>
    <t>cg00745543</t>
  </si>
  <si>
    <t>cg00750518</t>
  </si>
  <si>
    <t>cg00753337</t>
  </si>
  <si>
    <t>cg00756032</t>
  </si>
  <si>
    <t>cg00756451</t>
  </si>
  <si>
    <t>cg00757327</t>
  </si>
  <si>
    <t>cg00767953</t>
  </si>
  <si>
    <t>cg00768423</t>
  </si>
  <si>
    <t>cg00769090</t>
  </si>
  <si>
    <t>cg00769590</t>
  </si>
  <si>
    <t>cg00772407</t>
  </si>
  <si>
    <t>cg00772774</t>
  </si>
  <si>
    <t>cg00773233</t>
  </si>
  <si>
    <t>cg00774435</t>
  </si>
  <si>
    <t>cg00774437</t>
  </si>
  <si>
    <t>cg00777537</t>
  </si>
  <si>
    <t>cg00792107</t>
  </si>
  <si>
    <t>cg00793450</t>
  </si>
  <si>
    <t>cg00795535</t>
  </si>
  <si>
    <t>cg00796424</t>
  </si>
  <si>
    <t>cg00796672</t>
  </si>
  <si>
    <t>cg00807197</t>
  </si>
  <si>
    <t>cg00807464</t>
  </si>
  <si>
    <t>cg00808053</t>
  </si>
  <si>
    <t>cg00813135</t>
  </si>
  <si>
    <t>cg00818480</t>
  </si>
  <si>
    <t>cg00822797</t>
  </si>
  <si>
    <t>cg00823229</t>
  </si>
  <si>
    <t>cg00825407</t>
  </si>
  <si>
    <t>cg00827173</t>
  </si>
  <si>
    <t>cg00830029</t>
  </si>
  <si>
    <t>cg00830252</t>
  </si>
  <si>
    <t>cg00831237</t>
  </si>
  <si>
    <t>cg00833080</t>
  </si>
  <si>
    <t>cg00844155</t>
  </si>
  <si>
    <t>cg00844589</t>
  </si>
  <si>
    <t>cg00851732</t>
  </si>
  <si>
    <t>cg00853671</t>
  </si>
  <si>
    <t>cg00854817</t>
  </si>
  <si>
    <t>cg00861380</t>
  </si>
  <si>
    <t>cg00862376</t>
  </si>
  <si>
    <t>cg00863700</t>
  </si>
  <si>
    <t>cg00864867</t>
  </si>
  <si>
    <t>cg00865774</t>
  </si>
  <si>
    <t>cg00868860</t>
  </si>
  <si>
    <t>cg00873953</t>
  </si>
  <si>
    <t>cg00874230</t>
  </si>
  <si>
    <t>cg00874320</t>
  </si>
  <si>
    <t>cg00874357</t>
  </si>
  <si>
    <t>cg00882883</t>
  </si>
  <si>
    <t>cg00887700</t>
  </si>
  <si>
    <t>cg00888007</t>
  </si>
  <si>
    <t>cg00894440</t>
  </si>
  <si>
    <t>cg00896347</t>
  </si>
  <si>
    <t>cg00897250</t>
  </si>
  <si>
    <t>cg00899090</t>
  </si>
  <si>
    <t>cg00901320</t>
  </si>
  <si>
    <t>cg00902195</t>
  </si>
  <si>
    <t>cg00907267</t>
  </si>
  <si>
    <t>cg00909232</t>
  </si>
  <si>
    <t>cg00911551</t>
  </si>
  <si>
    <t>cg00913521</t>
  </si>
  <si>
    <t>cg00915244</t>
  </si>
  <si>
    <t>cg00915830</t>
  </si>
  <si>
    <t>cg00916854</t>
  </si>
  <si>
    <t>cg00921819</t>
  </si>
  <si>
    <t>cg00922522</t>
  </si>
  <si>
    <t>cg00923481</t>
  </si>
  <si>
    <t>cg00935782</t>
  </si>
  <si>
    <t>cg00949670</t>
  </si>
  <si>
    <t>cg00954841</t>
  </si>
  <si>
    <t>cg00955780</t>
  </si>
  <si>
    <t>cg00958412</t>
  </si>
  <si>
    <t>cg00966380</t>
  </si>
  <si>
    <t>cg00966398</t>
  </si>
  <si>
    <t>cg00967695</t>
  </si>
  <si>
    <t>cg00970015</t>
  </si>
  <si>
    <t>cg00973286</t>
  </si>
  <si>
    <t>cg00973724</t>
  </si>
  <si>
    <t>cg00982830</t>
  </si>
  <si>
    <t>cg00985115</t>
  </si>
  <si>
    <t>cg00987461</t>
  </si>
  <si>
    <t>cg00990212</t>
  </si>
  <si>
    <t>cg00991744</t>
  </si>
  <si>
    <t>cg00998124</t>
  </si>
  <si>
    <t>cg00999267</t>
  </si>
  <si>
    <t>cg00999638</t>
  </si>
  <si>
    <t>cg01008004</t>
  </si>
  <si>
    <t>cg01008117</t>
  </si>
  <si>
    <t>cg01016169</t>
  </si>
  <si>
    <t>cg01016637</t>
  </si>
  <si>
    <t>cg01018437</t>
  </si>
  <si>
    <t>cg01020079</t>
  </si>
  <si>
    <t>cg01025838</t>
  </si>
  <si>
    <t>cg01029623</t>
  </si>
  <si>
    <t>cg01030121</t>
  </si>
  <si>
    <t>cg01031441</t>
  </si>
  <si>
    <t>cg01033646</t>
  </si>
  <si>
    <t>cg01035528</t>
  </si>
  <si>
    <t>cg01039401</t>
  </si>
  <si>
    <t>cg01040366</t>
  </si>
  <si>
    <t>cg01043616</t>
  </si>
  <si>
    <t>cg01044331</t>
  </si>
  <si>
    <t>cg01044476</t>
  </si>
  <si>
    <t>cg01047124</t>
  </si>
  <si>
    <t>cg01049482</t>
  </si>
  <si>
    <t>cg01049691</t>
  </si>
  <si>
    <t>cg01050005</t>
  </si>
  <si>
    <t>cg01053259</t>
  </si>
  <si>
    <t>cg01055386</t>
  </si>
  <si>
    <t>cg01057945</t>
  </si>
  <si>
    <t>cg01059913</t>
  </si>
  <si>
    <t>cg01061424</t>
  </si>
  <si>
    <t>cg01063813</t>
  </si>
  <si>
    <t>cg01065156</t>
  </si>
  <si>
    <t>cg01065920</t>
  </si>
  <si>
    <t>cg01074305</t>
  </si>
  <si>
    <t>cg01087419</t>
  </si>
  <si>
    <t>cg01090686</t>
  </si>
  <si>
    <t>cg01093801</t>
  </si>
  <si>
    <t>cg01094787</t>
  </si>
  <si>
    <t>cg01097897</t>
  </si>
  <si>
    <t>cg01102083</t>
  </si>
  <si>
    <t>cg01102270</t>
  </si>
  <si>
    <t>cg01105256</t>
  </si>
  <si>
    <t>cg01106818</t>
  </si>
  <si>
    <t>cg01110312</t>
  </si>
  <si>
    <t>cg01110620</t>
  </si>
  <si>
    <t>cg01117697</t>
  </si>
  <si>
    <t>cg01137198</t>
  </si>
  <si>
    <t>cg01152455</t>
  </si>
  <si>
    <t>cg01152727</t>
  </si>
  <si>
    <t>cg01153442</t>
  </si>
  <si>
    <t>cg01161138</t>
  </si>
  <si>
    <t>cg01163404</t>
  </si>
  <si>
    <t>cg01170124</t>
  </si>
  <si>
    <t>cg01173912</t>
  </si>
  <si>
    <t>cg01175812</t>
  </si>
  <si>
    <t>cg01176103</t>
  </si>
  <si>
    <t>cg01177488</t>
  </si>
  <si>
    <t>cg01179055</t>
  </si>
  <si>
    <t>cg01179256</t>
  </si>
  <si>
    <t>cg01182309</t>
  </si>
  <si>
    <t>cg01182683</t>
  </si>
  <si>
    <t>cg01183510</t>
  </si>
  <si>
    <t>cg01188936</t>
  </si>
  <si>
    <t>cg01190692</t>
  </si>
  <si>
    <t>cg01194279</t>
  </si>
  <si>
    <t>cg01197294</t>
  </si>
  <si>
    <t>cg01198491</t>
  </si>
  <si>
    <t>cg01199721</t>
  </si>
  <si>
    <t>cg01202700</t>
  </si>
  <si>
    <t>cg01203340</t>
  </si>
  <si>
    <t>cg01207623</t>
  </si>
  <si>
    <t>cg01214459</t>
  </si>
  <si>
    <t>cg01216412</t>
  </si>
  <si>
    <t>cg01217080</t>
  </si>
  <si>
    <t>cg01218945</t>
  </si>
  <si>
    <t>cg01221216</t>
  </si>
  <si>
    <t>cg01226748</t>
  </si>
  <si>
    <t>cg01226811</t>
  </si>
  <si>
    <t>cg01228603</t>
  </si>
  <si>
    <t>cg01238502</t>
  </si>
  <si>
    <t>cg01240444</t>
  </si>
  <si>
    <t>cg01242903</t>
  </si>
  <si>
    <t>cg01243513</t>
  </si>
  <si>
    <t>cg01245284</t>
  </si>
  <si>
    <t>cg01252104</t>
  </si>
  <si>
    <t>cg01252219</t>
  </si>
  <si>
    <t>cg01254322</t>
  </si>
  <si>
    <t>cg01255349</t>
  </si>
  <si>
    <t>cg01256320</t>
  </si>
  <si>
    <t>cg01256987</t>
  </si>
  <si>
    <t>cg01257889</t>
  </si>
  <si>
    <t>cg01264332</t>
  </si>
  <si>
    <t>cg01264705</t>
  </si>
  <si>
    <t>cg01266159</t>
  </si>
  <si>
    <t>cg01266880</t>
  </si>
  <si>
    <t>cg01268901</t>
  </si>
  <si>
    <t>cg01269191</t>
  </si>
  <si>
    <t>cg01273150</t>
  </si>
  <si>
    <t>cg01276169</t>
  </si>
  <si>
    <t>cg01281501</t>
  </si>
  <si>
    <t>cg01282725</t>
  </si>
  <si>
    <t>cg01283289</t>
  </si>
  <si>
    <t>cg01285122</t>
  </si>
  <si>
    <t>cg01290565</t>
  </si>
  <si>
    <t>cg01291404</t>
  </si>
  <si>
    <t>cg01291863</t>
  </si>
  <si>
    <t>cg01295392</t>
  </si>
  <si>
    <t>cg01296755</t>
  </si>
  <si>
    <t>cg01297357</t>
  </si>
  <si>
    <t>cg01298757</t>
  </si>
  <si>
    <t>cg01300317</t>
  </si>
  <si>
    <t>cg01302436</t>
  </si>
  <si>
    <t>cg01302562</t>
  </si>
  <si>
    <t>cg01306688</t>
  </si>
  <si>
    <t>cg01307693</t>
  </si>
  <si>
    <t>cg01311151</t>
  </si>
  <si>
    <t>cg01311693</t>
  </si>
  <si>
    <t>cg01316819</t>
  </si>
  <si>
    <t>cg01321189</t>
  </si>
  <si>
    <t>cg01322897</t>
  </si>
  <si>
    <t>cg01333011</t>
  </si>
  <si>
    <t>cg01342692</t>
  </si>
  <si>
    <t>cg01345136</t>
  </si>
  <si>
    <t>cg01345517</t>
  </si>
  <si>
    <t>cg01347539</t>
  </si>
  <si>
    <t>cg01353646</t>
  </si>
  <si>
    <t>cg01353907</t>
  </si>
  <si>
    <t>cg01356653</t>
  </si>
  <si>
    <t>cg01356703</t>
  </si>
  <si>
    <t>cg01356824</t>
  </si>
  <si>
    <t>cg01356908</t>
  </si>
  <si>
    <t>cg01357263</t>
  </si>
  <si>
    <t>cg01357334</t>
  </si>
  <si>
    <t>cg01363734</t>
  </si>
  <si>
    <t>cg01364766</t>
  </si>
  <si>
    <t>cg01366470</t>
  </si>
  <si>
    <t>cg01372605</t>
  </si>
  <si>
    <t>cg01376672</t>
  </si>
  <si>
    <t>cg01379969</t>
  </si>
  <si>
    <t>cg01386425</t>
  </si>
  <si>
    <t>cg01391022</t>
  </si>
  <si>
    <t>cg01392656</t>
  </si>
  <si>
    <t>cg01393632</t>
  </si>
  <si>
    <t>cg01395351</t>
  </si>
  <si>
    <t>cg01396176</t>
  </si>
  <si>
    <t>cg01398181</t>
  </si>
  <si>
    <t>cg01400924</t>
  </si>
  <si>
    <t>cg01402099</t>
  </si>
  <si>
    <t>cg01405329</t>
  </si>
  <si>
    <t>cg01409207</t>
  </si>
  <si>
    <t>cg01409554</t>
  </si>
  <si>
    <t>cg01409734</t>
  </si>
  <si>
    <t>cg01416487</t>
  </si>
  <si>
    <t>cg01420369</t>
  </si>
  <si>
    <t>cg01427750</t>
  </si>
  <si>
    <t>cg01428231</t>
  </si>
  <si>
    <t>cg01429844</t>
  </si>
  <si>
    <t>cg01430367</t>
  </si>
  <si>
    <t>cg01430604</t>
  </si>
  <si>
    <t>cg01435230</t>
  </si>
  <si>
    <t>cg01437411</t>
  </si>
  <si>
    <t>cg01440665</t>
  </si>
  <si>
    <t>cg01441359</t>
  </si>
  <si>
    <t>cg01442833</t>
  </si>
  <si>
    <t>cg01443852</t>
  </si>
  <si>
    <t>cg01443946</t>
  </si>
  <si>
    <t>cg01446612</t>
  </si>
  <si>
    <t>cg01448544</t>
  </si>
  <si>
    <t>cg01458686</t>
  </si>
  <si>
    <t>cg01471111</t>
  </si>
  <si>
    <t>cg01473415</t>
  </si>
  <si>
    <t>cg01473955</t>
  </si>
  <si>
    <t>cg01478234</t>
  </si>
  <si>
    <t>cg01482860</t>
  </si>
  <si>
    <t>cg01490772</t>
  </si>
  <si>
    <t>cg01493517</t>
  </si>
  <si>
    <t>cg01501309</t>
  </si>
  <si>
    <t>cg01503378</t>
  </si>
  <si>
    <t>cg01508757</t>
  </si>
  <si>
    <t>cg01511480</t>
  </si>
  <si>
    <t>cg01511682</t>
  </si>
  <si>
    <t>cg01511823</t>
  </si>
  <si>
    <t>cg01512296</t>
  </si>
  <si>
    <t>cg01514487</t>
  </si>
  <si>
    <t>cg01515074</t>
  </si>
  <si>
    <t>cg01515559</t>
  </si>
  <si>
    <t>cg01516930</t>
  </si>
  <si>
    <t>cg01518465</t>
  </si>
  <si>
    <t>cg01519695</t>
  </si>
  <si>
    <t>cg01521154</t>
  </si>
  <si>
    <t>cg01522430</t>
  </si>
  <si>
    <t>cg01524853</t>
  </si>
  <si>
    <t>cg01525597</t>
  </si>
  <si>
    <t>cg01529365</t>
  </si>
  <si>
    <t>cg01531701</t>
  </si>
  <si>
    <t>cg01535453</t>
  </si>
  <si>
    <t>cg01556017</t>
  </si>
  <si>
    <t>cg01565774</t>
  </si>
  <si>
    <t>cg01568522</t>
  </si>
  <si>
    <t>cg01568919</t>
  </si>
  <si>
    <t>cg01572652</t>
  </si>
  <si>
    <t>cg01573562</t>
  </si>
  <si>
    <t>cg01574233</t>
  </si>
  <si>
    <t>cg01577029</t>
  </si>
  <si>
    <t>cg01577361</t>
  </si>
  <si>
    <t>cg01578987</t>
  </si>
  <si>
    <t>cg01581360</t>
  </si>
  <si>
    <t>cg01581974</t>
  </si>
  <si>
    <t>cg01589157</t>
  </si>
  <si>
    <t>cg01589998</t>
  </si>
  <si>
    <t>cg01592257</t>
  </si>
  <si>
    <t>cg01595262</t>
  </si>
  <si>
    <t>cg01595558</t>
  </si>
  <si>
    <t>cg01599167</t>
  </si>
  <si>
    <t>cg01603095</t>
  </si>
  <si>
    <t>cg01603620</t>
  </si>
  <si>
    <t>cg01604412</t>
  </si>
  <si>
    <t>cg01606460</t>
  </si>
  <si>
    <t>cg01611134</t>
  </si>
  <si>
    <t>cg01612057</t>
  </si>
  <si>
    <t>cg01612883</t>
  </si>
  <si>
    <t>cg01615333</t>
  </si>
  <si>
    <t>cg01616489</t>
  </si>
  <si>
    <t>cg01616876</t>
  </si>
  <si>
    <t>cg01619107</t>
  </si>
  <si>
    <t>cg01620223</t>
  </si>
  <si>
    <t>cg01621390</t>
  </si>
  <si>
    <t>cg01622344</t>
  </si>
  <si>
    <t>cg01627669</t>
  </si>
  <si>
    <t>cg01632865</t>
  </si>
  <si>
    <t>cg01638369</t>
  </si>
  <si>
    <t>cg01639712</t>
  </si>
  <si>
    <t>cg01641177</t>
  </si>
  <si>
    <t>cg01649960</t>
  </si>
  <si>
    <t>cg01650245</t>
  </si>
  <si>
    <t>cg01655703</t>
  </si>
  <si>
    <t>cg01656620</t>
  </si>
  <si>
    <t>cg01657380</t>
  </si>
  <si>
    <t>cg01658527</t>
  </si>
  <si>
    <t>cg01659631</t>
  </si>
  <si>
    <t>cg01661897</t>
  </si>
  <si>
    <t>cg01663440</t>
  </si>
  <si>
    <t>cg01663725</t>
  </si>
  <si>
    <t>cg01663970</t>
  </si>
  <si>
    <t>cg01683044</t>
  </si>
  <si>
    <t>cg01687878</t>
  </si>
  <si>
    <t>cg01689239</t>
  </si>
  <si>
    <t>cg01693063</t>
  </si>
  <si>
    <t>cg01694331</t>
  </si>
  <si>
    <t>cg01697354</t>
  </si>
  <si>
    <t>cg01700003</t>
  </si>
  <si>
    <t>cg01705495</t>
  </si>
  <si>
    <t>cg01705989</t>
  </si>
  <si>
    <t>cg01707656</t>
  </si>
  <si>
    <t>cg01707892</t>
  </si>
  <si>
    <t>cg01711272</t>
  </si>
  <si>
    <t>cg01726767</t>
  </si>
  <si>
    <t>cg01726775</t>
  </si>
  <si>
    <t>cg01731341</t>
  </si>
  <si>
    <t>cg01744987</t>
  </si>
  <si>
    <t>cg01745510</t>
  </si>
  <si>
    <t>cg01749569</t>
  </si>
  <si>
    <t>cg01750032</t>
  </si>
  <si>
    <t>cg01751892</t>
  </si>
  <si>
    <t>cg01758167</t>
  </si>
  <si>
    <t>cg01762738</t>
  </si>
  <si>
    <t>cg01763913</t>
  </si>
  <si>
    <t>cg01773854</t>
  </si>
  <si>
    <t>cg01773927</t>
  </si>
  <si>
    <t>cg01774310</t>
  </si>
  <si>
    <t>cg01774475</t>
  </si>
  <si>
    <t>cg01774878</t>
  </si>
  <si>
    <t>cg01777341</t>
  </si>
  <si>
    <t>cg01777913</t>
  </si>
  <si>
    <t>cg01778926</t>
  </si>
  <si>
    <t>cg01779747</t>
  </si>
  <si>
    <t>cg01793042</t>
  </si>
  <si>
    <t>cg01796929</t>
  </si>
  <si>
    <t>cg01797036</t>
  </si>
  <si>
    <t>cg01798899</t>
  </si>
  <si>
    <t>cg01802493</t>
  </si>
  <si>
    <t>cg01802827</t>
  </si>
  <si>
    <t>cg01804036</t>
  </si>
  <si>
    <t>cg01804193</t>
  </si>
  <si>
    <t>cg01806382</t>
  </si>
  <si>
    <t>cg01810623</t>
  </si>
  <si>
    <t>cg01810763</t>
  </si>
  <si>
    <t>cg01812919</t>
  </si>
  <si>
    <t>cg01815626</t>
  </si>
  <si>
    <t>cg01816936</t>
  </si>
  <si>
    <t>cg01817029</t>
  </si>
  <si>
    <t>cg01817067</t>
  </si>
  <si>
    <t>cg01818391</t>
  </si>
  <si>
    <t>cg01819167</t>
  </si>
  <si>
    <t>cg01820374</t>
  </si>
  <si>
    <t>cg01822585</t>
  </si>
  <si>
    <t>cg01826056</t>
  </si>
  <si>
    <t>cg01826959</t>
  </si>
  <si>
    <t>cg01828695</t>
  </si>
  <si>
    <t>cg01829662</t>
  </si>
  <si>
    <t>cg01831743</t>
  </si>
  <si>
    <t>cg01831767</t>
  </si>
  <si>
    <t>cg01832294</t>
  </si>
  <si>
    <t>cg01833890</t>
  </si>
  <si>
    <t>cg01834979</t>
  </si>
  <si>
    <t>cg01835489</t>
  </si>
  <si>
    <t>cg01836441</t>
  </si>
  <si>
    <t>cg01842741</t>
  </si>
  <si>
    <t>cg01842837</t>
  </si>
  <si>
    <t>cg01843264</t>
  </si>
  <si>
    <t>cg01848457</t>
  </si>
  <si>
    <t>cg01853981</t>
  </si>
  <si>
    <t>cg01857709</t>
  </si>
  <si>
    <t>cg01863139</t>
  </si>
  <si>
    <t>cg01865312</t>
  </si>
  <si>
    <t>cg01866518</t>
  </si>
  <si>
    <t>cg01868559</t>
  </si>
  <si>
    <t>cg01870625</t>
  </si>
  <si>
    <t>cg01871427</t>
  </si>
  <si>
    <t>cg01882179</t>
  </si>
  <si>
    <t>cg01895026</t>
  </si>
  <si>
    <t>cg01900213</t>
  </si>
  <si>
    <t>cg01904007</t>
  </si>
  <si>
    <t>cg01904393</t>
  </si>
  <si>
    <t>cg01906695</t>
  </si>
  <si>
    <t>cg01909017</t>
  </si>
  <si>
    <t>cg01915196</t>
  </si>
  <si>
    <t>cg01915525</t>
  </si>
  <si>
    <t>cg01917080</t>
  </si>
  <si>
    <t>cg01919377</t>
  </si>
  <si>
    <t>cg01920232</t>
  </si>
  <si>
    <t>cg01923089</t>
  </si>
  <si>
    <t>cg01929065</t>
  </si>
  <si>
    <t>cg01931222</t>
  </si>
  <si>
    <t>cg01935897</t>
  </si>
  <si>
    <t>cg01938476</t>
  </si>
  <si>
    <t>cg01939597</t>
  </si>
  <si>
    <t>cg01941585</t>
  </si>
  <si>
    <t>cg01943504</t>
  </si>
  <si>
    <t>cg01944655</t>
  </si>
  <si>
    <t>cg01953407</t>
  </si>
  <si>
    <t>cg01954353</t>
  </si>
  <si>
    <t>cg01961252</t>
  </si>
  <si>
    <t>cg01964765</t>
  </si>
  <si>
    <t>cg01973483</t>
  </si>
  <si>
    <t>cg01978144</t>
  </si>
  <si>
    <t>cg01979888</t>
  </si>
  <si>
    <t>cg01981027</t>
  </si>
  <si>
    <t>cg01981181</t>
  </si>
  <si>
    <t>cg01982788</t>
  </si>
  <si>
    <t>cg01983492</t>
  </si>
  <si>
    <t>cg01984511</t>
  </si>
  <si>
    <t>cg01985858</t>
  </si>
  <si>
    <t>cg01986577</t>
  </si>
  <si>
    <t>cg01986786</t>
  </si>
  <si>
    <t>cg01986911</t>
  </si>
  <si>
    <t>cg01988827</t>
  </si>
  <si>
    <t>cg02003611</t>
  </si>
  <si>
    <t>cg02004021</t>
  </si>
  <si>
    <t>cg02006904</t>
  </si>
  <si>
    <t>cg02007236</t>
  </si>
  <si>
    <t>cg02007463</t>
  </si>
  <si>
    <t>cg02009794</t>
  </si>
  <si>
    <t>cg02009895</t>
  </si>
  <si>
    <t>cg02011404</t>
  </si>
  <si>
    <t>cg02011789</t>
  </si>
  <si>
    <t>cg02016642</t>
  </si>
  <si>
    <t>cg02017718</t>
  </si>
  <si>
    <t>cg02026637</t>
  </si>
  <si>
    <t>cg02033213</t>
  </si>
  <si>
    <t>cg02035605</t>
  </si>
  <si>
    <t>cg02040088</t>
  </si>
  <si>
    <t>cg02045493</t>
  </si>
  <si>
    <t>cg02048651</t>
  </si>
  <si>
    <t>cg02049522</t>
  </si>
  <si>
    <t>cg02056144</t>
  </si>
  <si>
    <t>cg02059980</t>
  </si>
  <si>
    <t>cg02060434</t>
  </si>
  <si>
    <t>cg02062466</t>
  </si>
  <si>
    <t>cg02065274</t>
  </si>
  <si>
    <t>cg02065790</t>
  </si>
  <si>
    <t>cg02066277</t>
  </si>
  <si>
    <t>cg02067983</t>
  </si>
  <si>
    <t>cg02071712</t>
  </si>
  <si>
    <t>cg02072366</t>
  </si>
  <si>
    <t>cg02073545</t>
  </si>
  <si>
    <t>cg02074074</t>
  </si>
  <si>
    <t>cg02075142</t>
  </si>
  <si>
    <t>cg02079831</t>
  </si>
  <si>
    <t>cg02082571</t>
  </si>
  <si>
    <t>cg02083546</t>
  </si>
  <si>
    <t>cg02085471</t>
  </si>
  <si>
    <t>cg02094237</t>
  </si>
  <si>
    <t>cg02101884</t>
  </si>
  <si>
    <t>cg02121943</t>
  </si>
  <si>
    <t>cg02126688</t>
  </si>
  <si>
    <t>cg02128087</t>
  </si>
  <si>
    <t>cg02131399</t>
  </si>
  <si>
    <t>cg02133936</t>
  </si>
  <si>
    <t>cg02136201</t>
  </si>
  <si>
    <t>cg02136961</t>
  </si>
  <si>
    <t>cg02138198</t>
  </si>
  <si>
    <t>cg02139671</t>
  </si>
  <si>
    <t>cg02140020</t>
  </si>
  <si>
    <t>cg02141084</t>
  </si>
  <si>
    <t>cg02149069</t>
  </si>
  <si>
    <t>cg02150018</t>
  </si>
  <si>
    <t>cg02153041</t>
  </si>
  <si>
    <t>cg02153497</t>
  </si>
  <si>
    <t>cg02153528</t>
  </si>
  <si>
    <t>cg02155754</t>
  </si>
  <si>
    <t>cg02181968</t>
  </si>
  <si>
    <t>cg02193650</t>
  </si>
  <si>
    <t>cg02203224</t>
  </si>
  <si>
    <t>cg02214745</t>
  </si>
  <si>
    <t>cg02217979</t>
  </si>
  <si>
    <t>cg02227188</t>
  </si>
  <si>
    <t>cg02238069</t>
  </si>
  <si>
    <t>cg02246645</t>
  </si>
  <si>
    <t>cg02249648</t>
  </si>
  <si>
    <t>cg02252918</t>
  </si>
  <si>
    <t>cg02259081</t>
  </si>
  <si>
    <t>cg02261118</t>
  </si>
  <si>
    <t>cg02262056</t>
  </si>
  <si>
    <t>cg02266714</t>
  </si>
  <si>
    <t>cg02269049</t>
  </si>
  <si>
    <t>cg02271843</t>
  </si>
  <si>
    <t>cg02277965</t>
  </si>
  <si>
    <t>cg02279212</t>
  </si>
  <si>
    <t>cg02280200</t>
  </si>
  <si>
    <t>cg02294570</t>
  </si>
  <si>
    <t>cg02298094</t>
  </si>
  <si>
    <t>cg02300114</t>
  </si>
  <si>
    <t>cg02301006</t>
  </si>
  <si>
    <t>cg02304070</t>
  </si>
  <si>
    <t>cg02305251</t>
  </si>
  <si>
    <t>cg02306526</t>
  </si>
  <si>
    <t>cg02308712</t>
  </si>
  <si>
    <t>cg02309717</t>
  </si>
  <si>
    <t>cg02310386</t>
  </si>
  <si>
    <t>cg02310658</t>
  </si>
  <si>
    <t>cg02313013</t>
  </si>
  <si>
    <t>cg02316156</t>
  </si>
  <si>
    <t>cg02316718</t>
  </si>
  <si>
    <t>cg02322205</t>
  </si>
  <si>
    <t>cg02323277</t>
  </si>
  <si>
    <t>cg02323694</t>
  </si>
  <si>
    <t>cg02325128</t>
  </si>
  <si>
    <t>cg02325300</t>
  </si>
  <si>
    <t>cg02328403</t>
  </si>
  <si>
    <t>cg02330507</t>
  </si>
  <si>
    <t>cg02339542</t>
  </si>
  <si>
    <t>cg02339937</t>
  </si>
  <si>
    <t>cg02340826</t>
  </si>
  <si>
    <t>cg02341605</t>
  </si>
  <si>
    <t>cg02341729</t>
  </si>
  <si>
    <t>cg02344167</t>
  </si>
  <si>
    <t>cg02344373</t>
  </si>
  <si>
    <t>cg02344784</t>
  </si>
  <si>
    <t>cg02345991</t>
  </si>
  <si>
    <t>cg02347249</t>
  </si>
  <si>
    <t>cg02351381</t>
  </si>
  <si>
    <t>cg02357838</t>
  </si>
  <si>
    <t>cg02363202</t>
  </si>
  <si>
    <t>cg02364642</t>
  </si>
  <si>
    <t>cg02371798</t>
  </si>
  <si>
    <t>cg02375409</t>
  </si>
  <si>
    <t>cg02378052</t>
  </si>
  <si>
    <t>cg02380840</t>
  </si>
  <si>
    <t>cg02382037</t>
  </si>
  <si>
    <t>cg02384481</t>
  </si>
  <si>
    <t>cg02384661</t>
  </si>
  <si>
    <t>cg02388511</t>
  </si>
  <si>
    <t>cg02394098</t>
  </si>
  <si>
    <t>cg02398319</t>
  </si>
  <si>
    <t>cg02399098</t>
  </si>
  <si>
    <t>cg02399464</t>
  </si>
  <si>
    <t>cg02402843</t>
  </si>
  <si>
    <t>cg02403232</t>
  </si>
  <si>
    <t>cg02407545</t>
  </si>
  <si>
    <t>cg02408187</t>
  </si>
  <si>
    <t>cg02409351</t>
  </si>
  <si>
    <t>cg02410245</t>
  </si>
  <si>
    <t>cg02410480</t>
  </si>
  <si>
    <t>cg02413902</t>
  </si>
  <si>
    <t>cg02419362</t>
  </si>
  <si>
    <t>cg02420617</t>
  </si>
  <si>
    <t>cg02423534</t>
  </si>
  <si>
    <t>cg02426623</t>
  </si>
  <si>
    <t>cg02430089</t>
  </si>
  <si>
    <t>cg02436290</t>
  </si>
  <si>
    <t>cg02460120</t>
  </si>
  <si>
    <t>cg02466847</t>
  </si>
  <si>
    <t>cg02467956</t>
  </si>
  <si>
    <t>cg02468320</t>
  </si>
  <si>
    <t>cg02469871</t>
  </si>
  <si>
    <t>cg02469978</t>
  </si>
  <si>
    <t>cg02470959</t>
  </si>
  <si>
    <t>cg02471784</t>
  </si>
  <si>
    <t>cg02472869</t>
  </si>
  <si>
    <t>cg02473376</t>
  </si>
  <si>
    <t>cg02473606</t>
  </si>
  <si>
    <t>cg02478721</t>
  </si>
  <si>
    <t>cg02486332</t>
  </si>
  <si>
    <t>cg02486646</t>
  </si>
  <si>
    <t>cg02489769</t>
  </si>
  <si>
    <t>cg02490189</t>
  </si>
  <si>
    <t>cg02491696</t>
  </si>
  <si>
    <t>cg02493112</t>
  </si>
  <si>
    <t>cg02494152</t>
  </si>
  <si>
    <t>cg02498063</t>
  </si>
  <si>
    <t>cg02499214</t>
  </si>
  <si>
    <t>cg02499494</t>
  </si>
  <si>
    <t>cg02499737</t>
  </si>
  <si>
    <t>cg02500231</t>
  </si>
  <si>
    <t>cg02505015</t>
  </si>
  <si>
    <t>cg02505216</t>
  </si>
  <si>
    <t>cg02506275</t>
  </si>
  <si>
    <t>cg02506908</t>
  </si>
  <si>
    <t>cg02509370</t>
  </si>
  <si>
    <t>cg02516234</t>
  </si>
  <si>
    <t>cg02516419</t>
  </si>
  <si>
    <t>cg02517686</t>
  </si>
  <si>
    <t>cg02518216</t>
  </si>
  <si>
    <t>cg02519218</t>
  </si>
  <si>
    <t>cg02519286</t>
  </si>
  <si>
    <t>cg02522757</t>
  </si>
  <si>
    <t>cg02523679</t>
  </si>
  <si>
    <t>cg02532884</t>
  </si>
  <si>
    <t>cg02533998</t>
  </si>
  <si>
    <t>cg02536045</t>
  </si>
  <si>
    <t>cg02537491</t>
  </si>
  <si>
    <t>cg02537587</t>
  </si>
  <si>
    <t>cg02539682</t>
  </si>
  <si>
    <t>cg02539714</t>
  </si>
  <si>
    <t>cg02544031</t>
  </si>
  <si>
    <t>cg02548198</t>
  </si>
  <si>
    <t>cg02550949</t>
  </si>
  <si>
    <t>cg02554564</t>
  </si>
  <si>
    <t>cg02555215</t>
  </si>
  <si>
    <t>cg02555727</t>
  </si>
  <si>
    <t>cg02556042</t>
  </si>
  <si>
    <t>cg02556526</t>
  </si>
  <si>
    <t>cg02563916</t>
  </si>
  <si>
    <t>cg02564061</t>
  </si>
  <si>
    <t>cg02566627</t>
  </si>
  <si>
    <t>cg02568274</t>
  </si>
  <si>
    <t>cg02568716</t>
  </si>
  <si>
    <t>cg02568761</t>
  </si>
  <si>
    <t>cg02569086</t>
  </si>
  <si>
    <t>cg02569458</t>
  </si>
  <si>
    <t>cg02571819</t>
  </si>
  <si>
    <t>cg02574703</t>
  </si>
  <si>
    <t>cg02585417</t>
  </si>
  <si>
    <t>cg02585702</t>
  </si>
  <si>
    <t>cg02586852</t>
  </si>
  <si>
    <t>cg02586910</t>
  </si>
  <si>
    <t>cg02589949</t>
  </si>
  <si>
    <t>cg02590486</t>
  </si>
  <si>
    <t>cg02591487</t>
  </si>
  <si>
    <t>cg02591554</t>
  </si>
  <si>
    <t>cg02593579</t>
  </si>
  <si>
    <t>cg02596617</t>
  </si>
  <si>
    <t>cg02596960</t>
  </si>
  <si>
    <t>cg02598773</t>
  </si>
  <si>
    <t>cg02606018</t>
  </si>
  <si>
    <t>cg02606327</t>
  </si>
  <si>
    <t>cg02607544</t>
  </si>
  <si>
    <t>cg02608656</t>
  </si>
  <si>
    <t>cg02610170</t>
  </si>
  <si>
    <t>cg02612335</t>
  </si>
  <si>
    <t>cg02617181</t>
  </si>
  <si>
    <t>cg02617388</t>
  </si>
  <si>
    <t>cg02619661</t>
  </si>
  <si>
    <t>cg02622052</t>
  </si>
  <si>
    <t>cg02622520</t>
  </si>
  <si>
    <t>cg02624246</t>
  </si>
  <si>
    <t>cg02629227</t>
  </si>
  <si>
    <t>cg02629586</t>
  </si>
  <si>
    <t>cg02632099</t>
  </si>
  <si>
    <t>cg02634544</t>
  </si>
  <si>
    <t>cg02639007</t>
  </si>
  <si>
    <t>cg02658214</t>
  </si>
  <si>
    <t>cg02658319</t>
  </si>
  <si>
    <t>cg02660347</t>
  </si>
  <si>
    <t>cg02662495</t>
  </si>
  <si>
    <t>cg02666020</t>
  </si>
  <si>
    <t>cg02666073</t>
  </si>
  <si>
    <t>cg02666265</t>
  </si>
  <si>
    <t>cg02666504</t>
  </si>
  <si>
    <t>cg02675414</t>
  </si>
  <si>
    <t>cg02675652</t>
  </si>
  <si>
    <t>cg02680050</t>
  </si>
  <si>
    <t>cg02681173</t>
  </si>
  <si>
    <t>cg02686769</t>
  </si>
  <si>
    <t>cg02693818</t>
  </si>
  <si>
    <t>cg02694863</t>
  </si>
  <si>
    <t>cg02695343</t>
  </si>
  <si>
    <t>cg02703627</t>
  </si>
  <si>
    <t>cg02705374</t>
  </si>
  <si>
    <t>cg02705573</t>
  </si>
  <si>
    <t>cg02708389</t>
  </si>
  <si>
    <t>cg02710461</t>
  </si>
  <si>
    <t>cg02710553</t>
  </si>
  <si>
    <t>cg02712224</t>
  </si>
  <si>
    <t>cg02712401</t>
  </si>
  <si>
    <t>cg02715879</t>
  </si>
  <si>
    <t>cg02716833</t>
  </si>
  <si>
    <t>cg02725908</t>
  </si>
  <si>
    <t>cg02726803</t>
  </si>
  <si>
    <t>cg02727651</t>
  </si>
  <si>
    <t>cg02727674</t>
  </si>
  <si>
    <t>cg02727832</t>
  </si>
  <si>
    <t>cg02728310</t>
  </si>
  <si>
    <t>cg02732509</t>
  </si>
  <si>
    <t>cg02733093</t>
  </si>
  <si>
    <t>cg02737759</t>
  </si>
  <si>
    <t>cg02737830</t>
  </si>
  <si>
    <t>cg02741744</t>
  </si>
  <si>
    <t>cg02742775</t>
  </si>
  <si>
    <t>cg02744459</t>
  </si>
  <si>
    <t>cg02745156</t>
  </si>
  <si>
    <t>cg02750065</t>
  </si>
  <si>
    <t>cg02750435</t>
  </si>
  <si>
    <t>cg02750743</t>
  </si>
  <si>
    <t>cg02752529</t>
  </si>
  <si>
    <t>cg02754643</t>
  </si>
  <si>
    <t>cg02756106</t>
  </si>
  <si>
    <t>cg02757682</t>
  </si>
  <si>
    <t>cg02758507</t>
  </si>
  <si>
    <t>cg02760555</t>
  </si>
  <si>
    <t>cg02764093</t>
  </si>
  <si>
    <t>cg02764722</t>
  </si>
  <si>
    <t>cg02765045</t>
  </si>
  <si>
    <t>cg02765328</t>
  </si>
  <si>
    <t>cg02768162</t>
  </si>
  <si>
    <t>cg02769206</t>
  </si>
  <si>
    <t>cg02770073</t>
  </si>
  <si>
    <t>cg02770683</t>
  </si>
  <si>
    <t>cg02772711</t>
  </si>
  <si>
    <t>cg02773601</t>
  </si>
  <si>
    <t>cg02773639</t>
  </si>
  <si>
    <t>cg02780643</t>
  </si>
  <si>
    <t>cg02793415</t>
  </si>
  <si>
    <t>cg02794451</t>
  </si>
  <si>
    <t>cg02795076</t>
  </si>
  <si>
    <t>cg02796258</t>
  </si>
  <si>
    <t>cg02798899</t>
  </si>
  <si>
    <t>cg02799688</t>
  </si>
  <si>
    <t>cg02802376</t>
  </si>
  <si>
    <t>cg02802391</t>
  </si>
  <si>
    <t>cg02806658</t>
  </si>
  <si>
    <t>cg02807786</t>
  </si>
  <si>
    <t>cg02808699</t>
  </si>
  <si>
    <t>cg02813863</t>
  </si>
  <si>
    <t>cg02817354</t>
  </si>
  <si>
    <t>cg02824386</t>
  </si>
  <si>
    <t>cg02824489</t>
  </si>
  <si>
    <t>cg02824888</t>
  </si>
  <si>
    <t>cg02828785</t>
  </si>
  <si>
    <t>cg02831219</t>
  </si>
  <si>
    <t>cg02845988</t>
  </si>
  <si>
    <t>cg02854515</t>
  </si>
  <si>
    <t>cg02859042</t>
  </si>
  <si>
    <t>cg02859709</t>
  </si>
  <si>
    <t>cg02862505</t>
  </si>
  <si>
    <t>cg02862835</t>
  </si>
  <si>
    <t>cg02863339</t>
  </si>
  <si>
    <t>cg02867305</t>
  </si>
  <si>
    <t>cg02874658</t>
  </si>
  <si>
    <t>cg02875120</t>
  </si>
  <si>
    <t>cg02876672</t>
  </si>
  <si>
    <t>cg02883147</t>
  </si>
  <si>
    <t>cg02883161</t>
  </si>
  <si>
    <t>cg02891801</t>
  </si>
  <si>
    <t>cg02905198</t>
  </si>
  <si>
    <t>cg02907117</t>
  </si>
  <si>
    <t>cg02908942</t>
  </si>
  <si>
    <t>cg02910910</t>
  </si>
  <si>
    <t>cg02910952</t>
  </si>
  <si>
    <t>cg02914397</t>
  </si>
  <si>
    <t>cg02915837</t>
  </si>
  <si>
    <t>cg02919030</t>
  </si>
  <si>
    <t>cg02920546</t>
  </si>
  <si>
    <t>cg02925039</t>
  </si>
  <si>
    <t>cg02926307</t>
  </si>
  <si>
    <t>cg02926859</t>
  </si>
  <si>
    <t>cg02930132</t>
  </si>
  <si>
    <t>cg02931464</t>
  </si>
  <si>
    <t>cg02939139</t>
  </si>
  <si>
    <t>cg02947222</t>
  </si>
  <si>
    <t>cg02947361</t>
  </si>
  <si>
    <t>cg02948264</t>
  </si>
  <si>
    <t>cg02948656</t>
  </si>
  <si>
    <t>cg02951021</t>
  </si>
  <si>
    <t>cg02952317</t>
  </si>
  <si>
    <t>cg02954562</t>
  </si>
  <si>
    <t>cg02955343</t>
  </si>
  <si>
    <t>cg02956274</t>
  </si>
  <si>
    <t>cg02962597</t>
  </si>
  <si>
    <t>cg02963550</t>
  </si>
  <si>
    <t>cg02965092</t>
  </si>
  <si>
    <t>cg02969798</t>
  </si>
  <si>
    <t>cg02972188</t>
  </si>
  <si>
    <t>cg02973156</t>
  </si>
  <si>
    <t>cg02976109</t>
  </si>
  <si>
    <t>cg02988025</t>
  </si>
  <si>
    <t>cg02995130</t>
  </si>
  <si>
    <t>cg03001012</t>
  </si>
  <si>
    <t>cg03001945</t>
  </si>
  <si>
    <t>cg03008550</t>
  </si>
  <si>
    <t>cg03020208</t>
  </si>
  <si>
    <t>cg03024698</t>
  </si>
  <si>
    <t>cg03028472</t>
  </si>
  <si>
    <t>cg03035704</t>
  </si>
  <si>
    <t>cg03037879</t>
  </si>
  <si>
    <t>cg03044407</t>
  </si>
  <si>
    <t>cg03046445</t>
  </si>
  <si>
    <t>cg03052128</t>
  </si>
  <si>
    <t>cg03054141</t>
  </si>
  <si>
    <t>cg03054491</t>
  </si>
  <si>
    <t>cg03055065</t>
  </si>
  <si>
    <t>cg03059991</t>
  </si>
  <si>
    <t>cg03061518</t>
  </si>
  <si>
    <t>cg03064145</t>
  </si>
  <si>
    <t>cg03064241</t>
  </si>
  <si>
    <t>cg03064524</t>
  </si>
  <si>
    <t>cg03067226</t>
  </si>
  <si>
    <t>cg03068431</t>
  </si>
  <si>
    <t>cg03068838</t>
  </si>
  <si>
    <t>cg03068866</t>
  </si>
  <si>
    <t>cg03072984</t>
  </si>
  <si>
    <t>cg03073003</t>
  </si>
  <si>
    <t>cg03074946</t>
  </si>
  <si>
    <t>cg03091738</t>
  </si>
  <si>
    <t>cg03093695</t>
  </si>
  <si>
    <t>cg03100449</t>
  </si>
  <si>
    <t>cg03104083</t>
  </si>
  <si>
    <t>cg03109701</t>
  </si>
  <si>
    <t>cg03111818</t>
  </si>
  <si>
    <t>cg03114711</t>
  </si>
  <si>
    <t>cg03114804</t>
  </si>
  <si>
    <t>cg03123759</t>
  </si>
  <si>
    <t>cg03124880</t>
  </si>
  <si>
    <t>cg03131366</t>
  </si>
  <si>
    <t>cg03131767</t>
  </si>
  <si>
    <t>cg03132556</t>
  </si>
  <si>
    <t>cg03133725</t>
  </si>
  <si>
    <t>cg03134211</t>
  </si>
  <si>
    <t>cg03137447</t>
  </si>
  <si>
    <t>cg03139377</t>
  </si>
  <si>
    <t>cg03139898</t>
  </si>
  <si>
    <t>cg03140135</t>
  </si>
  <si>
    <t>cg03143347</t>
  </si>
  <si>
    <t>cg03146412</t>
  </si>
  <si>
    <t>cg03149245</t>
  </si>
  <si>
    <t>cg03152000</t>
  </si>
  <si>
    <t>cg03157182</t>
  </si>
  <si>
    <t>cg03163184</t>
  </si>
  <si>
    <t>cg03187301</t>
  </si>
  <si>
    <t>cg03191029</t>
  </si>
  <si>
    <t>cg03191116</t>
  </si>
  <si>
    <t>cg03196189</t>
  </si>
  <si>
    <t>cg03196720</t>
  </si>
  <si>
    <t>cg03196745</t>
  </si>
  <si>
    <t>cg03198269</t>
  </si>
  <si>
    <t>cg03200309</t>
  </si>
  <si>
    <t>cg03208024</t>
  </si>
  <si>
    <t>cg03211388</t>
  </si>
  <si>
    <t>cg03212620</t>
  </si>
  <si>
    <t>cg03213374</t>
  </si>
  <si>
    <t>cg03214526</t>
  </si>
  <si>
    <t>cg03214715</t>
  </si>
  <si>
    <t>cg03215137</t>
  </si>
  <si>
    <t>cg03216222</t>
  </si>
  <si>
    <t>cg03218797</t>
  </si>
  <si>
    <t>cg03219658</t>
  </si>
  <si>
    <t>cg03222868</t>
  </si>
  <si>
    <t>cg03223580</t>
  </si>
  <si>
    <t>cg03228931</t>
  </si>
  <si>
    <t>cg03239178</t>
  </si>
  <si>
    <t>cg03240509</t>
  </si>
  <si>
    <t>cg03243946</t>
  </si>
  <si>
    <t>cg03244974</t>
  </si>
  <si>
    <t>cg03247389</t>
  </si>
  <si>
    <t>cg03248196</t>
  </si>
  <si>
    <t>cg03248483</t>
  </si>
  <si>
    <t>cg03248799</t>
  </si>
  <si>
    <t>cg03249590</t>
  </si>
  <si>
    <t>cg03249783</t>
  </si>
  <si>
    <t>cg03251079</t>
  </si>
  <si>
    <t>cg03253625</t>
  </si>
  <si>
    <t>cg03255601</t>
  </si>
  <si>
    <t>cg03257475</t>
  </si>
  <si>
    <t>cg03257822</t>
  </si>
  <si>
    <t>cg03260790</t>
  </si>
  <si>
    <t>cg03261428</t>
  </si>
  <si>
    <t>cg03272292</t>
  </si>
  <si>
    <t>cg03281981</t>
  </si>
  <si>
    <t>cg03283235</t>
  </si>
  <si>
    <t>cg03289764</t>
  </si>
  <si>
    <t>cg03291519</t>
  </si>
  <si>
    <t>cg03302287</t>
  </si>
  <si>
    <t>cg03302951</t>
  </si>
  <si>
    <t>cg03305955</t>
  </si>
  <si>
    <t>cg03307118</t>
  </si>
  <si>
    <t>cg03308494</t>
  </si>
  <si>
    <t>cg03309328</t>
  </si>
  <si>
    <t>cg03310453</t>
  </si>
  <si>
    <t>cg03313212</t>
  </si>
  <si>
    <t>cg03316243</t>
  </si>
  <si>
    <t>cg03318667</t>
  </si>
  <si>
    <t>cg03319070</t>
  </si>
  <si>
    <t>cg03320170</t>
  </si>
  <si>
    <t>cg03325843</t>
  </si>
  <si>
    <t>cg03326125</t>
  </si>
  <si>
    <t>cg03326470</t>
  </si>
  <si>
    <t>cg03326792</t>
  </si>
  <si>
    <t>cg03327443</t>
  </si>
  <si>
    <t>cg03330747</t>
  </si>
  <si>
    <t>cg03331715</t>
  </si>
  <si>
    <t>cg03331867</t>
  </si>
  <si>
    <t>cg03344484</t>
  </si>
  <si>
    <t>cg03347450</t>
  </si>
  <si>
    <t>cg03348792</t>
  </si>
  <si>
    <t>cg03350273</t>
  </si>
  <si>
    <t>cg03351148</t>
  </si>
  <si>
    <t>cg03352776</t>
  </si>
  <si>
    <t>cg03353445</t>
  </si>
  <si>
    <t>cg03354235</t>
  </si>
  <si>
    <t>cg03358345</t>
  </si>
  <si>
    <t>cg03371962</t>
  </si>
  <si>
    <t>cg03389111</t>
  </si>
  <si>
    <t>cg03391667</t>
  </si>
  <si>
    <t>cg03393040</t>
  </si>
  <si>
    <t>cg03393638</t>
  </si>
  <si>
    <t>cg03396103</t>
  </si>
  <si>
    <t>cg03399971</t>
  </si>
  <si>
    <t>cg03402161</t>
  </si>
  <si>
    <t>cg03403662</t>
  </si>
  <si>
    <t>cg03404485</t>
  </si>
  <si>
    <t>cg03406367</t>
  </si>
  <si>
    <t>cg03408433</t>
  </si>
  <si>
    <t>cg03416628</t>
  </si>
  <si>
    <t>cg03424345</t>
  </si>
  <si>
    <t>cg03425609</t>
  </si>
  <si>
    <t>cg03425615</t>
  </si>
  <si>
    <t>cg03428945</t>
  </si>
  <si>
    <t>cg03433362</t>
  </si>
  <si>
    <t>cg03433549</t>
  </si>
  <si>
    <t>cg03437318</t>
  </si>
  <si>
    <t>cg03437675</t>
  </si>
  <si>
    <t>cg03437713</t>
  </si>
  <si>
    <t>cg03439805</t>
  </si>
  <si>
    <t>cg03454235</t>
  </si>
  <si>
    <t>cg03462053</t>
  </si>
  <si>
    <t>cg03466342</t>
  </si>
  <si>
    <t>cg03468072</t>
  </si>
  <si>
    <t>cg03476616</t>
  </si>
  <si>
    <t>cg03479106</t>
  </si>
  <si>
    <t>cg03485694</t>
  </si>
  <si>
    <t>cg03486832</t>
  </si>
  <si>
    <t>cg03490200</t>
  </si>
  <si>
    <t>cg03492136</t>
  </si>
  <si>
    <t>cg03495030</t>
  </si>
  <si>
    <t>cg03495195</t>
  </si>
  <si>
    <t>cg03496157</t>
  </si>
  <si>
    <t>cg03496777</t>
  </si>
  <si>
    <t>cg03498173</t>
  </si>
  <si>
    <t>cg03500798</t>
  </si>
  <si>
    <t>cg03509412</t>
  </si>
  <si>
    <t>cg03509949</t>
  </si>
  <si>
    <t>cg03510435</t>
  </si>
  <si>
    <t>cg03510486</t>
  </si>
  <si>
    <t>cg03510605</t>
  </si>
  <si>
    <t>cg03514086</t>
  </si>
  <si>
    <t>cg03515871</t>
  </si>
  <si>
    <t>cg03516836</t>
  </si>
  <si>
    <t>cg03522256</t>
  </si>
  <si>
    <t>cg03523485</t>
  </si>
  <si>
    <t>cg03531916</t>
  </si>
  <si>
    <t>cg03532253</t>
  </si>
  <si>
    <t>cg03532709</t>
  </si>
  <si>
    <t>cg03532904</t>
  </si>
  <si>
    <t>cg03533058</t>
  </si>
  <si>
    <t>cg03534948</t>
  </si>
  <si>
    <t>cg03535793</t>
  </si>
  <si>
    <t>cg03537872</t>
  </si>
  <si>
    <t>cg03538436</t>
  </si>
  <si>
    <t>cg03540432</t>
  </si>
  <si>
    <t>cg03542788</t>
  </si>
  <si>
    <t>cg03543403</t>
  </si>
  <si>
    <t>cg03546806</t>
  </si>
  <si>
    <t>cg03552327</t>
  </si>
  <si>
    <t>cg03552687</t>
  </si>
  <si>
    <t>cg03554925</t>
  </si>
  <si>
    <t>cg03559831</t>
  </si>
  <si>
    <t>cg03560652</t>
  </si>
  <si>
    <t>cg03562770</t>
  </si>
  <si>
    <t>cg03566156</t>
  </si>
  <si>
    <t>cg03568717</t>
  </si>
  <si>
    <t>cg03569637</t>
  </si>
  <si>
    <t>cg03570417</t>
  </si>
  <si>
    <t>cg03570920</t>
  </si>
  <si>
    <t>cg03600605</t>
  </si>
  <si>
    <t>cg03608224</t>
  </si>
  <si>
    <t>cg03609960</t>
  </si>
  <si>
    <t>cg03610970</t>
  </si>
  <si>
    <t>cg03615683</t>
  </si>
  <si>
    <t>cg03621100</t>
  </si>
  <si>
    <t>cg03622831</t>
  </si>
  <si>
    <t>cg03624316</t>
  </si>
  <si>
    <t>cg03625010</t>
  </si>
  <si>
    <t>cg03625285</t>
  </si>
  <si>
    <t>cg03626024</t>
  </si>
  <si>
    <t>cg03626208</t>
  </si>
  <si>
    <t>cg03636394</t>
  </si>
  <si>
    <t>cg03636488</t>
  </si>
  <si>
    <t>cg03638940</t>
  </si>
  <si>
    <t>cg03646356</t>
  </si>
  <si>
    <t>cg03660326</t>
  </si>
  <si>
    <t>cg03665360</t>
  </si>
  <si>
    <t>cg03669590</t>
  </si>
  <si>
    <t>cg03670162</t>
  </si>
  <si>
    <t>cg03670736</t>
  </si>
  <si>
    <t>cg03675739</t>
  </si>
  <si>
    <t>cg03677924</t>
  </si>
  <si>
    <t>cg03677929</t>
  </si>
  <si>
    <t>cg03680790</t>
  </si>
  <si>
    <t>cg03682560</t>
  </si>
  <si>
    <t>cg03690812</t>
  </si>
  <si>
    <t>cg03691549</t>
  </si>
  <si>
    <t>cg03693197</t>
  </si>
  <si>
    <t>cg03695597</t>
  </si>
  <si>
    <t>cg03700302</t>
  </si>
  <si>
    <t>cg03704355</t>
  </si>
  <si>
    <t>cg03711964</t>
  </si>
  <si>
    <t>cg03713996</t>
  </si>
  <si>
    <t>cg03719026</t>
  </si>
  <si>
    <t>cg03719475</t>
  </si>
  <si>
    <t>cg03723247</t>
  </si>
  <si>
    <t>cg03724350</t>
  </si>
  <si>
    <t>cg03724640</t>
  </si>
  <si>
    <t>cg03726532</t>
  </si>
  <si>
    <t>cg03729092</t>
  </si>
  <si>
    <t>cg03729853</t>
  </si>
  <si>
    <t>cg03731464</t>
  </si>
  <si>
    <t>cg03739877</t>
  </si>
  <si>
    <t>cg03742132</t>
  </si>
  <si>
    <t>cg03742642</t>
  </si>
  <si>
    <t>cg03742729</t>
  </si>
  <si>
    <t>cg03744437</t>
  </si>
  <si>
    <t>cg03744975</t>
  </si>
  <si>
    <t>cg03747304</t>
  </si>
  <si>
    <t>cg03747456</t>
  </si>
  <si>
    <t>cg03749777</t>
  </si>
  <si>
    <t>cg03756640</t>
  </si>
  <si>
    <t>cg03758367</t>
  </si>
  <si>
    <t>cg03761814</t>
  </si>
  <si>
    <t>cg03764818</t>
  </si>
  <si>
    <t>cg03765822</t>
  </si>
  <si>
    <t>cg03768717</t>
  </si>
  <si>
    <t>cg03769383</t>
  </si>
  <si>
    <t>cg03776878</t>
  </si>
  <si>
    <t>cg03777288</t>
  </si>
  <si>
    <t>cg03782220</t>
  </si>
  <si>
    <t>cg03785426</t>
  </si>
  <si>
    <t>cg03786043</t>
  </si>
  <si>
    <t>cg03788004</t>
  </si>
  <si>
    <t>cg03788567</t>
  </si>
  <si>
    <t>cg03795157</t>
  </si>
  <si>
    <t>cg03799530</t>
  </si>
  <si>
    <t>cg03800721</t>
  </si>
  <si>
    <t>cg03802201</t>
  </si>
  <si>
    <t>cg03802486</t>
  </si>
  <si>
    <t>cg03805492</t>
  </si>
  <si>
    <t>cg03810428</t>
  </si>
  <si>
    <t>cg03821418</t>
  </si>
  <si>
    <t>cg03822159</t>
  </si>
  <si>
    <t>cg03822198</t>
  </si>
  <si>
    <t>cg03829839</t>
  </si>
  <si>
    <t>cg03831648</t>
  </si>
  <si>
    <t>cg03833604</t>
  </si>
  <si>
    <t>cg03837726</t>
  </si>
  <si>
    <t>cg03842440</t>
  </si>
  <si>
    <t>cg03843000</t>
  </si>
  <si>
    <t>cg03848267</t>
  </si>
  <si>
    <t>cg03859668</t>
  </si>
  <si>
    <t>cg03860853</t>
  </si>
  <si>
    <t>cg03862226</t>
  </si>
  <si>
    <t>cg03863616</t>
  </si>
  <si>
    <t>cg03865604</t>
  </si>
  <si>
    <t>cg03867607</t>
  </si>
  <si>
    <t>cg03870856</t>
  </si>
  <si>
    <t>cg03871143</t>
  </si>
  <si>
    <t>cg03871329</t>
  </si>
  <si>
    <t>cg03872433</t>
  </si>
  <si>
    <t>cg03876622</t>
  </si>
  <si>
    <t>cg03877376</t>
  </si>
  <si>
    <t>cg03880551</t>
  </si>
  <si>
    <t>cg03882242</t>
  </si>
  <si>
    <t>cg03883605</t>
  </si>
  <si>
    <t>cg03884572</t>
  </si>
  <si>
    <t>cg03885975</t>
  </si>
  <si>
    <t>cg03886558</t>
  </si>
  <si>
    <t>cg03888592</t>
  </si>
  <si>
    <t>cg03890505</t>
  </si>
  <si>
    <t>cg03893346</t>
  </si>
  <si>
    <t>cg03894242</t>
  </si>
  <si>
    <t>cg03897244</t>
  </si>
  <si>
    <t>cg03897452</t>
  </si>
  <si>
    <t>cg03900474</t>
  </si>
  <si>
    <t>cg03901185</t>
  </si>
  <si>
    <t>cg03904876</t>
  </si>
  <si>
    <t>cg03905247</t>
  </si>
  <si>
    <t>cg03909902</t>
  </si>
  <si>
    <t>cg03919488</t>
  </si>
  <si>
    <t>cg03921416</t>
  </si>
  <si>
    <t>cg03923277</t>
  </si>
  <si>
    <t>cg03923464</t>
  </si>
  <si>
    <t>cg03923850</t>
  </si>
  <si>
    <t>cg03928182</t>
  </si>
  <si>
    <t>cg03929977</t>
  </si>
  <si>
    <t>cg03930474</t>
  </si>
  <si>
    <t>cg03933279</t>
  </si>
  <si>
    <t>cg03935116</t>
  </si>
  <si>
    <t>cg03939719</t>
  </si>
  <si>
    <t>cg03946762</t>
  </si>
  <si>
    <t>cg03948415</t>
  </si>
  <si>
    <t>cg03958041</t>
  </si>
  <si>
    <t>cg03960244</t>
  </si>
  <si>
    <t>cg03960951</t>
  </si>
  <si>
    <t>cg03966406</t>
  </si>
  <si>
    <t>cg03972398</t>
  </si>
  <si>
    <t>cg03974423</t>
  </si>
  <si>
    <t>cg03975948</t>
  </si>
  <si>
    <t>cg03997296</t>
  </si>
  <si>
    <t>cg03999434</t>
  </si>
  <si>
    <t>cg04001726</t>
  </si>
  <si>
    <t>cg04002444</t>
  </si>
  <si>
    <t>cg04002822</t>
  </si>
  <si>
    <t>cg04005793</t>
  </si>
  <si>
    <t>cg04006520</t>
  </si>
  <si>
    <t>cg04010915</t>
  </si>
  <si>
    <t>cg04011712</t>
  </si>
  <si>
    <t>cg04012082</t>
  </si>
  <si>
    <t>cg04012797</t>
  </si>
  <si>
    <t>cg04013561</t>
  </si>
  <si>
    <t>cg04016326</t>
  </si>
  <si>
    <t>cg04018622</t>
  </si>
  <si>
    <t>cg04020713</t>
  </si>
  <si>
    <t>cg04023742</t>
  </si>
  <si>
    <t>cg04024827</t>
  </si>
  <si>
    <t>cg04025761</t>
  </si>
  <si>
    <t>cg04027781</t>
  </si>
  <si>
    <t>cg04032071</t>
  </si>
  <si>
    <t>cg04036777</t>
  </si>
  <si>
    <t>cg04043816</t>
  </si>
  <si>
    <t>cg04044684</t>
  </si>
  <si>
    <t>cg04046238</t>
  </si>
  <si>
    <t>cg04046364</t>
  </si>
  <si>
    <t>cg04050068</t>
  </si>
  <si>
    <t>cg04050315</t>
  </si>
  <si>
    <t>cg04057956</t>
  </si>
  <si>
    <t>cg04059714</t>
  </si>
  <si>
    <t>cg04060317</t>
  </si>
  <si>
    <t>cg04062767</t>
  </si>
  <si>
    <t>cg04062907</t>
  </si>
  <si>
    <t>cg04063615</t>
  </si>
  <si>
    <t>cg04063896</t>
  </si>
  <si>
    <t>cg04070215</t>
  </si>
  <si>
    <t>cg04070601</t>
  </si>
  <si>
    <t>cg04070651</t>
  </si>
  <si>
    <t>cg04074481</t>
  </si>
  <si>
    <t>cg04075738</t>
  </si>
  <si>
    <t>cg04076613</t>
  </si>
  <si>
    <t>cg04076774</t>
  </si>
  <si>
    <t>cg04080080</t>
  </si>
  <si>
    <t>cg04080448</t>
  </si>
  <si>
    <t>cg04092076</t>
  </si>
  <si>
    <t>cg04100724</t>
  </si>
  <si>
    <t>cg04101351</t>
  </si>
  <si>
    <t>cg04105511</t>
  </si>
  <si>
    <t>cg04106436</t>
  </si>
  <si>
    <t>cg04108502</t>
  </si>
  <si>
    <t>cg04109278</t>
  </si>
  <si>
    <t>cg04112431</t>
  </si>
  <si>
    <t>cg04113200</t>
  </si>
  <si>
    <t>cg04114121</t>
  </si>
  <si>
    <t>cg04114143</t>
  </si>
  <si>
    <t>cg04117338</t>
  </si>
  <si>
    <t>cg04118006</t>
  </si>
  <si>
    <t>cg04122601</t>
  </si>
  <si>
    <t>cg04123507</t>
  </si>
  <si>
    <t>cg04141250</t>
  </si>
  <si>
    <t>cg04150927</t>
  </si>
  <si>
    <t>cg04153838</t>
  </si>
  <si>
    <t>cg04155231</t>
  </si>
  <si>
    <t>cg04158018</t>
  </si>
  <si>
    <t>cg04162059</t>
  </si>
  <si>
    <t>cg04171308</t>
  </si>
  <si>
    <t>cg04186868</t>
  </si>
  <si>
    <t>cg04195892</t>
  </si>
  <si>
    <t>cg04199354</t>
  </si>
  <si>
    <t>cg04199609</t>
  </si>
  <si>
    <t>cg04203883</t>
  </si>
  <si>
    <t>cg04212568</t>
  </si>
  <si>
    <t>cg04222307</t>
  </si>
  <si>
    <t>cg04225197</t>
  </si>
  <si>
    <t>cg04226542</t>
  </si>
  <si>
    <t>cg04227945</t>
  </si>
  <si>
    <t>cg04227961</t>
  </si>
  <si>
    <t>cg04230029</t>
  </si>
  <si>
    <t>cg04231772</t>
  </si>
  <si>
    <t>cg04234016</t>
  </si>
  <si>
    <t>cg04235146</t>
  </si>
  <si>
    <t>cg04236718</t>
  </si>
  <si>
    <t>cg04244494</t>
  </si>
  <si>
    <t>cg04247967</t>
  </si>
  <si>
    <t>cg04250181</t>
  </si>
  <si>
    <t>cg04250847</t>
  </si>
  <si>
    <t>cg04251307</t>
  </si>
  <si>
    <t>cg04254119</t>
  </si>
  <si>
    <t>cg04254916</t>
  </si>
  <si>
    <t>cg04255733</t>
  </si>
  <si>
    <t>cg04256238</t>
  </si>
  <si>
    <t>cg04257969</t>
  </si>
  <si>
    <t>cg04270799</t>
  </si>
  <si>
    <t>cg04279939</t>
  </si>
  <si>
    <t>cg04290586</t>
  </si>
  <si>
    <t>cg04291704</t>
  </si>
  <si>
    <t>cg04321714</t>
  </si>
  <si>
    <t>cg04325312</t>
  </si>
  <si>
    <t>cg04337542</t>
  </si>
  <si>
    <t>cg04344119</t>
  </si>
  <si>
    <t>cg04345366</t>
  </si>
  <si>
    <t>cg04347522</t>
  </si>
  <si>
    <t>cg04353660</t>
  </si>
  <si>
    <t>cg04355250</t>
  </si>
  <si>
    <t>cg04358741</t>
  </si>
  <si>
    <t>cg04371440</t>
  </si>
  <si>
    <t>cg04380213</t>
  </si>
  <si>
    <t>cg04381888</t>
  </si>
  <si>
    <t>cg04389422</t>
  </si>
  <si>
    <t>cg04389709</t>
  </si>
  <si>
    <t>cg04390143</t>
  </si>
  <si>
    <t>cg04393132</t>
  </si>
  <si>
    <t>cg04395822</t>
  </si>
  <si>
    <t>cg04395875</t>
  </si>
  <si>
    <t>cg04403415</t>
  </si>
  <si>
    <t>cg04407417</t>
  </si>
  <si>
    <t>cg04411449</t>
  </si>
  <si>
    <t>cg04412648</t>
  </si>
  <si>
    <t>cg04413069</t>
  </si>
  <si>
    <t>cg04413986</t>
  </si>
  <si>
    <t>cg04415616</t>
  </si>
  <si>
    <t>cg04418091</t>
  </si>
  <si>
    <t>cg04420319</t>
  </si>
  <si>
    <t>cg04435084</t>
  </si>
  <si>
    <t>cg04439561</t>
  </si>
  <si>
    <t>cg04442407</t>
  </si>
  <si>
    <t>cg04450003</t>
  </si>
  <si>
    <t>cg04450876</t>
  </si>
  <si>
    <t>cg04453352</t>
  </si>
  <si>
    <t>cg04455164</t>
  </si>
  <si>
    <t>cg04464465</t>
  </si>
  <si>
    <t>cg04465834</t>
  </si>
  <si>
    <t>cg04472592</t>
  </si>
  <si>
    <t>cg04473902</t>
  </si>
  <si>
    <t>cg04479580</t>
  </si>
  <si>
    <t>cg04500099</t>
  </si>
  <si>
    <t>cg04522596</t>
  </si>
  <si>
    <t>cg04524478</t>
  </si>
  <si>
    <t>cg04530339</t>
  </si>
  <si>
    <t>cg04539155</t>
  </si>
  <si>
    <t>cg04539775</t>
  </si>
  <si>
    <t>cg04544533</t>
  </si>
  <si>
    <t>cg04550398</t>
  </si>
  <si>
    <t>cg04554217</t>
  </si>
  <si>
    <t>cg04554802</t>
  </si>
  <si>
    <t>cg04558707</t>
  </si>
  <si>
    <t>cg04559178</t>
  </si>
  <si>
    <t>cg04561753</t>
  </si>
  <si>
    <t>cg04562491</t>
  </si>
  <si>
    <t>cg04566677</t>
  </si>
  <si>
    <t>cg04570910</t>
  </si>
  <si>
    <t>cg04574480</t>
  </si>
  <si>
    <t>cg04575343</t>
  </si>
  <si>
    <t>cg04576672</t>
  </si>
  <si>
    <t>cg04578997</t>
  </si>
  <si>
    <t>cg04588079</t>
  </si>
  <si>
    <t>cg04588380</t>
  </si>
  <si>
    <t>cg04589828</t>
  </si>
  <si>
    <t>cg04594233</t>
  </si>
  <si>
    <t>cg04595200</t>
  </si>
  <si>
    <t>cg04602207</t>
  </si>
  <si>
    <t>cg04604946</t>
  </si>
  <si>
    <t>cg04606020</t>
  </si>
  <si>
    <t>cg04606265</t>
  </si>
  <si>
    <t>cg04606861</t>
  </si>
  <si>
    <t>cg04611395</t>
  </si>
  <si>
    <t>cg04623168</t>
  </si>
  <si>
    <t>cg04624601</t>
  </si>
  <si>
    <t>cg04629424</t>
  </si>
  <si>
    <t>cg04630171</t>
  </si>
  <si>
    <t>cg04632390</t>
  </si>
  <si>
    <t>cg04640194</t>
  </si>
  <si>
    <t>cg04640834</t>
  </si>
  <si>
    <t>cg04643397</t>
  </si>
  <si>
    <t>cg04647176</t>
  </si>
  <si>
    <t>cg04648382</t>
  </si>
  <si>
    <t>cg04651603</t>
  </si>
  <si>
    <t>cg04658679</t>
  </si>
  <si>
    <t>cg04660157</t>
  </si>
  <si>
    <t>cg04662532</t>
  </si>
  <si>
    <t>cg04663931</t>
  </si>
  <si>
    <t>cg04665374</t>
  </si>
  <si>
    <t>cg04665647</t>
  </si>
  <si>
    <t>cg04671742</t>
  </si>
  <si>
    <t>cg04675427</t>
  </si>
  <si>
    <t>cg04678231</t>
  </si>
  <si>
    <t>cg04681810</t>
  </si>
  <si>
    <t>cg04682192</t>
  </si>
  <si>
    <t>cg04682193</t>
  </si>
  <si>
    <t>cg04682969</t>
  </si>
  <si>
    <t>cg04685570</t>
  </si>
  <si>
    <t>cg04685954</t>
  </si>
  <si>
    <t>cg04686545</t>
  </si>
  <si>
    <t>cg04687551</t>
  </si>
  <si>
    <t>cg04691425</t>
  </si>
  <si>
    <t>cg04694155</t>
  </si>
  <si>
    <t>cg04694239</t>
  </si>
  <si>
    <t>cg04704064</t>
  </si>
  <si>
    <t>cg04706044</t>
  </si>
  <si>
    <t>cg04707254</t>
  </si>
  <si>
    <t>cg04708790</t>
  </si>
  <si>
    <t>cg04710764</t>
  </si>
  <si>
    <t>cg04717595</t>
  </si>
  <si>
    <t>cg04729491</t>
  </si>
  <si>
    <t>cg04730363</t>
  </si>
  <si>
    <t>cg04738151</t>
  </si>
  <si>
    <t>cg04739485</t>
  </si>
  <si>
    <t>cg04743947</t>
  </si>
  <si>
    <t>cg04745161</t>
  </si>
  <si>
    <t>cg04745384</t>
  </si>
  <si>
    <t>cg04745673</t>
  </si>
  <si>
    <t>cg04757074</t>
  </si>
  <si>
    <t>cg04770364</t>
  </si>
  <si>
    <t>cg04771285</t>
  </si>
  <si>
    <t>cg04774461</t>
  </si>
  <si>
    <t>cg04775889</t>
  </si>
  <si>
    <t>cg04776099</t>
  </si>
  <si>
    <t>cg04777881</t>
  </si>
  <si>
    <t>cg04779410</t>
  </si>
  <si>
    <t>cg04781075</t>
  </si>
  <si>
    <t>cg04784898</t>
  </si>
  <si>
    <t>cg04791129</t>
  </si>
  <si>
    <t>cg04792380</t>
  </si>
  <si>
    <t>cg04792963</t>
  </si>
  <si>
    <t>cg04794183</t>
  </si>
  <si>
    <t>cg04794420</t>
  </si>
  <si>
    <t>cg04795387</t>
  </si>
  <si>
    <t>cg04799722</t>
  </si>
  <si>
    <t>cg04799958</t>
  </si>
  <si>
    <t>cg04800168</t>
  </si>
  <si>
    <t>cg04804139</t>
  </si>
  <si>
    <t>cg04816979</t>
  </si>
  <si>
    <t>cg04819096</t>
  </si>
  <si>
    <t>cg04819539</t>
  </si>
  <si>
    <t>cg04820362</t>
  </si>
  <si>
    <t>cg04822495</t>
  </si>
  <si>
    <t>cg04826040</t>
  </si>
  <si>
    <t>cg04826413</t>
  </si>
  <si>
    <t>cg04827692</t>
  </si>
  <si>
    <t>cg04830409</t>
  </si>
  <si>
    <t>cg04830812</t>
  </si>
  <si>
    <t>cg04831327</t>
  </si>
  <si>
    <t>cg04831505</t>
  </si>
  <si>
    <t>cg04835101</t>
  </si>
  <si>
    <t>cg04837533</t>
  </si>
  <si>
    <t>cg04840652</t>
  </si>
  <si>
    <t>cg04844088</t>
  </si>
  <si>
    <t>cg04844574</t>
  </si>
  <si>
    <t>cg04844692</t>
  </si>
  <si>
    <t>cg04845319</t>
  </si>
  <si>
    <t>cg04847419</t>
  </si>
  <si>
    <t>cg04848570</t>
  </si>
  <si>
    <t>cg04853383</t>
  </si>
  <si>
    <t>cg04854025</t>
  </si>
  <si>
    <t>cg04865056</t>
  </si>
  <si>
    <t>cg04874239</t>
  </si>
  <si>
    <t>cg04875514</t>
  </si>
  <si>
    <t>cg04878072</t>
  </si>
  <si>
    <t>cg04878685</t>
  </si>
  <si>
    <t>cg04879240</t>
  </si>
  <si>
    <t>cg04880546</t>
  </si>
  <si>
    <t>cg04880990</t>
  </si>
  <si>
    <t>cg04888037</t>
  </si>
  <si>
    <t>cg04888174</t>
  </si>
  <si>
    <t>cg04889973</t>
  </si>
  <si>
    <t>cg04891086</t>
  </si>
  <si>
    <t>cg04892487</t>
  </si>
  <si>
    <t>cg04900436</t>
  </si>
  <si>
    <t>cg04903509</t>
  </si>
  <si>
    <t>cg04904245</t>
  </si>
  <si>
    <t>cg04905829</t>
  </si>
  <si>
    <t>cg04907218</t>
  </si>
  <si>
    <t>cg04909529</t>
  </si>
  <si>
    <t>cg04911821</t>
  </si>
  <si>
    <t>cg04912566</t>
  </si>
  <si>
    <t>cg04914323</t>
  </si>
  <si>
    <t>cg04916984</t>
  </si>
  <si>
    <t>cg04918314</t>
  </si>
  <si>
    <t>cg04918921</t>
  </si>
  <si>
    <t>cg04920032</t>
  </si>
  <si>
    <t>cg04921619</t>
  </si>
  <si>
    <t>cg04922006</t>
  </si>
  <si>
    <t>cg04922803</t>
  </si>
  <si>
    <t>cg04929428</t>
  </si>
  <si>
    <t>cg04930596</t>
  </si>
  <si>
    <t>cg04932465</t>
  </si>
  <si>
    <t>cg04935259</t>
  </si>
  <si>
    <t>cg04941278</t>
  </si>
  <si>
    <t>cg04943927</t>
  </si>
  <si>
    <t>cg04945076</t>
  </si>
  <si>
    <t>cg04948014</t>
  </si>
  <si>
    <t>cg04949149</t>
  </si>
  <si>
    <t>cg04949632</t>
  </si>
  <si>
    <t>cg04951822</t>
  </si>
  <si>
    <t>cg04951947</t>
  </si>
  <si>
    <t>cg04963575</t>
  </si>
  <si>
    <t>cg04964471</t>
  </si>
  <si>
    <t>cg04964669</t>
  </si>
  <si>
    <t>cg04972065</t>
  </si>
  <si>
    <t>cg04974751</t>
  </si>
  <si>
    <t>cg04979811</t>
  </si>
  <si>
    <t>cg04980504</t>
  </si>
  <si>
    <t>cg04980928</t>
  </si>
  <si>
    <t>cg04982748</t>
  </si>
  <si>
    <t>cg04987654</t>
  </si>
  <si>
    <t>cg05013129</t>
  </si>
  <si>
    <t>cg05013783</t>
  </si>
  <si>
    <t>cg05022306</t>
  </si>
  <si>
    <t>cg05047367</t>
  </si>
  <si>
    <t>cg05053108</t>
  </si>
  <si>
    <t>cg05054438</t>
  </si>
  <si>
    <t>cg05056300</t>
  </si>
  <si>
    <t>cg05059749</t>
  </si>
  <si>
    <t>cg05060662</t>
  </si>
  <si>
    <t>cg05061711</t>
  </si>
  <si>
    <t>cg05063104</t>
  </si>
  <si>
    <t>cg05065572</t>
  </si>
  <si>
    <t>cg05066178</t>
  </si>
  <si>
    <t>cg05081546</t>
  </si>
  <si>
    <t>cg05082648</t>
  </si>
  <si>
    <t>cg05087127</t>
  </si>
  <si>
    <t>cg05096751</t>
  </si>
  <si>
    <t>cg05112254</t>
  </si>
  <si>
    <t>cg05119810</t>
  </si>
  <si>
    <t>cg05120944</t>
  </si>
  <si>
    <t>cg05125521</t>
  </si>
  <si>
    <t>cg05126095</t>
  </si>
  <si>
    <t>cg05128808</t>
  </si>
  <si>
    <t>cg05128922</t>
  </si>
  <si>
    <t>cg05131707</t>
  </si>
  <si>
    <t>cg05132828</t>
  </si>
  <si>
    <t>cg05133340</t>
  </si>
  <si>
    <t>cg05133578</t>
  </si>
  <si>
    <t>cg05134054</t>
  </si>
  <si>
    <t>cg05135569</t>
  </si>
  <si>
    <t>cg05135942</t>
  </si>
  <si>
    <t>cg05138768</t>
  </si>
  <si>
    <t>cg05139152</t>
  </si>
  <si>
    <t>cg05140648</t>
  </si>
  <si>
    <t>cg05149307</t>
  </si>
  <si>
    <t>cg05154234</t>
  </si>
  <si>
    <t>cg05155784</t>
  </si>
  <si>
    <t>cg05157486</t>
  </si>
  <si>
    <t>cg05157499</t>
  </si>
  <si>
    <t>cg05157791</t>
  </si>
  <si>
    <t>cg05159909</t>
  </si>
  <si>
    <t>cg05160910</t>
  </si>
  <si>
    <t>cg05161923</t>
  </si>
  <si>
    <t>cg05164634</t>
  </si>
  <si>
    <t>cg05165862</t>
  </si>
  <si>
    <t>cg05165990</t>
  </si>
  <si>
    <t>cg05166022</t>
  </si>
  <si>
    <t>cg05166851</t>
  </si>
  <si>
    <t>cg05169846</t>
  </si>
  <si>
    <t>cg05170445</t>
  </si>
  <si>
    <t>cg05171224</t>
  </si>
  <si>
    <t>cg05171937</t>
  </si>
  <si>
    <t>cg05173789</t>
  </si>
  <si>
    <t>cg05175896</t>
  </si>
  <si>
    <t>cg05183671</t>
  </si>
  <si>
    <t>cg05190176</t>
  </si>
  <si>
    <t>cg05191488</t>
  </si>
  <si>
    <t>cg05191824</t>
  </si>
  <si>
    <t>cg05194726</t>
  </si>
  <si>
    <t>cg05196046</t>
  </si>
  <si>
    <t>cg05201145</t>
  </si>
  <si>
    <t>cg05202084</t>
  </si>
  <si>
    <t>cg05202985</t>
  </si>
  <si>
    <t>cg05205563</t>
  </si>
  <si>
    <t>cg05207077</t>
  </si>
  <si>
    <t>cg05209514</t>
  </si>
  <si>
    <t>cg05210826</t>
  </si>
  <si>
    <t>cg05215767</t>
  </si>
  <si>
    <t>cg05220083</t>
  </si>
  <si>
    <t>cg05221326</t>
  </si>
  <si>
    <t>cg05224385</t>
  </si>
  <si>
    <t>cg05228717</t>
  </si>
  <si>
    <t>cg05232853</t>
  </si>
  <si>
    <t>cg05233050</t>
  </si>
  <si>
    <t>cg05237360</t>
  </si>
  <si>
    <t>cg05239790</t>
  </si>
  <si>
    <t>cg05242244</t>
  </si>
  <si>
    <t>cg05243815</t>
  </si>
  <si>
    <t>cg05253716</t>
  </si>
  <si>
    <t>cg05256242</t>
  </si>
  <si>
    <t>cg05261299</t>
  </si>
  <si>
    <t>cg05271231</t>
  </si>
  <si>
    <t>cg05289701</t>
  </si>
  <si>
    <t>cg05290394</t>
  </si>
  <si>
    <t>cg05290737</t>
  </si>
  <si>
    <t>cg05296643</t>
  </si>
  <si>
    <t>cg05297105</t>
  </si>
  <si>
    <t>cg05298628</t>
  </si>
  <si>
    <t>cg05304679</t>
  </si>
  <si>
    <t>cg05306903</t>
  </si>
  <si>
    <t>cg05309453</t>
  </si>
  <si>
    <t>cg05315443</t>
  </si>
  <si>
    <t>cg05319880</t>
  </si>
  <si>
    <t>cg05341199</t>
  </si>
  <si>
    <t>cg05341575</t>
  </si>
  <si>
    <t>cg05342250</t>
  </si>
  <si>
    <t>cg05342945</t>
  </si>
  <si>
    <t>cg05343755</t>
  </si>
  <si>
    <t>cg05346831</t>
  </si>
  <si>
    <t>cg05347567</t>
  </si>
  <si>
    <t>cg05347932</t>
  </si>
  <si>
    <t>cg05348321</t>
  </si>
  <si>
    <t>cg05349837</t>
  </si>
  <si>
    <t>cg05358915</t>
  </si>
  <si>
    <t>cg05359066</t>
  </si>
  <si>
    <t>cg05359345</t>
  </si>
  <si>
    <t>cg05359853</t>
  </si>
  <si>
    <t>cg05361406</t>
  </si>
  <si>
    <t>cg05361811</t>
  </si>
  <si>
    <t>cg05363449</t>
  </si>
  <si>
    <t>cg05364487</t>
  </si>
  <si>
    <t>cg05366009</t>
  </si>
  <si>
    <t>cg05368089</t>
  </si>
  <si>
    <t>cg05368555</t>
  </si>
  <si>
    <t>cg05368730</t>
  </si>
  <si>
    <t>cg05370881</t>
  </si>
  <si>
    <t>cg05371015</t>
  </si>
  <si>
    <t>cg05375686</t>
  </si>
  <si>
    <t>cg05376156</t>
  </si>
  <si>
    <t>cg05376505</t>
  </si>
  <si>
    <t>cg05376611</t>
  </si>
  <si>
    <t>cg05382730</t>
  </si>
  <si>
    <t>cg05382798</t>
  </si>
  <si>
    <t>cg05383657</t>
  </si>
  <si>
    <t>cg05384139</t>
  </si>
  <si>
    <t>cg05385777</t>
  </si>
  <si>
    <t>cg05387247</t>
  </si>
  <si>
    <t>cg05389467</t>
  </si>
  <si>
    <t>cg05391628</t>
  </si>
  <si>
    <t>cg05399225</t>
  </si>
  <si>
    <t>cg05399718</t>
  </si>
  <si>
    <t>cg05399893</t>
  </si>
  <si>
    <t>cg05404091</t>
  </si>
  <si>
    <t>cg05407909</t>
  </si>
  <si>
    <t>cg05409945</t>
  </si>
  <si>
    <t>cg05410283</t>
  </si>
  <si>
    <t>cg05412137</t>
  </si>
  <si>
    <t>cg05412459</t>
  </si>
  <si>
    <t>cg05416450</t>
  </si>
  <si>
    <t>cg05416911</t>
  </si>
  <si>
    <t>cg05417285</t>
  </si>
  <si>
    <t>cg05435853</t>
  </si>
  <si>
    <t>cg05441768</t>
  </si>
  <si>
    <t>cg05451210</t>
  </si>
  <si>
    <t>cg05469421</t>
  </si>
  <si>
    <t>cg05472727</t>
  </si>
  <si>
    <t>cg05475543</t>
  </si>
  <si>
    <t>cg05478172</t>
  </si>
  <si>
    <t>cg05478314</t>
  </si>
  <si>
    <t>cg05478348</t>
  </si>
  <si>
    <t>cg05484458</t>
  </si>
  <si>
    <t>cg05491661</t>
  </si>
  <si>
    <t>cg05493445</t>
  </si>
  <si>
    <t>cg05494709</t>
  </si>
  <si>
    <t>cg05498948</t>
  </si>
  <si>
    <t>cg05503349</t>
  </si>
  <si>
    <t>cg05504354</t>
  </si>
  <si>
    <t>cg05505929</t>
  </si>
  <si>
    <t>cg05507832</t>
  </si>
  <si>
    <t>cg05511733</t>
  </si>
  <si>
    <t>cg05512178</t>
  </si>
  <si>
    <t>cg05513226</t>
  </si>
  <si>
    <t>cg05529091</t>
  </si>
  <si>
    <t>cg05529152</t>
  </si>
  <si>
    <t>cg05553474</t>
  </si>
  <si>
    <t>cg05553511</t>
  </si>
  <si>
    <t>cg05555875</t>
  </si>
  <si>
    <t>cg05556219</t>
  </si>
  <si>
    <t>cg05557834</t>
  </si>
  <si>
    <t>cg05558539</t>
  </si>
  <si>
    <t>cg05559557</t>
  </si>
  <si>
    <t>cg05562844</t>
  </si>
  <si>
    <t>cg05563558</t>
  </si>
  <si>
    <t>cg05565537</t>
  </si>
  <si>
    <t>cg05567435</t>
  </si>
  <si>
    <t>cg05568384</t>
  </si>
  <si>
    <t>cg05568797</t>
  </si>
  <si>
    <t>cg05569161</t>
  </si>
  <si>
    <t>cg05573844</t>
  </si>
  <si>
    <t>cg05581469</t>
  </si>
  <si>
    <t>cg05581802</t>
  </si>
  <si>
    <t>cg05582340</t>
  </si>
  <si>
    <t>cg05583240</t>
  </si>
  <si>
    <t>cg05585129</t>
  </si>
  <si>
    <t>cg05587756</t>
  </si>
  <si>
    <t>cg05588798</t>
  </si>
  <si>
    <t>cg05589246</t>
  </si>
  <si>
    <t>cg05592114</t>
  </si>
  <si>
    <t>cg05592406</t>
  </si>
  <si>
    <t>cg05593655</t>
  </si>
  <si>
    <t>cg05596756</t>
  </si>
  <si>
    <t>cg05596926</t>
  </si>
  <si>
    <t>cg05607502</t>
  </si>
  <si>
    <t>cg05611837</t>
  </si>
  <si>
    <t>cg05612876</t>
  </si>
  <si>
    <t>cg05614952</t>
  </si>
  <si>
    <t>cg05615230</t>
  </si>
  <si>
    <t>cg05615595</t>
  </si>
  <si>
    <t>cg05625100</t>
  </si>
  <si>
    <t>cg05626790</t>
  </si>
  <si>
    <t>cg05628616</t>
  </si>
  <si>
    <t>cg05629774</t>
  </si>
  <si>
    <t>cg05634630</t>
  </si>
  <si>
    <t>cg05635036</t>
  </si>
  <si>
    <t>cg05641885</t>
  </si>
  <si>
    <t>cg05641913</t>
  </si>
  <si>
    <t>cg05642446</t>
  </si>
  <si>
    <t>cg05647733</t>
  </si>
  <si>
    <t>cg05648964</t>
  </si>
  <si>
    <t>cg05649374</t>
  </si>
  <si>
    <t>cg05654096</t>
  </si>
  <si>
    <t>cg05655282</t>
  </si>
  <si>
    <t>cg05655742</t>
  </si>
  <si>
    <t>cg05660670</t>
  </si>
  <si>
    <t>cg05662323</t>
  </si>
  <si>
    <t>cg05674811</t>
  </si>
  <si>
    <t>cg05674928</t>
  </si>
  <si>
    <t>cg05675511</t>
  </si>
  <si>
    <t>cg05677041</t>
  </si>
  <si>
    <t>cg05677724</t>
  </si>
  <si>
    <t>cg05679795</t>
  </si>
  <si>
    <t>cg05690134</t>
  </si>
  <si>
    <t>cg05691934</t>
  </si>
  <si>
    <t>cg05693982</t>
  </si>
  <si>
    <t>cg05705035</t>
  </si>
  <si>
    <t>cg05705812</t>
  </si>
  <si>
    <t>cg05708074</t>
  </si>
  <si>
    <t>cg05709568</t>
  </si>
  <si>
    <t>cg05710090</t>
  </si>
  <si>
    <t>cg05712073</t>
  </si>
  <si>
    <t>cg05712271</t>
  </si>
  <si>
    <t>cg05715422</t>
  </si>
  <si>
    <t>cg05722918</t>
  </si>
  <si>
    <t>cg05727959</t>
  </si>
  <si>
    <t>cg05728902</t>
  </si>
  <si>
    <t>cg05730676</t>
  </si>
  <si>
    <t>cg05734154</t>
  </si>
  <si>
    <t>cg05738715</t>
  </si>
  <si>
    <t>cg05740325</t>
  </si>
  <si>
    <t>cg05742988</t>
  </si>
  <si>
    <t>cg05751616</t>
  </si>
  <si>
    <t>cg05754589</t>
  </si>
  <si>
    <t>cg05755906</t>
  </si>
  <si>
    <t>cg05756382</t>
  </si>
  <si>
    <t>cg05758804</t>
  </si>
  <si>
    <t>cg05759182</t>
  </si>
  <si>
    <t>cg05768824</t>
  </si>
  <si>
    <t>cg05771518</t>
  </si>
  <si>
    <t>cg05774290</t>
  </si>
  <si>
    <t>cg05775372</t>
  </si>
  <si>
    <t>cg05775627</t>
  </si>
  <si>
    <t>cg05776138</t>
  </si>
  <si>
    <t>cg05777594</t>
  </si>
  <si>
    <t>cg05780028</t>
  </si>
  <si>
    <t>cg05780616</t>
  </si>
  <si>
    <t>cg05802477</t>
  </si>
  <si>
    <t>cg05816442</t>
  </si>
  <si>
    <t>cg05818093</t>
  </si>
  <si>
    <t>cg05819224</t>
  </si>
  <si>
    <t>cg05819930</t>
  </si>
  <si>
    <t>cg05820482</t>
  </si>
  <si>
    <t>cg05823818</t>
  </si>
  <si>
    <t>cg05824594</t>
  </si>
  <si>
    <t>cg05824973</t>
  </si>
  <si>
    <t>cg05827208</t>
  </si>
  <si>
    <t>cg05828701</t>
  </si>
  <si>
    <t>cg05834899</t>
  </si>
  <si>
    <t>cg05835802</t>
  </si>
  <si>
    <t>cg05836979</t>
  </si>
  <si>
    <t>cg05837036</t>
  </si>
  <si>
    <t>cg05838160</t>
  </si>
  <si>
    <t>cg05841486</t>
  </si>
  <si>
    <t>cg05843596</t>
  </si>
  <si>
    <t>cg05845030</t>
  </si>
  <si>
    <t>cg05846336</t>
  </si>
  <si>
    <t>cg05847784</t>
  </si>
  <si>
    <t>cg05850206</t>
  </si>
  <si>
    <t>cg05851395</t>
  </si>
  <si>
    <t>cg05851493</t>
  </si>
  <si>
    <t>cg05853266</t>
  </si>
  <si>
    <t>cg05855733</t>
  </si>
  <si>
    <t>cg05858136</t>
  </si>
  <si>
    <t>cg05859323</t>
  </si>
  <si>
    <t>cg05860956</t>
  </si>
  <si>
    <t>cg05861255</t>
  </si>
  <si>
    <t>cg05863637</t>
  </si>
  <si>
    <t>cg05863755</t>
  </si>
  <si>
    <t>cg05872485</t>
  </si>
  <si>
    <t>cg05872643</t>
  </si>
  <si>
    <t>cg05876918</t>
  </si>
  <si>
    <t>cg05883907</t>
  </si>
  <si>
    <t>cg05899984</t>
  </si>
  <si>
    <t>cg05900122</t>
  </si>
  <si>
    <t>cg05900140</t>
  </si>
  <si>
    <t>cg05900810</t>
  </si>
  <si>
    <t>cg05902801</t>
  </si>
  <si>
    <t>cg05907082</t>
  </si>
  <si>
    <t>cg05908960</t>
  </si>
  <si>
    <t>cg05908994</t>
  </si>
  <si>
    <t>cg05909891</t>
  </si>
  <si>
    <t>cg05912082</t>
  </si>
  <si>
    <t>cg05914582</t>
  </si>
  <si>
    <t>cg05915139</t>
  </si>
  <si>
    <t>cg05919661</t>
  </si>
  <si>
    <t>cg05919975</t>
  </si>
  <si>
    <t>cg05920454</t>
  </si>
  <si>
    <t>cg05924780</t>
  </si>
  <si>
    <t>cg05931231</t>
  </si>
  <si>
    <t>cg05934908</t>
  </si>
  <si>
    <t>cg05934945</t>
  </si>
  <si>
    <t>cg05944468</t>
  </si>
  <si>
    <t>cg05948411</t>
  </si>
  <si>
    <t>cg05951084</t>
  </si>
  <si>
    <t>cg05955566</t>
  </si>
  <si>
    <t>cg05956890</t>
  </si>
  <si>
    <t>cg05957190</t>
  </si>
  <si>
    <t>cg05957543</t>
  </si>
  <si>
    <t>cg05958510</t>
  </si>
  <si>
    <t>cg05963712</t>
  </si>
  <si>
    <t>cg05964529</t>
  </si>
  <si>
    <t>cg05964952</t>
  </si>
  <si>
    <t>cg05965417</t>
  </si>
  <si>
    <t>cg05970811</t>
  </si>
  <si>
    <t>cg05971474</t>
  </si>
  <si>
    <t>cg05973337</t>
  </si>
  <si>
    <t>cg05974580</t>
  </si>
  <si>
    <t>cg05976168</t>
  </si>
  <si>
    <t>cg05976179</t>
  </si>
  <si>
    <t>cg05977462</t>
  </si>
  <si>
    <t>cg05981335</t>
  </si>
  <si>
    <t>cg05982757</t>
  </si>
  <si>
    <t>cg05985881</t>
  </si>
  <si>
    <t>cg05987389</t>
  </si>
  <si>
    <t>cg05987503</t>
  </si>
  <si>
    <t>cg05987944</t>
  </si>
  <si>
    <t>cg05989669</t>
  </si>
  <si>
    <t>cg05989984</t>
  </si>
  <si>
    <t>cg05992726</t>
  </si>
  <si>
    <t>cg05992786</t>
  </si>
  <si>
    <t>cg05996573</t>
  </si>
  <si>
    <t>cg05999255</t>
  </si>
  <si>
    <t>cg06002976</t>
  </si>
  <si>
    <t>cg06004166</t>
  </si>
  <si>
    <t>cg06014227</t>
  </si>
  <si>
    <t>cg06058319</t>
  </si>
  <si>
    <t>cg06074307</t>
  </si>
  <si>
    <t>cg06074958</t>
  </si>
  <si>
    <t>cg06085994</t>
  </si>
  <si>
    <t>cg06086316</t>
  </si>
  <si>
    <t>cg06092729</t>
  </si>
  <si>
    <t>cg06094111</t>
  </si>
  <si>
    <t>cg06094337</t>
  </si>
  <si>
    <t>cg06097803</t>
  </si>
  <si>
    <t>cg06098146</t>
  </si>
  <si>
    <t>cg06101079</t>
  </si>
  <si>
    <t>cg06103029</t>
  </si>
  <si>
    <t>cg06103657</t>
  </si>
  <si>
    <t>cg06106839</t>
  </si>
  <si>
    <t>cg06113001</t>
  </si>
  <si>
    <t>cg06118478</t>
  </si>
  <si>
    <t>cg06122660</t>
  </si>
  <si>
    <t>cg06128161</t>
  </si>
  <si>
    <t>cg06132342</t>
  </si>
  <si>
    <t>cg06139341</t>
  </si>
  <si>
    <t>cg06139513</t>
  </si>
  <si>
    <t>cg06139644</t>
  </si>
  <si>
    <t>cg06141624</t>
  </si>
  <si>
    <t>cg06144990</t>
  </si>
  <si>
    <t>cg06146897</t>
  </si>
  <si>
    <t>cg06150302</t>
  </si>
  <si>
    <t>cg06152215</t>
  </si>
  <si>
    <t>cg06153765</t>
  </si>
  <si>
    <t>cg06157570</t>
  </si>
  <si>
    <t>cg06159896</t>
  </si>
  <si>
    <t>cg06160973</t>
  </si>
  <si>
    <t>cg06162516</t>
  </si>
  <si>
    <t>cg06162589</t>
  </si>
  <si>
    <t>cg06168149</t>
  </si>
  <si>
    <t>cg06185657</t>
  </si>
  <si>
    <t>cg06186940</t>
  </si>
  <si>
    <t>cg06189670</t>
  </si>
  <si>
    <t>cg06191990</t>
  </si>
  <si>
    <t>cg06192866</t>
  </si>
  <si>
    <t>cg06194010</t>
  </si>
  <si>
    <t>cg06195157</t>
  </si>
  <si>
    <t>cg06198190</t>
  </si>
  <si>
    <t>cg06202977</t>
  </si>
  <si>
    <t>cg06204922</t>
  </si>
  <si>
    <t>cg06204938</t>
  </si>
  <si>
    <t>cg06207094</t>
  </si>
  <si>
    <t>cg06207118</t>
  </si>
  <si>
    <t>cg06207728</t>
  </si>
  <si>
    <t>cg06208615</t>
  </si>
  <si>
    <t>cg06213250</t>
  </si>
  <si>
    <t>cg06214997</t>
  </si>
  <si>
    <t>cg06215041</t>
  </si>
  <si>
    <t>cg06216468</t>
  </si>
  <si>
    <t>cg06222162</t>
  </si>
  <si>
    <t>cg06222550</t>
  </si>
  <si>
    <t>cg06230418</t>
  </si>
  <si>
    <t>cg06234063</t>
  </si>
  <si>
    <t>cg06237717</t>
  </si>
  <si>
    <t>cg06252517</t>
  </si>
  <si>
    <t>cg06253352</t>
  </si>
  <si>
    <t>cg06257561</t>
  </si>
  <si>
    <t>cg06261595</t>
  </si>
  <si>
    <t>cg06269919</t>
  </si>
  <si>
    <t>cg06270401</t>
  </si>
  <si>
    <t>cg06275125</t>
  </si>
  <si>
    <t>cg06287003</t>
  </si>
  <si>
    <t>cg06291448</t>
  </si>
  <si>
    <t>cg06293049</t>
  </si>
  <si>
    <t>cg06293339</t>
  </si>
  <si>
    <t>cg06294416</t>
  </si>
  <si>
    <t>cg06298247</t>
  </si>
  <si>
    <t>cg06302118</t>
  </si>
  <si>
    <t>cg06303168</t>
  </si>
  <si>
    <t>cg06311778</t>
  </si>
  <si>
    <t>cg06311795</t>
  </si>
  <si>
    <t>cg06311804</t>
  </si>
  <si>
    <t>cg06343745</t>
  </si>
  <si>
    <t>cg06345693</t>
  </si>
  <si>
    <t>cg06345767</t>
  </si>
  <si>
    <t>cg06353098</t>
  </si>
  <si>
    <t>cg06357925</t>
  </si>
  <si>
    <t>cg06362052</t>
  </si>
  <si>
    <t>cg06362313</t>
  </si>
  <si>
    <t>cg06362796</t>
  </si>
  <si>
    <t>cg06362985</t>
  </si>
  <si>
    <t>cg06363613</t>
  </si>
  <si>
    <t>cg06365016</t>
  </si>
  <si>
    <t>cg06369056</t>
  </si>
  <si>
    <t>cg06369854</t>
  </si>
  <si>
    <t>cg06372929</t>
  </si>
  <si>
    <t>cg06373919</t>
  </si>
  <si>
    <t>cg06377964</t>
  </si>
  <si>
    <t>cg06380123</t>
  </si>
  <si>
    <t>cg06381879</t>
  </si>
  <si>
    <t>cg06383241</t>
  </si>
  <si>
    <t>cg06392241</t>
  </si>
  <si>
    <t>cg06401449</t>
  </si>
  <si>
    <t>cg06405510</t>
  </si>
  <si>
    <t>cg06411578</t>
  </si>
  <si>
    <t>cg06412435</t>
  </si>
  <si>
    <t>cg06413043</t>
  </si>
  <si>
    <t>cg06413794</t>
  </si>
  <si>
    <t>cg06416491</t>
  </si>
  <si>
    <t>cg06419568</t>
  </si>
  <si>
    <t>cg06422659</t>
  </si>
  <si>
    <t>cg06437004</t>
  </si>
  <si>
    <t>cg06444781</t>
  </si>
  <si>
    <t>cg06452647</t>
  </si>
  <si>
    <t>cg06462291</t>
  </si>
  <si>
    <t>cg06495803</t>
  </si>
  <si>
    <t>cg06497795</t>
  </si>
  <si>
    <t>cg06516865</t>
  </si>
  <si>
    <t>cg06518123</t>
  </si>
  <si>
    <t>cg06522206</t>
  </si>
  <si>
    <t>cg06526326</t>
  </si>
  <si>
    <t>cg06528591</t>
  </si>
  <si>
    <t>cg06530347</t>
  </si>
  <si>
    <t>cg06531916</t>
  </si>
  <si>
    <t>cg06532071</t>
  </si>
  <si>
    <t>cg06534724</t>
  </si>
  <si>
    <t>cg06542302</t>
  </si>
  <si>
    <t>cg06546717</t>
  </si>
  <si>
    <t>cg06547285</t>
  </si>
  <si>
    <t>cg06549955</t>
  </si>
  <si>
    <t>cg06550629</t>
  </si>
  <si>
    <t>cg06551025</t>
  </si>
  <si>
    <t>cg06552050</t>
  </si>
  <si>
    <t>cg06552356</t>
  </si>
  <si>
    <t>cg06553033</t>
  </si>
  <si>
    <t>cg06553975</t>
  </si>
  <si>
    <t>cg06554542</t>
  </si>
  <si>
    <t>cg06559575</t>
  </si>
  <si>
    <t>cg06563300</t>
  </si>
  <si>
    <t>cg06564523</t>
  </si>
  <si>
    <t>cg06574422</t>
  </si>
  <si>
    <t>cg06582426</t>
  </si>
  <si>
    <t>cg06582512</t>
  </si>
  <si>
    <t>cg06584503</t>
  </si>
  <si>
    <t>cg06587257</t>
  </si>
  <si>
    <t>cg06588028</t>
  </si>
  <si>
    <t>cg06592658</t>
  </si>
  <si>
    <t>cg06594578</t>
  </si>
  <si>
    <t>cg06595653</t>
  </si>
  <si>
    <t>cg06596054</t>
  </si>
  <si>
    <t>cg06596221</t>
  </si>
  <si>
    <t>cg06599483</t>
  </si>
  <si>
    <t>cg06599949</t>
  </si>
  <si>
    <t>cg06601685</t>
  </si>
  <si>
    <t>cg06604102</t>
  </si>
  <si>
    <t>cg06604690</t>
  </si>
  <si>
    <t>cg06606199</t>
  </si>
  <si>
    <t>cg06607719</t>
  </si>
  <si>
    <t>cg06609369</t>
  </si>
  <si>
    <t>cg06610259</t>
  </si>
  <si>
    <t>cg06613286</t>
  </si>
  <si>
    <t>cg06613666</t>
  </si>
  <si>
    <t>cg06614142</t>
  </si>
  <si>
    <t>cg06617217</t>
  </si>
  <si>
    <t>cg06622953</t>
  </si>
  <si>
    <t>cg06623120</t>
  </si>
  <si>
    <t>cg06625721</t>
  </si>
  <si>
    <t>cg06627361</t>
  </si>
  <si>
    <t>cg06628878</t>
  </si>
  <si>
    <t>cg06629644</t>
  </si>
  <si>
    <t>cg06630413</t>
  </si>
  <si>
    <t>cg06630988</t>
  </si>
  <si>
    <t>cg06633889</t>
  </si>
  <si>
    <t>cg06638748</t>
  </si>
  <si>
    <t>cg06638827</t>
  </si>
  <si>
    <t>cg06639053</t>
  </si>
  <si>
    <t>cg06640552</t>
  </si>
  <si>
    <t>cg06642275</t>
  </si>
  <si>
    <t>cg06645820</t>
  </si>
  <si>
    <t>cg06653632</t>
  </si>
  <si>
    <t>cg06654103</t>
  </si>
  <si>
    <t>cg06654865</t>
  </si>
  <si>
    <t>cg06655860</t>
  </si>
  <si>
    <t>cg06656005</t>
  </si>
  <si>
    <t>cg06656027</t>
  </si>
  <si>
    <t>cg06656260</t>
  </si>
  <si>
    <t>cg06659419</t>
  </si>
  <si>
    <t>cg06664258</t>
  </si>
  <si>
    <t>cg06671621</t>
  </si>
  <si>
    <t>cg06678662</t>
  </si>
  <si>
    <t>cg06679990</t>
  </si>
  <si>
    <t>cg06680065</t>
  </si>
  <si>
    <t>cg06681434</t>
  </si>
  <si>
    <t>cg06689961</t>
  </si>
  <si>
    <t>cg06694641</t>
  </si>
  <si>
    <t>cg06697057</t>
  </si>
  <si>
    <t>cg06698053</t>
  </si>
  <si>
    <t>cg06698843</t>
  </si>
  <si>
    <t>cg06700226</t>
  </si>
  <si>
    <t>cg06702891</t>
  </si>
  <si>
    <t>cg06703900</t>
  </si>
  <si>
    <t>cg06704869</t>
  </si>
  <si>
    <t>cg06705834</t>
  </si>
  <si>
    <t>cg06705947</t>
  </si>
  <si>
    <t>cg06708720</t>
  </si>
  <si>
    <t>cg06709201</t>
  </si>
  <si>
    <t>cg06711448</t>
  </si>
  <si>
    <t>cg06714180</t>
  </si>
  <si>
    <t>cg06715885</t>
  </si>
  <si>
    <t>cg06718276</t>
  </si>
  <si>
    <t>cg06719671</t>
  </si>
  <si>
    <t>cg06720823</t>
  </si>
  <si>
    <t>cg06721255</t>
  </si>
  <si>
    <t>cg06725540</t>
  </si>
  <si>
    <t>cg06729806</t>
  </si>
  <si>
    <t>cg06735598</t>
  </si>
  <si>
    <t>cg06739462</t>
  </si>
  <si>
    <t>cg06741536</t>
  </si>
  <si>
    <t>cg06741653</t>
  </si>
  <si>
    <t>cg06743312</t>
  </si>
  <si>
    <t>cg06747863</t>
  </si>
  <si>
    <t>cg06753091</t>
  </si>
  <si>
    <t>cg06771021</t>
  </si>
  <si>
    <t>cg06776256</t>
  </si>
  <si>
    <t>cg06776823</t>
  </si>
  <si>
    <t>cg06780202</t>
  </si>
  <si>
    <t>cg06782204</t>
  </si>
  <si>
    <t>cg06787724</t>
  </si>
  <si>
    <t>cg06790581</t>
  </si>
  <si>
    <t>cg06791091</t>
  </si>
  <si>
    <t>cg06791426</t>
  </si>
  <si>
    <t>cg06793505</t>
  </si>
  <si>
    <t>cg06794000</t>
  </si>
  <si>
    <t>cg06799248</t>
  </si>
  <si>
    <t>cg06799496</t>
  </si>
  <si>
    <t>cg06807030</t>
  </si>
  <si>
    <t>cg06807713</t>
  </si>
  <si>
    <t>cg06807966</t>
  </si>
  <si>
    <t>cg06809188</t>
  </si>
  <si>
    <t>cg06811166</t>
  </si>
  <si>
    <t>cg06812760</t>
  </si>
  <si>
    <t>cg06813862</t>
  </si>
  <si>
    <t>cg06813951</t>
  </si>
  <si>
    <t>cg06818627</t>
  </si>
  <si>
    <t>cg06820837</t>
  </si>
  <si>
    <t>cg06821460</t>
  </si>
  <si>
    <t>cg06823805</t>
  </si>
  <si>
    <t>cg06824685</t>
  </si>
  <si>
    <t>cg06826289</t>
  </si>
  <si>
    <t>cg06826457</t>
  </si>
  <si>
    <t>cg06826870</t>
  </si>
  <si>
    <t>cg06830044</t>
  </si>
  <si>
    <t>cg06832194</t>
  </si>
  <si>
    <t>cg06834712</t>
  </si>
  <si>
    <t>cg06835581</t>
  </si>
  <si>
    <t>cg06836849</t>
  </si>
  <si>
    <t>cg06838439</t>
  </si>
  <si>
    <t>cg06839213</t>
  </si>
  <si>
    <t>cg06840837</t>
  </si>
  <si>
    <t>cg06844864</t>
  </si>
  <si>
    <t>cg06850442</t>
  </si>
  <si>
    <t>cg06850660</t>
  </si>
  <si>
    <t>cg06852319</t>
  </si>
  <si>
    <t>cg06860371</t>
  </si>
  <si>
    <t>cg06864046</t>
  </si>
  <si>
    <t>cg06866553</t>
  </si>
  <si>
    <t>cg06867829</t>
  </si>
  <si>
    <t>cg06874943</t>
  </si>
  <si>
    <t>cg06875318</t>
  </si>
  <si>
    <t>cg06876766</t>
  </si>
  <si>
    <t>cg06878726</t>
  </si>
  <si>
    <t>cg06880239</t>
  </si>
  <si>
    <t>cg06881647</t>
  </si>
  <si>
    <t>cg06887167</t>
  </si>
  <si>
    <t>cg06887542</t>
  </si>
  <si>
    <t>cg06893371</t>
  </si>
  <si>
    <t>cg06899799</t>
  </si>
  <si>
    <t>cg06912966</t>
  </si>
  <si>
    <t>cg06915826</t>
  </si>
  <si>
    <t>cg06918928</t>
  </si>
  <si>
    <t>cg06927717</t>
  </si>
  <si>
    <t>cg06933924</t>
  </si>
  <si>
    <t>cg06933965</t>
  </si>
  <si>
    <t>cg06934004</t>
  </si>
  <si>
    <t>cg06934038</t>
  </si>
  <si>
    <t>cg06936768</t>
  </si>
  <si>
    <t>cg06938406</t>
  </si>
  <si>
    <t>cg06942010</t>
  </si>
  <si>
    <t>cg06943149</t>
  </si>
  <si>
    <t>cg06946447</t>
  </si>
  <si>
    <t>cg06948658</t>
  </si>
  <si>
    <t>cg06948737</t>
  </si>
  <si>
    <t>cg06970510</t>
  </si>
  <si>
    <t>cg06977905</t>
  </si>
  <si>
    <t>cg06980169</t>
  </si>
  <si>
    <t>cg06994572</t>
  </si>
  <si>
    <t>cg06996254</t>
  </si>
  <si>
    <t>cg06997549</t>
  </si>
  <si>
    <t>cg06998640</t>
  </si>
  <si>
    <t>cg07000643</t>
  </si>
  <si>
    <t>cg07002372</t>
  </si>
  <si>
    <t>cg07003673</t>
  </si>
  <si>
    <t>cg07006889</t>
  </si>
  <si>
    <t>cg07007050</t>
  </si>
  <si>
    <t>cg07017706</t>
  </si>
  <si>
    <t>cg07019303</t>
  </si>
  <si>
    <t>cg07020001</t>
  </si>
  <si>
    <t>cg07022048</t>
  </si>
  <si>
    <t>cg07023594</t>
  </si>
  <si>
    <t>cg07025478</t>
  </si>
  <si>
    <t>cg07027613</t>
  </si>
  <si>
    <t>cg07028869</t>
  </si>
  <si>
    <t>cg07034276</t>
  </si>
  <si>
    <t>cg07047653</t>
  </si>
  <si>
    <t>cg07050215</t>
  </si>
  <si>
    <t>cg07051221</t>
  </si>
  <si>
    <t>cg07053177</t>
  </si>
  <si>
    <t>cg07053697</t>
  </si>
  <si>
    <t>cg07054542</t>
  </si>
  <si>
    <t>cg07060074</t>
  </si>
  <si>
    <t>cg07060076</t>
  </si>
  <si>
    <t>cg07061566</t>
  </si>
  <si>
    <t>cg07065256</t>
  </si>
  <si>
    <t>cg07070348</t>
  </si>
  <si>
    <t>cg07071478</t>
  </si>
  <si>
    <t>cg07071839</t>
  </si>
  <si>
    <t>cg07074586</t>
  </si>
  <si>
    <t>cg07080050</t>
  </si>
  <si>
    <t>cg07083543</t>
  </si>
  <si>
    <t>cg07112673</t>
  </si>
  <si>
    <t>cg07115262</t>
  </si>
  <si>
    <t>cg07117012</t>
  </si>
  <si>
    <t>cg07118243</t>
  </si>
  <si>
    <t>cg07119472</t>
  </si>
  <si>
    <t>cg07123069</t>
  </si>
  <si>
    <t>cg07124859</t>
  </si>
  <si>
    <t>cg07134541</t>
  </si>
  <si>
    <t>cg07135303</t>
  </si>
  <si>
    <t>cg07136646</t>
  </si>
  <si>
    <t>cg07136868</t>
  </si>
  <si>
    <t>cg07143863</t>
  </si>
  <si>
    <t>cg07145683</t>
  </si>
  <si>
    <t>cg07147234</t>
  </si>
  <si>
    <t>cg07151565</t>
  </si>
  <si>
    <t>cg07152240</t>
  </si>
  <si>
    <t>cg07153168</t>
  </si>
  <si>
    <t>cg07156824</t>
  </si>
  <si>
    <t>cg07159847</t>
  </si>
  <si>
    <t>cg07160246</t>
  </si>
  <si>
    <t>cg07161061</t>
  </si>
  <si>
    <t>cg07164581</t>
  </si>
  <si>
    <t>cg07165616</t>
  </si>
  <si>
    <t>cg07166235</t>
  </si>
  <si>
    <t>cg07167114</t>
  </si>
  <si>
    <t>cg07170170</t>
  </si>
  <si>
    <t>cg07170253</t>
  </si>
  <si>
    <t>cg07170300</t>
  </si>
  <si>
    <t>cg07170824</t>
  </si>
  <si>
    <t>cg07172736</t>
  </si>
  <si>
    <t>cg07175149</t>
  </si>
  <si>
    <t>cg07178733</t>
  </si>
  <si>
    <t>cg07178945</t>
  </si>
  <si>
    <t>cg07180988</t>
  </si>
  <si>
    <t>cg07197522</t>
  </si>
  <si>
    <t>cg07201747</t>
  </si>
  <si>
    <t>cg07203561</t>
  </si>
  <si>
    <t>cg07204479</t>
  </si>
  <si>
    <t>cg07208077</t>
  </si>
  <si>
    <t>cg07208691</t>
  </si>
  <si>
    <t>cg07210490</t>
  </si>
  <si>
    <t>cg07213721</t>
  </si>
  <si>
    <t>cg07215749</t>
  </si>
  <si>
    <t>cg07216425</t>
  </si>
  <si>
    <t>cg07217499</t>
  </si>
  <si>
    <t>cg07218487</t>
  </si>
  <si>
    <t>cg07223803</t>
  </si>
  <si>
    <t>cg07224931</t>
  </si>
  <si>
    <t>cg07230786</t>
  </si>
  <si>
    <t>cg07233908</t>
  </si>
  <si>
    <t>cg07236190</t>
  </si>
  <si>
    <t>cg07236358</t>
  </si>
  <si>
    <t>cg07236884</t>
  </si>
  <si>
    <t>cg07237397</t>
  </si>
  <si>
    <t>cg07238058</t>
  </si>
  <si>
    <t>cg07238439</t>
  </si>
  <si>
    <t>cg07239110</t>
  </si>
  <si>
    <t>cg07239716</t>
  </si>
  <si>
    <t>cg07240557</t>
  </si>
  <si>
    <t>cg07241090</t>
  </si>
  <si>
    <t>cg07241154</t>
  </si>
  <si>
    <t>cg07242901</t>
  </si>
  <si>
    <t>cg07243762</t>
  </si>
  <si>
    <t>cg07243988</t>
  </si>
  <si>
    <t>cg07246187</t>
  </si>
  <si>
    <t>cg07248242</t>
  </si>
  <si>
    <t>cg07253432</t>
  </si>
  <si>
    <t>cg07253769</t>
  </si>
  <si>
    <t>cg07254987</t>
  </si>
  <si>
    <t>cg07256493</t>
  </si>
  <si>
    <t>cg07257718</t>
  </si>
  <si>
    <t>cg07259811</t>
  </si>
  <si>
    <t>cg07260789</t>
  </si>
  <si>
    <t>cg07262201</t>
  </si>
  <si>
    <t>cg07263694</t>
  </si>
  <si>
    <t>cg07264025</t>
  </si>
  <si>
    <t>cg07264679</t>
  </si>
  <si>
    <t>cg07265310</t>
  </si>
  <si>
    <t>cg07266404</t>
  </si>
  <si>
    <t>cg07267067</t>
  </si>
  <si>
    <t>cg07267600</t>
  </si>
  <si>
    <t>cg07267656</t>
  </si>
  <si>
    <t>cg07269125</t>
  </si>
  <si>
    <t>cg07271268</t>
  </si>
  <si>
    <t>cg07274307</t>
  </si>
  <si>
    <t>cg07274522</t>
  </si>
  <si>
    <t>cg07275860</t>
  </si>
  <si>
    <t>cg07278006</t>
  </si>
  <si>
    <t>cg07278047</t>
  </si>
  <si>
    <t>cg07278624</t>
  </si>
  <si>
    <t>cg07280387</t>
  </si>
  <si>
    <t>cg07281688</t>
  </si>
  <si>
    <t>cg07282944</t>
  </si>
  <si>
    <t>cg07289333</t>
  </si>
  <si>
    <t>cg07289581</t>
  </si>
  <si>
    <t>cg07292311</t>
  </si>
  <si>
    <t>cg07293736</t>
  </si>
  <si>
    <t>cg07297777</t>
  </si>
  <si>
    <t>cg07297830</t>
  </si>
  <si>
    <t>cg07301004</t>
  </si>
  <si>
    <t>cg07303091</t>
  </si>
  <si>
    <t>cg07306676</t>
  </si>
  <si>
    <t>cg07307789</t>
  </si>
  <si>
    <t>cg07309136</t>
  </si>
  <si>
    <t>cg07310525</t>
  </si>
  <si>
    <t>cg07315445</t>
  </si>
  <si>
    <t>cg07328579</t>
  </si>
  <si>
    <t>cg07332734</t>
  </si>
  <si>
    <t>cg07336754</t>
  </si>
  <si>
    <t>cg07337287</t>
  </si>
  <si>
    <t>cg07350016</t>
  </si>
  <si>
    <t>cg07357346</t>
  </si>
  <si>
    <t>cg07360201</t>
  </si>
  <si>
    <t>cg07360731</t>
  </si>
  <si>
    <t>cg07367607</t>
  </si>
  <si>
    <t>cg07368069</t>
  </si>
  <si>
    <t>cg07369113</t>
  </si>
  <si>
    <t>cg07369363</t>
  </si>
  <si>
    <t>cg07370221</t>
  </si>
  <si>
    <t>cg07370261</t>
  </si>
  <si>
    <t>cg07371838</t>
  </si>
  <si>
    <t>cg07375978</t>
  </si>
  <si>
    <t>cg07382437</t>
  </si>
  <si>
    <t>cg07383443</t>
  </si>
  <si>
    <t>cg07388347</t>
  </si>
  <si>
    <t>cg07389322</t>
  </si>
  <si>
    <t>cg07390463</t>
  </si>
  <si>
    <t>cg07395074</t>
  </si>
  <si>
    <t>cg07409680</t>
  </si>
  <si>
    <t>cg07411238</t>
  </si>
  <si>
    <t>cg07414574</t>
  </si>
  <si>
    <t>cg07419011</t>
  </si>
  <si>
    <t>cg07419473</t>
  </si>
  <si>
    <t>cg07423765</t>
  </si>
  <si>
    <t>cg07427396</t>
  </si>
  <si>
    <t>cg07427606</t>
  </si>
  <si>
    <t>cg07430153</t>
  </si>
  <si>
    <t>cg07446572</t>
  </si>
  <si>
    <t>cg07454491</t>
  </si>
  <si>
    <t>cg07456485</t>
  </si>
  <si>
    <t>cg07461318</t>
  </si>
  <si>
    <t>cg07462861</t>
  </si>
  <si>
    <t>cg07464591</t>
  </si>
  <si>
    <t>cg07468655</t>
  </si>
  <si>
    <t>cg07469742</t>
  </si>
  <si>
    <t>cg07471157</t>
  </si>
  <si>
    <t>cg07480495</t>
  </si>
  <si>
    <t>cg07498421</t>
  </si>
  <si>
    <t>cg07503684</t>
  </si>
  <si>
    <t>cg07511188</t>
  </si>
  <si>
    <t>cg07520161</t>
  </si>
  <si>
    <t>cg07526042</t>
  </si>
  <si>
    <t>cg07526656</t>
  </si>
  <si>
    <t>cg07528595</t>
  </si>
  <si>
    <t>cg07529392</t>
  </si>
  <si>
    <t>cg07530577</t>
  </si>
  <si>
    <t>cg07532744</t>
  </si>
  <si>
    <t>cg07533239</t>
  </si>
  <si>
    <t>cg07533511</t>
  </si>
  <si>
    <t>cg07533951</t>
  </si>
  <si>
    <t>cg07537021</t>
  </si>
  <si>
    <t>cg07537523</t>
  </si>
  <si>
    <t>cg07541701</t>
  </si>
  <si>
    <t>cg07545037</t>
  </si>
  <si>
    <t>cg07545743</t>
  </si>
  <si>
    <t>cg07549630</t>
  </si>
  <si>
    <t>cg07567612</t>
  </si>
  <si>
    <t>cg07588358</t>
  </si>
  <si>
    <t>cg07601320</t>
  </si>
  <si>
    <t>cg07602200</t>
  </si>
  <si>
    <t>cg07605469</t>
  </si>
  <si>
    <t>cg07614306</t>
  </si>
  <si>
    <t>cg07617764</t>
  </si>
  <si>
    <t>cg07629854</t>
  </si>
  <si>
    <t>cg07630723</t>
  </si>
  <si>
    <t>cg07634179</t>
  </si>
  <si>
    <t>cg07634645</t>
  </si>
  <si>
    <t>cg07635586</t>
  </si>
  <si>
    <t>cg07640083</t>
  </si>
  <si>
    <t>cg07641027</t>
  </si>
  <si>
    <t>cg07641524</t>
  </si>
  <si>
    <t>cg07645296</t>
  </si>
  <si>
    <t>cg07645980</t>
  </si>
  <si>
    <t>cg07650504</t>
  </si>
  <si>
    <t>cg07651048</t>
  </si>
  <si>
    <t>cg07652628</t>
  </si>
  <si>
    <t>cg07653800</t>
  </si>
  <si>
    <t>cg07656304</t>
  </si>
  <si>
    <t>cg07657776</t>
  </si>
  <si>
    <t>cg07658357</t>
  </si>
  <si>
    <t>cg07661836</t>
  </si>
  <si>
    <t>cg07663278</t>
  </si>
  <si>
    <t>cg07665063</t>
  </si>
  <si>
    <t>cg07668671</t>
  </si>
  <si>
    <t>cg07670188</t>
  </si>
  <si>
    <t>cg07675647</t>
  </si>
  <si>
    <t>cg07682179</t>
  </si>
  <si>
    <t>cg07684519</t>
  </si>
  <si>
    <t>cg07691686</t>
  </si>
  <si>
    <t>cg07694975</t>
  </si>
  <si>
    <t>cg07696842</t>
  </si>
  <si>
    <t>cg07698281</t>
  </si>
  <si>
    <t>cg07703364</t>
  </si>
  <si>
    <t>cg07708516</t>
  </si>
  <si>
    <t>cg07710560</t>
  </si>
  <si>
    <t>cg07711192</t>
  </si>
  <si>
    <t>cg07719172</t>
  </si>
  <si>
    <t>cg07725970</t>
  </si>
  <si>
    <t>cg07727228</t>
  </si>
  <si>
    <t>cg07731191</t>
  </si>
  <si>
    <t>cg07732097</t>
  </si>
  <si>
    <t>cg07735427</t>
  </si>
  <si>
    <t>cg07735710</t>
  </si>
  <si>
    <t>cg07736602</t>
  </si>
  <si>
    <t>cg07737560</t>
  </si>
  <si>
    <t>cg07739604</t>
  </si>
  <si>
    <t>cg07742404</t>
  </si>
  <si>
    <t>cg07742976</t>
  </si>
  <si>
    <t>cg07744430</t>
  </si>
  <si>
    <t>cg07744832</t>
  </si>
  <si>
    <t>cg07746514</t>
  </si>
  <si>
    <t>cg07748017</t>
  </si>
  <si>
    <t>cg07748847</t>
  </si>
  <si>
    <t>cg07775468</t>
  </si>
  <si>
    <t>cg07778315</t>
  </si>
  <si>
    <t>cg07782603</t>
  </si>
  <si>
    <t>cg07783282</t>
  </si>
  <si>
    <t>cg07788451</t>
  </si>
  <si>
    <t>cg07790045</t>
  </si>
  <si>
    <t>cg07793808</t>
  </si>
  <si>
    <t>cg07793889</t>
  </si>
  <si>
    <t>cg07805981</t>
  </si>
  <si>
    <t>cg07806394</t>
  </si>
  <si>
    <t>cg07807026</t>
  </si>
  <si>
    <t>cg07809889</t>
  </si>
  <si>
    <t>cg07810168</t>
  </si>
  <si>
    <t>cg07813695</t>
  </si>
  <si>
    <t>cg07816006</t>
  </si>
  <si>
    <t>cg07819861</t>
  </si>
  <si>
    <t>cg07821172</t>
  </si>
  <si>
    <t>cg07821619</t>
  </si>
  <si>
    <t>cg07825495</t>
  </si>
  <si>
    <t>cg07827008</t>
  </si>
  <si>
    <t>cg07829804</t>
  </si>
  <si>
    <t>cg07835154</t>
  </si>
  <si>
    <t>cg07836370</t>
  </si>
  <si>
    <t>cg07848566</t>
  </si>
  <si>
    <t>cg07855572</t>
  </si>
  <si>
    <t>cg07861564</t>
  </si>
  <si>
    <t>cg07865790</t>
  </si>
  <si>
    <t>cg07870003</t>
  </si>
  <si>
    <t>cg07875848</t>
  </si>
  <si>
    <t>cg07882007</t>
  </si>
  <si>
    <t>cg07882184</t>
  </si>
  <si>
    <t>cg07892422</t>
  </si>
  <si>
    <t>cg07899411</t>
  </si>
  <si>
    <t>cg07899997</t>
  </si>
  <si>
    <t>cg07904051</t>
  </si>
  <si>
    <t>cg07909497</t>
  </si>
  <si>
    <t>cg07911084</t>
  </si>
  <si>
    <t>cg07911961</t>
  </si>
  <si>
    <t>cg07914866</t>
  </si>
  <si>
    <t>cg07915730</t>
  </si>
  <si>
    <t>cg07919028</t>
  </si>
  <si>
    <t>cg07920381</t>
  </si>
  <si>
    <t>cg07925549</t>
  </si>
  <si>
    <t>cg07925587</t>
  </si>
  <si>
    <t>cg07926491</t>
  </si>
  <si>
    <t>cg07932199</t>
  </si>
  <si>
    <t>cg07933076</t>
  </si>
  <si>
    <t>cg07933893</t>
  </si>
  <si>
    <t>cg07938459</t>
  </si>
  <si>
    <t>cg07939207</t>
  </si>
  <si>
    <t>cg07946583</t>
  </si>
  <si>
    <t>cg07949141</t>
  </si>
  <si>
    <t>cg07951810</t>
  </si>
  <si>
    <t>cg07951931</t>
  </si>
  <si>
    <t>cg07954075</t>
  </si>
  <si>
    <t>cg07954572</t>
  </si>
  <si>
    <t>cg07962360</t>
  </si>
  <si>
    <t>cg07964097</t>
  </si>
  <si>
    <t>cg07965300</t>
  </si>
  <si>
    <t>cg07966218</t>
  </si>
  <si>
    <t>cg07967114</t>
  </si>
  <si>
    <t>cg07968091</t>
  </si>
  <si>
    <t>cg07973246</t>
  </si>
  <si>
    <t>cg07975813</t>
  </si>
  <si>
    <t>cg07985354</t>
  </si>
  <si>
    <t>cg07986666</t>
  </si>
  <si>
    <t>cg07990939</t>
  </si>
  <si>
    <t>cg08002996</t>
  </si>
  <si>
    <t>cg08009487</t>
  </si>
  <si>
    <t>cg08012922</t>
  </si>
  <si>
    <t>cg08013199</t>
  </si>
  <si>
    <t>cg08017323</t>
  </si>
  <si>
    <t>cg08019621</t>
  </si>
  <si>
    <t>cg08021025</t>
  </si>
  <si>
    <t>cg08022411</t>
  </si>
  <si>
    <t>cg08028698</t>
  </si>
  <si>
    <t>cg08034663</t>
  </si>
  <si>
    <t>cg08035281</t>
  </si>
  <si>
    <t>cg08038982</t>
  </si>
  <si>
    <t>cg08039583</t>
  </si>
  <si>
    <t>cg08042370</t>
  </si>
  <si>
    <t>cg08043998</t>
  </si>
  <si>
    <t>cg08046364</t>
  </si>
  <si>
    <t>cg08053137</t>
  </si>
  <si>
    <t>cg08059189</t>
  </si>
  <si>
    <t>cg08059719</t>
  </si>
  <si>
    <t>cg08066214</t>
  </si>
  <si>
    <t>cg08069480</t>
  </si>
  <si>
    <t>cg08069899</t>
  </si>
  <si>
    <t>cg08077234</t>
  </si>
  <si>
    <t>cg08078751</t>
  </si>
  <si>
    <t>cg08079331</t>
  </si>
  <si>
    <t>cg08087102</t>
  </si>
  <si>
    <t>cg08088801</t>
  </si>
  <si>
    <t>cg08089780</t>
  </si>
  <si>
    <t>cg08090857</t>
  </si>
  <si>
    <t>cg08092331</t>
  </si>
  <si>
    <t>cg08092837</t>
  </si>
  <si>
    <t>cg08092863</t>
  </si>
  <si>
    <t>cg08094614</t>
  </si>
  <si>
    <t>cg08104032</t>
  </si>
  <si>
    <t>cg08109571</t>
  </si>
  <si>
    <t>cg08111661</t>
  </si>
  <si>
    <t>cg08114617</t>
  </si>
  <si>
    <t>cg08115682</t>
  </si>
  <si>
    <t>cg08116238</t>
  </si>
  <si>
    <t>cg08118942</t>
  </si>
  <si>
    <t>cg08120831</t>
  </si>
  <si>
    <t>cg08121792</t>
  </si>
  <si>
    <t>cg08126223</t>
  </si>
  <si>
    <t>cg08126603</t>
  </si>
  <si>
    <t>cg08130329</t>
  </si>
  <si>
    <t>cg08130968</t>
  </si>
  <si>
    <t>cg08133930</t>
  </si>
  <si>
    <t>cg08135815</t>
  </si>
  <si>
    <t>cg08136042</t>
  </si>
  <si>
    <t>cg08144931</t>
  </si>
  <si>
    <t>cg08146733</t>
  </si>
  <si>
    <t>cg08150885</t>
  </si>
  <si>
    <t>cg08153345</t>
  </si>
  <si>
    <t>cg08158662</t>
  </si>
  <si>
    <t>cg08160085</t>
  </si>
  <si>
    <t>cg08163578</t>
  </si>
  <si>
    <t>cg08163918</t>
  </si>
  <si>
    <t>cg08164151</t>
  </si>
  <si>
    <t>cg08167085</t>
  </si>
  <si>
    <t>cg08168175</t>
  </si>
  <si>
    <t>cg08169325</t>
  </si>
  <si>
    <t>cg08172575</t>
  </si>
  <si>
    <t>cg08174462</t>
  </si>
  <si>
    <t>cg08177625</t>
  </si>
  <si>
    <t>cg08180921</t>
  </si>
  <si>
    <t>cg08182792</t>
  </si>
  <si>
    <t>cg08186915</t>
  </si>
  <si>
    <t>cg08192337</t>
  </si>
  <si>
    <t>cg08195424</t>
  </si>
  <si>
    <t>cg08195921</t>
  </si>
  <si>
    <t>cg08197201</t>
  </si>
  <si>
    <t>cg08198187</t>
  </si>
  <si>
    <t>cg08214142</t>
  </si>
  <si>
    <t>cg08221064</t>
  </si>
  <si>
    <t>cg08222053</t>
  </si>
  <si>
    <t>cg08222800</t>
  </si>
  <si>
    <t>cg08228439</t>
  </si>
  <si>
    <t>cg08236123</t>
  </si>
  <si>
    <t>cg08237117</t>
  </si>
  <si>
    <t>cg08244078</t>
  </si>
  <si>
    <t>cg08244443</t>
  </si>
  <si>
    <t>cg08245487</t>
  </si>
  <si>
    <t>cg08245989</t>
  </si>
  <si>
    <t>cg08246275</t>
  </si>
  <si>
    <t>cg08246632</t>
  </si>
  <si>
    <t>cg08248886</t>
  </si>
  <si>
    <t>cg08252871</t>
  </si>
  <si>
    <t>cg08253513</t>
  </si>
  <si>
    <t>cg08253970</t>
  </si>
  <si>
    <t>cg08254200</t>
  </si>
  <si>
    <t>cg08254359</t>
  </si>
  <si>
    <t>cg08256406</t>
  </si>
  <si>
    <t>cg08261132</t>
  </si>
  <si>
    <t>cg08273772</t>
  </si>
  <si>
    <t>cg08278706</t>
  </si>
  <si>
    <t>cg08279757</t>
  </si>
  <si>
    <t>cg08281341</t>
  </si>
  <si>
    <t>cg08284151</t>
  </si>
  <si>
    <t>cg08285141</t>
  </si>
  <si>
    <t>cg08286181</t>
  </si>
  <si>
    <t>cg08288469</t>
  </si>
  <si>
    <t>cg08289700</t>
  </si>
  <si>
    <t>cg08299265</t>
  </si>
  <si>
    <t>cg08308477</t>
  </si>
  <si>
    <t>cg08310008</t>
  </si>
  <si>
    <t>cg08310608</t>
  </si>
  <si>
    <t>cg08312765</t>
  </si>
  <si>
    <t>cg08314603</t>
  </si>
  <si>
    <t>cg08317730</t>
  </si>
  <si>
    <t>cg08317883</t>
  </si>
  <si>
    <t>cg08321600</t>
  </si>
  <si>
    <t>cg08325343</t>
  </si>
  <si>
    <t>cg08325519</t>
  </si>
  <si>
    <t>cg08330778</t>
  </si>
  <si>
    <t>cg08333232</t>
  </si>
  <si>
    <t>cg08333283</t>
  </si>
  <si>
    <t>cg08335389</t>
  </si>
  <si>
    <t>cg08335892</t>
  </si>
  <si>
    <t>cg08336425</t>
  </si>
  <si>
    <t>cg08337166</t>
  </si>
  <si>
    <t>cg08339023</t>
  </si>
  <si>
    <t>cg08346232</t>
  </si>
  <si>
    <t>cg08346269</t>
  </si>
  <si>
    <t>cg08348100</t>
  </si>
  <si>
    <t>cg08349804</t>
  </si>
  <si>
    <t>cg08351464</t>
  </si>
  <si>
    <t>cg08352148</t>
  </si>
  <si>
    <t>cg08354685</t>
  </si>
  <si>
    <t>cg08355538</t>
  </si>
  <si>
    <t>cg08355659</t>
  </si>
  <si>
    <t>cg08356445</t>
  </si>
  <si>
    <t>cg08367026</t>
  </si>
  <si>
    <t>cg08380411</t>
  </si>
  <si>
    <t>cg08402850</t>
  </si>
  <si>
    <t>cg08406082</t>
  </si>
  <si>
    <t>cg08408988</t>
  </si>
  <si>
    <t>cg08409225</t>
  </si>
  <si>
    <t>cg08409335</t>
  </si>
  <si>
    <t>cg08420135</t>
  </si>
  <si>
    <t>cg08421080</t>
  </si>
  <si>
    <t>cg08425508</t>
  </si>
  <si>
    <t>cg08445469</t>
  </si>
  <si>
    <t>cg08446539</t>
  </si>
  <si>
    <t>cg08447520</t>
  </si>
  <si>
    <t>cg08447842</t>
  </si>
  <si>
    <t>cg08447934</t>
  </si>
  <si>
    <t>cg08451870</t>
  </si>
  <si>
    <t>cg08455772</t>
  </si>
  <si>
    <t>cg08456993</t>
  </si>
  <si>
    <t>cg08459182</t>
  </si>
  <si>
    <t>cg08461425</t>
  </si>
  <si>
    <t>cg08462730</t>
  </si>
  <si>
    <t>cg08464009</t>
  </si>
  <si>
    <t>cg08465579</t>
  </si>
  <si>
    <t>cg08467512</t>
  </si>
  <si>
    <t>cg08480223</t>
  </si>
  <si>
    <t>cg08500084</t>
  </si>
  <si>
    <t>cg08501420</t>
  </si>
  <si>
    <t>cg08502080</t>
  </si>
  <si>
    <t>cg08512940</t>
  </si>
  <si>
    <t>cg08520742</t>
  </si>
  <si>
    <t>cg08521073</t>
  </si>
  <si>
    <t>cg08522676</t>
  </si>
  <si>
    <t>cg08527797</t>
  </si>
  <si>
    <t>cg08528444</t>
  </si>
  <si>
    <t>cg08533745</t>
  </si>
  <si>
    <t>cg08538139</t>
  </si>
  <si>
    <t>cg08538288</t>
  </si>
  <si>
    <t>cg08543400</t>
  </si>
  <si>
    <t>cg08548710</t>
  </si>
  <si>
    <t>cg08553963</t>
  </si>
  <si>
    <t>cg08555389</t>
  </si>
  <si>
    <t>cg08571203</t>
  </si>
  <si>
    <t>cg08572734</t>
  </si>
  <si>
    <t>cg08578186</t>
  </si>
  <si>
    <t>cg08592423</t>
  </si>
  <si>
    <t>cg08602446</t>
  </si>
  <si>
    <t>cg08608663</t>
  </si>
  <si>
    <t>cg08610361</t>
  </si>
  <si>
    <t>cg08611549</t>
  </si>
  <si>
    <t>cg08612011</t>
  </si>
  <si>
    <t>cg08612037</t>
  </si>
  <si>
    <t>cg08617683</t>
  </si>
  <si>
    <t>cg08618204</t>
  </si>
  <si>
    <t>cg08618413</t>
  </si>
  <si>
    <t>cg08618620</t>
  </si>
  <si>
    <t>cg08622677</t>
  </si>
  <si>
    <t>cg08624705</t>
  </si>
  <si>
    <t>cg08627847</t>
  </si>
  <si>
    <t>cg08629913</t>
  </si>
  <si>
    <t>cg08630639</t>
  </si>
  <si>
    <t>cg08631137</t>
  </si>
  <si>
    <t>cg08631328</t>
  </si>
  <si>
    <t>cg08634598</t>
  </si>
  <si>
    <t>cg08635011</t>
  </si>
  <si>
    <t>cg08640498</t>
  </si>
  <si>
    <t>cg08641078</t>
  </si>
  <si>
    <t>cg08645878</t>
  </si>
  <si>
    <t>cg08660562</t>
  </si>
  <si>
    <t>cg08660883</t>
  </si>
  <si>
    <t>cg08663201</t>
  </si>
  <si>
    <t>cg08683297</t>
  </si>
  <si>
    <t>cg08684663</t>
  </si>
  <si>
    <t>cg08684991</t>
  </si>
  <si>
    <t>cg08685444</t>
  </si>
  <si>
    <t>cg08693271</t>
  </si>
  <si>
    <t>cg08693490</t>
  </si>
  <si>
    <t>cg08695941</t>
  </si>
  <si>
    <t>cg08699196</t>
  </si>
  <si>
    <t>cg08699270</t>
  </si>
  <si>
    <t>cg08703038</t>
  </si>
  <si>
    <t>cg08720250</t>
  </si>
  <si>
    <t>cg08722103</t>
  </si>
  <si>
    <t>cg08726446</t>
  </si>
  <si>
    <t>cg08726999</t>
  </si>
  <si>
    <t>cg08728825</t>
  </si>
  <si>
    <t>cg08730245</t>
  </si>
  <si>
    <t>cg08735279</t>
  </si>
  <si>
    <t>cg08736634</t>
  </si>
  <si>
    <t>cg08738571</t>
  </si>
  <si>
    <t>cg08740063</t>
  </si>
  <si>
    <t>cg08740524</t>
  </si>
  <si>
    <t>cg08743634</t>
  </si>
  <si>
    <t>cg08745498</t>
  </si>
  <si>
    <t>cg08747368</t>
  </si>
  <si>
    <t>cg08748207</t>
  </si>
  <si>
    <t>cg08748471</t>
  </si>
  <si>
    <t>cg08748969</t>
  </si>
  <si>
    <t>cg08750028</t>
  </si>
  <si>
    <t>cg08756735</t>
  </si>
  <si>
    <t>cg08759723</t>
  </si>
  <si>
    <t>cg08759770</t>
  </si>
  <si>
    <t>cg08762230</t>
  </si>
  <si>
    <t>cg08762484</t>
  </si>
  <si>
    <t>cg08764599</t>
  </si>
  <si>
    <t>cg08774452</t>
  </si>
  <si>
    <t>cg08775774</t>
  </si>
  <si>
    <t>cg08785577</t>
  </si>
  <si>
    <t>cg08797454</t>
  </si>
  <si>
    <t>cg08799692</t>
  </si>
  <si>
    <t>cg08800396</t>
  </si>
  <si>
    <t>cg08802841</t>
  </si>
  <si>
    <t>cg08805208</t>
  </si>
  <si>
    <t>cg08806644</t>
  </si>
  <si>
    <t>cg08807097</t>
  </si>
  <si>
    <t>cg08812802</t>
  </si>
  <si>
    <t>cg08814381</t>
  </si>
  <si>
    <t>cg08822715</t>
  </si>
  <si>
    <t>cg08825817</t>
  </si>
  <si>
    <t>cg08828403</t>
  </si>
  <si>
    <t>cg08828886</t>
  </si>
  <si>
    <t>cg08830520</t>
  </si>
  <si>
    <t>cg08830588</t>
  </si>
  <si>
    <t>cg08832227</t>
  </si>
  <si>
    <t>cg08847724</t>
  </si>
  <si>
    <t>cg08849126</t>
  </si>
  <si>
    <t>cg08857479</t>
  </si>
  <si>
    <t>cg08859190</t>
  </si>
  <si>
    <t>cg08865522</t>
  </si>
  <si>
    <t>cg08867249</t>
  </si>
  <si>
    <t>cg08867452</t>
  </si>
  <si>
    <t>cg08869118</t>
  </si>
  <si>
    <t>cg08869573</t>
  </si>
  <si>
    <t>cg08869857</t>
  </si>
  <si>
    <t>cg08869883</t>
  </si>
  <si>
    <t>cg08872738</t>
  </si>
  <si>
    <t>cg08872781</t>
  </si>
  <si>
    <t>cg08877035</t>
  </si>
  <si>
    <t>cg08879365</t>
  </si>
  <si>
    <t>cg08880796</t>
  </si>
  <si>
    <t>cg08886880</t>
  </si>
  <si>
    <t>cg08894685</t>
  </si>
  <si>
    <t>cg08900043</t>
  </si>
  <si>
    <t>cg08907525</t>
  </si>
  <si>
    <t>cg08911237</t>
  </si>
  <si>
    <t>cg08912860</t>
  </si>
  <si>
    <t>cg08923060</t>
  </si>
  <si>
    <t>cg08931917</t>
  </si>
  <si>
    <t>cg08932256</t>
  </si>
  <si>
    <t>cg08932683</t>
  </si>
  <si>
    <t>cg08933160</t>
  </si>
  <si>
    <t>cg08935410</t>
  </si>
  <si>
    <t>cg08938906</t>
  </si>
  <si>
    <t>cg08942720</t>
  </si>
  <si>
    <t>cg08944961</t>
  </si>
  <si>
    <t>cg08946014</t>
  </si>
  <si>
    <t>cg08949339</t>
  </si>
  <si>
    <t>cg08957127</t>
  </si>
  <si>
    <t>cg08957683</t>
  </si>
  <si>
    <t>cg08957733</t>
  </si>
  <si>
    <t>cg08959992</t>
  </si>
  <si>
    <t>cg08960352</t>
  </si>
  <si>
    <t>cg08962452</t>
  </si>
  <si>
    <t>cg08962767</t>
  </si>
  <si>
    <t>cg08964024</t>
  </si>
  <si>
    <t>cg08965744</t>
  </si>
  <si>
    <t>cg08967814</t>
  </si>
  <si>
    <t>cg08968830</t>
  </si>
  <si>
    <t>cg08971724</t>
  </si>
  <si>
    <t>cg08974852</t>
  </si>
  <si>
    <t>cg08975295</t>
  </si>
  <si>
    <t>cg08975323</t>
  </si>
  <si>
    <t>cg08975803</t>
  </si>
  <si>
    <t>cg08976025</t>
  </si>
  <si>
    <t>cg08980965</t>
  </si>
  <si>
    <t>cg08981980</t>
  </si>
  <si>
    <t>cg08985885</t>
  </si>
  <si>
    <t>cg08992050</t>
  </si>
  <si>
    <t>cg08992759</t>
  </si>
  <si>
    <t>cg08993262</t>
  </si>
  <si>
    <t>cg09002469</t>
  </si>
  <si>
    <t>cg09007058</t>
  </si>
  <si>
    <t>cg09009474</t>
  </si>
  <si>
    <t>cg09011608</t>
  </si>
  <si>
    <t>cg09013480</t>
  </si>
  <si>
    <t>cg09035930</t>
  </si>
  <si>
    <t>cg09039672</t>
  </si>
  <si>
    <t>cg09042277</t>
  </si>
  <si>
    <t>cg09043511</t>
  </si>
  <si>
    <t>cg09044219</t>
  </si>
  <si>
    <t>cg09044656</t>
  </si>
  <si>
    <t>cg09044728</t>
  </si>
  <si>
    <t>cg09045007</t>
  </si>
  <si>
    <t>cg09045655</t>
  </si>
  <si>
    <t>cg09046427</t>
  </si>
  <si>
    <t>cg09055978</t>
  </si>
  <si>
    <t>cg09058293</t>
  </si>
  <si>
    <t>cg09059548</t>
  </si>
  <si>
    <t>cg09060496</t>
  </si>
  <si>
    <t>cg09060823</t>
  </si>
  <si>
    <t>cg09080114</t>
  </si>
  <si>
    <t>cg09082985</t>
  </si>
  <si>
    <t>cg09087087</t>
  </si>
  <si>
    <t>cg09087462</t>
  </si>
  <si>
    <t>cg09088508</t>
  </si>
  <si>
    <t>cg09090791</t>
  </si>
  <si>
    <t>cg09090941</t>
  </si>
  <si>
    <t>cg09093210</t>
  </si>
  <si>
    <t>cg09094631</t>
  </si>
  <si>
    <t>cg09098707</t>
  </si>
  <si>
    <t>cg09103234</t>
  </si>
  <si>
    <t>cg09104660</t>
  </si>
  <si>
    <t>cg09106999</t>
  </si>
  <si>
    <t>cg09107344</t>
  </si>
  <si>
    <t>cg09109477</t>
  </si>
  <si>
    <t>cg09110274</t>
  </si>
  <si>
    <t>cg09111382</t>
  </si>
  <si>
    <t>cg09111831</t>
  </si>
  <si>
    <t>cg09114799</t>
  </si>
  <si>
    <t>cg09120267</t>
  </si>
  <si>
    <t>cg09121415</t>
  </si>
  <si>
    <t>cg09123760</t>
  </si>
  <si>
    <t>cg09126273</t>
  </si>
  <si>
    <t>cg09126859</t>
  </si>
  <si>
    <t>cg09126870</t>
  </si>
  <si>
    <t>cg09137453</t>
  </si>
  <si>
    <t>cg09142405</t>
  </si>
  <si>
    <t>cg09148852</t>
  </si>
  <si>
    <t>cg09150807</t>
  </si>
  <si>
    <t>cg09151742</t>
  </si>
  <si>
    <t>cg09154615</t>
  </si>
  <si>
    <t>cg09160789</t>
  </si>
  <si>
    <t>cg09163317</t>
  </si>
  <si>
    <t>cg09163477</t>
  </si>
  <si>
    <t>cg09164846</t>
  </si>
  <si>
    <t>cg09169682</t>
  </si>
  <si>
    <t>cg09170652</t>
  </si>
  <si>
    <t>cg09171368</t>
  </si>
  <si>
    <t>cg09174411</t>
  </si>
  <si>
    <t>cg09176901</t>
  </si>
  <si>
    <t>cg09180356</t>
  </si>
  <si>
    <t>cg09183316</t>
  </si>
  <si>
    <t>cg09184853</t>
  </si>
  <si>
    <t>cg09187933</t>
  </si>
  <si>
    <t>cg09187936</t>
  </si>
  <si>
    <t>cg09188868</t>
  </si>
  <si>
    <t>cg09192801</t>
  </si>
  <si>
    <t>cg09193981</t>
  </si>
  <si>
    <t>cg09194650</t>
  </si>
  <si>
    <t>cg09208611</t>
  </si>
  <si>
    <t>cg09210964</t>
  </si>
  <si>
    <t>cg09211850</t>
  </si>
  <si>
    <t>cg09213964</t>
  </si>
  <si>
    <t>cg09219196</t>
  </si>
  <si>
    <t>cg09228454</t>
  </si>
  <si>
    <t>cg09229912</t>
  </si>
  <si>
    <t>cg09234599</t>
  </si>
  <si>
    <t>cg09237846</t>
  </si>
  <si>
    <t>cg09237989</t>
  </si>
  <si>
    <t>cg09239150</t>
  </si>
  <si>
    <t>cg09239756</t>
  </si>
  <si>
    <t>cg09240095</t>
  </si>
  <si>
    <t>cg09246829</t>
  </si>
  <si>
    <t>cg09253125</t>
  </si>
  <si>
    <t>cg09253762</t>
  </si>
  <si>
    <t>cg09254001</t>
  </si>
  <si>
    <t>cg09254264</t>
  </si>
  <si>
    <t>cg09257092</t>
  </si>
  <si>
    <t>cg09258689</t>
  </si>
  <si>
    <t>cg09261514</t>
  </si>
  <si>
    <t>cg09263904</t>
  </si>
  <si>
    <t>cg09265000</t>
  </si>
  <si>
    <t>cg09265016</t>
  </si>
  <si>
    <t>cg09266551</t>
  </si>
  <si>
    <t>cg09266901</t>
  </si>
  <si>
    <t>cg09267427</t>
  </si>
  <si>
    <t>cg09277744</t>
  </si>
  <si>
    <t>cg09285114</t>
  </si>
  <si>
    <t>cg09286981</t>
  </si>
  <si>
    <t>cg09288218</t>
  </si>
  <si>
    <t>cg09289766</t>
  </si>
  <si>
    <t>cg09293737</t>
  </si>
  <si>
    <t>cg09295050</t>
  </si>
  <si>
    <t>cg09298818</t>
  </si>
  <si>
    <t>cg09300189</t>
  </si>
  <si>
    <t>cg09303642</t>
  </si>
  <si>
    <t>cg09303645</t>
  </si>
  <si>
    <t>cg09303800</t>
  </si>
  <si>
    <t>cg09304040</t>
  </si>
  <si>
    <t>cg09307034</t>
  </si>
  <si>
    <t>cg09307742</t>
  </si>
  <si>
    <t>cg09309261</t>
  </si>
  <si>
    <t>cg09313979</t>
  </si>
  <si>
    <t>cg09323400</t>
  </si>
  <si>
    <t>cg09323657</t>
  </si>
  <si>
    <t>cg09325156</t>
  </si>
  <si>
    <t>cg09327849</t>
  </si>
  <si>
    <t>cg09338932</t>
  </si>
  <si>
    <t>cg09360253</t>
  </si>
  <si>
    <t>cg09360912</t>
  </si>
  <si>
    <t>cg09367367</t>
  </si>
  <si>
    <t>cg09368704</t>
  </si>
  <si>
    <t>cg09369221</t>
  </si>
  <si>
    <t>cg09370806</t>
  </si>
  <si>
    <t>cg09372386</t>
  </si>
  <si>
    <t>cg09377899</t>
  </si>
  <si>
    <t>cg09379162</t>
  </si>
  <si>
    <t>cg09379965</t>
  </si>
  <si>
    <t>cg09384610</t>
  </si>
  <si>
    <t>cg09384937</t>
  </si>
  <si>
    <t>cg09387599</t>
  </si>
  <si>
    <t>cg09391966</t>
  </si>
  <si>
    <t>cg09403249</t>
  </si>
  <si>
    <t>cg09415057</t>
  </si>
  <si>
    <t>cg09417774</t>
  </si>
  <si>
    <t>cg09417809</t>
  </si>
  <si>
    <t>cg09418321</t>
  </si>
  <si>
    <t>cg09418959</t>
  </si>
  <si>
    <t>cg09420907</t>
  </si>
  <si>
    <t>cg09421347</t>
  </si>
  <si>
    <t>cg09423599</t>
  </si>
  <si>
    <t>cg09424609</t>
  </si>
  <si>
    <t>cg09424923</t>
  </si>
  <si>
    <t>cg09425481</t>
  </si>
  <si>
    <t>cg09427156</t>
  </si>
  <si>
    <t>cg09427417</t>
  </si>
  <si>
    <t>cg09431970</t>
  </si>
  <si>
    <t>cg09432902</t>
  </si>
  <si>
    <t>cg09436713</t>
  </si>
  <si>
    <t>cg09438698</t>
  </si>
  <si>
    <t>cg09439204</t>
  </si>
  <si>
    <t>cg09440289</t>
  </si>
  <si>
    <t>cg09441395</t>
  </si>
  <si>
    <t>cg09444108</t>
  </si>
  <si>
    <t>cg09444206</t>
  </si>
  <si>
    <t>cg09444226</t>
  </si>
  <si>
    <t>cg09446136</t>
  </si>
  <si>
    <t>cg09447105</t>
  </si>
  <si>
    <t>cg09453737</t>
  </si>
  <si>
    <t>cg09457245</t>
  </si>
  <si>
    <t>cg09464487</t>
  </si>
  <si>
    <t>cg09470640</t>
  </si>
  <si>
    <t>cg09475324</t>
  </si>
  <si>
    <t>cg09475479</t>
  </si>
  <si>
    <t>cg09479783</t>
  </si>
  <si>
    <t>cg09481304</t>
  </si>
  <si>
    <t>cg09481972</t>
  </si>
  <si>
    <t>cg09483067</t>
  </si>
  <si>
    <t>cg09484032</t>
  </si>
  <si>
    <t>cg09486764</t>
  </si>
  <si>
    <t>cg09487985</t>
  </si>
  <si>
    <t>cg09494609</t>
  </si>
  <si>
    <t>cg09504352</t>
  </si>
  <si>
    <t>cg09522147</t>
  </si>
  <si>
    <t>cg09525973</t>
  </si>
  <si>
    <t>cg09525994</t>
  </si>
  <si>
    <t>cg09526758</t>
  </si>
  <si>
    <t>cg09527658</t>
  </si>
  <si>
    <t>cg09541248</t>
  </si>
  <si>
    <t>cg09548162</t>
  </si>
  <si>
    <t>cg09561351</t>
  </si>
  <si>
    <t>cg09570214</t>
  </si>
  <si>
    <t>cg09571762</t>
  </si>
  <si>
    <t>cg09576209</t>
  </si>
  <si>
    <t>cg09577320</t>
  </si>
  <si>
    <t>cg09578254</t>
  </si>
  <si>
    <t>cg09579151</t>
  </si>
  <si>
    <t>cg09579989</t>
  </si>
  <si>
    <t>cg09589565</t>
  </si>
  <si>
    <t>cg09590401</t>
  </si>
  <si>
    <t>cg09595479</t>
  </si>
  <si>
    <t>cg09595912</t>
  </si>
  <si>
    <t>cg09596234</t>
  </si>
  <si>
    <t>cg09596975</t>
  </si>
  <si>
    <t>cg09597465</t>
  </si>
  <si>
    <t>cg09597530</t>
  </si>
  <si>
    <t>cg09598437</t>
  </si>
  <si>
    <t>cg09627247</t>
  </si>
  <si>
    <t>cg09627757</t>
  </si>
  <si>
    <t>cg09629675</t>
  </si>
  <si>
    <t>cg09632076</t>
  </si>
  <si>
    <t>cg09634370</t>
  </si>
  <si>
    <t>cg09641955</t>
  </si>
  <si>
    <t>cg09643279</t>
  </si>
  <si>
    <t>cg09643371</t>
  </si>
  <si>
    <t>cg09644157</t>
  </si>
  <si>
    <t>cg09648269</t>
  </si>
  <si>
    <t>cg09653879</t>
  </si>
  <si>
    <t>cg09655546</t>
  </si>
  <si>
    <t>cg09658429</t>
  </si>
  <si>
    <t>cg09659163</t>
  </si>
  <si>
    <t>cg09660810</t>
  </si>
  <si>
    <t>cg09663836</t>
  </si>
  <si>
    <t>cg09670175</t>
  </si>
  <si>
    <t>cg09671309</t>
  </si>
  <si>
    <t>cg09676376</t>
  </si>
  <si>
    <t>cg09676622</t>
  </si>
  <si>
    <t>cg09676630</t>
  </si>
  <si>
    <t>cg09680149</t>
  </si>
  <si>
    <t>cg09682469</t>
  </si>
  <si>
    <t>cg09682848</t>
  </si>
  <si>
    <t>cg09686610</t>
  </si>
  <si>
    <t>cg09686672</t>
  </si>
  <si>
    <t>cg09701682</t>
  </si>
  <si>
    <t>cg09705531</t>
  </si>
  <si>
    <t>cg09706122</t>
  </si>
  <si>
    <t>cg09717146</t>
  </si>
  <si>
    <t>cg09720033</t>
  </si>
  <si>
    <t>cg09720701</t>
  </si>
  <si>
    <t>cg09725090</t>
  </si>
  <si>
    <t>cg09732486</t>
  </si>
  <si>
    <t>cg09736083</t>
  </si>
  <si>
    <t>cg09736286</t>
  </si>
  <si>
    <t>cg09739904</t>
  </si>
  <si>
    <t>cg09740450</t>
  </si>
  <si>
    <t>cg09741713</t>
  </si>
  <si>
    <t>cg09744452</t>
  </si>
  <si>
    <t>cg09749638</t>
  </si>
  <si>
    <t>cg09750599</t>
  </si>
  <si>
    <t>cg09761310</t>
  </si>
  <si>
    <t>cg09763086</t>
  </si>
  <si>
    <t>cg09765906</t>
  </si>
  <si>
    <t>cg09774007</t>
  </si>
  <si>
    <t>cg09774706</t>
  </si>
  <si>
    <t>cg09774932</t>
  </si>
  <si>
    <t>cg09778734</t>
  </si>
  <si>
    <t>cg09778963</t>
  </si>
  <si>
    <t>cg09781168</t>
  </si>
  <si>
    <t>cg09788586</t>
  </si>
  <si>
    <t>cg09789697</t>
  </si>
  <si>
    <t>cg09789874</t>
  </si>
  <si>
    <t>cg09792000</t>
  </si>
  <si>
    <t>cg09793376</t>
  </si>
  <si>
    <t>cg09798033</t>
  </si>
  <si>
    <t>cg09799980</t>
  </si>
  <si>
    <t>cg09802818</t>
  </si>
  <si>
    <t>cg09805252</t>
  </si>
  <si>
    <t>cg09813248</t>
  </si>
  <si>
    <t>cg09819033</t>
  </si>
  <si>
    <t>cg09823760</t>
  </si>
  <si>
    <t>cg09827071</t>
  </si>
  <si>
    <t>cg09840824</t>
  </si>
  <si>
    <t>cg09841118</t>
  </si>
  <si>
    <t>cg09848198</t>
  </si>
  <si>
    <t>cg09851814</t>
  </si>
  <si>
    <t>cg09865760</t>
  </si>
  <si>
    <t>cg09868274</t>
  </si>
  <si>
    <t>cg09875444</t>
  </si>
  <si>
    <t>cg09876575</t>
  </si>
  <si>
    <t>cg09879604</t>
  </si>
  <si>
    <t>cg09881510</t>
  </si>
  <si>
    <t>cg09882144</t>
  </si>
  <si>
    <t>cg09884889</t>
  </si>
  <si>
    <t>cg09889154</t>
  </si>
  <si>
    <t>cg09890213</t>
  </si>
  <si>
    <t>cg09890214</t>
  </si>
  <si>
    <t>cg09890930</t>
  </si>
  <si>
    <t>cg09893576</t>
  </si>
  <si>
    <t>cg09894284</t>
  </si>
  <si>
    <t>cg09900521</t>
  </si>
  <si>
    <t>cg09901208</t>
  </si>
  <si>
    <t>cg09904296</t>
  </si>
  <si>
    <t>cg09907201</t>
  </si>
  <si>
    <t>cg09907439</t>
  </si>
  <si>
    <t>cg09912793</t>
  </si>
  <si>
    <t>cg09915978</t>
  </si>
  <si>
    <t>cg09916651</t>
  </si>
  <si>
    <t>cg09917807</t>
  </si>
  <si>
    <t>cg09922115</t>
  </si>
  <si>
    <t>cg09926889</t>
  </si>
  <si>
    <t>cg09927529</t>
  </si>
  <si>
    <t>cg09929187</t>
  </si>
  <si>
    <t>cg09930743</t>
  </si>
  <si>
    <t>cg09932758</t>
  </si>
  <si>
    <t>cg09934692</t>
  </si>
  <si>
    <t>cg09938049</t>
  </si>
  <si>
    <t>cg09939079</t>
  </si>
  <si>
    <t>cg09941176</t>
  </si>
  <si>
    <t>cg09942210</t>
  </si>
  <si>
    <t>cg09943845</t>
  </si>
  <si>
    <t>cg09944400</t>
  </si>
  <si>
    <t>cg09944659</t>
  </si>
  <si>
    <t>cg09949152</t>
  </si>
  <si>
    <t>cg09957712</t>
  </si>
  <si>
    <t>cg09971940</t>
  </si>
  <si>
    <t>cg09973502</t>
  </si>
  <si>
    <t>cg09989134</t>
  </si>
  <si>
    <t>cg10003267</t>
  </si>
  <si>
    <t>cg10015871</t>
  </si>
  <si>
    <t>cg10016145</t>
  </si>
  <si>
    <t>cg10019018</t>
  </si>
  <si>
    <t>cg10024799</t>
  </si>
  <si>
    <t>cg10025830</t>
  </si>
  <si>
    <t>cg10027114</t>
  </si>
  <si>
    <t>cg10030843</t>
  </si>
  <si>
    <t>cg10035564</t>
  </si>
  <si>
    <t>cg10037049</t>
  </si>
  <si>
    <t>cg10039051</t>
  </si>
  <si>
    <t>cg10040142</t>
  </si>
  <si>
    <t>cg10040329</t>
  </si>
  <si>
    <t>cg10045590</t>
  </si>
  <si>
    <t>cg10047041</t>
  </si>
  <si>
    <t>cg10047181</t>
  </si>
  <si>
    <t>cg10048215</t>
  </si>
  <si>
    <t>cg10050807</t>
  </si>
  <si>
    <t>cg10056728</t>
  </si>
  <si>
    <t>cg10057843</t>
  </si>
  <si>
    <t>cg10063575</t>
  </si>
  <si>
    <t>cg10065736</t>
  </si>
  <si>
    <t>cg10072921</t>
  </si>
  <si>
    <t>cg10077060</t>
  </si>
  <si>
    <t>cg10083898</t>
  </si>
  <si>
    <t>cg10086328</t>
  </si>
  <si>
    <t>cg10087651</t>
  </si>
  <si>
    <t>cg10091102</t>
  </si>
  <si>
    <t>cg10091798</t>
  </si>
  <si>
    <t>cg10095089</t>
  </si>
  <si>
    <t>cg10096050</t>
  </si>
  <si>
    <t>cg10099229</t>
  </si>
  <si>
    <t>cg10102037</t>
  </si>
  <si>
    <t>cg10106091</t>
  </si>
  <si>
    <t>cg10118167</t>
  </si>
  <si>
    <t>cg10124440</t>
  </si>
  <si>
    <t>cg10125195</t>
  </si>
  <si>
    <t>cg10127221</t>
  </si>
  <si>
    <t>cg10129665</t>
  </si>
  <si>
    <t>cg10133578</t>
  </si>
  <si>
    <t>cg10134882</t>
  </si>
  <si>
    <t>cg10141715</t>
  </si>
  <si>
    <t>cg10155026</t>
  </si>
  <si>
    <t>cg10155304</t>
  </si>
  <si>
    <t>cg10157862</t>
  </si>
  <si>
    <t>cg10158080</t>
  </si>
  <si>
    <t>cg10170677</t>
  </si>
  <si>
    <t>cg10179964</t>
  </si>
  <si>
    <t>cg10186308</t>
  </si>
  <si>
    <t>cg10189593</t>
  </si>
  <si>
    <t>cg10195011</t>
  </si>
  <si>
    <t>cg10195295</t>
  </si>
  <si>
    <t>cg10198671</t>
  </si>
  <si>
    <t>cg10201141</t>
  </si>
  <si>
    <t>cg10207240</t>
  </si>
  <si>
    <t>cg10209089</t>
  </si>
  <si>
    <t>cg10210919</t>
  </si>
  <si>
    <t>cg10216353</t>
  </si>
  <si>
    <t>cg10216717</t>
  </si>
  <si>
    <t>cg10223575</t>
  </si>
  <si>
    <t>cg10230310</t>
  </si>
  <si>
    <t>cg10233454</t>
  </si>
  <si>
    <t>cg10234477</t>
  </si>
  <si>
    <t>cg10234991</t>
  </si>
  <si>
    <t>cg10238080</t>
  </si>
  <si>
    <t>cg10239022</t>
  </si>
  <si>
    <t>cg10240725</t>
  </si>
  <si>
    <t>cg10243307</t>
  </si>
  <si>
    <t>cg10248279</t>
  </si>
  <si>
    <t>cg10255904</t>
  </si>
  <si>
    <t>cg10256477</t>
  </si>
  <si>
    <t>cg10281002</t>
  </si>
  <si>
    <t>cg10284006</t>
  </si>
  <si>
    <t>cg10292376</t>
  </si>
  <si>
    <t>cg10294200</t>
  </si>
  <si>
    <t>cg10294363</t>
  </si>
  <si>
    <t>cg10301695</t>
  </si>
  <si>
    <t>cg10302498</t>
  </si>
  <si>
    <t>cg10310119</t>
  </si>
  <si>
    <t>cg10319073</t>
  </si>
  <si>
    <t>cg10319331</t>
  </si>
  <si>
    <t>cg10320759</t>
  </si>
  <si>
    <t>cg10323841</t>
  </si>
  <si>
    <t>cg10323921</t>
  </si>
  <si>
    <t>cg10331528</t>
  </si>
  <si>
    <t>cg10338338</t>
  </si>
  <si>
    <t>cg10346242</t>
  </si>
  <si>
    <t>cg10354880</t>
  </si>
  <si>
    <t>cg10356187</t>
  </si>
  <si>
    <t>cg10356759</t>
  </si>
  <si>
    <t>cg10358194</t>
  </si>
  <si>
    <t>cg10361696</t>
  </si>
  <si>
    <t>cg10366797</t>
  </si>
  <si>
    <t>cg10369242</t>
  </si>
  <si>
    <t>cg10370961</t>
  </si>
  <si>
    <t>cg10377764</t>
  </si>
  <si>
    <t>cg10378667</t>
  </si>
  <si>
    <t>cg10380200</t>
  </si>
  <si>
    <t>cg10381455</t>
  </si>
  <si>
    <t>cg10395711</t>
  </si>
  <si>
    <t>cg10417863</t>
  </si>
  <si>
    <t>cg10419678</t>
  </si>
  <si>
    <t>cg10431365</t>
  </si>
  <si>
    <t>cg10435232</t>
  </si>
  <si>
    <t>cg10447247</t>
  </si>
  <si>
    <t>cg10448719</t>
  </si>
  <si>
    <t>cg10449070</t>
  </si>
  <si>
    <t>cg10453123</t>
  </si>
  <si>
    <t>cg10454857</t>
  </si>
  <si>
    <t>cg10455412</t>
  </si>
  <si>
    <t>cg10461264</t>
  </si>
  <si>
    <t>cg10468107</t>
  </si>
  <si>
    <t>cg10469553</t>
  </si>
  <si>
    <t>cg10470282</t>
  </si>
  <si>
    <t>cg10470783</t>
  </si>
  <si>
    <t>cg10471216</t>
  </si>
  <si>
    <t>cg10474546</t>
  </si>
  <si>
    <t>cg10483825</t>
  </si>
  <si>
    <t>cg10490742</t>
  </si>
  <si>
    <t>cg10501828</t>
  </si>
  <si>
    <t>cg10508778</t>
  </si>
  <si>
    <t>cg10512292</t>
  </si>
  <si>
    <t>cg10512886</t>
  </si>
  <si>
    <t>cg10518231</t>
  </si>
  <si>
    <t>cg10518543</t>
  </si>
  <si>
    <t>cg10520740</t>
  </si>
  <si>
    <t>cg10524161</t>
  </si>
  <si>
    <t>cg10530281</t>
  </si>
  <si>
    <t>cg10534216</t>
  </si>
  <si>
    <t>cg10538146</t>
  </si>
  <si>
    <t>cg10542990</t>
  </si>
  <si>
    <t>cg10552472</t>
  </si>
  <si>
    <t>cg10552942</t>
  </si>
  <si>
    <t>cg10557253</t>
  </si>
  <si>
    <t>cg10566578</t>
  </si>
  <si>
    <t>cg10567273</t>
  </si>
  <si>
    <t>cg10569188</t>
  </si>
  <si>
    <t>cg10570754</t>
  </si>
  <si>
    <t>cg10575652</t>
  </si>
  <si>
    <t>cg10576019</t>
  </si>
  <si>
    <t>cg10581811</t>
  </si>
  <si>
    <t>cg10583311</t>
  </si>
  <si>
    <t>cg10590292</t>
  </si>
  <si>
    <t>cg10591174</t>
  </si>
  <si>
    <t>cg10593493</t>
  </si>
  <si>
    <t>cg10597485</t>
  </si>
  <si>
    <t>cg10600122</t>
  </si>
  <si>
    <t>cg10600917</t>
  </si>
  <si>
    <t>cg10601624</t>
  </si>
  <si>
    <t>cg10603826</t>
  </si>
  <si>
    <t>cg10604851</t>
  </si>
  <si>
    <t>cg10605084</t>
  </si>
  <si>
    <t>cg10605137</t>
  </si>
  <si>
    <t>cg10608064</t>
  </si>
  <si>
    <t>cg10609256</t>
  </si>
  <si>
    <t>cg10610428</t>
  </si>
  <si>
    <t>cg10612282</t>
  </si>
  <si>
    <t>cg10612692</t>
  </si>
  <si>
    <t>cg10615271</t>
  </si>
  <si>
    <t>cg10616672</t>
  </si>
  <si>
    <t>cg10621315</t>
  </si>
  <si>
    <t>cg10621809</t>
  </si>
  <si>
    <t>cg10622271</t>
  </si>
  <si>
    <t>cg10623198</t>
  </si>
  <si>
    <t>cg10623219</t>
  </si>
  <si>
    <t>cg10625931</t>
  </si>
  <si>
    <t>cg10633827</t>
  </si>
  <si>
    <t>cg10635645</t>
  </si>
  <si>
    <t>cg10637292</t>
  </si>
  <si>
    <t>cg10639585</t>
  </si>
  <si>
    <t>cg10641483</t>
  </si>
  <si>
    <t>cg10641615</t>
  </si>
  <si>
    <t>cg10643271</t>
  </si>
  <si>
    <t>cg10644701</t>
  </si>
  <si>
    <t>cg10646402</t>
  </si>
  <si>
    <t>cg10648455</t>
  </si>
  <si>
    <t>cg10649138</t>
  </si>
  <si>
    <t>cg10651121</t>
  </si>
  <si>
    <t>cg10651300</t>
  </si>
  <si>
    <t>cg10653163</t>
  </si>
  <si>
    <t>cg10654373</t>
  </si>
  <si>
    <t>cg10656204</t>
  </si>
  <si>
    <t>cg10662179</t>
  </si>
  <si>
    <t>cg10664618</t>
  </si>
  <si>
    <t>cg10668189</t>
  </si>
  <si>
    <t>cg10668781</t>
  </si>
  <si>
    <t>cg10672201</t>
  </si>
  <si>
    <t>cg10673246</t>
  </si>
  <si>
    <t>cg10674221</t>
  </si>
  <si>
    <t>cg10675659</t>
  </si>
  <si>
    <t>cg10681328</t>
  </si>
  <si>
    <t>cg10684102</t>
  </si>
  <si>
    <t>cg10686233</t>
  </si>
  <si>
    <t>cg10690802</t>
  </si>
  <si>
    <t>cg10697784</t>
  </si>
  <si>
    <t>cg10700564</t>
  </si>
  <si>
    <t>cg10703784</t>
  </si>
  <si>
    <t>cg10704534</t>
  </si>
  <si>
    <t>cg10705394</t>
  </si>
  <si>
    <t>cg10708905</t>
  </si>
  <si>
    <t>cg10716112</t>
  </si>
  <si>
    <t>cg10731851</t>
  </si>
  <si>
    <t>cg10733115</t>
  </si>
  <si>
    <t>cg10749618</t>
  </si>
  <si>
    <t>cg10763906</t>
  </si>
  <si>
    <t>cg10764357</t>
  </si>
  <si>
    <t>cg10764440</t>
  </si>
  <si>
    <t>cg10764492</t>
  </si>
  <si>
    <t>cg10767192</t>
  </si>
  <si>
    <t>cg10767336</t>
  </si>
  <si>
    <t>cg10769507</t>
  </si>
  <si>
    <t>cg10773017</t>
  </si>
  <si>
    <t>cg10773745</t>
  </si>
  <si>
    <t>cg10774305</t>
  </si>
  <si>
    <t>cg10778619</t>
  </si>
  <si>
    <t>cg10782923</t>
  </si>
  <si>
    <t>cg10785311</t>
  </si>
  <si>
    <t>cg10789281</t>
  </si>
  <si>
    <t>cg10793451</t>
  </si>
  <si>
    <t>cg10793646</t>
  </si>
  <si>
    <t>cg10802005</t>
  </si>
  <si>
    <t>cg10802680</t>
  </si>
  <si>
    <t>cg10803923</t>
  </si>
  <si>
    <t>cg10807894</t>
  </si>
  <si>
    <t>cg10809165</t>
  </si>
  <si>
    <t>cg10809166</t>
  </si>
  <si>
    <t>cg10809507</t>
  </si>
  <si>
    <t>cg10810799</t>
  </si>
  <si>
    <t>cg10811178</t>
  </si>
  <si>
    <t>cg10813240</t>
  </si>
  <si>
    <t>cg10815129</t>
  </si>
  <si>
    <t>cg10816846</t>
  </si>
  <si>
    <t>cg10820376</t>
  </si>
  <si>
    <t>cg10821261</t>
  </si>
  <si>
    <t>cg10827159</t>
  </si>
  <si>
    <t>cg10833114</t>
  </si>
  <si>
    <t>cg10834205</t>
  </si>
  <si>
    <t>cg10836402</t>
  </si>
  <si>
    <t>cg10836733</t>
  </si>
  <si>
    <t>cg10837116</t>
  </si>
  <si>
    <t>cg10839475</t>
  </si>
  <si>
    <t>cg10840945</t>
  </si>
  <si>
    <t>cg10841343</t>
  </si>
  <si>
    <t>cg10841775</t>
  </si>
  <si>
    <t>cg10842095</t>
  </si>
  <si>
    <t>cg10846775</t>
  </si>
  <si>
    <t>cg10851739</t>
  </si>
  <si>
    <t>cg10852165</t>
  </si>
  <si>
    <t>cg10853063</t>
  </si>
  <si>
    <t>cg10855395</t>
  </si>
  <si>
    <t>cg10856812</t>
  </si>
  <si>
    <t>cg10857167</t>
  </si>
  <si>
    <t>cg10857427</t>
  </si>
  <si>
    <t>cg10859192</t>
  </si>
  <si>
    <t>cg10860819</t>
  </si>
  <si>
    <t>cg10862603</t>
  </si>
  <si>
    <t>cg10864855</t>
  </si>
  <si>
    <t>cg10865238</t>
  </si>
  <si>
    <t>cg10868277</t>
  </si>
  <si>
    <t>cg10872457</t>
  </si>
  <si>
    <t>cg10877031</t>
  </si>
  <si>
    <t>cg10878896</t>
  </si>
  <si>
    <t>cg10885645</t>
  </si>
  <si>
    <t>cg10887937</t>
  </si>
  <si>
    <t>cg10889556</t>
  </si>
  <si>
    <t>cg10889999</t>
  </si>
  <si>
    <t>cg10890403</t>
  </si>
  <si>
    <t>cg10891888</t>
  </si>
  <si>
    <t>cg10893220</t>
  </si>
  <si>
    <t>cg10893278</t>
  </si>
  <si>
    <t>cg10900351</t>
  </si>
  <si>
    <t>cg10901383</t>
  </si>
  <si>
    <t>cg10901569</t>
  </si>
  <si>
    <t>cg10902825</t>
  </si>
  <si>
    <t>cg10902909</t>
  </si>
  <si>
    <t>cg10904028</t>
  </si>
  <si>
    <t>cg10907744</t>
  </si>
  <si>
    <t>cg10910617</t>
  </si>
  <si>
    <t>cg10911287</t>
  </si>
  <si>
    <t>cg10911340</t>
  </si>
  <si>
    <t>cg10918927</t>
  </si>
  <si>
    <t>cg10923838</t>
  </si>
  <si>
    <t>cg10923855</t>
  </si>
  <si>
    <t>cg10929582</t>
  </si>
  <si>
    <t>cg10932874</t>
  </si>
  <si>
    <t>cg10933028</t>
  </si>
  <si>
    <t>cg10934546</t>
  </si>
  <si>
    <t>cg10934766</t>
  </si>
  <si>
    <t>cg10940023</t>
  </si>
  <si>
    <t>cg10940545</t>
  </si>
  <si>
    <t>cg10942227</t>
  </si>
  <si>
    <t>cg10942707</t>
  </si>
  <si>
    <t>cg10948795</t>
  </si>
  <si>
    <t>cg10952910</t>
  </si>
  <si>
    <t>cg10956480</t>
  </si>
  <si>
    <t>cg10957166</t>
  </si>
  <si>
    <t>cg10963011</t>
  </si>
  <si>
    <t>cg10963793</t>
  </si>
  <si>
    <t>cg10967280</t>
  </si>
  <si>
    <t>cg10969412</t>
  </si>
  <si>
    <t>cg10970328</t>
  </si>
  <si>
    <t>cg10971122</t>
  </si>
  <si>
    <t>cg10988075</t>
  </si>
  <si>
    <t>cg10988144</t>
  </si>
  <si>
    <t>cg10989175</t>
  </si>
  <si>
    <t>cg10990685</t>
  </si>
  <si>
    <t>cg10993460</t>
  </si>
  <si>
    <t>cg10995426</t>
  </si>
  <si>
    <t>cg10996589</t>
  </si>
  <si>
    <t>cg10999429</t>
  </si>
  <si>
    <t>cg11002907</t>
  </si>
  <si>
    <t>cg11004401</t>
  </si>
  <si>
    <t>cg11005091</t>
  </si>
  <si>
    <t>cg11005250</t>
  </si>
  <si>
    <t>cg11007608</t>
  </si>
  <si>
    <t>cg11011112</t>
  </si>
  <si>
    <t>cg11021764</t>
  </si>
  <si>
    <t>cg11022791</t>
  </si>
  <si>
    <t>cg11043815</t>
  </si>
  <si>
    <t>cg11043909</t>
  </si>
  <si>
    <t>cg11046772</t>
  </si>
  <si>
    <t>cg11051139</t>
  </si>
  <si>
    <t>cg11053466</t>
  </si>
  <si>
    <t>cg11053966</t>
  </si>
  <si>
    <t>cg11054192</t>
  </si>
  <si>
    <t>cg11060573</t>
  </si>
  <si>
    <t>cg11060907</t>
  </si>
  <si>
    <t>cg11062056</t>
  </si>
  <si>
    <t>cg11064206</t>
  </si>
  <si>
    <t>cg11065154</t>
  </si>
  <si>
    <t>cg11065385</t>
  </si>
  <si>
    <t>cg11067013</t>
  </si>
  <si>
    <t>cg11067907</t>
  </si>
  <si>
    <t>cg11072723</t>
  </si>
  <si>
    <t>cg11074088</t>
  </si>
  <si>
    <t>cg11075121</t>
  </si>
  <si>
    <t>cg11080731</t>
  </si>
  <si>
    <t>cg11082575</t>
  </si>
  <si>
    <t>cg11084474</t>
  </si>
  <si>
    <t>cg11087358</t>
  </si>
  <si>
    <t>cg11090202</t>
  </si>
  <si>
    <t>cg11100309</t>
  </si>
  <si>
    <t>cg11114313</t>
  </si>
  <si>
    <t>cg11117177</t>
  </si>
  <si>
    <t>cg11118440</t>
  </si>
  <si>
    <t>cg11122256</t>
  </si>
  <si>
    <t>cg11124443</t>
  </si>
  <si>
    <t>cg11128212</t>
  </si>
  <si>
    <t>cg11136665</t>
  </si>
  <si>
    <t>cg11137160</t>
  </si>
  <si>
    <t>cg11138731</t>
  </si>
  <si>
    <t>cg11139074</t>
  </si>
  <si>
    <t>cg11139740</t>
  </si>
  <si>
    <t>cg11143310</t>
  </si>
  <si>
    <t>cg11146114</t>
  </si>
  <si>
    <t>cg11146178</t>
  </si>
  <si>
    <t>cg11146884</t>
  </si>
  <si>
    <t>cg11147442</t>
  </si>
  <si>
    <t>cg11151021</t>
  </si>
  <si>
    <t>cg11151544</t>
  </si>
  <si>
    <t>cg11151811</t>
  </si>
  <si>
    <t>cg11154829</t>
  </si>
  <si>
    <t>cg11155687</t>
  </si>
  <si>
    <t>cg11156286</t>
  </si>
  <si>
    <t>cg11158239</t>
  </si>
  <si>
    <t>cg11160386</t>
  </si>
  <si>
    <t>cg11175477</t>
  </si>
  <si>
    <t>cg11176737</t>
  </si>
  <si>
    <t>cg11178321</t>
  </si>
  <si>
    <t>cg11190248</t>
  </si>
  <si>
    <t>cg11196544</t>
  </si>
  <si>
    <t>cg11197258</t>
  </si>
  <si>
    <t>cg11198639</t>
  </si>
  <si>
    <t>cg11203215</t>
  </si>
  <si>
    <t>cg11206763</t>
  </si>
  <si>
    <t>cg11207300</t>
  </si>
  <si>
    <t>cg11207379</t>
  </si>
  <si>
    <t>cg11209447</t>
  </si>
  <si>
    <t>cg11210443</t>
  </si>
  <si>
    <t>cg11214164</t>
  </si>
  <si>
    <t>cg11216616</t>
  </si>
  <si>
    <t>cg11219873</t>
  </si>
  <si>
    <t>cg11219976</t>
  </si>
  <si>
    <t>cg11220043</t>
  </si>
  <si>
    <t>cg11220161</t>
  </si>
  <si>
    <t>cg11222127</t>
  </si>
  <si>
    <t>cg11225410</t>
  </si>
  <si>
    <t>cg11225935</t>
  </si>
  <si>
    <t>cg11229334</t>
  </si>
  <si>
    <t>cg11241498</t>
  </si>
  <si>
    <t>cg11243680</t>
  </si>
  <si>
    <t>cg11245053</t>
  </si>
  <si>
    <t>cg11249486</t>
  </si>
  <si>
    <t>cg11254317</t>
  </si>
  <si>
    <t>cg11256956</t>
  </si>
  <si>
    <t>cg11261575</t>
  </si>
  <si>
    <t>cg11263235</t>
  </si>
  <si>
    <t>cg11263296</t>
  </si>
  <si>
    <t>cg11263393</t>
  </si>
  <si>
    <t>cg11263852</t>
  </si>
  <si>
    <t>cg11265839</t>
  </si>
  <si>
    <t>cg11268190</t>
  </si>
  <si>
    <t>cg11270192</t>
  </si>
  <si>
    <t>cg11280858</t>
  </si>
  <si>
    <t>cg11289234</t>
  </si>
  <si>
    <t>cg11290998</t>
  </si>
  <si>
    <t>cg11294241</t>
  </si>
  <si>
    <t>cg11294269</t>
  </si>
  <si>
    <t>cg11297423</t>
  </si>
  <si>
    <t>cg11302945</t>
  </si>
  <si>
    <t>cg11303425</t>
  </si>
  <si>
    <t>cg11307565</t>
  </si>
  <si>
    <t>cg11308277</t>
  </si>
  <si>
    <t>cg11310299</t>
  </si>
  <si>
    <t>cg11311053</t>
  </si>
  <si>
    <t>cg11311280</t>
  </si>
  <si>
    <t>cg11317086</t>
  </si>
  <si>
    <t>cg11317254</t>
  </si>
  <si>
    <t>cg11318133</t>
  </si>
  <si>
    <t>cg11323848</t>
  </si>
  <si>
    <t>cg11324420</t>
  </si>
  <si>
    <t>cg11328140</t>
  </si>
  <si>
    <t>cg11332519</t>
  </si>
  <si>
    <t>cg11334644</t>
  </si>
  <si>
    <t>cg11343811</t>
  </si>
  <si>
    <t>cg11345172</t>
  </si>
  <si>
    <t>cg11348345</t>
  </si>
  <si>
    <t>cg11350278</t>
  </si>
  <si>
    <t>cg11358741</t>
  </si>
  <si>
    <t>cg11367159</t>
  </si>
  <si>
    <t>cg11367973</t>
  </si>
  <si>
    <t>cg11380624</t>
  </si>
  <si>
    <t>cg11386866</t>
  </si>
  <si>
    <t>cg11389764</t>
  </si>
  <si>
    <t>cg11404203</t>
  </si>
  <si>
    <t>cg11405852</t>
  </si>
  <si>
    <t>cg11409295</t>
  </si>
  <si>
    <t>cg11409510</t>
  </si>
  <si>
    <t>cg11412853</t>
  </si>
  <si>
    <t>cg11414276</t>
  </si>
  <si>
    <t>cg11417612</t>
  </si>
  <si>
    <t>cg11418537</t>
  </si>
  <si>
    <t>cg11433866</t>
  </si>
  <si>
    <t>cg11435826</t>
  </si>
  <si>
    <t>cg11436087</t>
  </si>
  <si>
    <t>cg11437836</t>
  </si>
  <si>
    <t>cg11439695</t>
  </si>
  <si>
    <t>cg11439834</t>
  </si>
  <si>
    <t>cg11442185</t>
  </si>
  <si>
    <t>cg11450001</t>
  </si>
  <si>
    <t>cg11452221</t>
  </si>
  <si>
    <t>cg11465372</t>
  </si>
  <si>
    <t>cg11471401</t>
  </si>
  <si>
    <t>cg11471666</t>
  </si>
  <si>
    <t>cg11491407</t>
  </si>
  <si>
    <t>cg11495249</t>
  </si>
  <si>
    <t>cg11501644</t>
  </si>
  <si>
    <t>cg11503210</t>
  </si>
  <si>
    <t>cg11505240</t>
  </si>
  <si>
    <t>cg11505661</t>
  </si>
  <si>
    <t>cg11510131</t>
  </si>
  <si>
    <t>cg11511175</t>
  </si>
  <si>
    <t>cg11511669</t>
  </si>
  <si>
    <t>cg11512704</t>
  </si>
  <si>
    <t>cg11518240</t>
  </si>
  <si>
    <t>cg11518507</t>
  </si>
  <si>
    <t>cg11524454</t>
  </si>
  <si>
    <t>cg11527168</t>
  </si>
  <si>
    <t>cg11531579</t>
  </si>
  <si>
    <t>cg11547667</t>
  </si>
  <si>
    <t>cg11550381</t>
  </si>
  <si>
    <t>cg11551879</t>
  </si>
  <si>
    <t>cg11557658</t>
  </si>
  <si>
    <t>cg11557823</t>
  </si>
  <si>
    <t>cg11561462</t>
  </si>
  <si>
    <t>cg11565429</t>
  </si>
  <si>
    <t>cg11565911</t>
  </si>
  <si>
    <t>cg11566183</t>
  </si>
  <si>
    <t>cg11566199</t>
  </si>
  <si>
    <t>cg11566267</t>
  </si>
  <si>
    <t>cg11567558</t>
  </si>
  <si>
    <t>cg11569159</t>
  </si>
  <si>
    <t>cg11571790</t>
  </si>
  <si>
    <t>cg11575047</t>
  </si>
  <si>
    <t>cg11586330</t>
  </si>
  <si>
    <t>cg11586448</t>
  </si>
  <si>
    <t>cg11588270</t>
  </si>
  <si>
    <t>cg11594260</t>
  </si>
  <si>
    <t>cg11599718</t>
  </si>
  <si>
    <t>cg11601197</t>
  </si>
  <si>
    <t>cg11601443</t>
  </si>
  <si>
    <t>cg11603201</t>
  </si>
  <si>
    <t>cg11607952</t>
  </si>
  <si>
    <t>cg11608114</t>
  </si>
  <si>
    <t>cg11620873</t>
  </si>
  <si>
    <t>cg11625178</t>
  </si>
  <si>
    <t>cg11625946</t>
  </si>
  <si>
    <t>cg11631518</t>
  </si>
  <si>
    <t>cg11642882</t>
  </si>
  <si>
    <t>cg11644746</t>
  </si>
  <si>
    <t>cg11646730</t>
  </si>
  <si>
    <t>cg11647944</t>
  </si>
  <si>
    <t>cg11650460</t>
  </si>
  <si>
    <t>cg11650948</t>
  </si>
  <si>
    <t>cg11651209</t>
  </si>
  <si>
    <t>cg11653107</t>
  </si>
  <si>
    <t>cg11655490</t>
  </si>
  <si>
    <t>cg11657203</t>
  </si>
  <si>
    <t>cg11658060</t>
  </si>
  <si>
    <t>cg11658419</t>
  </si>
  <si>
    <t>cg11658874</t>
  </si>
  <si>
    <t>cg11659501</t>
  </si>
  <si>
    <t>cg11661631</t>
  </si>
  <si>
    <t>cg11662322</t>
  </si>
  <si>
    <t>cg11670651</t>
  </si>
  <si>
    <t>cg11677891</t>
  </si>
  <si>
    <t>cg11683511</t>
  </si>
  <si>
    <t>cg11684302</t>
  </si>
  <si>
    <t>cg11684647</t>
  </si>
  <si>
    <t>cg11689439</t>
  </si>
  <si>
    <t>cg11692021</t>
  </si>
  <si>
    <t>cg11694490</t>
  </si>
  <si>
    <t>cg11694641</t>
  </si>
  <si>
    <t>cg11696165</t>
  </si>
  <si>
    <t>cg11698119</t>
  </si>
  <si>
    <t>cg11700959</t>
  </si>
  <si>
    <t>cg11701621</t>
  </si>
  <si>
    <t>cg11703796</t>
  </si>
  <si>
    <t>cg11704012</t>
  </si>
  <si>
    <t>cg11705804</t>
  </si>
  <si>
    <t>cg11706083</t>
  </si>
  <si>
    <t>cg11707665</t>
  </si>
  <si>
    <t>cg11710162</t>
  </si>
  <si>
    <t>cg11711057</t>
  </si>
  <si>
    <t>cg11713274</t>
  </si>
  <si>
    <t>cg11721249</t>
  </si>
  <si>
    <t>cg11723055</t>
  </si>
  <si>
    <t>cg11724085</t>
  </si>
  <si>
    <t>cg11729019</t>
  </si>
  <si>
    <t>cg11730179</t>
  </si>
  <si>
    <t>cg11737941</t>
  </si>
  <si>
    <t>cg11738011</t>
  </si>
  <si>
    <t>cg11738543</t>
  </si>
  <si>
    <t>cg11743448</t>
  </si>
  <si>
    <t>cg11746362</t>
  </si>
  <si>
    <t>cg11747499</t>
  </si>
  <si>
    <t>cg11750756</t>
  </si>
  <si>
    <t>cg11751806</t>
  </si>
  <si>
    <t>cg11753366</t>
  </si>
  <si>
    <t>cg11753688</t>
  </si>
  <si>
    <t>cg11754676</t>
  </si>
  <si>
    <t>cg11756837</t>
  </si>
  <si>
    <t>cg11758943</t>
  </si>
  <si>
    <t>cg11760602</t>
  </si>
  <si>
    <t>cg11762629</t>
  </si>
  <si>
    <t>cg11775492</t>
  </si>
  <si>
    <t>cg11783364</t>
  </si>
  <si>
    <t>cg11784667</t>
  </si>
  <si>
    <t>cg11784990</t>
  </si>
  <si>
    <t>cg11785623</t>
  </si>
  <si>
    <t>cg11787160</t>
  </si>
  <si>
    <t>cg11788367</t>
  </si>
  <si>
    <t>cg11790681</t>
  </si>
  <si>
    <t>cg11794356</t>
  </si>
  <si>
    <t>cg11795276</t>
  </si>
  <si>
    <t>cg11795753</t>
  </si>
  <si>
    <t>cg11797430</t>
  </si>
  <si>
    <t>cg11804414</t>
  </si>
  <si>
    <t>cg11807539</t>
  </si>
  <si>
    <t>cg11808531</t>
  </si>
  <si>
    <t>cg11808633</t>
  </si>
  <si>
    <t>cg11812238</t>
  </si>
  <si>
    <t>cg11813198</t>
  </si>
  <si>
    <t>cg11814446</t>
  </si>
  <si>
    <t>cg11817910</t>
  </si>
  <si>
    <t>cg11818127</t>
  </si>
  <si>
    <t>cg11821637</t>
  </si>
  <si>
    <t>cg11825970</t>
  </si>
  <si>
    <t>cg11826475</t>
  </si>
  <si>
    <t>cg11827629</t>
  </si>
  <si>
    <t>cg11830800</t>
  </si>
  <si>
    <t>cg11832404</t>
  </si>
  <si>
    <t>cg11834730</t>
  </si>
  <si>
    <t>cg11835619</t>
  </si>
  <si>
    <t>cg11839095</t>
  </si>
  <si>
    <t>cg11839682</t>
  </si>
  <si>
    <t>cg11841394</t>
  </si>
  <si>
    <t>cg11844369</t>
  </si>
  <si>
    <t>cg11846355</t>
  </si>
  <si>
    <t>cg11848173</t>
  </si>
  <si>
    <t>cg11851129</t>
  </si>
  <si>
    <t>cg11854356</t>
  </si>
  <si>
    <t>cg11854659</t>
  </si>
  <si>
    <t>cg11855524</t>
  </si>
  <si>
    <t>cg11856476</t>
  </si>
  <si>
    <t>cg11856932</t>
  </si>
  <si>
    <t>cg11857514</t>
  </si>
  <si>
    <t>cg11858733</t>
  </si>
  <si>
    <t>cg11875676</t>
  </si>
  <si>
    <t>cg11877129</t>
  </si>
  <si>
    <t>cg11877382</t>
  </si>
  <si>
    <t>cg11878254</t>
  </si>
  <si>
    <t>cg11881574</t>
  </si>
  <si>
    <t>cg11887996</t>
  </si>
  <si>
    <t>cg11888572</t>
  </si>
  <si>
    <t>cg11890080</t>
  </si>
  <si>
    <t>cg11893139</t>
  </si>
  <si>
    <t>cg11900393</t>
  </si>
  <si>
    <t>cg11905100</t>
  </si>
  <si>
    <t>cg11911934</t>
  </si>
  <si>
    <t>cg11912049</t>
  </si>
  <si>
    <t>cg11914812</t>
  </si>
  <si>
    <t>cg11915787</t>
  </si>
  <si>
    <t>cg11918124</t>
  </si>
  <si>
    <t>cg11918474</t>
  </si>
  <si>
    <t>cg11924260</t>
  </si>
  <si>
    <t>cg11930955</t>
  </si>
  <si>
    <t>cg11933232</t>
  </si>
  <si>
    <t>cg11934394</t>
  </si>
  <si>
    <t>cg11937129</t>
  </si>
  <si>
    <t>cg11943753</t>
  </si>
  <si>
    <t>cg11957880</t>
  </si>
  <si>
    <t>cg11958128</t>
  </si>
  <si>
    <t>cg11959676</t>
  </si>
  <si>
    <t>cg11961237</t>
  </si>
  <si>
    <t>cg11961243</t>
  </si>
  <si>
    <t>cg11961642</t>
  </si>
  <si>
    <t>cg11970289</t>
  </si>
  <si>
    <t>cg12007596</t>
  </si>
  <si>
    <t>cg12011876</t>
  </si>
  <si>
    <t>cg12011897</t>
  </si>
  <si>
    <t>cg12013332</t>
  </si>
  <si>
    <t>cg12020444</t>
  </si>
  <si>
    <t>cg12020794</t>
  </si>
  <si>
    <t>cg12021882</t>
  </si>
  <si>
    <t>cg12024104</t>
  </si>
  <si>
    <t>cg12024530</t>
  </si>
  <si>
    <t>cg12025941</t>
  </si>
  <si>
    <t>cg12029105</t>
  </si>
  <si>
    <t>cg12045443</t>
  </si>
  <si>
    <t>cg12046677</t>
  </si>
  <si>
    <t>cg12053065</t>
  </si>
  <si>
    <t>cg12053291</t>
  </si>
  <si>
    <t>cg12056977</t>
  </si>
  <si>
    <t>cg12059309</t>
  </si>
  <si>
    <t>cg12060800</t>
  </si>
  <si>
    <t>cg12062545</t>
  </si>
  <si>
    <t>cg12065616</t>
  </si>
  <si>
    <t>cg12067928</t>
  </si>
  <si>
    <t>cg12067997</t>
  </si>
  <si>
    <t>cg12069468</t>
  </si>
  <si>
    <t>cg12073537</t>
  </si>
  <si>
    <t>cg12074780</t>
  </si>
  <si>
    <t>cg12075247</t>
  </si>
  <si>
    <t>cg12075970</t>
  </si>
  <si>
    <t>cg12076945</t>
  </si>
  <si>
    <t>cg12077176</t>
  </si>
  <si>
    <t>cg12077664</t>
  </si>
  <si>
    <t>cg12084688</t>
  </si>
  <si>
    <t>cg12089169</t>
  </si>
  <si>
    <t>cg12092507</t>
  </si>
  <si>
    <t>cg12095353</t>
  </si>
  <si>
    <t>cg12095505</t>
  </si>
  <si>
    <t>cg12097550</t>
  </si>
  <si>
    <t>cg12102059</t>
  </si>
  <si>
    <t>cg12103569</t>
  </si>
  <si>
    <t>cg12113984</t>
  </si>
  <si>
    <t>cg12115748</t>
  </si>
  <si>
    <t>cg12116027</t>
  </si>
  <si>
    <t>cg12116908</t>
  </si>
  <si>
    <t>cg12119780</t>
  </si>
  <si>
    <t>cg12119858</t>
  </si>
  <si>
    <t>cg12124911</t>
  </si>
  <si>
    <t>cg12135887</t>
  </si>
  <si>
    <t>cg12135976</t>
  </si>
  <si>
    <t>cg12136387</t>
  </si>
  <si>
    <t>cg12142869</t>
  </si>
  <si>
    <t>cg12143106</t>
  </si>
  <si>
    <t>cg12144497</t>
  </si>
  <si>
    <t>cg12150931</t>
  </si>
  <si>
    <t>cg12156833</t>
  </si>
  <si>
    <t>cg12157156</t>
  </si>
  <si>
    <t>cg12158136</t>
  </si>
  <si>
    <t>cg12159302</t>
  </si>
  <si>
    <t>cg12160087</t>
  </si>
  <si>
    <t>cg12161331</t>
  </si>
  <si>
    <t>cg12166806</t>
  </si>
  <si>
    <t>cg12178147</t>
  </si>
  <si>
    <t>cg12179044</t>
  </si>
  <si>
    <t>cg12181028</t>
  </si>
  <si>
    <t>cg12187437</t>
  </si>
  <si>
    <t>cg12191293</t>
  </si>
  <si>
    <t>cg12193289</t>
  </si>
  <si>
    <t>cg12197235</t>
  </si>
  <si>
    <t>cg12197777</t>
  </si>
  <si>
    <t>cg12198090</t>
  </si>
  <si>
    <t>cg12199011</t>
  </si>
  <si>
    <t>cg12203525</t>
  </si>
  <si>
    <t>cg12206648</t>
  </si>
  <si>
    <t>cg12209075</t>
  </si>
  <si>
    <t>cg12213457</t>
  </si>
  <si>
    <t>cg12214032</t>
  </si>
  <si>
    <t>cg12216749</t>
  </si>
  <si>
    <t>cg12220466</t>
  </si>
  <si>
    <t>cg12225794</t>
  </si>
  <si>
    <t>cg12225949</t>
  </si>
  <si>
    <t>cg12231340</t>
  </si>
  <si>
    <t>cg12232783</t>
  </si>
  <si>
    <t>cg12233100</t>
  </si>
  <si>
    <t>cg12234174</t>
  </si>
  <si>
    <t>cg12235553</t>
  </si>
  <si>
    <t>cg12238812</t>
  </si>
  <si>
    <t>cg12239218</t>
  </si>
  <si>
    <t>cg12243976</t>
  </si>
  <si>
    <t>cg12247826</t>
  </si>
  <si>
    <t>cg12250581</t>
  </si>
  <si>
    <t>cg12254517</t>
  </si>
  <si>
    <t>cg12255293</t>
  </si>
  <si>
    <t>cg12255505</t>
  </si>
  <si>
    <t>cg12260249</t>
  </si>
  <si>
    <t>cg12263485</t>
  </si>
  <si>
    <t>cg12264551</t>
  </si>
  <si>
    <t>cg12270129</t>
  </si>
  <si>
    <t>cg12275348</t>
  </si>
  <si>
    <t>cg12282391</t>
  </si>
  <si>
    <t>cg12284769</t>
  </si>
  <si>
    <t>cg12304441</t>
  </si>
  <si>
    <t>cg12304599</t>
  </si>
  <si>
    <t>cg12313568</t>
  </si>
  <si>
    <t>cg12333095</t>
  </si>
  <si>
    <t>cg12345778</t>
  </si>
  <si>
    <t>cg12349580</t>
  </si>
  <si>
    <t>cg12352601</t>
  </si>
  <si>
    <t>cg12368612</t>
  </si>
  <si>
    <t>cg12371177</t>
  </si>
  <si>
    <t>cg12371569</t>
  </si>
  <si>
    <t>cg12371895</t>
  </si>
  <si>
    <t>cg12380054</t>
  </si>
  <si>
    <t>cg12380609</t>
  </si>
  <si>
    <t>cg12382593</t>
  </si>
  <si>
    <t>cg12386879</t>
  </si>
  <si>
    <t>cg12387106</t>
  </si>
  <si>
    <t>cg12392126</t>
  </si>
  <si>
    <t>cg12396629</t>
  </si>
  <si>
    <t>cg12396999</t>
  </si>
  <si>
    <t>cg12400519</t>
  </si>
  <si>
    <t>cg12401653</t>
  </si>
  <si>
    <t>cg12411309</t>
  </si>
  <si>
    <t>cg12412089</t>
  </si>
  <si>
    <t>cg12412364</t>
  </si>
  <si>
    <t>cg12413242</t>
  </si>
  <si>
    <t>cg12413365</t>
  </si>
  <si>
    <t>cg12414070</t>
  </si>
  <si>
    <t>cg12414862</t>
  </si>
  <si>
    <t>cg12417603</t>
  </si>
  <si>
    <t>cg12417807</t>
  </si>
  <si>
    <t>cg12433395</t>
  </si>
  <si>
    <t>cg12442108</t>
  </si>
  <si>
    <t>cg12443853</t>
  </si>
  <si>
    <t>cg12448934</t>
  </si>
  <si>
    <t>cg12482993</t>
  </si>
  <si>
    <t>cg12483466</t>
  </si>
  <si>
    <t>cg12486635</t>
  </si>
  <si>
    <t>cg12486762</t>
  </si>
  <si>
    <t>cg12487199</t>
  </si>
  <si>
    <t>cg12488585</t>
  </si>
  <si>
    <t>cg12489934</t>
  </si>
  <si>
    <t>cg12491302</t>
  </si>
  <si>
    <t>cg12492753</t>
  </si>
  <si>
    <t>cg12492938</t>
  </si>
  <si>
    <t>cg12493075</t>
  </si>
  <si>
    <t>cg12495333</t>
  </si>
  <si>
    <t>cg12495801</t>
  </si>
  <si>
    <t>cg12495807</t>
  </si>
  <si>
    <t>cg12496975</t>
  </si>
  <si>
    <t>cg12498326</t>
  </si>
  <si>
    <t>cg12498580</t>
  </si>
  <si>
    <t>cg12501957</t>
  </si>
  <si>
    <t>cg12502577</t>
  </si>
  <si>
    <t>cg12502815</t>
  </si>
  <si>
    <t>cg12503473</t>
  </si>
  <si>
    <t>cg12506121</t>
  </si>
  <si>
    <t>cg12506165</t>
  </si>
  <si>
    <t>cg12507643</t>
  </si>
  <si>
    <t>cg12510035</t>
  </si>
  <si>
    <t>cg12510087</t>
  </si>
  <si>
    <t>cg12510724</t>
  </si>
  <si>
    <t>cg12513901</t>
  </si>
  <si>
    <t>cg12514547</t>
  </si>
  <si>
    <t>cg12520772</t>
  </si>
  <si>
    <t>cg12521267</t>
  </si>
  <si>
    <t>cg12524061</t>
  </si>
  <si>
    <t>cg12526091</t>
  </si>
  <si>
    <t>cg12532141</t>
  </si>
  <si>
    <t>cg12535380</t>
  </si>
  <si>
    <t>cg12541478</t>
  </si>
  <si>
    <t>cg12545295</t>
  </si>
  <si>
    <t>cg12549211</t>
  </si>
  <si>
    <t>cg12550203</t>
  </si>
  <si>
    <t>cg12555810</t>
  </si>
  <si>
    <t>cg12560128</t>
  </si>
  <si>
    <t>cg12561125</t>
  </si>
  <si>
    <t>cg12563240</t>
  </si>
  <si>
    <t>cg12564437</t>
  </si>
  <si>
    <t>cg12565579</t>
  </si>
  <si>
    <t>cg12580783</t>
  </si>
  <si>
    <t>cg12581035</t>
  </si>
  <si>
    <t>cg12581354</t>
  </si>
  <si>
    <t>cg12584590</t>
  </si>
  <si>
    <t>cg12587921</t>
  </si>
  <si>
    <t>cg12588638</t>
  </si>
  <si>
    <t>cg12589157</t>
  </si>
  <si>
    <t>cg12590051</t>
  </si>
  <si>
    <t>cg12590695</t>
  </si>
  <si>
    <t>cg12592194</t>
  </si>
  <si>
    <t>cg12592321</t>
  </si>
  <si>
    <t>cg12592387</t>
  </si>
  <si>
    <t>cg12596182</t>
  </si>
  <si>
    <t>cg12597309</t>
  </si>
  <si>
    <t>cg12598211</t>
  </si>
  <si>
    <t>cg12599390</t>
  </si>
  <si>
    <t>cg12600134</t>
  </si>
  <si>
    <t>cg12610312</t>
  </si>
  <si>
    <t>cg12610744</t>
  </si>
  <si>
    <t>cg12610867</t>
  </si>
  <si>
    <t>cg12612687</t>
  </si>
  <si>
    <t>cg12613382</t>
  </si>
  <si>
    <t>cg12615879</t>
  </si>
  <si>
    <t>cg12617332</t>
  </si>
  <si>
    <t>cg12629083</t>
  </si>
  <si>
    <t>cg12635120</t>
  </si>
  <si>
    <t>cg12639558</t>
  </si>
  <si>
    <t>cg12639933</t>
  </si>
  <si>
    <t>cg12643378</t>
  </si>
  <si>
    <t>cg12647471</t>
  </si>
  <si>
    <t>cg12649244</t>
  </si>
  <si>
    <t>cg12650635</t>
  </si>
  <si>
    <t>cg12661452</t>
  </si>
  <si>
    <t>cg12675583</t>
  </si>
  <si>
    <t>cg12686055</t>
  </si>
  <si>
    <t>cg12686133</t>
  </si>
  <si>
    <t>cg12689128</t>
  </si>
  <si>
    <t>cg12689803</t>
  </si>
  <si>
    <t>cg12690246</t>
  </si>
  <si>
    <t>cg12693595</t>
  </si>
  <si>
    <t>cg12694689</t>
  </si>
  <si>
    <t>cg12694870</t>
  </si>
  <si>
    <t>cg12696399</t>
  </si>
  <si>
    <t>cg12698813</t>
  </si>
  <si>
    <t>cg12699313</t>
  </si>
  <si>
    <t>cg12702165</t>
  </si>
  <si>
    <t>cg12702615</t>
  </si>
  <si>
    <t>cg12704462</t>
  </si>
  <si>
    <t>cg12705353</t>
  </si>
  <si>
    <t>cg12705449</t>
  </si>
  <si>
    <t>cg12706235</t>
  </si>
  <si>
    <t>cg12707346</t>
  </si>
  <si>
    <t>cg12707727</t>
  </si>
  <si>
    <t>cg12710510</t>
  </si>
  <si>
    <t>cg12712768</t>
  </si>
  <si>
    <t>cg12713142</t>
  </si>
  <si>
    <t>cg12713243</t>
  </si>
  <si>
    <t>cg12713877</t>
  </si>
  <si>
    <t>cg12718339</t>
  </si>
  <si>
    <t>cg12718502</t>
  </si>
  <si>
    <t>cg12743460</t>
  </si>
  <si>
    <t>cg12743743</t>
  </si>
  <si>
    <t>cg12744722</t>
  </si>
  <si>
    <t>cg12745325</t>
  </si>
  <si>
    <t>cg12747503</t>
  </si>
  <si>
    <t>cg12749787</t>
  </si>
  <si>
    <t>cg12751693</t>
  </si>
  <si>
    <t>cg12759298</t>
  </si>
  <si>
    <t>cg12760110</t>
  </si>
  <si>
    <t>cg12764051</t>
  </si>
  <si>
    <t>cg12765716</t>
  </si>
  <si>
    <t>cg12776699</t>
  </si>
  <si>
    <t>cg12785090</t>
  </si>
  <si>
    <t>cg12795893</t>
  </si>
  <si>
    <t>cg12797070</t>
  </si>
  <si>
    <t>cg12799077</t>
  </si>
  <si>
    <t>cg12800105</t>
  </si>
  <si>
    <t>cg12800145</t>
  </si>
  <si>
    <t>cg12801791</t>
  </si>
  <si>
    <t>cg12803617</t>
  </si>
  <si>
    <t>cg12806521</t>
  </si>
  <si>
    <t>cg12806797</t>
  </si>
  <si>
    <t>cg12807090</t>
  </si>
  <si>
    <t>cg12807275</t>
  </si>
  <si>
    <t>cg12811648</t>
  </si>
  <si>
    <t>cg12812394</t>
  </si>
  <si>
    <t>cg12820608</t>
  </si>
  <si>
    <t>cg12824192</t>
  </si>
  <si>
    <t>cg12835684</t>
  </si>
  <si>
    <t>cg12868312</t>
  </si>
  <si>
    <t>cg12871534</t>
  </si>
  <si>
    <t>cg12877335</t>
  </si>
  <si>
    <t>cg12878812</t>
  </si>
  <si>
    <t>cg12879164</t>
  </si>
  <si>
    <t>cg12879423</t>
  </si>
  <si>
    <t>cg12883767</t>
  </si>
  <si>
    <t>cg12884605</t>
  </si>
  <si>
    <t>cg12884762</t>
  </si>
  <si>
    <t>cg12885832</t>
  </si>
  <si>
    <t>cg12887128</t>
  </si>
  <si>
    <t>cg12888231</t>
  </si>
  <si>
    <t>cg12888961</t>
  </si>
  <si>
    <t>cg12891498</t>
  </si>
  <si>
    <t>cg12894524</t>
  </si>
  <si>
    <t>cg12895370</t>
  </si>
  <si>
    <t>cg12910900</t>
  </si>
  <si>
    <t>cg12911496</t>
  </si>
  <si>
    <t>cg12914100</t>
  </si>
  <si>
    <t>cg12915695</t>
  </si>
  <si>
    <t>cg12917938</t>
  </si>
  <si>
    <t>cg12918696</t>
  </si>
  <si>
    <t>cg12923179</t>
  </si>
  <si>
    <t>cg12924309</t>
  </si>
  <si>
    <t>cg12929073</t>
  </si>
  <si>
    <t>cg12929930</t>
  </si>
  <si>
    <t>cg12930124</t>
  </si>
  <si>
    <t>cg12942690</t>
  </si>
  <si>
    <t>cg12951726</t>
  </si>
  <si>
    <t>cg12951997</t>
  </si>
  <si>
    <t>cg12958836</t>
  </si>
  <si>
    <t>cg12962778</t>
  </si>
  <si>
    <t>cg12968701</t>
  </si>
  <si>
    <t>cg12974223</t>
  </si>
  <si>
    <t>cg12979793</t>
  </si>
  <si>
    <t>cg12979921</t>
  </si>
  <si>
    <t>cg12980886</t>
  </si>
  <si>
    <t>cg12984369</t>
  </si>
  <si>
    <t>cg12986027</t>
  </si>
  <si>
    <t>cg12989217</t>
  </si>
  <si>
    <t>cg12992689</t>
  </si>
  <si>
    <t>cg12999267</t>
  </si>
  <si>
    <t>cg13003163</t>
  </si>
  <si>
    <t>cg13003996</t>
  </si>
  <si>
    <t>cg13005635</t>
  </si>
  <si>
    <t>cg13007988</t>
  </si>
  <si>
    <t>cg13008978</t>
  </si>
  <si>
    <t>cg13010344</t>
  </si>
  <si>
    <t>cg13014531</t>
  </si>
  <si>
    <t>cg13014709</t>
  </si>
  <si>
    <t>cg13015710</t>
  </si>
  <si>
    <t>cg13018099</t>
  </si>
  <si>
    <t>cg13025283</t>
  </si>
  <si>
    <t>cg13030031</t>
  </si>
  <si>
    <t>cg13030332</t>
  </si>
  <si>
    <t>cg13031611</t>
  </si>
  <si>
    <t>cg13033858</t>
  </si>
  <si>
    <t>cg13055665</t>
  </si>
  <si>
    <t>cg13062301</t>
  </si>
  <si>
    <t>cg13063967</t>
  </si>
  <si>
    <t>cg13069247</t>
  </si>
  <si>
    <t>cg13071569</t>
  </si>
  <si>
    <t>cg13074532</t>
  </si>
  <si>
    <t>cg13074802</t>
  </si>
  <si>
    <t>cg13074908</t>
  </si>
  <si>
    <t>cg13079837</t>
  </si>
  <si>
    <t>cg13080749</t>
  </si>
  <si>
    <t>cg13081522</t>
  </si>
  <si>
    <t>cg13082201</t>
  </si>
  <si>
    <t>cg13083035</t>
  </si>
  <si>
    <t>cg13085553</t>
  </si>
  <si>
    <t>cg13085980</t>
  </si>
  <si>
    <t>cg13089947</t>
  </si>
  <si>
    <t>cg13090220</t>
  </si>
  <si>
    <t>cg13095604</t>
  </si>
  <si>
    <t>cg13099106</t>
  </si>
  <si>
    <t>cg13099261</t>
  </si>
  <si>
    <t>cg13103190</t>
  </si>
  <si>
    <t>cg13105730</t>
  </si>
  <si>
    <t>cg13111501</t>
  </si>
  <si>
    <t>cg13112752</t>
  </si>
  <si>
    <t>cg13114921</t>
  </si>
  <si>
    <t>cg13116789</t>
  </si>
  <si>
    <t>cg13119928</t>
  </si>
  <si>
    <t>cg13120986</t>
  </si>
  <si>
    <t>cg13126638</t>
  </si>
  <si>
    <t>cg13127386</t>
  </si>
  <si>
    <t>cg13128117</t>
  </si>
  <si>
    <t>cg13135437</t>
  </si>
  <si>
    <t>cg13138552</t>
  </si>
  <si>
    <t>cg13146040</t>
  </si>
  <si>
    <t>cg13171565</t>
  </si>
  <si>
    <t>cg13173541</t>
  </si>
  <si>
    <t>cg13180971</t>
  </si>
  <si>
    <t>cg13186830</t>
  </si>
  <si>
    <t>cg13188915</t>
  </si>
  <si>
    <t>cg13203811</t>
  </si>
  <si>
    <t>cg13206013</t>
  </si>
  <si>
    <t>cg13208413</t>
  </si>
  <si>
    <t>cg13209192</t>
  </si>
  <si>
    <t>cg13212803</t>
  </si>
  <si>
    <t>cg13213118</t>
  </si>
  <si>
    <t>cg13219922</t>
  </si>
  <si>
    <t>cg13225228</t>
  </si>
  <si>
    <t>cg13229026</t>
  </si>
  <si>
    <t>cg13232525</t>
  </si>
  <si>
    <t>cg13233407</t>
  </si>
  <si>
    <t>cg13234415</t>
  </si>
  <si>
    <t>cg13234863</t>
  </si>
  <si>
    <t>cg13236315</t>
  </si>
  <si>
    <t>cg13238856</t>
  </si>
  <si>
    <t>cg13239976</t>
  </si>
  <si>
    <t>cg13240385</t>
  </si>
  <si>
    <t>cg13247069</t>
  </si>
  <si>
    <t>cg13248299</t>
  </si>
  <si>
    <t>cg13249833</t>
  </si>
  <si>
    <t>cg13252024</t>
  </si>
  <si>
    <t>cg13255190</t>
  </si>
  <si>
    <t>cg13264741</t>
  </si>
  <si>
    <t>cg13273396</t>
  </si>
  <si>
    <t>cg13284045</t>
  </si>
  <si>
    <t>cg13285213</t>
  </si>
  <si>
    <t>cg13285862</t>
  </si>
  <si>
    <t>cg13289561</t>
  </si>
  <si>
    <t>cg13296563</t>
  </si>
  <si>
    <t>cg13296916</t>
  </si>
  <si>
    <t>cg13298538</t>
  </si>
  <si>
    <t>cg13299728</t>
  </si>
  <si>
    <t>cg13300689</t>
  </si>
  <si>
    <t>cg13300744</t>
  </si>
  <si>
    <t>cg13307384</t>
  </si>
  <si>
    <t>cg13315047</t>
  </si>
  <si>
    <t>cg13316625</t>
  </si>
  <si>
    <t>cg13318543</t>
  </si>
  <si>
    <t>cg13318846</t>
  </si>
  <si>
    <t>cg13320585</t>
  </si>
  <si>
    <t>cg13321745</t>
  </si>
  <si>
    <t>cg13322954</t>
  </si>
  <si>
    <t>cg13323752</t>
  </si>
  <si>
    <t>cg13327134</t>
  </si>
  <si>
    <t>cg13327503</t>
  </si>
  <si>
    <t>cg13328064</t>
  </si>
  <si>
    <t>cg13330524</t>
  </si>
  <si>
    <t>cg13331936</t>
  </si>
  <si>
    <t>cg13338132</t>
  </si>
  <si>
    <t>cg13342120</t>
  </si>
  <si>
    <t>cg13348062</t>
  </si>
  <si>
    <t>cg13349462</t>
  </si>
  <si>
    <t>cg13370485</t>
  </si>
  <si>
    <t>cg13373757</t>
  </si>
  <si>
    <t>cg13374726</t>
  </si>
  <si>
    <t>cg13376046</t>
  </si>
  <si>
    <t>cg13379822</t>
  </si>
  <si>
    <t>cg13382100</t>
  </si>
  <si>
    <t>cg13383572</t>
  </si>
  <si>
    <t>cg13391820</t>
  </si>
  <si>
    <t>cg13393195</t>
  </si>
  <si>
    <t>cg13396068</t>
  </si>
  <si>
    <t>cg13404951</t>
  </si>
  <si>
    <t>cg13408347</t>
  </si>
  <si>
    <t>cg13412154</t>
  </si>
  <si>
    <t>cg13416396</t>
  </si>
  <si>
    <t>cg13419240</t>
  </si>
  <si>
    <t>cg13421038</t>
  </si>
  <si>
    <t>cg13422817</t>
  </si>
  <si>
    <t>cg13423556</t>
  </si>
  <si>
    <t>cg13425335</t>
  </si>
  <si>
    <t>cg13426224</t>
  </si>
  <si>
    <t>cg13426642</t>
  </si>
  <si>
    <t>cg13427320</t>
  </si>
  <si>
    <t>cg13431962</t>
  </si>
  <si>
    <t>cg13433012</t>
  </si>
  <si>
    <t>cg13433302</t>
  </si>
  <si>
    <t>cg13433891</t>
  </si>
  <si>
    <t>cg13435381</t>
  </si>
  <si>
    <t>cg13440652</t>
  </si>
  <si>
    <t>cg13442969</t>
  </si>
  <si>
    <t>cg13443953</t>
  </si>
  <si>
    <t>cg13444361</t>
  </si>
  <si>
    <t>cg13444413</t>
  </si>
  <si>
    <t>cg13446772</t>
  </si>
  <si>
    <t>cg13451220</t>
  </si>
  <si>
    <t>cg13454099</t>
  </si>
  <si>
    <t>cg13481809</t>
  </si>
  <si>
    <t>cg13484329</t>
  </si>
  <si>
    <t>cg13488680</t>
  </si>
  <si>
    <t>cg13488877</t>
  </si>
  <si>
    <t>cg13490422</t>
  </si>
  <si>
    <t>cg13492159</t>
  </si>
  <si>
    <t>cg13494037</t>
  </si>
  <si>
    <t>cg13494887</t>
  </si>
  <si>
    <t>cg13495167</t>
  </si>
  <si>
    <t>cg13496511</t>
  </si>
  <si>
    <t>cg13502403</t>
  </si>
  <si>
    <t>cg13505705</t>
  </si>
  <si>
    <t>cg13508767</t>
  </si>
  <si>
    <t>cg13509608</t>
  </si>
  <si>
    <t>cg13510262</t>
  </si>
  <si>
    <t>cg13512394</t>
  </si>
  <si>
    <t>cg13512987</t>
  </si>
  <si>
    <t>cg13513797</t>
  </si>
  <si>
    <t>cg13513907</t>
  </si>
  <si>
    <t>cg13514578</t>
  </si>
  <si>
    <t>cg13516087</t>
  </si>
  <si>
    <t>cg13518216</t>
  </si>
  <si>
    <t>cg13518385</t>
  </si>
  <si>
    <t>cg13519918</t>
  </si>
  <si>
    <t>cg13520394</t>
  </si>
  <si>
    <t>cg13540805</t>
  </si>
  <si>
    <t>cg13541153</t>
  </si>
  <si>
    <t>cg13548946</t>
  </si>
  <si>
    <t>cg13549277</t>
  </si>
  <si>
    <t>cg13549444</t>
  </si>
  <si>
    <t>cg13553938</t>
  </si>
  <si>
    <t>cg13554242</t>
  </si>
  <si>
    <t>cg13554714</t>
  </si>
  <si>
    <t>cg13555047</t>
  </si>
  <si>
    <t>cg13556224</t>
  </si>
  <si>
    <t>cg13557129</t>
  </si>
  <si>
    <t>cg13557301</t>
  </si>
  <si>
    <t>cg13561476</t>
  </si>
  <si>
    <t>cg13561921</t>
  </si>
  <si>
    <t>cg13565157</t>
  </si>
  <si>
    <t>cg13565670</t>
  </si>
  <si>
    <t>cg13567169</t>
  </si>
  <si>
    <t>cg13567919</t>
  </si>
  <si>
    <t>cg13568854</t>
  </si>
  <si>
    <t>cg13573474</t>
  </si>
  <si>
    <t>cg13574999</t>
  </si>
  <si>
    <t>cg13575885</t>
  </si>
  <si>
    <t>cg13576623</t>
  </si>
  <si>
    <t>cg13581922</t>
  </si>
  <si>
    <t>cg13586425</t>
  </si>
  <si>
    <t>cg13591723</t>
  </si>
  <si>
    <t>cg13593553</t>
  </si>
  <si>
    <t>cg13596713</t>
  </si>
  <si>
    <t>cg13599258</t>
  </si>
  <si>
    <t>cg13607082</t>
  </si>
  <si>
    <t>cg13618596</t>
  </si>
  <si>
    <t>cg13621113</t>
  </si>
  <si>
    <t>cg13628514</t>
  </si>
  <si>
    <t>cg13634319</t>
  </si>
  <si>
    <t>cg13638489</t>
  </si>
  <si>
    <t>cg13639987</t>
  </si>
  <si>
    <t>cg13640200</t>
  </si>
  <si>
    <t>cg13647052</t>
  </si>
  <si>
    <t>cg13648192</t>
  </si>
  <si>
    <t>cg13649552</t>
  </si>
  <si>
    <t>cg13657970</t>
  </si>
  <si>
    <t>cg13663218</t>
  </si>
  <si>
    <t>cg13671409</t>
  </si>
  <si>
    <t>cg13671582</t>
  </si>
  <si>
    <t>cg13672514</t>
  </si>
  <si>
    <t>cg13676726</t>
  </si>
  <si>
    <t>cg13685680</t>
  </si>
  <si>
    <t>cg13694400</t>
  </si>
  <si>
    <t>cg13696135</t>
  </si>
  <si>
    <t>cg13696887</t>
  </si>
  <si>
    <t>cg13697207</t>
  </si>
  <si>
    <t>cg13699009</t>
  </si>
  <si>
    <t>cg13700815</t>
  </si>
  <si>
    <t>cg13702536</t>
  </si>
  <si>
    <t>cg13705873</t>
  </si>
  <si>
    <t>cg13707690</t>
  </si>
  <si>
    <t>cg13708645</t>
  </si>
  <si>
    <t>cg13711375</t>
  </si>
  <si>
    <t>cg13713010</t>
  </si>
  <si>
    <t>cg13714344</t>
  </si>
  <si>
    <t>cg13718559</t>
  </si>
  <si>
    <t>cg13718666</t>
  </si>
  <si>
    <t>cg13740482</t>
  </si>
  <si>
    <t>cg13757735</t>
  </si>
  <si>
    <t>cg13792506</t>
  </si>
  <si>
    <t>cg13799005</t>
  </si>
  <si>
    <t>cg13800769</t>
  </si>
  <si>
    <t>cg13801381</t>
  </si>
  <si>
    <t>cg13802583</t>
  </si>
  <si>
    <t>cg13810723</t>
  </si>
  <si>
    <t>cg13812230</t>
  </si>
  <si>
    <t>cg13816130</t>
  </si>
  <si>
    <t>cg13822303</t>
  </si>
  <si>
    <t>cg13827287</t>
  </si>
  <si>
    <t>cg13833040</t>
  </si>
  <si>
    <t>cg13839391</t>
  </si>
  <si>
    <t>cg13839439</t>
  </si>
  <si>
    <t>cg13845094</t>
  </si>
  <si>
    <t>cg13845105</t>
  </si>
  <si>
    <t>cg13848848</t>
  </si>
  <si>
    <t>cg13852775</t>
  </si>
  <si>
    <t>cg13854930</t>
  </si>
  <si>
    <t>cg13855454</t>
  </si>
  <si>
    <t>cg13856867</t>
  </si>
  <si>
    <t>cg13857025</t>
  </si>
  <si>
    <t>cg13857169</t>
  </si>
  <si>
    <t>cg13857921</t>
  </si>
  <si>
    <t>cg13858394</t>
  </si>
  <si>
    <t>cg13858685</t>
  </si>
  <si>
    <t>cg13860283</t>
  </si>
  <si>
    <t>cg13863009</t>
  </si>
  <si>
    <t>cg13863204</t>
  </si>
  <si>
    <t>cg13863617</t>
  </si>
  <si>
    <t>cg13864663</t>
  </si>
  <si>
    <t>cg13865595</t>
  </si>
  <si>
    <t>cg13874153</t>
  </si>
  <si>
    <t>cg13878646</t>
  </si>
  <si>
    <t>cg13879455</t>
  </si>
  <si>
    <t>cg13880113</t>
  </si>
  <si>
    <t>cg13883672</t>
  </si>
  <si>
    <t>cg13887370</t>
  </si>
  <si>
    <t>cg13891121</t>
  </si>
  <si>
    <t>cg13896105</t>
  </si>
  <si>
    <t>cg13899814</t>
  </si>
  <si>
    <t>cg13904562</t>
  </si>
  <si>
    <t>cg13910046</t>
  </si>
  <si>
    <t>cg13911693</t>
  </si>
  <si>
    <t>cg13919694</t>
  </si>
  <si>
    <t>cg13928566</t>
  </si>
  <si>
    <t>cg13928594</t>
  </si>
  <si>
    <t>cg13928961</t>
  </si>
  <si>
    <t>cg13929658</t>
  </si>
  <si>
    <t>cg13931914</t>
  </si>
  <si>
    <t>cg13937449</t>
  </si>
  <si>
    <t>cg13938881</t>
  </si>
  <si>
    <t>cg13940444</t>
  </si>
  <si>
    <t>cg13944507</t>
  </si>
  <si>
    <t>cg13945631</t>
  </si>
  <si>
    <t>cg13952159</t>
  </si>
  <si>
    <t>cg13952988</t>
  </si>
  <si>
    <t>cg13953394</t>
  </si>
  <si>
    <t>cg13954206</t>
  </si>
  <si>
    <t>cg13955347</t>
  </si>
  <si>
    <t>cg13959152</t>
  </si>
  <si>
    <t>cg13977620</t>
  </si>
  <si>
    <t>cg13981545</t>
  </si>
  <si>
    <t>cg13987192</t>
  </si>
  <si>
    <t>cg13987792</t>
  </si>
  <si>
    <t>cg13989664</t>
  </si>
  <si>
    <t>cg14012220</t>
  </si>
  <si>
    <t>cg14017077</t>
  </si>
  <si>
    <t>cg14017270</t>
  </si>
  <si>
    <t>cg14021058</t>
  </si>
  <si>
    <t>cg14031033</t>
  </si>
  <si>
    <t>cg14031846</t>
  </si>
  <si>
    <t>cg14032596</t>
  </si>
  <si>
    <t>cg14034782</t>
  </si>
  <si>
    <t>cg14036495</t>
  </si>
  <si>
    <t>cg14049535</t>
  </si>
  <si>
    <t>cg14058711</t>
  </si>
  <si>
    <t>cg14067873</t>
  </si>
  <si>
    <t>cg14075881</t>
  </si>
  <si>
    <t>cg14076161</t>
  </si>
  <si>
    <t>cg14077898</t>
  </si>
  <si>
    <t>cg14078092</t>
  </si>
  <si>
    <t>cg14079893</t>
  </si>
  <si>
    <t>cg14080434</t>
  </si>
  <si>
    <t>cg14083111</t>
  </si>
  <si>
    <t>cg14086122</t>
  </si>
  <si>
    <t>cg14093792</t>
  </si>
  <si>
    <t>cg14097373</t>
  </si>
  <si>
    <t>cg14110920</t>
  </si>
  <si>
    <t>cg14116122</t>
  </si>
  <si>
    <t>cg14119236</t>
  </si>
  <si>
    <t>cg14120215</t>
  </si>
  <si>
    <t>cg14123543</t>
  </si>
  <si>
    <t>cg14124132</t>
  </si>
  <si>
    <t>cg14124768</t>
  </si>
  <si>
    <t>cg14124788</t>
  </si>
  <si>
    <t>cg14124818</t>
  </si>
  <si>
    <t>cg14125530</t>
  </si>
  <si>
    <t>cg14127396</t>
  </si>
  <si>
    <t>cg14129589</t>
  </si>
  <si>
    <t>cg14132388</t>
  </si>
  <si>
    <t>cg14135596</t>
  </si>
  <si>
    <t>cg14136328</t>
  </si>
  <si>
    <t>cg14141102</t>
  </si>
  <si>
    <t>cg14187844</t>
  </si>
  <si>
    <t>cg14189750</t>
  </si>
  <si>
    <t>cg14192259</t>
  </si>
  <si>
    <t>cg14196195</t>
  </si>
  <si>
    <t>cg14197169</t>
  </si>
  <si>
    <t>cg14197892</t>
  </si>
  <si>
    <t>cg14199415</t>
  </si>
  <si>
    <t>cg14199423</t>
  </si>
  <si>
    <t>cg14200609</t>
  </si>
  <si>
    <t>cg14200725</t>
  </si>
  <si>
    <t>cg14202610</t>
  </si>
  <si>
    <t>cg14205791</t>
  </si>
  <si>
    <t>cg14206510</t>
  </si>
  <si>
    <t>cg14210001</t>
  </si>
  <si>
    <t>cg14210830</t>
  </si>
  <si>
    <t>cg14212206</t>
  </si>
  <si>
    <t>cg14212748</t>
  </si>
  <si>
    <t>cg14215369</t>
  </si>
  <si>
    <t>cg14215864</t>
  </si>
  <si>
    <t>cg14217534</t>
  </si>
  <si>
    <t>cg14221884</t>
  </si>
  <si>
    <t>cg14224481</t>
  </si>
  <si>
    <t>cg14224566</t>
  </si>
  <si>
    <t>cg14226655</t>
  </si>
  <si>
    <t>cg14230390</t>
  </si>
  <si>
    <t>cg14232889</t>
  </si>
  <si>
    <t>cg14233050</t>
  </si>
  <si>
    <t>cg14240993</t>
  </si>
  <si>
    <t>cg14242042</t>
  </si>
  <si>
    <t>cg14242771</t>
  </si>
  <si>
    <t>cg14242936</t>
  </si>
  <si>
    <t>cg14243778</t>
  </si>
  <si>
    <t>cg14247459</t>
  </si>
  <si>
    <t>cg14248598</t>
  </si>
  <si>
    <t>cg14255337</t>
  </si>
  <si>
    <t>cg14256511</t>
  </si>
  <si>
    <t>cg14258504</t>
  </si>
  <si>
    <t>cg14262433</t>
  </si>
  <si>
    <t>cg14263244</t>
  </si>
  <si>
    <t>cg14264795</t>
  </si>
  <si>
    <t>cg14265043</t>
  </si>
  <si>
    <t>cg14267862</t>
  </si>
  <si>
    <t>cg14272381</t>
  </si>
  <si>
    <t>cg14272438</t>
  </si>
  <si>
    <t>cg14275095</t>
  </si>
  <si>
    <t>cg14276619</t>
  </si>
  <si>
    <t>cg14277677</t>
  </si>
  <si>
    <t>cg14278575</t>
  </si>
  <si>
    <t>cg14282170</t>
  </si>
  <si>
    <t>cg14285731</t>
  </si>
  <si>
    <t>cg14288890</t>
  </si>
  <si>
    <t>cg14292870</t>
  </si>
  <si>
    <t>cg14301531</t>
  </si>
  <si>
    <t>cg14301713</t>
  </si>
  <si>
    <t>cg14311559</t>
  </si>
  <si>
    <t>cg14312167</t>
  </si>
  <si>
    <t>cg14313315</t>
  </si>
  <si>
    <t>cg14314643</t>
  </si>
  <si>
    <t>cg14335813</t>
  </si>
  <si>
    <t>cg14337085</t>
  </si>
  <si>
    <t>cg14338062</t>
  </si>
  <si>
    <t>cg14341030</t>
  </si>
  <si>
    <t>cg14351692</t>
  </si>
  <si>
    <t>cg14371590</t>
  </si>
  <si>
    <t>cg14375046</t>
  </si>
  <si>
    <t>cg14375747</t>
  </si>
  <si>
    <t>cg14380586</t>
  </si>
  <si>
    <t>cg14384748</t>
  </si>
  <si>
    <t>cg14386126</t>
  </si>
  <si>
    <t>cg14392181</t>
  </si>
  <si>
    <t>cg14394617</t>
  </si>
  <si>
    <t>cg14399475</t>
  </si>
  <si>
    <t>cg14401746</t>
  </si>
  <si>
    <t>cg14406256</t>
  </si>
  <si>
    <t>cg14409083</t>
  </si>
  <si>
    <t>cg14411103</t>
  </si>
  <si>
    <t>cg14415456</t>
  </si>
  <si>
    <t>cg14415816</t>
  </si>
  <si>
    <t>cg14424610</t>
  </si>
  <si>
    <t>cg14429393</t>
  </si>
  <si>
    <t>cg14431443</t>
  </si>
  <si>
    <t>cg14431546</t>
  </si>
  <si>
    <t>cg14434398</t>
  </si>
  <si>
    <t>cg14434755</t>
  </si>
  <si>
    <t>cg14437324</t>
  </si>
  <si>
    <t>cg14445076</t>
  </si>
  <si>
    <t>cg14449051</t>
  </si>
  <si>
    <t>cg14467955</t>
  </si>
  <si>
    <t>cg14471996</t>
  </si>
  <si>
    <t>cg14474520</t>
  </si>
  <si>
    <t>cg14474811</t>
  </si>
  <si>
    <t>cg14476397</t>
  </si>
  <si>
    <t>cg14477452</t>
  </si>
  <si>
    <t>cg14479829</t>
  </si>
  <si>
    <t>cg14486477</t>
  </si>
  <si>
    <t>cg14489470</t>
  </si>
  <si>
    <t>cg14493571</t>
  </si>
  <si>
    <t>cg14502651</t>
  </si>
  <si>
    <t>cg14504499</t>
  </si>
  <si>
    <t>cg14506192</t>
  </si>
  <si>
    <t>cg14507016</t>
  </si>
  <si>
    <t>cg14507346</t>
  </si>
  <si>
    <t>cg14519294</t>
  </si>
  <si>
    <t>cg14519501</t>
  </si>
  <si>
    <t>cg14519793</t>
  </si>
  <si>
    <t>cg14524975</t>
  </si>
  <si>
    <t>cg14529331</t>
  </si>
  <si>
    <t>cg14530380</t>
  </si>
  <si>
    <t>cg14533605</t>
  </si>
  <si>
    <t>cg14535746</t>
  </si>
  <si>
    <t>cg14537856</t>
  </si>
  <si>
    <t>cg14540461</t>
  </si>
  <si>
    <t>cg14541870</t>
  </si>
  <si>
    <t>cg14543527</t>
  </si>
  <si>
    <t>cg14546261</t>
  </si>
  <si>
    <t>cg14546619</t>
  </si>
  <si>
    <t>cg14547599</t>
  </si>
  <si>
    <t>cg14548259</t>
  </si>
  <si>
    <t>cg14550163</t>
  </si>
  <si>
    <t>cg14551475</t>
  </si>
  <si>
    <t>cg14555253</t>
  </si>
  <si>
    <t>cg14555682</t>
  </si>
  <si>
    <t>cg14557202</t>
  </si>
  <si>
    <t>cg14563949</t>
  </si>
  <si>
    <t>cg14564144</t>
  </si>
  <si>
    <t>cg14565014</t>
  </si>
  <si>
    <t>cg14567043</t>
  </si>
  <si>
    <t>cg14569644</t>
  </si>
  <si>
    <t>cg14571620</t>
  </si>
  <si>
    <t>cg14574369</t>
  </si>
  <si>
    <t>cg14590902</t>
  </si>
  <si>
    <t>cg14592468</t>
  </si>
  <si>
    <t>cg14594481</t>
  </si>
  <si>
    <t>cg14595425</t>
  </si>
  <si>
    <t>cg14597361</t>
  </si>
  <si>
    <t>cg14602393</t>
  </si>
  <si>
    <t>cg14632140</t>
  </si>
  <si>
    <t>cg14634319</t>
  </si>
  <si>
    <t>cg14636377</t>
  </si>
  <si>
    <t>cg14637685</t>
  </si>
  <si>
    <t>cg14643686</t>
  </si>
  <si>
    <t>cg14645027</t>
  </si>
  <si>
    <t>cg14648069</t>
  </si>
  <si>
    <t>cg14651082</t>
  </si>
  <si>
    <t>cg14657159</t>
  </si>
  <si>
    <t>cg14657728</t>
  </si>
  <si>
    <t>cg14662756</t>
  </si>
  <si>
    <t>cg14665192</t>
  </si>
  <si>
    <t>cg14667104</t>
  </si>
  <si>
    <t>cg14675984</t>
  </si>
  <si>
    <t>cg14679255</t>
  </si>
  <si>
    <t>cg14679587</t>
  </si>
  <si>
    <t>cg14690580</t>
  </si>
  <si>
    <t>cg14693883</t>
  </si>
  <si>
    <t>cg14695814</t>
  </si>
  <si>
    <t>cg14697930</t>
  </si>
  <si>
    <t>cg14702279</t>
  </si>
  <si>
    <t>cg14716589</t>
  </si>
  <si>
    <t>cg14733103</t>
  </si>
  <si>
    <t>cg14733535</t>
  </si>
  <si>
    <t>cg14734630</t>
  </si>
  <si>
    <t>cg14736327</t>
  </si>
  <si>
    <t>cg14736640</t>
  </si>
  <si>
    <t>cg14737592</t>
  </si>
  <si>
    <t>cg14741228</t>
  </si>
  <si>
    <t>cg14747072</t>
  </si>
  <si>
    <t>cg14750751</t>
  </si>
  <si>
    <t>cg14751084</t>
  </si>
  <si>
    <t>cg14753074</t>
  </si>
  <si>
    <t>cg14753631</t>
  </si>
  <si>
    <t>cg14754491</t>
  </si>
  <si>
    <t>cg14755549</t>
  </si>
  <si>
    <t>cg14756052</t>
  </si>
  <si>
    <t>cg14757312</t>
  </si>
  <si>
    <t>cg14757759</t>
  </si>
  <si>
    <t>cg14759043</t>
  </si>
  <si>
    <t>cg14760880</t>
  </si>
  <si>
    <t>cg14761901</t>
  </si>
  <si>
    <t>cg14779797</t>
  </si>
  <si>
    <t>cg14780004</t>
  </si>
  <si>
    <t>cg14782437</t>
  </si>
  <si>
    <t>cg14783987</t>
  </si>
  <si>
    <t>cg14784009</t>
  </si>
  <si>
    <t>cg14789804</t>
  </si>
  <si>
    <t>cg14790421</t>
  </si>
  <si>
    <t>cg14791413</t>
  </si>
  <si>
    <t>cg14793056</t>
  </si>
  <si>
    <t>cg14793287</t>
  </si>
  <si>
    <t>cg14796237</t>
  </si>
  <si>
    <t>cg14798032</t>
  </si>
  <si>
    <t>cg14808040</t>
  </si>
  <si>
    <t>cg14817848</t>
  </si>
  <si>
    <t>cg14831746</t>
  </si>
  <si>
    <t>cg14833024</t>
  </si>
  <si>
    <t>cg14833732</t>
  </si>
  <si>
    <t>cg14834893</t>
  </si>
  <si>
    <t>cg14836636</t>
  </si>
  <si>
    <t>cg14846380</t>
  </si>
  <si>
    <t>cg14849798</t>
  </si>
  <si>
    <t>cg14850660</t>
  </si>
  <si>
    <t>cg14853265</t>
  </si>
  <si>
    <t>cg14853597</t>
  </si>
  <si>
    <t>cg14854517</t>
  </si>
  <si>
    <t>cg14854850</t>
  </si>
  <si>
    <t>cg14858784</t>
  </si>
  <si>
    <t>cg14864542</t>
  </si>
  <si>
    <t>cg14864773</t>
  </si>
  <si>
    <t>cg14867639</t>
  </si>
  <si>
    <t>cg14869505</t>
  </si>
  <si>
    <t>cg14870383</t>
  </si>
  <si>
    <t>cg14870792</t>
  </si>
  <si>
    <t>cg14872074</t>
  </si>
  <si>
    <t>cg14872454</t>
  </si>
  <si>
    <t>cg14872956</t>
  </si>
  <si>
    <t>cg14876603</t>
  </si>
  <si>
    <t>cg14879241</t>
  </si>
  <si>
    <t>cg14879569</t>
  </si>
  <si>
    <t>cg14884183</t>
  </si>
  <si>
    <t>cg14892058</t>
  </si>
  <si>
    <t>cg14893473</t>
  </si>
  <si>
    <t>cg14898147</t>
  </si>
  <si>
    <t>cg14898623</t>
  </si>
  <si>
    <t>cg14903202</t>
  </si>
  <si>
    <t>cg14904464</t>
  </si>
  <si>
    <t>cg14905634</t>
  </si>
  <si>
    <t>cg14905657</t>
  </si>
  <si>
    <t>cg14906355</t>
  </si>
  <si>
    <t>cg14906510</t>
  </si>
  <si>
    <t>cg14906565</t>
  </si>
  <si>
    <t>cg14907262</t>
  </si>
  <si>
    <t>cg14908122</t>
  </si>
  <si>
    <t>cg14908307</t>
  </si>
  <si>
    <t>cg14909545</t>
  </si>
  <si>
    <t>cg14914532</t>
  </si>
  <si>
    <t>cg14914982</t>
  </si>
  <si>
    <t>cg14916108</t>
  </si>
  <si>
    <t>cg14916754</t>
  </si>
  <si>
    <t>cg14918927</t>
  </si>
  <si>
    <t>cg14920334</t>
  </si>
  <si>
    <t>cg14920696</t>
  </si>
  <si>
    <t>cg14922545</t>
  </si>
  <si>
    <t>cg14940636</t>
  </si>
  <si>
    <t>cg14948290</t>
  </si>
  <si>
    <t>cg14949649</t>
  </si>
  <si>
    <t>cg14949892</t>
  </si>
  <si>
    <t>cg14951136</t>
  </si>
  <si>
    <t>cg14952949</t>
  </si>
  <si>
    <t>cg14957671</t>
  </si>
  <si>
    <t>cg14961435</t>
  </si>
  <si>
    <t>cg14966941</t>
  </si>
  <si>
    <t>cg14970340</t>
  </si>
  <si>
    <t>cg14977037</t>
  </si>
  <si>
    <t>cg14991682</t>
  </si>
  <si>
    <t>cg14995783</t>
  </si>
  <si>
    <t>cg14996810</t>
  </si>
  <si>
    <t>cg14997702</t>
  </si>
  <si>
    <t>cg15000222</t>
  </si>
  <si>
    <t>cg15004702</t>
  </si>
  <si>
    <t>cg15005962</t>
  </si>
  <si>
    <t>cg15007326</t>
  </si>
  <si>
    <t>cg15012054</t>
  </si>
  <si>
    <t>cg15016701</t>
  </si>
  <si>
    <t>cg15020964</t>
  </si>
  <si>
    <t>cg15022354</t>
  </si>
  <si>
    <t>cg15024035</t>
  </si>
  <si>
    <t>cg15026456</t>
  </si>
  <si>
    <t>cg15027294</t>
  </si>
  <si>
    <t>cg15027358</t>
  </si>
  <si>
    <t>cg15028128</t>
  </si>
  <si>
    <t>cg15028756</t>
  </si>
  <si>
    <t>cg15030629</t>
  </si>
  <si>
    <t>cg15035273</t>
  </si>
  <si>
    <t>cg15049177</t>
  </si>
  <si>
    <t>cg15052214</t>
  </si>
  <si>
    <t>cg15055810</t>
  </si>
  <si>
    <t>cg15056189</t>
  </si>
  <si>
    <t>cg15058852</t>
  </si>
  <si>
    <t>cg15062795</t>
  </si>
  <si>
    <t>cg15063355</t>
  </si>
  <si>
    <t>cg15067401</t>
  </si>
  <si>
    <t>cg15071923</t>
  </si>
  <si>
    <t>cg15082048</t>
  </si>
  <si>
    <t>cg15082212</t>
  </si>
  <si>
    <t>cg15083678</t>
  </si>
  <si>
    <t>cg15085223</t>
  </si>
  <si>
    <t>cg15091123</t>
  </si>
  <si>
    <t>cg15093194</t>
  </si>
  <si>
    <t>cg15103179</t>
  </si>
  <si>
    <t>cg15104126</t>
  </si>
  <si>
    <t>cg15104815</t>
  </si>
  <si>
    <t>cg15111593</t>
  </si>
  <si>
    <t>cg15111626</t>
  </si>
  <si>
    <t>cg15112006</t>
  </si>
  <si>
    <t>cg15117548</t>
  </si>
  <si>
    <t>cg15120925</t>
  </si>
  <si>
    <t>cg15125140</t>
  </si>
  <si>
    <t>cg15125424</t>
  </si>
  <si>
    <t>cg15125438</t>
  </si>
  <si>
    <t>cg15127250</t>
  </si>
  <si>
    <t>cg15134120</t>
  </si>
  <si>
    <t>cg15141592</t>
  </si>
  <si>
    <t>cg15151387</t>
  </si>
  <si>
    <t>cg15157468</t>
  </si>
  <si>
    <t>cg15157840</t>
  </si>
  <si>
    <t>cg15161050</t>
  </si>
  <si>
    <t>cg15163780</t>
  </si>
  <si>
    <t>cg15164930</t>
  </si>
  <si>
    <t>cg15166079</t>
  </si>
  <si>
    <t>cg15175129</t>
  </si>
  <si>
    <t>cg15217187</t>
  </si>
  <si>
    <t>cg15232385</t>
  </si>
  <si>
    <t>cg15233611</t>
  </si>
  <si>
    <t>cg15234492</t>
  </si>
  <si>
    <t>cg15235987</t>
  </si>
  <si>
    <t>cg15236513</t>
  </si>
  <si>
    <t>cg15237644</t>
  </si>
  <si>
    <t>cg15239874</t>
  </si>
  <si>
    <t>cg15240733</t>
  </si>
  <si>
    <t>cg15244101</t>
  </si>
  <si>
    <t>cg15250373</t>
  </si>
  <si>
    <t>cg15255403</t>
  </si>
  <si>
    <t>cg15260552</t>
  </si>
  <si>
    <t>cg15264991</t>
  </si>
  <si>
    <t>cg15277108</t>
  </si>
  <si>
    <t>cg15279308</t>
  </si>
  <si>
    <t>cg15280363</t>
  </si>
  <si>
    <t>cg15282632</t>
  </si>
  <si>
    <t>cg15282973</t>
  </si>
  <si>
    <t>cg15308062</t>
  </si>
  <si>
    <t>cg15310278</t>
  </si>
  <si>
    <t>cg15318546</t>
  </si>
  <si>
    <t>cg15321306</t>
  </si>
  <si>
    <t>cg15322876</t>
  </si>
  <si>
    <t>cg15332241</t>
  </si>
  <si>
    <t>cg15335297</t>
  </si>
  <si>
    <t>cg15336585</t>
  </si>
  <si>
    <t>cg15337154</t>
  </si>
  <si>
    <t>cg15337646</t>
  </si>
  <si>
    <t>cg15339981</t>
  </si>
  <si>
    <t>cg15341350</t>
  </si>
  <si>
    <t>cg15346286</t>
  </si>
  <si>
    <t>cg15348869</t>
  </si>
  <si>
    <t>cg15350627</t>
  </si>
  <si>
    <t>cg15350661</t>
  </si>
  <si>
    <t>cg15351741</t>
  </si>
  <si>
    <t>cg15353389</t>
  </si>
  <si>
    <t>cg15354065</t>
  </si>
  <si>
    <t>cg15355713</t>
  </si>
  <si>
    <t>cg15357934</t>
  </si>
  <si>
    <t>cg15358633</t>
  </si>
  <si>
    <t>cg15358984</t>
  </si>
  <si>
    <t>cg15360771</t>
  </si>
  <si>
    <t>cg15364276</t>
  </si>
  <si>
    <t>cg15368583</t>
  </si>
  <si>
    <t>cg15368872</t>
  </si>
  <si>
    <t>cg15370103</t>
  </si>
  <si>
    <t>cg15373950</t>
  </si>
  <si>
    <t>cg15381313</t>
  </si>
  <si>
    <t>cg15382367</t>
  </si>
  <si>
    <t>cg15389025</t>
  </si>
  <si>
    <t>cg15390816</t>
  </si>
  <si>
    <t>cg15393733</t>
  </si>
  <si>
    <t>cg15394142</t>
  </si>
  <si>
    <t>cg15398617</t>
  </si>
  <si>
    <t>cg15398939</t>
  </si>
  <si>
    <t>cg15401620</t>
  </si>
  <si>
    <t>cg15401862</t>
  </si>
  <si>
    <t>cg15403093</t>
  </si>
  <si>
    <t>cg15404019</t>
  </si>
  <si>
    <t>cg15404276</t>
  </si>
  <si>
    <t>cg15408855</t>
  </si>
  <si>
    <t>cg15409133</t>
  </si>
  <si>
    <t>cg15409796</t>
  </si>
  <si>
    <t>cg15417900</t>
  </si>
  <si>
    <t>cg15426626</t>
  </si>
  <si>
    <t>cg15428792</t>
  </si>
  <si>
    <t>cg15430169</t>
  </si>
  <si>
    <t>cg15430661</t>
  </si>
  <si>
    <t>cg15432485</t>
  </si>
  <si>
    <t>cg15434599</t>
  </si>
  <si>
    <t>cg15437231</t>
  </si>
  <si>
    <t>cg15439221</t>
  </si>
  <si>
    <t>cg15441864</t>
  </si>
  <si>
    <t>cg15442907</t>
  </si>
  <si>
    <t>cg15443067</t>
  </si>
  <si>
    <t>cg15445795</t>
  </si>
  <si>
    <t>cg15446392</t>
  </si>
  <si>
    <t>cg15447912</t>
  </si>
  <si>
    <t>cg15448076</t>
  </si>
  <si>
    <t>cg15448726</t>
  </si>
  <si>
    <t>cg15450824</t>
  </si>
  <si>
    <t>cg15454599</t>
  </si>
  <si>
    <t>cg15455156</t>
  </si>
  <si>
    <t>cg15456555</t>
  </si>
  <si>
    <t>cg15460809</t>
  </si>
  <si>
    <t>cg15460816</t>
  </si>
  <si>
    <t>cg15460921</t>
  </si>
  <si>
    <t>cg15464148</t>
  </si>
  <si>
    <t>cg15465121</t>
  </si>
  <si>
    <t>cg15466281</t>
  </si>
  <si>
    <t>cg15469394</t>
  </si>
  <si>
    <t>cg15471197</t>
  </si>
  <si>
    <t>cg15475101</t>
  </si>
  <si>
    <t>cg15475576</t>
  </si>
  <si>
    <t>cg15476885</t>
  </si>
  <si>
    <t>cg15493051</t>
  </si>
  <si>
    <t>cg15494122</t>
  </si>
  <si>
    <t>cg15515537</t>
  </si>
  <si>
    <t>cg15526671</t>
  </si>
  <si>
    <t>cg15527678</t>
  </si>
  <si>
    <t>cg15532149</t>
  </si>
  <si>
    <t>cg15533046</t>
  </si>
  <si>
    <t>cg15539944</t>
  </si>
  <si>
    <t>cg15542283</t>
  </si>
  <si>
    <t>cg15542657</t>
  </si>
  <si>
    <t>cg15543616</t>
  </si>
  <si>
    <t>cg15545222</t>
  </si>
  <si>
    <t>cg15545247</t>
  </si>
  <si>
    <t>cg15569340</t>
  </si>
  <si>
    <t>cg15582661</t>
  </si>
  <si>
    <t>cg15584813</t>
  </si>
  <si>
    <t>cg15585843</t>
  </si>
  <si>
    <t>cg15592187</t>
  </si>
  <si>
    <t>cg15601497</t>
  </si>
  <si>
    <t>cg15606633</t>
  </si>
  <si>
    <t>cg15607538</t>
  </si>
  <si>
    <t>cg15611176</t>
  </si>
  <si>
    <t>cg15612682</t>
  </si>
  <si>
    <t>cg15612927</t>
  </si>
  <si>
    <t>cg15617706</t>
  </si>
  <si>
    <t>cg15618336</t>
  </si>
  <si>
    <t>cg15627464</t>
  </si>
  <si>
    <t>cg15628956</t>
  </si>
  <si>
    <t>cg15630645</t>
  </si>
  <si>
    <t>cg15631781</t>
  </si>
  <si>
    <t>cg15635269</t>
  </si>
  <si>
    <t>cg15639592</t>
  </si>
  <si>
    <t>cg15642754</t>
  </si>
  <si>
    <t>cg15645138</t>
  </si>
  <si>
    <t>cg15652120</t>
  </si>
  <si>
    <t>cg15652577</t>
  </si>
  <si>
    <t>cg15656257</t>
  </si>
  <si>
    <t>cg15659911</t>
  </si>
  <si>
    <t>cg15660418</t>
  </si>
  <si>
    <t>cg15680518</t>
  </si>
  <si>
    <t>cg15693248</t>
  </si>
  <si>
    <t>cg15693299</t>
  </si>
  <si>
    <t>cg15695155</t>
  </si>
  <si>
    <t>cg15695435</t>
  </si>
  <si>
    <t>cg15696038</t>
  </si>
  <si>
    <t>cg15696460</t>
  </si>
  <si>
    <t>cg15698107</t>
  </si>
  <si>
    <t>cg15698568</t>
  </si>
  <si>
    <t>cg15701111</t>
  </si>
  <si>
    <t>cg15701313</t>
  </si>
  <si>
    <t>cg15701332</t>
  </si>
  <si>
    <t>cg15701622</t>
  </si>
  <si>
    <t>cg15702701</t>
  </si>
  <si>
    <t>cg15704304</t>
  </si>
  <si>
    <t>cg15719903</t>
  </si>
  <si>
    <t>cg15731152</t>
  </si>
  <si>
    <t>cg15736338</t>
  </si>
  <si>
    <t>cg15754084</t>
  </si>
  <si>
    <t>cg15765896</t>
  </si>
  <si>
    <t>cg15769343</t>
  </si>
  <si>
    <t>cg15769920</t>
  </si>
  <si>
    <t>cg15771200</t>
  </si>
  <si>
    <t>cg15772013</t>
  </si>
  <si>
    <t>cg15772924</t>
  </si>
  <si>
    <t>cg15773624</t>
  </si>
  <si>
    <t>cg15777553</t>
  </si>
  <si>
    <t>cg15782311</t>
  </si>
  <si>
    <t>cg15789385</t>
  </si>
  <si>
    <t>cg15791180</t>
  </si>
  <si>
    <t>cg15791944</t>
  </si>
  <si>
    <t>cg15809823</t>
  </si>
  <si>
    <t>cg15810615</t>
  </si>
  <si>
    <t>cg15813011</t>
  </si>
  <si>
    <t>cg15815843</t>
  </si>
  <si>
    <t>cg15817163</t>
  </si>
  <si>
    <t>cg15817960</t>
  </si>
  <si>
    <t>cg15819717</t>
  </si>
  <si>
    <t>cg15820536</t>
  </si>
  <si>
    <t>cg15820955</t>
  </si>
  <si>
    <t>cg15822795</t>
  </si>
  <si>
    <t>cg15823495</t>
  </si>
  <si>
    <t>cg15824316</t>
  </si>
  <si>
    <t>cg15828524</t>
  </si>
  <si>
    <t>cg15828668</t>
  </si>
  <si>
    <t>cg15829663</t>
  </si>
  <si>
    <t>cg15834592</t>
  </si>
  <si>
    <t>cg15839752</t>
  </si>
  <si>
    <t>cg15840275</t>
  </si>
  <si>
    <t>cg15847604</t>
  </si>
  <si>
    <t>cg15851904</t>
  </si>
  <si>
    <t>cg15851964</t>
  </si>
  <si>
    <t>cg15852125</t>
  </si>
  <si>
    <t>cg15852320</t>
  </si>
  <si>
    <t>cg15854547</t>
  </si>
  <si>
    <t>cg15858166</t>
  </si>
  <si>
    <t>cg15859496</t>
  </si>
  <si>
    <t>cg15861089</t>
  </si>
  <si>
    <t>cg15861578</t>
  </si>
  <si>
    <t>cg15862358</t>
  </si>
  <si>
    <t>cg15862706</t>
  </si>
  <si>
    <t>cg15865243</t>
  </si>
  <si>
    <t>cg15868426</t>
  </si>
  <si>
    <t>cg15873303</t>
  </si>
  <si>
    <t>cg15873673</t>
  </si>
  <si>
    <t>cg15878909</t>
  </si>
  <si>
    <t>cg15882878</t>
  </si>
  <si>
    <t>cg15885440</t>
  </si>
  <si>
    <t>cg15886294</t>
  </si>
  <si>
    <t>cg15887497</t>
  </si>
  <si>
    <t>cg15889057</t>
  </si>
  <si>
    <t>cg15890332</t>
  </si>
  <si>
    <t>cg15893360</t>
  </si>
  <si>
    <t>cg15903784</t>
  </si>
  <si>
    <t>cg15907392</t>
  </si>
  <si>
    <t>cg15908398</t>
  </si>
  <si>
    <t>cg15918766</t>
  </si>
  <si>
    <t>cg15921228</t>
  </si>
  <si>
    <t>cg15921535</t>
  </si>
  <si>
    <t>cg15922513</t>
  </si>
  <si>
    <t>cg15922693</t>
  </si>
  <si>
    <t>cg15926737</t>
  </si>
  <si>
    <t>cg15929241</t>
  </si>
  <si>
    <t>cg15930596</t>
  </si>
  <si>
    <t>cg15932716</t>
  </si>
  <si>
    <t>cg15933484</t>
  </si>
  <si>
    <t>cg15933527</t>
  </si>
  <si>
    <t>cg15935736</t>
  </si>
  <si>
    <t>cg15942562</t>
  </si>
  <si>
    <t>cg15962744</t>
  </si>
  <si>
    <t>cg15962965</t>
  </si>
  <si>
    <t>cg15964309</t>
  </si>
  <si>
    <t>cg15965241</t>
  </si>
  <si>
    <t>cg15966757</t>
  </si>
  <si>
    <t>cg15967304</t>
  </si>
  <si>
    <t>cg15968307</t>
  </si>
  <si>
    <t>cg15974062</t>
  </si>
  <si>
    <t>cg15975750</t>
  </si>
  <si>
    <t>cg15975802</t>
  </si>
  <si>
    <t>cg15977267</t>
  </si>
  <si>
    <t>cg15977716</t>
  </si>
  <si>
    <t>cg15978688</t>
  </si>
  <si>
    <t>cg15985470</t>
  </si>
  <si>
    <t>cg15985629</t>
  </si>
  <si>
    <t>cg15988261</t>
  </si>
  <si>
    <t>cg15988887</t>
  </si>
  <si>
    <t>cg15989810</t>
  </si>
  <si>
    <t>cg15991941</t>
  </si>
  <si>
    <t>cg15992730</t>
  </si>
  <si>
    <t>cg15993083</t>
  </si>
  <si>
    <t>cg15996769</t>
  </si>
  <si>
    <t>cg15997315</t>
  </si>
  <si>
    <t>cg16004706</t>
  </si>
  <si>
    <t>cg16004800</t>
  </si>
  <si>
    <t>cg16005224</t>
  </si>
  <si>
    <t>cg16006383</t>
  </si>
  <si>
    <t>cg16009988</t>
  </si>
  <si>
    <t>cg16010163</t>
  </si>
  <si>
    <t>cg16014168</t>
  </si>
  <si>
    <t>cg16014770</t>
  </si>
  <si>
    <t>cg16017313</t>
  </si>
  <si>
    <t>cg16017420</t>
  </si>
  <si>
    <t>cg16017677</t>
  </si>
  <si>
    <t>cg16020437</t>
  </si>
  <si>
    <t>cg16023864</t>
  </si>
  <si>
    <t>cg16025118</t>
  </si>
  <si>
    <t>cg16025847</t>
  </si>
  <si>
    <t>cg16026627</t>
  </si>
  <si>
    <t>cg16044631</t>
  </si>
  <si>
    <t>cg16047471</t>
  </si>
  <si>
    <t>cg16047828</t>
  </si>
  <si>
    <t>cg16048383</t>
  </si>
  <si>
    <t>cg16050608</t>
  </si>
  <si>
    <t>cg16054422</t>
  </si>
  <si>
    <t>cg16062733</t>
  </si>
  <si>
    <t>cg16063018</t>
  </si>
  <si>
    <t>cg16064237</t>
  </si>
  <si>
    <t>cg16067781</t>
  </si>
  <si>
    <t>cg16072655</t>
  </si>
  <si>
    <t>cg16074109</t>
  </si>
  <si>
    <t>cg16078863</t>
  </si>
  <si>
    <t>cg16080781</t>
  </si>
  <si>
    <t>cg16085042</t>
  </si>
  <si>
    <t>cg16085171</t>
  </si>
  <si>
    <t>cg16086237</t>
  </si>
  <si>
    <t>cg16092895</t>
  </si>
  <si>
    <t>cg16094145</t>
  </si>
  <si>
    <t>cg16095767</t>
  </si>
  <si>
    <t>cg16096531</t>
  </si>
  <si>
    <t>cg16100690</t>
  </si>
  <si>
    <t>cg16102024</t>
  </si>
  <si>
    <t>cg16102793</t>
  </si>
  <si>
    <t>cg16106678</t>
  </si>
  <si>
    <t>cg16108864</t>
  </si>
  <si>
    <t>cg16112157</t>
  </si>
  <si>
    <t>cg16115588</t>
  </si>
  <si>
    <t>cg16116203</t>
  </si>
  <si>
    <t>cg16118089</t>
  </si>
  <si>
    <t>cg16119239</t>
  </si>
  <si>
    <t>cg16119613</t>
  </si>
  <si>
    <t>cg16120883</t>
  </si>
  <si>
    <t>cg16133681</t>
  </si>
  <si>
    <t>cg16138602</t>
  </si>
  <si>
    <t>cg16139227</t>
  </si>
  <si>
    <t>cg16162324</t>
  </si>
  <si>
    <t>cg16164619</t>
  </si>
  <si>
    <t>cg16167485</t>
  </si>
  <si>
    <t>cg16172043</t>
  </si>
  <si>
    <t>cg16174341</t>
  </si>
  <si>
    <t>cg16175725</t>
  </si>
  <si>
    <t>cg16176573</t>
  </si>
  <si>
    <t>cg16178491</t>
  </si>
  <si>
    <t>cg16181859</t>
  </si>
  <si>
    <t>cg16182707</t>
  </si>
  <si>
    <t>cg16184597</t>
  </si>
  <si>
    <t>cg16186918</t>
  </si>
  <si>
    <t>cg16190510</t>
  </si>
  <si>
    <t>cg16191024</t>
  </si>
  <si>
    <t>cg16192746</t>
  </si>
  <si>
    <t>cg16194319</t>
  </si>
  <si>
    <t>cg16195804</t>
  </si>
  <si>
    <t>cg16196939</t>
  </si>
  <si>
    <t>cg16200569</t>
  </si>
  <si>
    <t>cg16204225</t>
  </si>
  <si>
    <t>cg16204509</t>
  </si>
  <si>
    <t>cg16205352</t>
  </si>
  <si>
    <t>cg16205844</t>
  </si>
  <si>
    <t>cg16205861</t>
  </si>
  <si>
    <t>cg16219968</t>
  </si>
  <si>
    <t>cg16224018</t>
  </si>
  <si>
    <t>cg16224902</t>
  </si>
  <si>
    <t>cg16231452</t>
  </si>
  <si>
    <t>cg16236228</t>
  </si>
  <si>
    <t>cg16236296</t>
  </si>
  <si>
    <t>cg16236851</t>
  </si>
  <si>
    <t>cg16236875</t>
  </si>
  <si>
    <t>cg16239736</t>
  </si>
  <si>
    <t>cg16241421</t>
  </si>
  <si>
    <t>cg16244664</t>
  </si>
  <si>
    <t>cg16246698</t>
  </si>
  <si>
    <t>cg16247207</t>
  </si>
  <si>
    <t>cg16248311</t>
  </si>
  <si>
    <t>cg16249035</t>
  </si>
  <si>
    <t>cg16250856</t>
  </si>
  <si>
    <t>cg16252122</t>
  </si>
  <si>
    <t>cg16252691</t>
  </si>
  <si>
    <t>cg16254662</t>
  </si>
  <si>
    <t>cg16257219</t>
  </si>
  <si>
    <t>cg16261965</t>
  </si>
  <si>
    <t>cg16263701</t>
  </si>
  <si>
    <t>cg16263775</t>
  </si>
  <si>
    <t>cg16264616</t>
  </si>
  <si>
    <t>cg16264888</t>
  </si>
  <si>
    <t>cg16266358</t>
  </si>
  <si>
    <t>cg16266579</t>
  </si>
  <si>
    <t>cg16266895</t>
  </si>
  <si>
    <t>cg16267376</t>
  </si>
  <si>
    <t>cg16267579</t>
  </si>
  <si>
    <t>cg16268185</t>
  </si>
  <si>
    <t>cg16273009</t>
  </si>
  <si>
    <t>cg16276999</t>
  </si>
  <si>
    <t>cg16277169</t>
  </si>
  <si>
    <t>cg16280363</t>
  </si>
  <si>
    <t>cg16286844</t>
  </si>
  <si>
    <t>cg16287252</t>
  </si>
  <si>
    <t>cg16292933</t>
  </si>
  <si>
    <t>cg16294280</t>
  </si>
  <si>
    <t>cg16296843</t>
  </si>
  <si>
    <t>cg16300310</t>
  </si>
  <si>
    <t>cg16303061</t>
  </si>
  <si>
    <t>cg16303353</t>
  </si>
  <si>
    <t>cg16304302</t>
  </si>
  <si>
    <t>cg16305379</t>
  </si>
  <si>
    <t>cg16307325</t>
  </si>
  <si>
    <t>cg16309127</t>
  </si>
  <si>
    <t>cg16310003</t>
  </si>
  <si>
    <t>cg16311803</t>
  </si>
  <si>
    <t>cg16312916</t>
  </si>
  <si>
    <t>cg16314263</t>
  </si>
  <si>
    <t>cg16315058</t>
  </si>
  <si>
    <t>cg16316042</t>
  </si>
  <si>
    <t>cg16316519</t>
  </si>
  <si>
    <t>cg16321323</t>
  </si>
  <si>
    <t>cg16325610</t>
  </si>
  <si>
    <t>cg16329197</t>
  </si>
  <si>
    <t>cg16332003</t>
  </si>
  <si>
    <t>cg16332300</t>
  </si>
  <si>
    <t>cg16332365</t>
  </si>
  <si>
    <t>cg16335893</t>
  </si>
  <si>
    <t>cg16337430</t>
  </si>
  <si>
    <t>cg16340103</t>
  </si>
  <si>
    <t>cg16343129</t>
  </si>
  <si>
    <t>cg16343272</t>
  </si>
  <si>
    <t>cg16349819</t>
  </si>
  <si>
    <t>cg16352928</t>
  </si>
  <si>
    <t>cg16353049</t>
  </si>
  <si>
    <t>cg16353632</t>
  </si>
  <si>
    <t>cg16355305</t>
  </si>
  <si>
    <t>cg16355945</t>
  </si>
  <si>
    <t>cg16362133</t>
  </si>
  <si>
    <t>cg16371864</t>
  </si>
  <si>
    <t>cg16375550</t>
  </si>
  <si>
    <t>cg16376484</t>
  </si>
  <si>
    <t>cg16376770</t>
  </si>
  <si>
    <t>cg16377117</t>
  </si>
  <si>
    <t>cg16381917</t>
  </si>
  <si>
    <t>cg16385865</t>
  </si>
  <si>
    <t>cg16386481</t>
  </si>
  <si>
    <t>cg16387046</t>
  </si>
  <si>
    <t>cg16399511</t>
  </si>
  <si>
    <t>cg16399664</t>
  </si>
  <si>
    <t>cg16403326</t>
  </si>
  <si>
    <t>cg16404040</t>
  </si>
  <si>
    <t>cg16405957</t>
  </si>
  <si>
    <t>cg16412956</t>
  </si>
  <si>
    <t>cg16419418</t>
  </si>
  <si>
    <t>cg16420340</t>
  </si>
  <si>
    <t>cg16425829</t>
  </si>
  <si>
    <t>cg16427983</t>
  </si>
  <si>
    <t>cg16436164</t>
  </si>
  <si>
    <t>cg16437629</t>
  </si>
  <si>
    <t>cg16438602</t>
  </si>
  <si>
    <t>cg16438841</t>
  </si>
  <si>
    <t>cg16443954</t>
  </si>
  <si>
    <t>cg16444942</t>
  </si>
  <si>
    <t>cg16445026</t>
  </si>
  <si>
    <t>cg16448126</t>
  </si>
  <si>
    <t>cg16451358</t>
  </si>
  <si>
    <t>cg16461248</t>
  </si>
  <si>
    <t>cg16467318</t>
  </si>
  <si>
    <t>cg16469386</t>
  </si>
  <si>
    <t>cg16470529</t>
  </si>
  <si>
    <t>cg16470816</t>
  </si>
  <si>
    <t>cg16470902</t>
  </si>
  <si>
    <t>cg16473308</t>
  </si>
  <si>
    <t>cg16482226</t>
  </si>
  <si>
    <t>cg16488639</t>
  </si>
  <si>
    <t>cg16492828</t>
  </si>
  <si>
    <t>cg16495940</t>
  </si>
  <si>
    <t>cg16497413</t>
  </si>
  <si>
    <t>cg16499834</t>
  </si>
  <si>
    <t>cg16509569</t>
  </si>
  <si>
    <t>cg16518990</t>
  </si>
  <si>
    <t>cg16521451</t>
  </si>
  <si>
    <t>cg16523463</t>
  </si>
  <si>
    <t>cg16526732</t>
  </si>
  <si>
    <t>cg16527095</t>
  </si>
  <si>
    <t>cg16530981</t>
  </si>
  <si>
    <t>cg16532262</t>
  </si>
  <si>
    <t>cg16563691</t>
  </si>
  <si>
    <t>cg16567957</t>
  </si>
  <si>
    <t>cg16570335</t>
  </si>
  <si>
    <t>cg16573251</t>
  </si>
  <si>
    <t>cg16577509</t>
  </si>
  <si>
    <t>cg16587860</t>
  </si>
  <si>
    <t>cg16588947</t>
  </si>
  <si>
    <t>cg16589861</t>
  </si>
  <si>
    <t>cg16593899</t>
  </si>
  <si>
    <t>cg16596523</t>
  </si>
  <si>
    <t>cg16601359</t>
  </si>
  <si>
    <t>cg16604086</t>
  </si>
  <si>
    <t>cg16604391</t>
  </si>
  <si>
    <t>cg16605327</t>
  </si>
  <si>
    <t>cg16606256</t>
  </si>
  <si>
    <t>cg16606638</t>
  </si>
  <si>
    <t>cg16608087</t>
  </si>
  <si>
    <t>cg16611581</t>
  </si>
  <si>
    <t>cg16612926</t>
  </si>
  <si>
    <t>cg16615518</t>
  </si>
  <si>
    <t>cg16615842</t>
  </si>
  <si>
    <t>cg16616734</t>
  </si>
  <si>
    <t>cg16616937</t>
  </si>
  <si>
    <t>cg16617510</t>
  </si>
  <si>
    <t>cg16618141</t>
  </si>
  <si>
    <t>cg16618389</t>
  </si>
  <si>
    <t>cg16619240</t>
  </si>
  <si>
    <t>cg16620390</t>
  </si>
  <si>
    <t>cg16634951</t>
  </si>
  <si>
    <t>cg16635128</t>
  </si>
  <si>
    <t>cg16637254</t>
  </si>
  <si>
    <t>cg16642299</t>
  </si>
  <si>
    <t>cg16645344</t>
  </si>
  <si>
    <t>cg16648324</t>
  </si>
  <si>
    <t>cg16653538</t>
  </si>
  <si>
    <t>cg16656469</t>
  </si>
  <si>
    <t>cg16660717</t>
  </si>
  <si>
    <t>cg16667475</t>
  </si>
  <si>
    <t>cg16704720</t>
  </si>
  <si>
    <t>cg16705353</t>
  </si>
  <si>
    <t>cg16706240</t>
  </si>
  <si>
    <t>cg16706613</t>
  </si>
  <si>
    <t>cg16708012</t>
  </si>
  <si>
    <t>cg16712575</t>
  </si>
  <si>
    <t>cg16717225</t>
  </si>
  <si>
    <t>cg16718891</t>
  </si>
  <si>
    <t>cg16719582</t>
  </si>
  <si>
    <t>cg16721058</t>
  </si>
  <si>
    <t>cg16721177</t>
  </si>
  <si>
    <t>cg16725944</t>
  </si>
  <si>
    <t>cg16728539</t>
  </si>
  <si>
    <t>cg16733267</t>
  </si>
  <si>
    <t>cg16740785</t>
  </si>
  <si>
    <t>cg16746589</t>
  </si>
  <si>
    <t>cg16747828</t>
  </si>
  <si>
    <t>cg16748326</t>
  </si>
  <si>
    <t>cg16765387</t>
  </si>
  <si>
    <t>cg16765886</t>
  </si>
  <si>
    <t>cg16766632</t>
  </si>
  <si>
    <t>cg16770549</t>
  </si>
  <si>
    <t>cg16770799</t>
  </si>
  <si>
    <t>cg16778769</t>
  </si>
  <si>
    <t>cg16782719</t>
  </si>
  <si>
    <t>cg16784092</t>
  </si>
  <si>
    <t>cg16784745</t>
  </si>
  <si>
    <t>cg16789995</t>
  </si>
  <si>
    <t>cg16790682</t>
  </si>
  <si>
    <t>cg16791508</t>
  </si>
  <si>
    <t>cg16791797</t>
  </si>
  <si>
    <t>cg16792144</t>
  </si>
  <si>
    <t>cg16794131</t>
  </si>
  <si>
    <t>cg16801374</t>
  </si>
  <si>
    <t>cg16805360</t>
  </si>
  <si>
    <t>cg16807911</t>
  </si>
  <si>
    <t>cg16815991</t>
  </si>
  <si>
    <t>cg16817348</t>
  </si>
  <si>
    <t>cg16818725</t>
  </si>
  <si>
    <t>cg16824113</t>
  </si>
  <si>
    <t>cg16826718</t>
  </si>
  <si>
    <t>cg16829450</t>
  </si>
  <si>
    <t>cg16833797</t>
  </si>
  <si>
    <t>cg16835618</t>
  </si>
  <si>
    <t>cg16845679</t>
  </si>
  <si>
    <t>cg16847051</t>
  </si>
  <si>
    <t>cg16849562</t>
  </si>
  <si>
    <t>cg16853770</t>
  </si>
  <si>
    <t>cg16854200</t>
  </si>
  <si>
    <t>cg16854466</t>
  </si>
  <si>
    <t>cg16861318</t>
  </si>
  <si>
    <t>cg16861964</t>
  </si>
  <si>
    <t>cg16863447</t>
  </si>
  <si>
    <t>cg16866892</t>
  </si>
  <si>
    <t>cg16867865</t>
  </si>
  <si>
    <t>cg16870320</t>
  </si>
  <si>
    <t>cg16871449</t>
  </si>
  <si>
    <t>cg16874583</t>
  </si>
  <si>
    <t>cg16875554</t>
  </si>
  <si>
    <t>cg16876527</t>
  </si>
  <si>
    <t>cg16878595</t>
  </si>
  <si>
    <t>cg16879608</t>
  </si>
  <si>
    <t>cg16880597</t>
  </si>
  <si>
    <t>cg16881676</t>
  </si>
  <si>
    <t>cg16883533</t>
  </si>
  <si>
    <t>cg16885734</t>
  </si>
  <si>
    <t>cg16889054</t>
  </si>
  <si>
    <t>cg16890739</t>
  </si>
  <si>
    <t>cg16896371</t>
  </si>
  <si>
    <t>cg16898193</t>
  </si>
  <si>
    <t>cg16901123</t>
  </si>
  <si>
    <t>cg16901862</t>
  </si>
  <si>
    <t>cg16908257</t>
  </si>
  <si>
    <t>cg16909124</t>
  </si>
  <si>
    <t>cg16909364</t>
  </si>
  <si>
    <t>cg16911220</t>
  </si>
  <si>
    <t>cg16914667</t>
  </si>
  <si>
    <t>cg16915316</t>
  </si>
  <si>
    <t>cg16918595</t>
  </si>
  <si>
    <t>cg16919680</t>
  </si>
  <si>
    <t>cg16921775</t>
  </si>
  <si>
    <t>cg16922861</t>
  </si>
  <si>
    <t>cg16923011</t>
  </si>
  <si>
    <t>cg16924120</t>
  </si>
  <si>
    <t>cg16924822</t>
  </si>
  <si>
    <t>cg16927811</t>
  </si>
  <si>
    <t>cg16931076</t>
  </si>
  <si>
    <t>cg16932285</t>
  </si>
  <si>
    <t>cg16933248</t>
  </si>
  <si>
    <t>cg16936370</t>
  </si>
  <si>
    <t>cg16937004</t>
  </si>
  <si>
    <t>cg16937769</t>
  </si>
  <si>
    <t>cg16945186</t>
  </si>
  <si>
    <t>cg16949674</t>
  </si>
  <si>
    <t>cg16952918</t>
  </si>
  <si>
    <t>cg16955074</t>
  </si>
  <si>
    <t>cg16959747</t>
  </si>
  <si>
    <t>cg16960990</t>
  </si>
  <si>
    <t>cg16966496</t>
  </si>
  <si>
    <t>cg16970628</t>
  </si>
  <si>
    <t>cg16973107</t>
  </si>
  <si>
    <t>cg16975225</t>
  </si>
  <si>
    <t>cg16975973</t>
  </si>
  <si>
    <t>cg16984335</t>
  </si>
  <si>
    <t>cg16994622</t>
  </si>
  <si>
    <t>cg17010747</t>
  </si>
  <si>
    <t>cg17015844</t>
  </si>
  <si>
    <t>cg17019095</t>
  </si>
  <si>
    <t>cg17020895</t>
  </si>
  <si>
    <t>cg17024452</t>
  </si>
  <si>
    <t>cg17026220</t>
  </si>
  <si>
    <t>cg17029354</t>
  </si>
  <si>
    <t>cg17030488</t>
  </si>
  <si>
    <t>cg17031475</t>
  </si>
  <si>
    <t>cg17033166</t>
  </si>
  <si>
    <t>cg17034959</t>
  </si>
  <si>
    <t>cg17035040</t>
  </si>
  <si>
    <t>cg17038626</t>
  </si>
  <si>
    <t>cg17061244</t>
  </si>
  <si>
    <t>cg17061853</t>
  </si>
  <si>
    <t>cg17062268</t>
  </si>
  <si>
    <t>cg17066382</t>
  </si>
  <si>
    <t>cg17070108</t>
  </si>
  <si>
    <t>cg17072087</t>
  </si>
  <si>
    <t>cg17073733</t>
  </si>
  <si>
    <t>cg17080277</t>
  </si>
  <si>
    <t>cg17083504</t>
  </si>
  <si>
    <t>cg17083982</t>
  </si>
  <si>
    <t>cg17088290</t>
  </si>
  <si>
    <t>cg17092523</t>
  </si>
  <si>
    <t>cg17094065</t>
  </si>
  <si>
    <t>cg17095916</t>
  </si>
  <si>
    <t>cg17099889</t>
  </si>
  <si>
    <t>cg17101285</t>
  </si>
  <si>
    <t>cg17108209</t>
  </si>
  <si>
    <t>cg17109042</t>
  </si>
  <si>
    <t>cg17111346</t>
  </si>
  <si>
    <t>cg17112695</t>
  </si>
  <si>
    <t>cg17113134</t>
  </si>
  <si>
    <t>cg17116178</t>
  </si>
  <si>
    <t>cg17117651</t>
  </si>
  <si>
    <t>cg17118599</t>
  </si>
  <si>
    <t>cg17120607</t>
  </si>
  <si>
    <t>cg17123639</t>
  </si>
  <si>
    <t>cg17128068</t>
  </si>
  <si>
    <t>cg17129764</t>
  </si>
  <si>
    <t>cg17129937</t>
  </si>
  <si>
    <t>cg17130486</t>
  </si>
  <si>
    <t>cg17131095</t>
  </si>
  <si>
    <t>cg17131653</t>
  </si>
  <si>
    <t>cg17133487</t>
  </si>
  <si>
    <t>cg17135191</t>
  </si>
  <si>
    <t>cg17138298</t>
  </si>
  <si>
    <t>cg17139392</t>
  </si>
  <si>
    <t>cg17148457</t>
  </si>
  <si>
    <t>cg17151054</t>
  </si>
  <si>
    <t>cg17152423</t>
  </si>
  <si>
    <t>cg17154218</t>
  </si>
  <si>
    <t>cg17154975</t>
  </si>
  <si>
    <t>cg17169037</t>
  </si>
  <si>
    <t>cg17169123</t>
  </si>
  <si>
    <t>cg17169243</t>
  </si>
  <si>
    <t>cg17172595</t>
  </si>
  <si>
    <t>cg17173663</t>
  </si>
  <si>
    <t>cg17174980</t>
  </si>
  <si>
    <t>cg17175626</t>
  </si>
  <si>
    <t>cg17180088</t>
  </si>
  <si>
    <t>cg17182464</t>
  </si>
  <si>
    <t>cg17187521</t>
  </si>
  <si>
    <t>cg17188567</t>
  </si>
  <si>
    <t>cg17190608</t>
  </si>
  <si>
    <t>cg17192862</t>
  </si>
  <si>
    <t>cg17198308</t>
  </si>
  <si>
    <t>cg17200441</t>
  </si>
  <si>
    <t>cg17208953</t>
  </si>
  <si>
    <t>cg17212502</t>
  </si>
  <si>
    <t>cg17212980</t>
  </si>
  <si>
    <t>cg17214456</t>
  </si>
  <si>
    <t>cg17216026</t>
  </si>
  <si>
    <t>cg17216080</t>
  </si>
  <si>
    <t>cg17216272</t>
  </si>
  <si>
    <t>cg17217490</t>
  </si>
  <si>
    <t>cg17224596</t>
  </si>
  <si>
    <t>cg17226286</t>
  </si>
  <si>
    <t>cg17227355</t>
  </si>
  <si>
    <t>cg17229929</t>
  </si>
  <si>
    <t>cg17230002</t>
  </si>
  <si>
    <t>cg17233896</t>
  </si>
  <si>
    <t>cg17243643</t>
  </si>
  <si>
    <t>cg17270519</t>
  </si>
  <si>
    <t>cg17271428</t>
  </si>
  <si>
    <t>cg17272491</t>
  </si>
  <si>
    <t>cg17274400</t>
  </si>
  <si>
    <t>cg17284440</t>
  </si>
  <si>
    <t>cg17286157</t>
  </si>
  <si>
    <t>cg17290446</t>
  </si>
  <si>
    <t>cg17291826</t>
  </si>
  <si>
    <t>cg17291858</t>
  </si>
  <si>
    <t>cg17292337</t>
  </si>
  <si>
    <t>cg17295489</t>
  </si>
  <si>
    <t>cg17296482</t>
  </si>
  <si>
    <t>cg17297045</t>
  </si>
  <si>
    <t>cg17297653</t>
  </si>
  <si>
    <t>cg17298005</t>
  </si>
  <si>
    <t>cg17304276</t>
  </si>
  <si>
    <t>cg17305800</t>
  </si>
  <si>
    <t>cg17305992</t>
  </si>
  <si>
    <t>cg17306339</t>
  </si>
  <si>
    <t>cg17311469</t>
  </si>
  <si>
    <t>cg17311528</t>
  </si>
  <si>
    <t>cg17315453</t>
  </si>
  <si>
    <t>cg17317869</t>
  </si>
  <si>
    <t>cg17318642</t>
  </si>
  <si>
    <t>cg17318990</t>
  </si>
  <si>
    <t>cg17319581</t>
  </si>
  <si>
    <t>cg17319956</t>
  </si>
  <si>
    <t>cg17322044</t>
  </si>
  <si>
    <t>cg17331199</t>
  </si>
  <si>
    <t>cg17332198</t>
  </si>
  <si>
    <t>cg17334686</t>
  </si>
  <si>
    <t>cg17337807</t>
  </si>
  <si>
    <t>cg17338594</t>
  </si>
  <si>
    <t>cg17341477</t>
  </si>
  <si>
    <t>cg17344080</t>
  </si>
  <si>
    <t>cg17345480</t>
  </si>
  <si>
    <t>cg17346952</t>
  </si>
  <si>
    <t>cg17348388</t>
  </si>
  <si>
    <t>cg17349143</t>
  </si>
  <si>
    <t>cg17354987</t>
  </si>
  <si>
    <t>cg17368254</t>
  </si>
  <si>
    <t>cg17377797</t>
  </si>
  <si>
    <t>cg17384865</t>
  </si>
  <si>
    <t>cg17385414</t>
  </si>
  <si>
    <t>cg17385483</t>
  </si>
  <si>
    <t>cg17385737</t>
  </si>
  <si>
    <t>cg17386057</t>
  </si>
  <si>
    <t>cg17387577</t>
  </si>
  <si>
    <t>cg17387870</t>
  </si>
  <si>
    <t>cg17389212</t>
  </si>
  <si>
    <t>cg17393321</t>
  </si>
  <si>
    <t>cg17393917</t>
  </si>
  <si>
    <t>cg17394331</t>
  </si>
  <si>
    <t>cg17402889</t>
  </si>
  <si>
    <t>cg17405586</t>
  </si>
  <si>
    <t>cg17406204</t>
  </si>
  <si>
    <t>cg17413120</t>
  </si>
  <si>
    <t>cg17415555</t>
  </si>
  <si>
    <t>cg17415650</t>
  </si>
  <si>
    <t>cg17416608</t>
  </si>
  <si>
    <t>cg17417591</t>
  </si>
  <si>
    <t>cg17418011</t>
  </si>
  <si>
    <t>cg17419626</t>
  </si>
  <si>
    <t>cg17420585</t>
  </si>
  <si>
    <t>cg17422403</t>
  </si>
  <si>
    <t>cg17424856</t>
  </si>
  <si>
    <t>cg17429587</t>
  </si>
  <si>
    <t>cg17430032</t>
  </si>
  <si>
    <t>cg17432598</t>
  </si>
  <si>
    <t>cg17434273</t>
  </si>
  <si>
    <t>cg17435824</t>
  </si>
  <si>
    <t>cg17436656</t>
  </si>
  <si>
    <t>cg17444709</t>
  </si>
  <si>
    <t>cg17446956</t>
  </si>
  <si>
    <t>cg17450004</t>
  </si>
  <si>
    <t>cg17450075</t>
  </si>
  <si>
    <t>cg17450815</t>
  </si>
  <si>
    <t>cg17451138</t>
  </si>
  <si>
    <t>cg17452615</t>
  </si>
  <si>
    <t>cg17452880</t>
  </si>
  <si>
    <t>cg17459298</t>
  </si>
  <si>
    <t>cg17461234</t>
  </si>
  <si>
    <t>cg17465423</t>
  </si>
  <si>
    <t>cg17466598</t>
  </si>
  <si>
    <t>cg17474435</t>
  </si>
  <si>
    <t>cg17475063</t>
  </si>
  <si>
    <t>cg17476835</t>
  </si>
  <si>
    <t>cg17479830</t>
  </si>
  <si>
    <t>cg17514701</t>
  </si>
  <si>
    <t>cg17516809</t>
  </si>
  <si>
    <t>cg17517613</t>
  </si>
  <si>
    <t>cg17518884</t>
  </si>
  <si>
    <t>cg17520654</t>
  </si>
  <si>
    <t>cg17522550</t>
  </si>
  <si>
    <t>cg17523380</t>
  </si>
  <si>
    <t>cg17524854</t>
  </si>
  <si>
    <t>cg17525411</t>
  </si>
  <si>
    <t>cg17527422</t>
  </si>
  <si>
    <t>cg17531726</t>
  </si>
  <si>
    <t>cg17534564</t>
  </si>
  <si>
    <t>cg17536086</t>
  </si>
  <si>
    <t>cg17537007</t>
  </si>
  <si>
    <t>cg17537177</t>
  </si>
  <si>
    <t>cg17539315</t>
  </si>
  <si>
    <t>cg17540671</t>
  </si>
  <si>
    <t>cg17542835</t>
  </si>
  <si>
    <t>cg17547897</t>
  </si>
  <si>
    <t>cg17554126</t>
  </si>
  <si>
    <t>cg17554464</t>
  </si>
  <si>
    <t>cg17556421</t>
  </si>
  <si>
    <t>cg17564371</t>
  </si>
  <si>
    <t>cg17566394</t>
  </si>
  <si>
    <t>cg17570948</t>
  </si>
  <si>
    <t>cg17573594</t>
  </si>
  <si>
    <t>cg17577636</t>
  </si>
  <si>
    <t>cg17580045</t>
  </si>
  <si>
    <t>cg17605084</t>
  </si>
  <si>
    <t>cg17616707</t>
  </si>
  <si>
    <t>cg17635080</t>
  </si>
  <si>
    <t>cg17639059</t>
  </si>
  <si>
    <t>cg17640620</t>
  </si>
  <si>
    <t>cg17641104</t>
  </si>
  <si>
    <t>cg17645823</t>
  </si>
  <si>
    <t>cg17647904</t>
  </si>
  <si>
    <t>cg17648119</t>
  </si>
  <si>
    <t>cg17648878</t>
  </si>
  <si>
    <t>cg17651972</t>
  </si>
  <si>
    <t>cg17653824</t>
  </si>
  <si>
    <t>cg17656267</t>
  </si>
  <si>
    <t>cg17656474</t>
  </si>
  <si>
    <t>cg17679455</t>
  </si>
  <si>
    <t>cg17703658</t>
  </si>
  <si>
    <t>cg17715556</t>
  </si>
  <si>
    <t>cg17717549</t>
  </si>
  <si>
    <t>cg17718276</t>
  </si>
  <si>
    <t>cg17718377</t>
  </si>
  <si>
    <t>cg17726022</t>
  </si>
  <si>
    <t>cg17735631</t>
  </si>
  <si>
    <t>cg17736030</t>
  </si>
  <si>
    <t>cg17737263</t>
  </si>
  <si>
    <t>cg17737641</t>
  </si>
  <si>
    <t>cg17737835</t>
  </si>
  <si>
    <t>cg17740822</t>
  </si>
  <si>
    <t>cg17760412</t>
  </si>
  <si>
    <t>cg17765387</t>
  </si>
  <si>
    <t>cg17768691</t>
  </si>
  <si>
    <t>cg17770096</t>
  </si>
  <si>
    <t>cg17772430</t>
  </si>
  <si>
    <t>cg17774305</t>
  </si>
  <si>
    <t>cg17774395</t>
  </si>
  <si>
    <t>cg17777874</t>
  </si>
  <si>
    <t>cg17781464</t>
  </si>
  <si>
    <t>cg17781716</t>
  </si>
  <si>
    <t>cg17791945</t>
  </si>
  <si>
    <t>cg17805404</t>
  </si>
  <si>
    <t>cg17811658</t>
  </si>
  <si>
    <t>cg17811874</t>
  </si>
  <si>
    <t>cg17815797</t>
  </si>
  <si>
    <t>cg17818435</t>
  </si>
  <si>
    <t>cg17818847</t>
  </si>
  <si>
    <t>cg17820065</t>
  </si>
  <si>
    <t>cg17820871</t>
  </si>
  <si>
    <t>cg17825194</t>
  </si>
  <si>
    <t>cg17828445</t>
  </si>
  <si>
    <t>cg17830716</t>
  </si>
  <si>
    <t>cg17833037</t>
  </si>
  <si>
    <t>cg17834219</t>
  </si>
  <si>
    <t>cg17840166</t>
  </si>
  <si>
    <t>cg17841529</t>
  </si>
  <si>
    <t>cg17846194</t>
  </si>
  <si>
    <t>cg17847749</t>
  </si>
  <si>
    <t>cg17849509</t>
  </si>
  <si>
    <t>cg17853504</t>
  </si>
  <si>
    <t>cg17856495</t>
  </si>
  <si>
    <t>cg17860133</t>
  </si>
  <si>
    <t>cg17865265</t>
  </si>
  <si>
    <t>cg17866692</t>
  </si>
  <si>
    <t>cg17869315</t>
  </si>
  <si>
    <t>cg17875429</t>
  </si>
  <si>
    <t>cg17878425</t>
  </si>
  <si>
    <t>cg17878881</t>
  </si>
  <si>
    <t>cg17891088</t>
  </si>
  <si>
    <t>cg17902551</t>
  </si>
  <si>
    <t>cg17910375</t>
  </si>
  <si>
    <t>cg17914881</t>
  </si>
  <si>
    <t>cg17917518</t>
  </si>
  <si>
    <t>cg17948386</t>
  </si>
  <si>
    <t>cg17955329</t>
  </si>
  <si>
    <t>cg17959962</t>
  </si>
  <si>
    <t>cg17960823</t>
  </si>
  <si>
    <t>cg17963193</t>
  </si>
  <si>
    <t>cg17964844</t>
  </si>
  <si>
    <t>cg17975492</t>
  </si>
  <si>
    <t>cg17979479</t>
  </si>
  <si>
    <t>cg18010676</t>
  </si>
  <si>
    <t>cg18014789</t>
  </si>
  <si>
    <t>cg18023283</t>
  </si>
  <si>
    <t>cg18031663</t>
  </si>
  <si>
    <t>cg18034742</t>
  </si>
  <si>
    <t>cg18036143</t>
  </si>
  <si>
    <t>cg18037834</t>
  </si>
  <si>
    <t>cg18039042</t>
  </si>
  <si>
    <t>cg18039340</t>
  </si>
  <si>
    <t>cg18040878</t>
  </si>
  <si>
    <t>cg18044622</t>
  </si>
  <si>
    <t>cg18046311</t>
  </si>
  <si>
    <t>cg18047890</t>
  </si>
  <si>
    <t>cg18048953</t>
  </si>
  <si>
    <t>cg18049099</t>
  </si>
  <si>
    <t>cg18051798</t>
  </si>
  <si>
    <t>cg18059802</t>
  </si>
  <si>
    <t>cg18064171</t>
  </si>
  <si>
    <t>cg18066515</t>
  </si>
  <si>
    <t>cg18070593</t>
  </si>
  <si>
    <t>cg18071202</t>
  </si>
  <si>
    <t>cg18072814</t>
  </si>
  <si>
    <t>cg18075627</t>
  </si>
  <si>
    <t>cg18076651</t>
  </si>
  <si>
    <t>cg18076766</t>
  </si>
  <si>
    <t>cg18076831</t>
  </si>
  <si>
    <t>cg18080937</t>
  </si>
  <si>
    <t>cg18108237</t>
  </si>
  <si>
    <t>cg18109798</t>
  </si>
  <si>
    <t>cg18120578</t>
  </si>
  <si>
    <t>cg18123037</t>
  </si>
  <si>
    <t>cg18123160</t>
  </si>
  <si>
    <t>cg18123790</t>
  </si>
  <si>
    <t>cg18124330</t>
  </si>
  <si>
    <t>cg18126060</t>
  </si>
  <si>
    <t>cg18133966</t>
  </si>
  <si>
    <t>cg18139900</t>
  </si>
  <si>
    <t>cg18142353</t>
  </si>
  <si>
    <t>cg18147605</t>
  </si>
  <si>
    <t>cg18148255</t>
  </si>
  <si>
    <t>cg18158990</t>
  </si>
  <si>
    <t>cg18159324</t>
  </si>
  <si>
    <t>cg18161956</t>
  </si>
  <si>
    <t>cg18162091</t>
  </si>
  <si>
    <t>cg18164297</t>
  </si>
  <si>
    <t>cg18167349</t>
  </si>
  <si>
    <t>cg18167946</t>
  </si>
  <si>
    <t>cg18176406</t>
  </si>
  <si>
    <t>cg18177616</t>
  </si>
  <si>
    <t>cg18185189</t>
  </si>
  <si>
    <t>cg18187029</t>
  </si>
  <si>
    <t>cg18191547</t>
  </si>
  <si>
    <t>cg18192667</t>
  </si>
  <si>
    <t>cg18193127</t>
  </si>
  <si>
    <t>cg18195986</t>
  </si>
  <si>
    <t>cg18196334</t>
  </si>
  <si>
    <t>cg18199992</t>
  </si>
  <si>
    <t>cg18202741</t>
  </si>
  <si>
    <t>cg18206859</t>
  </si>
  <si>
    <t>cg18210128</t>
  </si>
  <si>
    <t>cg18215449</t>
  </si>
  <si>
    <t>cg18216249</t>
  </si>
  <si>
    <t>cg18217632</t>
  </si>
  <si>
    <t>cg18220042</t>
  </si>
  <si>
    <t>cg18221226</t>
  </si>
  <si>
    <t>cg18222235</t>
  </si>
  <si>
    <t>cg18231048</t>
  </si>
  <si>
    <t>cg18231319</t>
  </si>
  <si>
    <t>cg18231760</t>
  </si>
  <si>
    <t>cg18232816</t>
  </si>
  <si>
    <t>cg18235078</t>
  </si>
  <si>
    <t>cg18236066</t>
  </si>
  <si>
    <t>cg18236862</t>
  </si>
  <si>
    <t>cg18237203</t>
  </si>
  <si>
    <t>cg18238130</t>
  </si>
  <si>
    <t>cg18239763</t>
  </si>
  <si>
    <t>cg18241555</t>
  </si>
  <si>
    <t>cg18241877</t>
  </si>
  <si>
    <t>cg18243853</t>
  </si>
  <si>
    <t>cg18259930</t>
  </si>
  <si>
    <t>cg18283554</t>
  </si>
  <si>
    <t>cg18304766</t>
  </si>
  <si>
    <t>cg18306456</t>
  </si>
  <si>
    <t>cg18316254</t>
  </si>
  <si>
    <t>cg18316386</t>
  </si>
  <si>
    <t>cg18319754</t>
  </si>
  <si>
    <t>cg18321976</t>
  </si>
  <si>
    <t>cg18323710</t>
  </si>
  <si>
    <t>cg18348736</t>
  </si>
  <si>
    <t>cg18350524</t>
  </si>
  <si>
    <t>cg18350792</t>
  </si>
  <si>
    <t>cg18383069</t>
  </si>
  <si>
    <t>cg18387099</t>
  </si>
  <si>
    <t>cg18394848</t>
  </si>
  <si>
    <t>cg18422443</t>
  </si>
  <si>
    <t>cg18426014</t>
  </si>
  <si>
    <t>cg18426142</t>
  </si>
  <si>
    <t>cg18426156</t>
  </si>
  <si>
    <t>cg18435000</t>
  </si>
  <si>
    <t>cg18436898</t>
  </si>
  <si>
    <t>cg18440127</t>
  </si>
  <si>
    <t>cg18440199</t>
  </si>
  <si>
    <t>cg18440902</t>
  </si>
  <si>
    <t>cg18443392</t>
  </si>
  <si>
    <t>cg18446520</t>
  </si>
  <si>
    <t>cg18449739</t>
  </si>
  <si>
    <t>cg18451156</t>
  </si>
  <si>
    <t>cg18452973</t>
  </si>
  <si>
    <t>cg18453884</t>
  </si>
  <si>
    <t>cg18456512</t>
  </si>
  <si>
    <t>cg18460107</t>
  </si>
  <si>
    <t>cg18467083</t>
  </si>
  <si>
    <t>cg18470038</t>
  </si>
  <si>
    <t>cg18472239</t>
  </si>
  <si>
    <t>cg18476778</t>
  </si>
  <si>
    <t>cg18477001</t>
  </si>
  <si>
    <t>cg18477009</t>
  </si>
  <si>
    <t>cg18477928</t>
  </si>
  <si>
    <t>cg18499321</t>
  </si>
  <si>
    <t>cg18500826</t>
  </si>
  <si>
    <t>cg18500906</t>
  </si>
  <si>
    <t>cg18525972</t>
  </si>
  <si>
    <t>cg18527133</t>
  </si>
  <si>
    <t>cg18530189</t>
  </si>
  <si>
    <t>cg18553939</t>
  </si>
  <si>
    <t>cg18554736</t>
  </si>
  <si>
    <t>cg18555411</t>
  </si>
  <si>
    <t>cg18556676</t>
  </si>
  <si>
    <t>cg18565717</t>
  </si>
  <si>
    <t>cg18565809</t>
  </si>
  <si>
    <t>cg18566594</t>
  </si>
  <si>
    <t>cg18569661</t>
  </si>
  <si>
    <t>cg18573327</t>
  </si>
  <si>
    <t>cg18573383</t>
  </si>
  <si>
    <t>cg18573884</t>
  </si>
  <si>
    <t>cg18574995</t>
  </si>
  <si>
    <t>cg18581657</t>
  </si>
  <si>
    <t>cg18582721</t>
  </si>
  <si>
    <t>cg18591973</t>
  </si>
  <si>
    <t>cg18597677</t>
  </si>
  <si>
    <t>cg18602710</t>
  </si>
  <si>
    <t>cg18602808</t>
  </si>
  <si>
    <t>cg18603787</t>
  </si>
  <si>
    <t>cg18610205</t>
  </si>
  <si>
    <t>cg18610448</t>
  </si>
  <si>
    <t>cg18613344</t>
  </si>
  <si>
    <t>cg18615133</t>
  </si>
  <si>
    <t>cg18617770</t>
  </si>
  <si>
    <t>cg18619541</t>
  </si>
  <si>
    <t>cg18623355</t>
  </si>
  <si>
    <t>cg18627459</t>
  </si>
  <si>
    <t>cg18628483</t>
  </si>
  <si>
    <t>cg18628962</t>
  </si>
  <si>
    <t>cg18631201</t>
  </si>
  <si>
    <t>cg18633600</t>
  </si>
  <si>
    <t>cg18633684</t>
  </si>
  <si>
    <t>cg18637339</t>
  </si>
  <si>
    <t>cg18637761</t>
  </si>
  <si>
    <t>cg18638793</t>
  </si>
  <si>
    <t>cg18639984</t>
  </si>
  <si>
    <t>cg18641423</t>
  </si>
  <si>
    <t>cg18643092</t>
  </si>
  <si>
    <t>cg18648932</t>
  </si>
  <si>
    <t>cg18672389</t>
  </si>
  <si>
    <t>cg18673726</t>
  </si>
  <si>
    <t>cg18674828</t>
  </si>
  <si>
    <t>cg18676313</t>
  </si>
  <si>
    <t>cg18677101</t>
  </si>
  <si>
    <t>cg18682447</t>
  </si>
  <si>
    <t>cg18689240</t>
  </si>
  <si>
    <t>cg18689332</t>
  </si>
  <si>
    <t>cg18689930</t>
  </si>
  <si>
    <t>cg18695839</t>
  </si>
  <si>
    <t>cg18697143</t>
  </si>
  <si>
    <t>cg18701970</t>
  </si>
  <si>
    <t>cg18714585</t>
  </si>
  <si>
    <t>cg18715236</t>
  </si>
  <si>
    <t>cg18715511</t>
  </si>
  <si>
    <t>cg18716194</t>
  </si>
  <si>
    <t>cg18719327</t>
  </si>
  <si>
    <t>cg18719723</t>
  </si>
  <si>
    <t>cg18720151</t>
  </si>
  <si>
    <t>cg18720718</t>
  </si>
  <si>
    <t>cg18724581</t>
  </si>
  <si>
    <t>cg18727788</t>
  </si>
  <si>
    <t>cg18728753</t>
  </si>
  <si>
    <t>cg18730023</t>
  </si>
  <si>
    <t>cg18748332</t>
  </si>
  <si>
    <t>cg18750407</t>
  </si>
  <si>
    <t>cg18750937</t>
  </si>
  <si>
    <t>cg18753626</t>
  </si>
  <si>
    <t>cg18754747</t>
  </si>
  <si>
    <t>cg18754954</t>
  </si>
  <si>
    <t>cg18755846</t>
  </si>
  <si>
    <t>cg18756557</t>
  </si>
  <si>
    <t>cg18759110</t>
  </si>
  <si>
    <t>cg18761549</t>
  </si>
  <si>
    <t>cg18761745</t>
  </si>
  <si>
    <t>cg18763536</t>
  </si>
  <si>
    <t>cg18770739</t>
  </si>
  <si>
    <t>cg18771937</t>
  </si>
  <si>
    <t>cg18776056</t>
  </si>
  <si>
    <t>cg18776248</t>
  </si>
  <si>
    <t>cg18776463</t>
  </si>
  <si>
    <t>cg18776708</t>
  </si>
  <si>
    <t>cg18783212</t>
  </si>
  <si>
    <t>cg18784586</t>
  </si>
  <si>
    <t>cg18785129</t>
  </si>
  <si>
    <t>cg18787440</t>
  </si>
  <si>
    <t>cg18787548</t>
  </si>
  <si>
    <t>cg18787783</t>
  </si>
  <si>
    <t>cg18788932</t>
  </si>
  <si>
    <t>cg18789261</t>
  </si>
  <si>
    <t>cg18794854</t>
  </si>
  <si>
    <t>cg18795205</t>
  </si>
  <si>
    <t>cg18795786</t>
  </si>
  <si>
    <t>cg18796520</t>
  </si>
  <si>
    <t>cg18797859</t>
  </si>
  <si>
    <t>cg18798446</t>
  </si>
  <si>
    <t>cg18799399</t>
  </si>
  <si>
    <t>cg18801245</t>
  </si>
  <si>
    <t>cg18801311</t>
  </si>
  <si>
    <t>cg18802268</t>
  </si>
  <si>
    <t>cg18803850</t>
  </si>
  <si>
    <t>cg18805612</t>
  </si>
  <si>
    <t>cg18806606</t>
  </si>
  <si>
    <t>cg18806660</t>
  </si>
  <si>
    <t>cg18807485</t>
  </si>
  <si>
    <t>cg18809074</t>
  </si>
  <si>
    <t>cg18810681</t>
  </si>
  <si>
    <t>cg18812118</t>
  </si>
  <si>
    <t>cg18812668</t>
  </si>
  <si>
    <t>cg18813959</t>
  </si>
  <si>
    <t>cg18816206</t>
  </si>
  <si>
    <t>cg18816701</t>
  </si>
  <si>
    <t>cg18822117</t>
  </si>
  <si>
    <t>cg18825539</t>
  </si>
  <si>
    <t>cg18827107</t>
  </si>
  <si>
    <t>cg18827332</t>
  </si>
  <si>
    <t>cg18828137</t>
  </si>
  <si>
    <t>cg18829268</t>
  </si>
  <si>
    <t>cg18830042</t>
  </si>
  <si>
    <t>cg18832738</t>
  </si>
  <si>
    <t>cg18833933</t>
  </si>
  <si>
    <t>cg18834729</t>
  </si>
  <si>
    <t>cg18836267</t>
  </si>
  <si>
    <t>cg18841122</t>
  </si>
  <si>
    <t>cg18841927</t>
  </si>
  <si>
    <t>cg18842563</t>
  </si>
  <si>
    <t>cg18842598</t>
  </si>
  <si>
    <t>cg18843595</t>
  </si>
  <si>
    <t>cg18843682</t>
  </si>
  <si>
    <t>cg18844850</t>
  </si>
  <si>
    <t>cg18845289</t>
  </si>
  <si>
    <t>cg18845433</t>
  </si>
  <si>
    <t>cg18846883</t>
  </si>
  <si>
    <t>cg18846954</t>
  </si>
  <si>
    <t>cg18848276</t>
  </si>
  <si>
    <t>cg18849517</t>
  </si>
  <si>
    <t>cg18851817</t>
  </si>
  <si>
    <t>cg18852781</t>
  </si>
  <si>
    <t>cg18860868</t>
  </si>
  <si>
    <t>cg18861551</t>
  </si>
  <si>
    <t>cg18877514</t>
  </si>
  <si>
    <t>cg18878907</t>
  </si>
  <si>
    <t>cg18881269</t>
  </si>
  <si>
    <t>cg18883951</t>
  </si>
  <si>
    <t>cg18886147</t>
  </si>
  <si>
    <t>cg18890020</t>
  </si>
  <si>
    <t>cg18893868</t>
  </si>
  <si>
    <t>cg18906520</t>
  </si>
  <si>
    <t>cg18907610</t>
  </si>
  <si>
    <t>cg18911129</t>
  </si>
  <si>
    <t>cg18911278</t>
  </si>
  <si>
    <t>cg18914215</t>
  </si>
  <si>
    <t>cg18915211</t>
  </si>
  <si>
    <t>cg18915437</t>
  </si>
  <si>
    <t>cg18919192</t>
  </si>
  <si>
    <t>cg18919225</t>
  </si>
  <si>
    <t>cg18919323</t>
  </si>
  <si>
    <t>cg18920494</t>
  </si>
  <si>
    <t>cg18921183</t>
  </si>
  <si>
    <t>cg18922524</t>
  </si>
  <si>
    <t>cg18926450</t>
  </si>
  <si>
    <t>cg18928595</t>
  </si>
  <si>
    <t>cg18929217</t>
  </si>
  <si>
    <t>cg18930267</t>
  </si>
  <si>
    <t>cg18942451</t>
  </si>
  <si>
    <t>cg18944984</t>
  </si>
  <si>
    <t>cg18947570</t>
  </si>
  <si>
    <t>cg18949545</t>
  </si>
  <si>
    <t>cg18951718</t>
  </si>
  <si>
    <t>cg18952026</t>
  </si>
  <si>
    <t>cg18955060</t>
  </si>
  <si>
    <t>cg18955066</t>
  </si>
  <si>
    <t>cg18956558</t>
  </si>
  <si>
    <t>cg18958591</t>
  </si>
  <si>
    <t>cg18959988</t>
  </si>
  <si>
    <t>cg18960620</t>
  </si>
  <si>
    <t>cg18961101</t>
  </si>
  <si>
    <t>cg18990042</t>
  </si>
  <si>
    <t>cg19006060</t>
  </si>
  <si>
    <t>cg19007602</t>
  </si>
  <si>
    <t>cg19008320</t>
  </si>
  <si>
    <t>cg19008597</t>
  </si>
  <si>
    <t>cg19008693</t>
  </si>
  <si>
    <t>cg19016652</t>
  </si>
  <si>
    <t>cg19016972</t>
  </si>
  <si>
    <t>cg19020694</t>
  </si>
  <si>
    <t>cg19025224</t>
  </si>
  <si>
    <t>cg19034038</t>
  </si>
  <si>
    <t>cg19047077</t>
  </si>
  <si>
    <t>cg19048791</t>
  </si>
  <si>
    <t>cg19054708</t>
  </si>
  <si>
    <t>cg19056004</t>
  </si>
  <si>
    <t>cg19056573</t>
  </si>
  <si>
    <t>cg19060382</t>
  </si>
  <si>
    <t>cg19061112</t>
  </si>
  <si>
    <t>cg19062108</t>
  </si>
  <si>
    <t>cg19066078</t>
  </si>
  <si>
    <t>cg19066141</t>
  </si>
  <si>
    <t>cg19069039</t>
  </si>
  <si>
    <t>cg19075838</t>
  </si>
  <si>
    <t>cg19078769</t>
  </si>
  <si>
    <t>cg19083634</t>
  </si>
  <si>
    <t>cg19084629</t>
  </si>
  <si>
    <t>cg19088962</t>
  </si>
  <si>
    <t>cg19090761</t>
  </si>
  <si>
    <t>cg19092735</t>
  </si>
  <si>
    <t>cg19111271</t>
  </si>
  <si>
    <t>cg19116018</t>
  </si>
  <si>
    <t>cg19119577</t>
  </si>
  <si>
    <t>cg19120225</t>
  </si>
  <si>
    <t>cg19120580</t>
  </si>
  <si>
    <t>cg19121684</t>
  </si>
  <si>
    <t>cg19124242</t>
  </si>
  <si>
    <t>cg19133948</t>
  </si>
  <si>
    <t>cg19152518</t>
  </si>
  <si>
    <t>cg19154173</t>
  </si>
  <si>
    <t>cg19160624</t>
  </si>
  <si>
    <t>cg19164335</t>
  </si>
  <si>
    <t>cg19164621</t>
  </si>
  <si>
    <t>cg19179869</t>
  </si>
  <si>
    <t>cg19180555</t>
  </si>
  <si>
    <t>cg19181132</t>
  </si>
  <si>
    <t>cg19184878</t>
  </si>
  <si>
    <t>cg19186356</t>
  </si>
  <si>
    <t>cg19186380</t>
  </si>
  <si>
    <t>cg19189965</t>
  </si>
  <si>
    <t>cg19191401</t>
  </si>
  <si>
    <t>cg19194645</t>
  </si>
  <si>
    <t>cg19196182</t>
  </si>
  <si>
    <t>cg19198919</t>
  </si>
  <si>
    <t>cg19198993</t>
  </si>
  <si>
    <t>cg19200285</t>
  </si>
  <si>
    <t>cg19202020</t>
  </si>
  <si>
    <t>cg19202292</t>
  </si>
  <si>
    <t>cg19205498</t>
  </si>
  <si>
    <t>cg19205533</t>
  </si>
  <si>
    <t>cg19206914</t>
  </si>
  <si>
    <t>cg19214184</t>
  </si>
  <si>
    <t>cg19218607</t>
  </si>
  <si>
    <t>cg19220825</t>
  </si>
  <si>
    <t>cg19220923</t>
  </si>
  <si>
    <t>cg19221542</t>
  </si>
  <si>
    <t>cg19225099</t>
  </si>
  <si>
    <t>cg19226593</t>
  </si>
  <si>
    <t>cg19228848</t>
  </si>
  <si>
    <t>cg19231697</t>
  </si>
  <si>
    <t>cg19237809</t>
  </si>
  <si>
    <t>cg19243330</t>
  </si>
  <si>
    <t>cg19243777</t>
  </si>
  <si>
    <t>cg19250083</t>
  </si>
  <si>
    <t>cg19251738</t>
  </si>
  <si>
    <t>cg19253410</t>
  </si>
  <si>
    <t>cg19255118</t>
  </si>
  <si>
    <t>cg19256236</t>
  </si>
  <si>
    <t>cg19258882</t>
  </si>
  <si>
    <t>cg19260084</t>
  </si>
  <si>
    <t>cg19264325</t>
  </si>
  <si>
    <t>cg19265000</t>
  </si>
  <si>
    <t>cg19265103</t>
  </si>
  <si>
    <t>cg19266778</t>
  </si>
  <si>
    <t>cg19267248</t>
  </si>
  <si>
    <t>cg19267760</t>
  </si>
  <si>
    <t>cg19273715</t>
  </si>
  <si>
    <t>cg19276318</t>
  </si>
  <si>
    <t>cg19290410</t>
  </si>
  <si>
    <t>cg19301450</t>
  </si>
  <si>
    <t>cg19303619</t>
  </si>
  <si>
    <t>cg19304797</t>
  </si>
  <si>
    <t>cg19312404</t>
  </si>
  <si>
    <t>cg19313353</t>
  </si>
  <si>
    <t>cg19321018</t>
  </si>
  <si>
    <t>cg19323374</t>
  </si>
  <si>
    <t>cg19341309</t>
  </si>
  <si>
    <t>cg19341992</t>
  </si>
  <si>
    <t>cg19345219</t>
  </si>
  <si>
    <t>cg19345244</t>
  </si>
  <si>
    <t>cg19350133</t>
  </si>
  <si>
    <t>cg19350162</t>
  </si>
  <si>
    <t>cg19350479</t>
  </si>
  <si>
    <t>cg19351838</t>
  </si>
  <si>
    <t>cg19355210</t>
  </si>
  <si>
    <t>cg19356082</t>
  </si>
  <si>
    <t>cg19356347</t>
  </si>
  <si>
    <t>cg19357999</t>
  </si>
  <si>
    <t>cg19368679</t>
  </si>
  <si>
    <t>cg19370084</t>
  </si>
  <si>
    <t>cg19371652</t>
  </si>
  <si>
    <t>cg19374476</t>
  </si>
  <si>
    <t>cg19374752</t>
  </si>
  <si>
    <t>cg19378376</t>
  </si>
  <si>
    <t>cg19386169</t>
  </si>
  <si>
    <t>cg19390821</t>
  </si>
  <si>
    <t>cg19394510</t>
  </si>
  <si>
    <t>cg19425431</t>
  </si>
  <si>
    <t>cg19427610</t>
  </si>
  <si>
    <t>cg19434066</t>
  </si>
  <si>
    <t>cg19434937</t>
  </si>
  <si>
    <t>cg19437060</t>
  </si>
  <si>
    <t>cg19437281</t>
  </si>
  <si>
    <t>cg19438469</t>
  </si>
  <si>
    <t>cg19439837</t>
  </si>
  <si>
    <t>cg19441128</t>
  </si>
  <si>
    <t>cg19444998</t>
  </si>
  <si>
    <t>cg19445588</t>
  </si>
  <si>
    <t>cg19447629</t>
  </si>
  <si>
    <t>cg19451673</t>
  </si>
  <si>
    <t>cg19460283</t>
  </si>
  <si>
    <t>cg19462193</t>
  </si>
  <si>
    <t>cg19466605</t>
  </si>
  <si>
    <t>cg19468883</t>
  </si>
  <si>
    <t>cg19471319</t>
  </si>
  <si>
    <t>cg19475020</t>
  </si>
  <si>
    <t>cg19479042</t>
  </si>
  <si>
    <t>cg19482754</t>
  </si>
  <si>
    <t>cg19484680</t>
  </si>
  <si>
    <t>cg19484886</t>
  </si>
  <si>
    <t>cg19491035</t>
  </si>
  <si>
    <t>cg19496587</t>
  </si>
  <si>
    <t>cg19499099</t>
  </si>
  <si>
    <t>cg19508957</t>
  </si>
  <si>
    <t>cg19510484</t>
  </si>
  <si>
    <t>cg19512961</t>
  </si>
  <si>
    <t>cg19513727</t>
  </si>
  <si>
    <t>cg19515108</t>
  </si>
  <si>
    <t>cg19516733</t>
  </si>
  <si>
    <t>cg19517509</t>
  </si>
  <si>
    <t>cg19520337</t>
  </si>
  <si>
    <t>cg19520493</t>
  </si>
  <si>
    <t>cg19523287</t>
  </si>
  <si>
    <t>cg19525226</t>
  </si>
  <si>
    <t>cg19525872</t>
  </si>
  <si>
    <t>cg19529333</t>
  </si>
  <si>
    <t>cg19529577</t>
  </si>
  <si>
    <t>cg19529621</t>
  </si>
  <si>
    <t>cg19535267</t>
  </si>
  <si>
    <t>cg19535609</t>
  </si>
  <si>
    <t>cg19536929</t>
  </si>
  <si>
    <t>cg19538722</t>
  </si>
  <si>
    <t>cg19547404</t>
  </si>
  <si>
    <t>cg19549469</t>
  </si>
  <si>
    <t>cg19552565</t>
  </si>
  <si>
    <t>cg19554257</t>
  </si>
  <si>
    <t>cg19560648</t>
  </si>
  <si>
    <t>cg19564212</t>
  </si>
  <si>
    <t>cg19576241</t>
  </si>
  <si>
    <t>cg19576798</t>
  </si>
  <si>
    <t>cg19586709</t>
  </si>
  <si>
    <t>cg19589277</t>
  </si>
  <si>
    <t>cg19591105</t>
  </si>
  <si>
    <t>cg19599226</t>
  </si>
  <si>
    <t>cg19601035</t>
  </si>
  <si>
    <t>cg19602931</t>
  </si>
  <si>
    <t>cg19604907</t>
  </si>
  <si>
    <t>cg19609099</t>
  </si>
  <si>
    <t>cg19612376</t>
  </si>
  <si>
    <t>cg19613930</t>
  </si>
  <si>
    <t>cg19615651</t>
  </si>
  <si>
    <t>cg19615684</t>
  </si>
  <si>
    <t>cg19618807</t>
  </si>
  <si>
    <t>cg19620086</t>
  </si>
  <si>
    <t>cg19621579</t>
  </si>
  <si>
    <t>cg19622623</t>
  </si>
  <si>
    <t>cg19623429</t>
  </si>
  <si>
    <t>cg19625471</t>
  </si>
  <si>
    <t>cg19627869</t>
  </si>
  <si>
    <t>cg19630667</t>
  </si>
  <si>
    <t>cg19634247</t>
  </si>
  <si>
    <t>cg19636672</t>
  </si>
  <si>
    <t>cg19637821</t>
  </si>
  <si>
    <t>cg19638308</t>
  </si>
  <si>
    <t>cg19641266</t>
  </si>
  <si>
    <t>cg19641804</t>
  </si>
  <si>
    <t>cg19642100</t>
  </si>
  <si>
    <t>cg19642433</t>
  </si>
  <si>
    <t>cg19644449</t>
  </si>
  <si>
    <t>cg19646200</t>
  </si>
  <si>
    <t>cg19651935</t>
  </si>
  <si>
    <t>cg19653417</t>
  </si>
  <si>
    <t>cg19659642</t>
  </si>
  <si>
    <t>cg19660243</t>
  </si>
  <si>
    <t>cg19660618</t>
  </si>
  <si>
    <t>cg19662922</t>
  </si>
  <si>
    <t>cg19667304</t>
  </si>
  <si>
    <t>cg19673995</t>
  </si>
  <si>
    <t>cg19674878</t>
  </si>
  <si>
    <t>cg19678730</t>
  </si>
  <si>
    <t>cg19683551</t>
  </si>
  <si>
    <t>cg19685709</t>
  </si>
  <si>
    <t>cg19690403</t>
  </si>
  <si>
    <t>cg19692165</t>
  </si>
  <si>
    <t>cg19693177</t>
  </si>
  <si>
    <t>cg19696083</t>
  </si>
  <si>
    <t>cg19698789</t>
  </si>
  <si>
    <t>cg19698976</t>
  </si>
  <si>
    <t>cg19700087</t>
  </si>
  <si>
    <t>cg19710323</t>
  </si>
  <si>
    <t>cg19711815</t>
  </si>
  <si>
    <t>cg19717347</t>
  </si>
  <si>
    <t>cg19718686</t>
  </si>
  <si>
    <t>cg19719478</t>
  </si>
  <si>
    <t>cg19720079</t>
  </si>
  <si>
    <t>cg19720347</t>
  </si>
  <si>
    <t>cg19722371</t>
  </si>
  <si>
    <t>cg19722847</t>
  </si>
  <si>
    <t>cg19723459</t>
  </si>
  <si>
    <t>cg19724187</t>
  </si>
  <si>
    <t>cg19724698</t>
  </si>
  <si>
    <t>cg19733736</t>
  </si>
  <si>
    <t>cg19737735</t>
  </si>
  <si>
    <t>cg19737746</t>
  </si>
  <si>
    <t>cg19740476</t>
  </si>
  <si>
    <t>cg19746940</t>
  </si>
  <si>
    <t>cg19747195</t>
  </si>
  <si>
    <t>cg19752449</t>
  </si>
  <si>
    <t>cg19754658</t>
  </si>
  <si>
    <t>cg19759923</t>
  </si>
  <si>
    <t>cg19760651</t>
  </si>
  <si>
    <t>cg19762427</t>
  </si>
  <si>
    <t>cg19766033</t>
  </si>
  <si>
    <t>cg19771626</t>
  </si>
  <si>
    <t>cg19772445</t>
  </si>
  <si>
    <t>cg19774351</t>
  </si>
  <si>
    <t>cg19777783</t>
  </si>
  <si>
    <t>cg19781462</t>
  </si>
  <si>
    <t>cg19781472</t>
  </si>
  <si>
    <t>cg19782075</t>
  </si>
  <si>
    <t>cg19784221</t>
  </si>
  <si>
    <t>cg19787841</t>
  </si>
  <si>
    <t>cg19788934</t>
  </si>
  <si>
    <t>cg19789466</t>
  </si>
  <si>
    <t>cg19792268</t>
  </si>
  <si>
    <t>cg19794395</t>
  </si>
  <si>
    <t>cg19794481</t>
  </si>
  <si>
    <t>cg19795817</t>
  </si>
  <si>
    <t>cg19797308</t>
  </si>
  <si>
    <t>cg19816327</t>
  </si>
  <si>
    <t>cg19817165</t>
  </si>
  <si>
    <t>cg19817767</t>
  </si>
  <si>
    <t>cg19824362</t>
  </si>
  <si>
    <t>cg19824441</t>
  </si>
  <si>
    <t>cg19830000</t>
  </si>
  <si>
    <t>cg19837214</t>
  </si>
  <si>
    <t>cg19838358</t>
  </si>
  <si>
    <t>cg19841572</t>
  </si>
  <si>
    <t>cg19842065</t>
  </si>
  <si>
    <t>cg19846096</t>
  </si>
  <si>
    <t>cg19847271</t>
  </si>
  <si>
    <t>cg19847963</t>
  </si>
  <si>
    <t>cg19850406</t>
  </si>
  <si>
    <t>cg19856499</t>
  </si>
  <si>
    <t>cg19859729</t>
  </si>
  <si>
    <t>cg19862427</t>
  </si>
  <si>
    <t>cg19863542</t>
  </si>
  <si>
    <t>cg19865748</t>
  </si>
  <si>
    <t>cg19866422</t>
  </si>
  <si>
    <t>cg19866622</t>
  </si>
  <si>
    <t>cg19869608</t>
  </si>
  <si>
    <t>cg19871564</t>
  </si>
  <si>
    <t>cg19878849</t>
  </si>
  <si>
    <t>cg19880077</t>
  </si>
  <si>
    <t>cg19880722</t>
  </si>
  <si>
    <t>cg19880852</t>
  </si>
  <si>
    <t>cg19880901</t>
  </si>
  <si>
    <t>cg19888787</t>
  </si>
  <si>
    <t>cg19889044</t>
  </si>
  <si>
    <t>cg19893132</t>
  </si>
  <si>
    <t>cg19893185</t>
  </si>
  <si>
    <t>cg19893717</t>
  </si>
  <si>
    <t>cg19894262</t>
  </si>
  <si>
    <t>cg19896347</t>
  </si>
  <si>
    <t>cg19896556</t>
  </si>
  <si>
    <t>cg19898108</t>
  </si>
  <si>
    <t>cg19898258</t>
  </si>
  <si>
    <t>cg19907625</t>
  </si>
  <si>
    <t>cg19928450</t>
  </si>
  <si>
    <t>cg19939178</t>
  </si>
  <si>
    <t>cg19944705</t>
  </si>
  <si>
    <t>cg19946631</t>
  </si>
  <si>
    <t>cg19950933</t>
  </si>
  <si>
    <t>cg19951006</t>
  </si>
  <si>
    <t>cg19954205</t>
  </si>
  <si>
    <t>cg19967582</t>
  </si>
  <si>
    <t>cg19967846</t>
  </si>
  <si>
    <t>cg19968041</t>
  </si>
  <si>
    <t>cg19969606</t>
  </si>
  <si>
    <t>cg19975916</t>
  </si>
  <si>
    <t>cg19978540</t>
  </si>
  <si>
    <t>cg19980929</t>
  </si>
  <si>
    <t>cg19985911</t>
  </si>
  <si>
    <t>cg19988880</t>
  </si>
  <si>
    <t>cg19989018</t>
  </si>
  <si>
    <t>cg19993006</t>
  </si>
  <si>
    <t>cg19995117</t>
  </si>
  <si>
    <t>cg19995539</t>
  </si>
  <si>
    <t>cg19997236</t>
  </si>
  <si>
    <t>cg19998289</t>
  </si>
  <si>
    <t>cg20000049</t>
  </si>
  <si>
    <t>cg20001810</t>
  </si>
  <si>
    <t>cg20004315</t>
  </si>
  <si>
    <t>cg20005057</t>
  </si>
  <si>
    <t>cg20006825</t>
  </si>
  <si>
    <t>cg20007569</t>
  </si>
  <si>
    <t>cg20009327</t>
  </si>
  <si>
    <t>cg20009594</t>
  </si>
  <si>
    <t>cg20010506</t>
  </si>
  <si>
    <t>cg20010714</t>
  </si>
  <si>
    <t>cg20011998</t>
  </si>
  <si>
    <t>cg20014596</t>
  </si>
  <si>
    <t>cg20023354</t>
  </si>
  <si>
    <t>cg20023647</t>
  </si>
  <si>
    <t>cg20025086</t>
  </si>
  <si>
    <t>cg20029881</t>
  </si>
  <si>
    <t>cg20030799</t>
  </si>
  <si>
    <t>cg20033071</t>
  </si>
  <si>
    <t>cg20033256</t>
  </si>
  <si>
    <t>cg20033731</t>
  </si>
  <si>
    <t>cg20035679</t>
  </si>
  <si>
    <t>cg20037773</t>
  </si>
  <si>
    <t>cg20044376</t>
  </si>
  <si>
    <t>cg20045970</t>
  </si>
  <si>
    <t>cg20047055</t>
  </si>
  <si>
    <t>cg20047677</t>
  </si>
  <si>
    <t>cg20049294</t>
  </si>
  <si>
    <t>cg20050828</t>
  </si>
  <si>
    <t>cg20051772</t>
  </si>
  <si>
    <t>cg20053158</t>
  </si>
  <si>
    <t>cg20054385</t>
  </si>
  <si>
    <t>cg20054394</t>
  </si>
  <si>
    <t>cg20057066</t>
  </si>
  <si>
    <t>cg20060206</t>
  </si>
  <si>
    <t>cg20066677</t>
  </si>
  <si>
    <t>cg20069939</t>
  </si>
  <si>
    <t>cg20071491</t>
  </si>
  <si>
    <t>cg20075675</t>
  </si>
  <si>
    <t>cg20078025</t>
  </si>
  <si>
    <t>cg20078074</t>
  </si>
  <si>
    <t>cg20078640</t>
  </si>
  <si>
    <t>cg20088913</t>
  </si>
  <si>
    <t>cg20088964</t>
  </si>
  <si>
    <t>cg20089935</t>
  </si>
  <si>
    <t>cg20090301</t>
  </si>
  <si>
    <t>cg20092036</t>
  </si>
  <si>
    <t>cg20092046</t>
  </si>
  <si>
    <t>cg20092892</t>
  </si>
  <si>
    <t>cg20093940</t>
  </si>
  <si>
    <t>cg20095338</t>
  </si>
  <si>
    <t>cg20098478</t>
  </si>
  <si>
    <t>cg20100969</t>
  </si>
  <si>
    <t>cg20102336</t>
  </si>
  <si>
    <t>cg20102673</t>
  </si>
  <si>
    <t>cg20107346</t>
  </si>
  <si>
    <t>cg20109233</t>
  </si>
  <si>
    <t>cg20109361</t>
  </si>
  <si>
    <t>cg20111269</t>
  </si>
  <si>
    <t>cg20115910</t>
  </si>
  <si>
    <t>cg20116805</t>
  </si>
  <si>
    <t>cg20126546</t>
  </si>
  <si>
    <t>cg20128444</t>
  </si>
  <si>
    <t>cg20130615</t>
  </si>
  <si>
    <t>cg20131897</t>
  </si>
  <si>
    <t>cg20135711</t>
  </si>
  <si>
    <t>cg20137441</t>
  </si>
  <si>
    <t>cg20140110</t>
  </si>
  <si>
    <t>cg20143982</t>
  </si>
  <si>
    <t>cg20146873</t>
  </si>
  <si>
    <t>cg20156187</t>
  </si>
  <si>
    <t>cg20157484</t>
  </si>
  <si>
    <t>cg20158796</t>
  </si>
  <si>
    <t>cg20163166</t>
  </si>
  <si>
    <t>cg20164964</t>
  </si>
  <si>
    <t>cg20171297</t>
  </si>
  <si>
    <t>cg20173072</t>
  </si>
  <si>
    <t>cg20180148</t>
  </si>
  <si>
    <t>cg20181254</t>
  </si>
  <si>
    <t>cg20181262</t>
  </si>
  <si>
    <t>cg20188212</t>
  </si>
  <si>
    <t>cg20191512</t>
  </si>
  <si>
    <t>cg20200335</t>
  </si>
  <si>
    <t>cg20203596</t>
  </si>
  <si>
    <t>cg20206204</t>
  </si>
  <si>
    <t>cg20210558</t>
  </si>
  <si>
    <t>cg20210559</t>
  </si>
  <si>
    <t>cg20210585</t>
  </si>
  <si>
    <t>cg20214067</t>
  </si>
  <si>
    <t>cg20215290</t>
  </si>
  <si>
    <t>cg20219035</t>
  </si>
  <si>
    <t>cg20220255</t>
  </si>
  <si>
    <t>cg20225745</t>
  </si>
  <si>
    <t>cg20228385</t>
  </si>
  <si>
    <t>cg20230370</t>
  </si>
  <si>
    <t>cg20234947</t>
  </si>
  <si>
    <t>cg20235594</t>
  </si>
  <si>
    <t>cg20239081</t>
  </si>
  <si>
    <t>cg20245503</t>
  </si>
  <si>
    <t>cg20245751</t>
  </si>
  <si>
    <t>cg20246277</t>
  </si>
  <si>
    <t>cg20248611</t>
  </si>
  <si>
    <t>cg20251110</t>
  </si>
  <si>
    <t>cg20252022</t>
  </si>
  <si>
    <t>cg20252202</t>
  </si>
  <si>
    <t>cg20252690</t>
  </si>
  <si>
    <t>cg20256783</t>
  </si>
  <si>
    <t>cg20260607</t>
  </si>
  <si>
    <t>cg20265062</t>
  </si>
  <si>
    <t>cg20285745</t>
  </si>
  <si>
    <t>cg20300032</t>
  </si>
  <si>
    <t>cg20300260</t>
  </si>
  <si>
    <t>cg20303850</t>
  </si>
  <si>
    <t>cg20306694</t>
  </si>
  <si>
    <t>cg20309240</t>
  </si>
  <si>
    <t>cg20309565</t>
  </si>
  <si>
    <t>cg20313400</t>
  </si>
  <si>
    <t>cg20314874</t>
  </si>
  <si>
    <t>cg20315057</t>
  </si>
  <si>
    <t>cg20320141</t>
  </si>
  <si>
    <t>cg20323175</t>
  </si>
  <si>
    <t>cg20323436</t>
  </si>
  <si>
    <t>cg20324165</t>
  </si>
  <si>
    <t>cg20332143</t>
  </si>
  <si>
    <t>cg20335206</t>
  </si>
  <si>
    <t>cg20339843</t>
  </si>
  <si>
    <t>cg20341251</t>
  </si>
  <si>
    <t>cg20342460</t>
  </si>
  <si>
    <t>cg20343832</t>
  </si>
  <si>
    <t>cg20350484</t>
  </si>
  <si>
    <t>cg20352351</t>
  </si>
  <si>
    <t>cg20354882</t>
  </si>
  <si>
    <t>cg20359445</t>
  </si>
  <si>
    <t>cg20359535</t>
  </si>
  <si>
    <t>cg20359793</t>
  </si>
  <si>
    <t>cg20366458</t>
  </si>
  <si>
    <t>cg20366549</t>
  </si>
  <si>
    <t>cg20368301</t>
  </si>
  <si>
    <t>cg20371239</t>
  </si>
  <si>
    <t>cg20372759</t>
  </si>
  <si>
    <t>cg20375220</t>
  </si>
  <si>
    <t>cg20378628</t>
  </si>
  <si>
    <t>cg20379007</t>
  </si>
  <si>
    <t>cg20380214</t>
  </si>
  <si>
    <t>cg20383230</t>
  </si>
  <si>
    <t>cg20392607</t>
  </si>
  <si>
    <t>cg20393962</t>
  </si>
  <si>
    <t>cg20395892</t>
  </si>
  <si>
    <t>cg20397753</t>
  </si>
  <si>
    <t>cg20406728</t>
  </si>
  <si>
    <t>cg20408175</t>
  </si>
  <si>
    <t>cg20408290</t>
  </si>
  <si>
    <t>cg20413866</t>
  </si>
  <si>
    <t>cg20414262</t>
  </si>
  <si>
    <t>cg20414783</t>
  </si>
  <si>
    <t>cg20415828</t>
  </si>
  <si>
    <t>cg20416037</t>
  </si>
  <si>
    <t>cg20416222</t>
  </si>
  <si>
    <t>cg20422505</t>
  </si>
  <si>
    <t>cg20423745</t>
  </si>
  <si>
    <t>cg20424400</t>
  </si>
  <si>
    <t>cg20424530</t>
  </si>
  <si>
    <t>cg20425293</t>
  </si>
  <si>
    <t>cg20426571</t>
  </si>
  <si>
    <t>cg20438663</t>
  </si>
  <si>
    <t>cg20446824</t>
  </si>
  <si>
    <t>cg20453820</t>
  </si>
  <si>
    <t>cg20453975</t>
  </si>
  <si>
    <t>cg20459111</t>
  </si>
  <si>
    <t>cg20460388</t>
  </si>
  <si>
    <t>cg20461126</t>
  </si>
  <si>
    <t>cg20462883</t>
  </si>
  <si>
    <t>cg20467114</t>
  </si>
  <si>
    <t>cg20468586</t>
  </si>
  <si>
    <t>cg20471076</t>
  </si>
  <si>
    <t>cg20472643</t>
  </si>
  <si>
    <t>cg20474144</t>
  </si>
  <si>
    <t>cg20476877</t>
  </si>
  <si>
    <t>cg20477005</t>
  </si>
  <si>
    <t>cg20482337</t>
  </si>
  <si>
    <t>cg20482364</t>
  </si>
  <si>
    <t>cg20489228</t>
  </si>
  <si>
    <t>cg20490175</t>
  </si>
  <si>
    <t>cg20491573</t>
  </si>
  <si>
    <t>cg20495247</t>
  </si>
  <si>
    <t>cg20513643</t>
  </si>
  <si>
    <t>cg20523179</t>
  </si>
  <si>
    <t>cg20524636</t>
  </si>
  <si>
    <t>cg20526432</t>
  </si>
  <si>
    <t>cg20527373</t>
  </si>
  <si>
    <t>cg20531035</t>
  </si>
  <si>
    <t>cg20531039</t>
  </si>
  <si>
    <t>cg20536786</t>
  </si>
  <si>
    <t>cg20537640</t>
  </si>
  <si>
    <t>cg20538322</t>
  </si>
  <si>
    <t>cg20546777</t>
  </si>
  <si>
    <t>cg20550262</t>
  </si>
  <si>
    <t>cg20554636</t>
  </si>
  <si>
    <t>cg20559561</t>
  </si>
  <si>
    <t>cg20560141</t>
  </si>
  <si>
    <t>cg20566420</t>
  </si>
  <si>
    <t>cg20566840</t>
  </si>
  <si>
    <t>cg20567047</t>
  </si>
  <si>
    <t>cg20569034</t>
  </si>
  <si>
    <t>cg20569203</t>
  </si>
  <si>
    <t>cg20569804</t>
  </si>
  <si>
    <t>cg20573167</t>
  </si>
  <si>
    <t>cg20576002</t>
  </si>
  <si>
    <t>cg20576393</t>
  </si>
  <si>
    <t>cg20578159</t>
  </si>
  <si>
    <t>cg20579012</t>
  </si>
  <si>
    <t>cg20587394</t>
  </si>
  <si>
    <t>cg20590617</t>
  </si>
  <si>
    <t>cg20591407</t>
  </si>
  <si>
    <t>cg20593843</t>
  </si>
  <si>
    <t>cg20594304</t>
  </si>
  <si>
    <t>cg20595394</t>
  </si>
  <si>
    <t>cg20596724</t>
  </si>
  <si>
    <t>cg20597484</t>
  </si>
  <si>
    <t>cg20597908</t>
  </si>
  <si>
    <t>cg20600729</t>
  </si>
  <si>
    <t>cg20600850</t>
  </si>
  <si>
    <t>cg20605103</t>
  </si>
  <si>
    <t>cg20610545</t>
  </si>
  <si>
    <t>cg20622834</t>
  </si>
  <si>
    <t>cg20623371</t>
  </si>
  <si>
    <t>cg20624941</t>
  </si>
  <si>
    <t>cg20634089</t>
  </si>
  <si>
    <t>cg20637915</t>
  </si>
  <si>
    <t>cg20639398</t>
  </si>
  <si>
    <t>cg20640246</t>
  </si>
  <si>
    <t>cg20642765</t>
  </si>
  <si>
    <t>cg20645966</t>
  </si>
  <si>
    <t>cg20650035</t>
  </si>
  <si>
    <t>cg20652042</t>
  </si>
  <si>
    <t>cg20664201</t>
  </si>
  <si>
    <t>cg20664221</t>
  </si>
  <si>
    <t>cg20664313</t>
  </si>
  <si>
    <t>cg20666428</t>
  </si>
  <si>
    <t>cg20668447</t>
  </si>
  <si>
    <t>cg20672930</t>
  </si>
  <si>
    <t>cg20673611</t>
  </si>
  <si>
    <t>cg20676413</t>
  </si>
  <si>
    <t>cg20681948</t>
  </si>
  <si>
    <t>cg20684528</t>
  </si>
  <si>
    <t>cg20688987</t>
  </si>
  <si>
    <t>cg20689224</t>
  </si>
  <si>
    <t>cg20696143</t>
  </si>
  <si>
    <t>cg20697394</t>
  </si>
  <si>
    <t>cg20697958</t>
  </si>
  <si>
    <t>cg20700386</t>
  </si>
  <si>
    <t>cg20701850</t>
  </si>
  <si>
    <t>cg20702204</t>
  </si>
  <si>
    <t>cg20703320</t>
  </si>
  <si>
    <t>cg20704404</t>
  </si>
  <si>
    <t>cg20704777</t>
  </si>
  <si>
    <t>cg20713761</t>
  </si>
  <si>
    <t>cg20717123</t>
  </si>
  <si>
    <t>cg20719263</t>
  </si>
  <si>
    <t>cg20722088</t>
  </si>
  <si>
    <t>cg20727555</t>
  </si>
  <si>
    <t>cg20728589</t>
  </si>
  <si>
    <t>cg20729747</t>
  </si>
  <si>
    <t>cg20732027</t>
  </si>
  <si>
    <t>cg20734030</t>
  </si>
  <si>
    <t>cg20736492</t>
  </si>
  <si>
    <t>cg20737266</t>
  </si>
  <si>
    <t>cg20740029</t>
  </si>
  <si>
    <t>cg20748132</t>
  </si>
  <si>
    <t>cg20755408</t>
  </si>
  <si>
    <t>cg20762480</t>
  </si>
  <si>
    <t>cg20765580</t>
  </si>
  <si>
    <t>cg20765700</t>
  </si>
  <si>
    <t>cg20776947</t>
  </si>
  <si>
    <t>cg20777390</t>
  </si>
  <si>
    <t>cg20779414</t>
  </si>
  <si>
    <t>cg20784775</t>
  </si>
  <si>
    <t>cg20792062</t>
  </si>
  <si>
    <t>cg20830447</t>
  </si>
  <si>
    <t>cg20834681</t>
  </si>
  <si>
    <t>cg20837171</t>
  </si>
  <si>
    <t>cg20837354</t>
  </si>
  <si>
    <t>cg20838992</t>
  </si>
  <si>
    <t>cg20839768</t>
  </si>
  <si>
    <t>cg20840795</t>
  </si>
  <si>
    <t>cg20845126</t>
  </si>
  <si>
    <t>cg20857455</t>
  </si>
  <si>
    <t>cg20862119</t>
  </si>
  <si>
    <t>cg20863756</t>
  </si>
  <si>
    <t>cg20866788</t>
  </si>
  <si>
    <t>cg20870559</t>
  </si>
  <si>
    <t>cg20873036</t>
  </si>
  <si>
    <t>cg20875159</t>
  </si>
  <si>
    <t>cg20877181</t>
  </si>
  <si>
    <t>cg20877313</t>
  </si>
  <si>
    <t>cg20878317</t>
  </si>
  <si>
    <t>cg20882260</t>
  </si>
  <si>
    <t>cg20883310</t>
  </si>
  <si>
    <t>cg20884502</t>
  </si>
  <si>
    <t>cg20884605</t>
  </si>
  <si>
    <t>cg20884776</t>
  </si>
  <si>
    <t>cg20889445</t>
  </si>
  <si>
    <t>cg20892847</t>
  </si>
  <si>
    <t>cg20894640</t>
  </si>
  <si>
    <t>cg20899615</t>
  </si>
  <si>
    <t>cg20901959</t>
  </si>
  <si>
    <t>cg20907137</t>
  </si>
  <si>
    <t>cg20909078</t>
  </si>
  <si>
    <t>cg20910352</t>
  </si>
  <si>
    <t>cg20910568</t>
  </si>
  <si>
    <t>cg20916319</t>
  </si>
  <si>
    <t>cg20918262</t>
  </si>
  <si>
    <t>cg20921972</t>
  </si>
  <si>
    <t>cg20923047</t>
  </si>
  <si>
    <t>cg20925425</t>
  </si>
  <si>
    <t>cg20927027</t>
  </si>
  <si>
    <t>cg20927059</t>
  </si>
  <si>
    <t>cg20932053</t>
  </si>
  <si>
    <t>cg20938359</t>
  </si>
  <si>
    <t>cg20959240</t>
  </si>
  <si>
    <t>cg20965505</t>
  </si>
  <si>
    <t>cg20972214</t>
  </si>
  <si>
    <t>cg20978380</t>
  </si>
  <si>
    <t>cg20982052</t>
  </si>
  <si>
    <t>cg20982475</t>
  </si>
  <si>
    <t>cg20986280</t>
  </si>
  <si>
    <t>cg20986307</t>
  </si>
  <si>
    <t>cg20988861</t>
  </si>
  <si>
    <t>cg20989942</t>
  </si>
  <si>
    <t>cg20993449</t>
  </si>
  <si>
    <t>cg20994829</t>
  </si>
  <si>
    <t>cg20995055</t>
  </si>
  <si>
    <t>cg20995304</t>
  </si>
  <si>
    <t>cg21000533</t>
  </si>
  <si>
    <t>cg21001214</t>
  </si>
  <si>
    <t>cg21006686</t>
  </si>
  <si>
    <t>cg21008969</t>
  </si>
  <si>
    <t>cg21016266</t>
  </si>
  <si>
    <t>cg21022247</t>
  </si>
  <si>
    <t>cg21041308</t>
  </si>
  <si>
    <t>cg21043657</t>
  </si>
  <si>
    <t>cg21049567</t>
  </si>
  <si>
    <t>cg21056978</t>
  </si>
  <si>
    <t>cg21057429</t>
  </si>
  <si>
    <t>cg21058506</t>
  </si>
  <si>
    <t>cg21068703</t>
  </si>
  <si>
    <t>cg21071748</t>
  </si>
  <si>
    <t>cg21072795</t>
  </si>
  <si>
    <t>cg21074190</t>
  </si>
  <si>
    <t>cg21074413</t>
  </si>
  <si>
    <t>cg21079394</t>
  </si>
  <si>
    <t>cg21110505</t>
  </si>
  <si>
    <t>cg21113044</t>
  </si>
  <si>
    <t>cg21116900</t>
  </si>
  <si>
    <t>cg21121336</t>
  </si>
  <si>
    <t>cg21125296</t>
  </si>
  <si>
    <t>cg21125503</t>
  </si>
  <si>
    <t>cg21126680</t>
  </si>
  <si>
    <t>cg21126707</t>
  </si>
  <si>
    <t>cg21131424</t>
  </si>
  <si>
    <t>cg21139845</t>
  </si>
  <si>
    <t>cg21147422</t>
  </si>
  <si>
    <t>cg21147626</t>
  </si>
  <si>
    <t>cg21149967</t>
  </si>
  <si>
    <t>cg21151061</t>
  </si>
  <si>
    <t>cg21153204</t>
  </si>
  <si>
    <t>cg21156320</t>
  </si>
  <si>
    <t>cg21161070</t>
  </si>
  <si>
    <t>cg21161136</t>
  </si>
  <si>
    <t>cg21162817</t>
  </si>
  <si>
    <t>cg21163392</t>
  </si>
  <si>
    <t>cg21163444</t>
  </si>
  <si>
    <t>cg21163552</t>
  </si>
  <si>
    <t>cg21164131</t>
  </si>
  <si>
    <t>cg21166775</t>
  </si>
  <si>
    <t>cg21167157</t>
  </si>
  <si>
    <t>cg21169969</t>
  </si>
  <si>
    <t>cg21172322</t>
  </si>
  <si>
    <t>cg21173239</t>
  </si>
  <si>
    <t>cg21174410</t>
  </si>
  <si>
    <t>cg21176475</t>
  </si>
  <si>
    <t>cg21177112</t>
  </si>
  <si>
    <t>cg21182715</t>
  </si>
  <si>
    <t>cg21185662</t>
  </si>
  <si>
    <t>cg21190804</t>
  </si>
  <si>
    <t>cg21211357</t>
  </si>
  <si>
    <t>cg21211608</t>
  </si>
  <si>
    <t>cg21216477</t>
  </si>
  <si>
    <t>cg21217812</t>
  </si>
  <si>
    <t>cg21224380</t>
  </si>
  <si>
    <t>cg21225563</t>
  </si>
  <si>
    <t>cg21226225</t>
  </si>
  <si>
    <t>cg21227886</t>
  </si>
  <si>
    <t>cg21231944</t>
  </si>
  <si>
    <t>cg21232015</t>
  </si>
  <si>
    <t>cg21235119</t>
  </si>
  <si>
    <t>cg21235960</t>
  </si>
  <si>
    <t>cg21236462</t>
  </si>
  <si>
    <t>cg21243351</t>
  </si>
  <si>
    <t>cg21249708</t>
  </si>
  <si>
    <t>cg21251475</t>
  </si>
  <si>
    <t>cg21252355</t>
  </si>
  <si>
    <t>cg21252529</t>
  </si>
  <si>
    <t>cg21255209</t>
  </si>
  <si>
    <t>cg21270060</t>
  </si>
  <si>
    <t>cg21272279</t>
  </si>
  <si>
    <t>cg21278793</t>
  </si>
  <si>
    <t>cg21281799</t>
  </si>
  <si>
    <t>cg21287489</t>
  </si>
  <si>
    <t>cg21300561</t>
  </si>
  <si>
    <t>cg21303763</t>
  </si>
  <si>
    <t>cg21331461</t>
  </si>
  <si>
    <t>cg21332277</t>
  </si>
  <si>
    <t>cg21334449</t>
  </si>
  <si>
    <t>cg21338112</t>
  </si>
  <si>
    <t>cg21338961</t>
  </si>
  <si>
    <t>cg21340621</t>
  </si>
  <si>
    <t>cg21340733</t>
  </si>
  <si>
    <t>cg21341592</t>
  </si>
  <si>
    <t>cg21343895</t>
  </si>
  <si>
    <t>cg21344159</t>
  </si>
  <si>
    <t>cg21348508</t>
  </si>
  <si>
    <t>cg21349625</t>
  </si>
  <si>
    <t>cg21351852</t>
  </si>
  <si>
    <t>cg21354621</t>
  </si>
  <si>
    <t>cg21356229</t>
  </si>
  <si>
    <t>cg21356239</t>
  </si>
  <si>
    <t>cg21359335</t>
  </si>
  <si>
    <t>cg21359793</t>
  </si>
  <si>
    <t>cg21360685</t>
  </si>
  <si>
    <t>cg21368154</t>
  </si>
  <si>
    <t>cg21369988</t>
  </si>
  <si>
    <t>cg21370455</t>
  </si>
  <si>
    <t>cg21376004</t>
  </si>
  <si>
    <t>cg21378715</t>
  </si>
  <si>
    <t>cg21382649</t>
  </si>
  <si>
    <t>cg21383971</t>
  </si>
  <si>
    <t>cg21385432</t>
  </si>
  <si>
    <t>cg21386766</t>
  </si>
  <si>
    <t>cg21411757</t>
  </si>
  <si>
    <t>cg21415035</t>
  </si>
  <si>
    <t>cg21415724</t>
  </si>
  <si>
    <t>cg21416739</t>
  </si>
  <si>
    <t>cg21419475</t>
  </si>
  <si>
    <t>cg21422475</t>
  </si>
  <si>
    <t>cg21423404</t>
  </si>
  <si>
    <t>cg21428710</t>
  </si>
  <si>
    <t>cg21431690</t>
  </si>
  <si>
    <t>cg21432158</t>
  </si>
  <si>
    <t>cg21434949</t>
  </si>
  <si>
    <t>cg21441256</t>
  </si>
  <si>
    <t>cg21441555</t>
  </si>
  <si>
    <t>cg21441868</t>
  </si>
  <si>
    <t>cg21442040</t>
  </si>
  <si>
    <t>cg21443763</t>
  </si>
  <si>
    <t>cg21446102</t>
  </si>
  <si>
    <t>cg21446514</t>
  </si>
  <si>
    <t>cg21446946</t>
  </si>
  <si>
    <t>cg21448788</t>
  </si>
  <si>
    <t>cg21449397</t>
  </si>
  <si>
    <t>cg21453309</t>
  </si>
  <si>
    <t>cg21457676</t>
  </si>
  <si>
    <t>cg21462428</t>
  </si>
  <si>
    <t>cg21466736</t>
  </si>
  <si>
    <t>cg21467206</t>
  </si>
  <si>
    <t>cg21470120</t>
  </si>
  <si>
    <t>cg21471511</t>
  </si>
  <si>
    <t>cg21472448</t>
  </si>
  <si>
    <t>cg21475526</t>
  </si>
  <si>
    <t>cg21476000</t>
  </si>
  <si>
    <t>cg21476599</t>
  </si>
  <si>
    <t>cg21477262</t>
  </si>
  <si>
    <t>cg21480680</t>
  </si>
  <si>
    <t>cg21485303</t>
  </si>
  <si>
    <t>cg21486646</t>
  </si>
  <si>
    <t>cg21487067</t>
  </si>
  <si>
    <t>cg21487207</t>
  </si>
  <si>
    <t>cg21490635</t>
  </si>
  <si>
    <t>cg21495385</t>
  </si>
  <si>
    <t>cg21497669</t>
  </si>
  <si>
    <t>cg21497780</t>
  </si>
  <si>
    <t>cg21498475</t>
  </si>
  <si>
    <t>cg21499658</t>
  </si>
  <si>
    <t>cg21500895</t>
  </si>
  <si>
    <t>cg21502250</t>
  </si>
  <si>
    <t>cg21502466</t>
  </si>
  <si>
    <t>cg21506441</t>
  </si>
  <si>
    <t>cg21507694</t>
  </si>
  <si>
    <t>cg21509821</t>
  </si>
  <si>
    <t>cg21512658</t>
  </si>
  <si>
    <t>cg21512950</t>
  </si>
  <si>
    <t>cg21513385</t>
  </si>
  <si>
    <t>cg21518208</t>
  </si>
  <si>
    <t>cg21519058</t>
  </si>
  <si>
    <t>cg21522254</t>
  </si>
  <si>
    <t>cg21525627</t>
  </si>
  <si>
    <t>cg21528927</t>
  </si>
  <si>
    <t>cg21531873</t>
  </si>
  <si>
    <t>cg21535366</t>
  </si>
  <si>
    <t>cg21535657</t>
  </si>
  <si>
    <t>cg21539678</t>
  </si>
  <si>
    <t>cg21539988</t>
  </si>
  <si>
    <t>cg21541335</t>
  </si>
  <si>
    <t>cg21544377</t>
  </si>
  <si>
    <t>cg21548032</t>
  </si>
  <si>
    <t>cg21551185</t>
  </si>
  <si>
    <t>cg21557445</t>
  </si>
  <si>
    <t>cg21558545</t>
  </si>
  <si>
    <t>cg21561989</t>
  </si>
  <si>
    <t>cg21562321</t>
  </si>
  <si>
    <t>cg21563683</t>
  </si>
  <si>
    <t>cg21569394</t>
  </si>
  <si>
    <t>cg21570220</t>
  </si>
  <si>
    <t>cg21575198</t>
  </si>
  <si>
    <t>cg21579274</t>
  </si>
  <si>
    <t>cg21580016</t>
  </si>
  <si>
    <t>cg21587650</t>
  </si>
  <si>
    <t>cg21587861</t>
  </si>
  <si>
    <t>cg21589954</t>
  </si>
  <si>
    <t>cg21590238</t>
  </si>
  <si>
    <t>cg21593923</t>
  </si>
  <si>
    <t>cg21596862</t>
  </si>
  <si>
    <t>cg21600908</t>
  </si>
  <si>
    <t>cg21602614</t>
  </si>
  <si>
    <t>cg21605781</t>
  </si>
  <si>
    <t>cg21609430</t>
  </si>
  <si>
    <t>cg21618620</t>
  </si>
  <si>
    <t>cg21623445</t>
  </si>
  <si>
    <t>cg21625570</t>
  </si>
  <si>
    <t>cg21633208</t>
  </si>
  <si>
    <t>cg21637033</t>
  </si>
  <si>
    <t>cg21637763</t>
  </si>
  <si>
    <t>cg21638454</t>
  </si>
  <si>
    <t>cg21638533</t>
  </si>
  <si>
    <t>cg21641552</t>
  </si>
  <si>
    <t>cg21645070</t>
  </si>
  <si>
    <t>cg21645630</t>
  </si>
  <si>
    <t>cg21649013</t>
  </si>
  <si>
    <t>cg21650436</t>
  </si>
  <si>
    <t>cg21656600</t>
  </si>
  <si>
    <t>cg21660687</t>
  </si>
  <si>
    <t>cg21660921</t>
  </si>
  <si>
    <t>cg21667836</t>
  </si>
  <si>
    <t>cg21667943</t>
  </si>
  <si>
    <t>cg21672401</t>
  </si>
  <si>
    <t>cg21672450</t>
  </si>
  <si>
    <t>cg21675254</t>
  </si>
  <si>
    <t>cg21681289</t>
  </si>
  <si>
    <t>cg21686900</t>
  </si>
  <si>
    <t>cg21698790</t>
  </si>
  <si>
    <t>cg21701379</t>
  </si>
  <si>
    <t>cg21702516</t>
  </si>
  <si>
    <t>cg21703255</t>
  </si>
  <si>
    <t>cg21703606</t>
  </si>
  <si>
    <t>cg21703988</t>
  </si>
  <si>
    <t>cg21704203</t>
  </si>
  <si>
    <t>cg21706183</t>
  </si>
  <si>
    <t>cg21719937</t>
  </si>
  <si>
    <t>cg21721566</t>
  </si>
  <si>
    <t>cg21721767</t>
  </si>
  <si>
    <t>cg21726284</t>
  </si>
  <si>
    <t>cg21726618</t>
  </si>
  <si>
    <t>cg21730091</t>
  </si>
  <si>
    <t>cg21730118</t>
  </si>
  <si>
    <t>cg21731246</t>
  </si>
  <si>
    <t>cg21733098</t>
  </si>
  <si>
    <t>cg21734175</t>
  </si>
  <si>
    <t>cg21735115</t>
  </si>
  <si>
    <t>cg21737773</t>
  </si>
  <si>
    <t>cg21738443</t>
  </si>
  <si>
    <t>cg21739210</t>
  </si>
  <si>
    <t>cg21744360</t>
  </si>
  <si>
    <t>cg21745287</t>
  </si>
  <si>
    <t>cg21746001</t>
  </si>
  <si>
    <t>cg21747005</t>
  </si>
  <si>
    <t>cg21747160</t>
  </si>
  <si>
    <t>cg21747698</t>
  </si>
  <si>
    <t>cg21752292</t>
  </si>
  <si>
    <t>cg21752340</t>
  </si>
  <si>
    <t>cg21753682</t>
  </si>
  <si>
    <t>cg21754400</t>
  </si>
  <si>
    <t>cg21757048</t>
  </si>
  <si>
    <t>cg21758171</t>
  </si>
  <si>
    <t>cg21759570</t>
  </si>
  <si>
    <t>cg21761355</t>
  </si>
  <si>
    <t>cg21762222</t>
  </si>
  <si>
    <t>cg21764029</t>
  </si>
  <si>
    <t>cg21766145</t>
  </si>
  <si>
    <t>cg21766191</t>
  </si>
  <si>
    <t>cg21782265</t>
  </si>
  <si>
    <t>cg21783047</t>
  </si>
  <si>
    <t>cg21787206</t>
  </si>
  <si>
    <t>cg21787848</t>
  </si>
  <si>
    <t>cg21790587</t>
  </si>
  <si>
    <t>cg21791696</t>
  </si>
  <si>
    <t>cg21793437</t>
  </si>
  <si>
    <t>cg21796825</t>
  </si>
  <si>
    <t>cg21800284</t>
  </si>
  <si>
    <t>cg21801127</t>
  </si>
  <si>
    <t>cg21801549</t>
  </si>
  <si>
    <t>cg21805118</t>
  </si>
  <si>
    <t>cg21805138</t>
  </si>
  <si>
    <t>cg21812369</t>
  </si>
  <si>
    <t>cg21813063</t>
  </si>
  <si>
    <t>cg21813612</t>
  </si>
  <si>
    <t>cg21814178</t>
  </si>
  <si>
    <t>cg21821315</t>
  </si>
  <si>
    <t>cg21825792</t>
  </si>
  <si>
    <t>cg21826699</t>
  </si>
  <si>
    <t>cg21827294</t>
  </si>
  <si>
    <t>cg21834204</t>
  </si>
  <si>
    <t>cg21836370</t>
  </si>
  <si>
    <t>cg21838477</t>
  </si>
  <si>
    <t>cg21838640</t>
  </si>
  <si>
    <t>cg21839856</t>
  </si>
  <si>
    <t>cg21841963</t>
  </si>
  <si>
    <t>cg21843517</t>
  </si>
  <si>
    <t>cg21851632</t>
  </si>
  <si>
    <t>cg21853198</t>
  </si>
  <si>
    <t>cg21853296</t>
  </si>
  <si>
    <t>cg21854184</t>
  </si>
  <si>
    <t>cg21858108</t>
  </si>
  <si>
    <t>cg21858359</t>
  </si>
  <si>
    <t>cg21865762</t>
  </si>
  <si>
    <t>cg21868995</t>
  </si>
  <si>
    <t>cg21869315</t>
  </si>
  <si>
    <t>cg21871205</t>
  </si>
  <si>
    <t>cg21874312</t>
  </si>
  <si>
    <t>cg21878918</t>
  </si>
  <si>
    <t>cg21879102</t>
  </si>
  <si>
    <t>cg21879571</t>
  </si>
  <si>
    <t>cg21882037</t>
  </si>
  <si>
    <t>cg21884796</t>
  </si>
  <si>
    <t>cg21892627</t>
  </si>
  <si>
    <t>cg21894124</t>
  </si>
  <si>
    <t>cg21902327</t>
  </si>
  <si>
    <t>cg21913981</t>
  </si>
  <si>
    <t>cg21917950</t>
  </si>
  <si>
    <t>cg21922731</t>
  </si>
  <si>
    <t>cg21926708</t>
  </si>
  <si>
    <t>cg21935292</t>
  </si>
  <si>
    <t>cg21948783</t>
  </si>
  <si>
    <t>cg21950493</t>
  </si>
  <si>
    <t>cg21958524</t>
  </si>
  <si>
    <t>cg21961487</t>
  </si>
  <si>
    <t>cg21961771</t>
  </si>
  <si>
    <t>cg21971465</t>
  </si>
  <si>
    <t>cg21974358</t>
  </si>
  <si>
    <t>cg21990700</t>
  </si>
  <si>
    <t>cg22012054</t>
  </si>
  <si>
    <t>cg22020752</t>
  </si>
  <si>
    <t>cg22024295</t>
  </si>
  <si>
    <t>cg22026192</t>
  </si>
  <si>
    <t>cg22026610</t>
  </si>
  <si>
    <t>cg22032626</t>
  </si>
  <si>
    <t>cg22036538</t>
  </si>
  <si>
    <t>cg22038579</t>
  </si>
  <si>
    <t>cg22040039</t>
  </si>
  <si>
    <t>cg22040672</t>
  </si>
  <si>
    <t>cg22044401</t>
  </si>
  <si>
    <t>cg22045225</t>
  </si>
  <si>
    <t>cg22047262</t>
  </si>
  <si>
    <t>cg22048590</t>
  </si>
  <si>
    <t>cg22052955</t>
  </si>
  <si>
    <t>cg22056480</t>
  </si>
  <si>
    <t>cg22062597</t>
  </si>
  <si>
    <t>cg22078988</t>
  </si>
  <si>
    <t>cg22083790</t>
  </si>
  <si>
    <t>cg22086322</t>
  </si>
  <si>
    <t>cg22103585</t>
  </si>
  <si>
    <t>cg22133562</t>
  </si>
  <si>
    <t>cg22138822</t>
  </si>
  <si>
    <t>cg22140363</t>
  </si>
  <si>
    <t>cg22141993</t>
  </si>
  <si>
    <t>cg22149555</t>
  </si>
  <si>
    <t>cg22149783</t>
  </si>
  <si>
    <t>cg22151644</t>
  </si>
  <si>
    <t>cg22151768</t>
  </si>
  <si>
    <t>cg22152796</t>
  </si>
  <si>
    <t>cg22153481</t>
  </si>
  <si>
    <t>cg22155248</t>
  </si>
  <si>
    <t>cg22156126</t>
  </si>
  <si>
    <t>cg22158248</t>
  </si>
  <si>
    <t>cg22161410</t>
  </si>
  <si>
    <t>cg22168489</t>
  </si>
  <si>
    <t>cg22169384</t>
  </si>
  <si>
    <t>cg22171539</t>
  </si>
  <si>
    <t>cg22171758</t>
  </si>
  <si>
    <t>cg22189286</t>
  </si>
  <si>
    <t>cg22191803</t>
  </si>
  <si>
    <t>cg22192374</t>
  </si>
  <si>
    <t>cg22193385</t>
  </si>
  <si>
    <t>cg22193726</t>
  </si>
  <si>
    <t>cg22198132</t>
  </si>
  <si>
    <t>cg22199080</t>
  </si>
  <si>
    <t>cg22199628</t>
  </si>
  <si>
    <t>cg22200736</t>
  </si>
  <si>
    <t>cg22202647</t>
  </si>
  <si>
    <t>cg22203219</t>
  </si>
  <si>
    <t>cg22203659</t>
  </si>
  <si>
    <t>cg22207820</t>
  </si>
  <si>
    <t>cg22218316</t>
  </si>
  <si>
    <t>cg22220153</t>
  </si>
  <si>
    <t>cg22222872</t>
  </si>
  <si>
    <t>cg22225546</t>
  </si>
  <si>
    <t>cg22232397</t>
  </si>
  <si>
    <t>cg22232504</t>
  </si>
  <si>
    <t>cg22237014</t>
  </si>
  <si>
    <t>cg22237346</t>
  </si>
  <si>
    <t>cg22237668</t>
  </si>
  <si>
    <t>cg22237777</t>
  </si>
  <si>
    <t>cg22238777</t>
  </si>
  <si>
    <t>cg22243918</t>
  </si>
  <si>
    <t>cg22244214</t>
  </si>
  <si>
    <t>cg22246785</t>
  </si>
  <si>
    <t>cg22254580</t>
  </si>
  <si>
    <t>cg22260508</t>
  </si>
  <si>
    <t>cg22265294</t>
  </si>
  <si>
    <t>cg22267551</t>
  </si>
  <si>
    <t>cg22268279</t>
  </si>
  <si>
    <t>cg22274234</t>
  </si>
  <si>
    <t>cg22277972</t>
  </si>
  <si>
    <t>cg22279519</t>
  </si>
  <si>
    <t>cg22286906</t>
  </si>
  <si>
    <t>cg22294288</t>
  </si>
  <si>
    <t>cg22295211</t>
  </si>
  <si>
    <t>cg22316029</t>
  </si>
  <si>
    <t>cg22322647</t>
  </si>
  <si>
    <t>cg22325186</t>
  </si>
  <si>
    <t>cg22325530</t>
  </si>
  <si>
    <t>cg22330512</t>
  </si>
  <si>
    <t>cg22335340</t>
  </si>
  <si>
    <t>cg22336180</t>
  </si>
  <si>
    <t>cg22341471</t>
  </si>
  <si>
    <t>cg22344727</t>
  </si>
  <si>
    <t>cg22345349</t>
  </si>
  <si>
    <t>cg22345432</t>
  </si>
  <si>
    <t>cg22345878</t>
  </si>
  <si>
    <t>cg22347212</t>
  </si>
  <si>
    <t>cg22353792</t>
  </si>
  <si>
    <t>cg22355517</t>
  </si>
  <si>
    <t>cg22356381</t>
  </si>
  <si>
    <t>cg22357390</t>
  </si>
  <si>
    <t>cg22358580</t>
  </si>
  <si>
    <t>cg22366350</t>
  </si>
  <si>
    <t>cg22367466</t>
  </si>
  <si>
    <t>cg22367556</t>
  </si>
  <si>
    <t>cg22367962</t>
  </si>
  <si>
    <t>cg22370252</t>
  </si>
  <si>
    <t>cg22370920</t>
  </si>
  <si>
    <t>cg22371742</t>
  </si>
  <si>
    <t>cg22372104</t>
  </si>
  <si>
    <t>cg22374901</t>
  </si>
  <si>
    <t>cg22375663</t>
  </si>
  <si>
    <t>cg22376688</t>
  </si>
  <si>
    <t>cg22379862</t>
  </si>
  <si>
    <t>cg22381955</t>
  </si>
  <si>
    <t>cg22402803</t>
  </si>
  <si>
    <t>cg22406012</t>
  </si>
  <si>
    <t>cg22425355</t>
  </si>
  <si>
    <t>cg22431093</t>
  </si>
  <si>
    <t>cg22434766</t>
  </si>
  <si>
    <t>cg22441683</t>
  </si>
  <si>
    <t>cg22449795</t>
  </si>
  <si>
    <t>cg22457172</t>
  </si>
  <si>
    <t>cg22460123</t>
  </si>
  <si>
    <t>cg22462856</t>
  </si>
  <si>
    <t>cg22480875</t>
  </si>
  <si>
    <t>cg22484594</t>
  </si>
  <si>
    <t>cg22486928</t>
  </si>
  <si>
    <t>cg22487651</t>
  </si>
  <si>
    <t>cg22489153</t>
  </si>
  <si>
    <t>cg22489277</t>
  </si>
  <si>
    <t>cg22490255</t>
  </si>
  <si>
    <t>cg22491461</t>
  </si>
  <si>
    <t>cg22493172</t>
  </si>
  <si>
    <t>cg22497336</t>
  </si>
  <si>
    <t>cg22501243</t>
  </si>
  <si>
    <t>cg22501476</t>
  </si>
  <si>
    <t>cg22503060</t>
  </si>
  <si>
    <t>cg22503354</t>
  </si>
  <si>
    <t>cg22504024</t>
  </si>
  <si>
    <t>cg22504285</t>
  </si>
  <si>
    <t>cg22504898</t>
  </si>
  <si>
    <t>cg22505395</t>
  </si>
  <si>
    <t>cg22508930</t>
  </si>
  <si>
    <t>cg22510037</t>
  </si>
  <si>
    <t>cg22514674</t>
  </si>
  <si>
    <t>cg22516230</t>
  </si>
  <si>
    <t>cg22529546</t>
  </si>
  <si>
    <t>cg22534509</t>
  </si>
  <si>
    <t>cg22534627</t>
  </si>
  <si>
    <t>cg22540040</t>
  </si>
  <si>
    <t>cg22544231</t>
  </si>
  <si>
    <t>cg22546775</t>
  </si>
  <si>
    <t>cg22547158</t>
  </si>
  <si>
    <t>cg22549626</t>
  </si>
  <si>
    <t>cg22555262</t>
  </si>
  <si>
    <t>cg22561460</t>
  </si>
  <si>
    <t>cg22563627</t>
  </si>
  <si>
    <t>cg22566355</t>
  </si>
  <si>
    <t>cg22566740</t>
  </si>
  <si>
    <t>cg22573917</t>
  </si>
  <si>
    <t>cg22574569</t>
  </si>
  <si>
    <t>cg22575599</t>
  </si>
  <si>
    <t>cg22580512</t>
  </si>
  <si>
    <t>cg22584718</t>
  </si>
  <si>
    <t>cg22586192</t>
  </si>
  <si>
    <t>cg22586653</t>
  </si>
  <si>
    <t>cg22589628</t>
  </si>
  <si>
    <t>cg22591065</t>
  </si>
  <si>
    <t>cg22593785</t>
  </si>
  <si>
    <t>cg22608507</t>
  </si>
  <si>
    <t>cg22609380</t>
  </si>
  <si>
    <t>cg22611259</t>
  </si>
  <si>
    <t>cg22614532</t>
  </si>
  <si>
    <t>cg22614759</t>
  </si>
  <si>
    <t>cg22617406</t>
  </si>
  <si>
    <t>cg22618556</t>
  </si>
  <si>
    <t>cg22621272</t>
  </si>
  <si>
    <t>cg22628281</t>
  </si>
  <si>
    <t>cg22630748</t>
  </si>
  <si>
    <t>cg22633381</t>
  </si>
  <si>
    <t>cg22660542</t>
  </si>
  <si>
    <t>cg22668249</t>
  </si>
  <si>
    <t>cg22668740</t>
  </si>
  <si>
    <t>cg22669136</t>
  </si>
  <si>
    <t>cg22673901</t>
  </si>
  <si>
    <t>cg22676191</t>
  </si>
  <si>
    <t>cg22681246</t>
  </si>
  <si>
    <t>cg22681255</t>
  </si>
  <si>
    <t>cg22682373</t>
  </si>
  <si>
    <t>cg22682646</t>
  </si>
  <si>
    <t>cg22682953</t>
  </si>
  <si>
    <t>cg22684151</t>
  </si>
  <si>
    <t>cg22686718</t>
  </si>
  <si>
    <t>cg22688836</t>
  </si>
  <si>
    <t>cg22689690</t>
  </si>
  <si>
    <t>cg22692213</t>
  </si>
  <si>
    <t>cg22699062</t>
  </si>
  <si>
    <t>cg22699448</t>
  </si>
  <si>
    <t>cg22699500</t>
  </si>
  <si>
    <t>cg22700848</t>
  </si>
  <si>
    <t>cg22702331</t>
  </si>
  <si>
    <t>cg22708290</t>
  </si>
  <si>
    <t>cg22709192</t>
  </si>
  <si>
    <t>cg22713360</t>
  </si>
  <si>
    <t>cg22722933</t>
  </si>
  <si>
    <t>cg22725222</t>
  </si>
  <si>
    <t>cg22739115</t>
  </si>
  <si>
    <t>cg22740141</t>
  </si>
  <si>
    <t>cg22741264</t>
  </si>
  <si>
    <t>cg22742344</t>
  </si>
  <si>
    <t>cg22743483</t>
  </si>
  <si>
    <t>cg22763407</t>
  </si>
  <si>
    <t>cg22764374</t>
  </si>
  <si>
    <t>cg22772213</t>
  </si>
  <si>
    <t>cg22775108</t>
  </si>
  <si>
    <t>cg22775642</t>
  </si>
  <si>
    <t>cg22775789</t>
  </si>
  <si>
    <t>cg22777441</t>
  </si>
  <si>
    <t>cg22777668</t>
  </si>
  <si>
    <t>cg22778180</t>
  </si>
  <si>
    <t>cg22781397</t>
  </si>
  <si>
    <t>cg22781714</t>
  </si>
  <si>
    <t>cg22785468</t>
  </si>
  <si>
    <t>cg22788646</t>
  </si>
  <si>
    <t>cg22789605</t>
  </si>
  <si>
    <t>cg22793614</t>
  </si>
  <si>
    <t>cg22794990</t>
  </si>
  <si>
    <t>cg22797175</t>
  </si>
  <si>
    <t>cg22797735</t>
  </si>
  <si>
    <t>cg22798873</t>
  </si>
  <si>
    <t>cg22799518</t>
  </si>
  <si>
    <t>cg22801690</t>
  </si>
  <si>
    <t>cg22802766</t>
  </si>
  <si>
    <t>cg22804770</t>
  </si>
  <si>
    <t>cg22805605</t>
  </si>
  <si>
    <t>cg22810434</t>
  </si>
  <si>
    <t>cg22812457</t>
  </si>
  <si>
    <t>cg22814146</t>
  </si>
  <si>
    <t>cg22820108</t>
  </si>
  <si>
    <t>cg22823081</t>
  </si>
  <si>
    <t>cg22824651</t>
  </si>
  <si>
    <t>cg22824738</t>
  </si>
  <si>
    <t>cg22825473</t>
  </si>
  <si>
    <t>cg22826449</t>
  </si>
  <si>
    <t>cg22827210</t>
  </si>
  <si>
    <t>cg22827685</t>
  </si>
  <si>
    <t>cg22827806</t>
  </si>
  <si>
    <t>cg22829394</t>
  </si>
  <si>
    <t>cg22829917</t>
  </si>
  <si>
    <t>cg22830507</t>
  </si>
  <si>
    <t>cg22830707</t>
  </si>
  <si>
    <t>cg22832489</t>
  </si>
  <si>
    <t>cg22836470</t>
  </si>
  <si>
    <t>cg22837289</t>
  </si>
  <si>
    <t>cg22841336</t>
  </si>
  <si>
    <t>cg22844555</t>
  </si>
  <si>
    <t>cg22845677</t>
  </si>
  <si>
    <t>cg22852191</t>
  </si>
  <si>
    <t>cg22853947</t>
  </si>
  <si>
    <t>cg22856496</t>
  </si>
  <si>
    <t>cg22859597</t>
  </si>
  <si>
    <t>cg22861965</t>
  </si>
  <si>
    <t>cg22863590</t>
  </si>
  <si>
    <t>cg22863744</t>
  </si>
  <si>
    <t>cg22864266</t>
  </si>
  <si>
    <t>cg22864755</t>
  </si>
  <si>
    <t>cg22867538</t>
  </si>
  <si>
    <t>cg22867729</t>
  </si>
  <si>
    <t>cg22869239</t>
  </si>
  <si>
    <t>cg22871318</t>
  </si>
  <si>
    <t>cg22871566</t>
  </si>
  <si>
    <t>cg22872002</t>
  </si>
  <si>
    <t>cg22876356</t>
  </si>
  <si>
    <t>cg22876908</t>
  </si>
  <si>
    <t>cg22882902</t>
  </si>
  <si>
    <t>cg22883919</t>
  </si>
  <si>
    <t>cg22908581</t>
  </si>
  <si>
    <t>cg22917372</t>
  </si>
  <si>
    <t>cg22918434</t>
  </si>
  <si>
    <t>cg22927788</t>
  </si>
  <si>
    <t>cg22927789</t>
  </si>
  <si>
    <t>cg22929235</t>
  </si>
  <si>
    <t>cg22929808</t>
  </si>
  <si>
    <t>cg22931309</t>
  </si>
  <si>
    <t>cg22934824</t>
  </si>
  <si>
    <t>cg22935821</t>
  </si>
  <si>
    <t>cg22941086</t>
  </si>
  <si>
    <t>cg22941953</t>
  </si>
  <si>
    <t>cg22943388</t>
  </si>
  <si>
    <t>cg22946876</t>
  </si>
  <si>
    <t>cg22949345</t>
  </si>
  <si>
    <t>cg22950598</t>
  </si>
  <si>
    <t>cg22952828</t>
  </si>
  <si>
    <t>cg22957121</t>
  </si>
  <si>
    <t>cg22957228</t>
  </si>
  <si>
    <t>cg22957352</t>
  </si>
  <si>
    <t>cg22958248</t>
  </si>
  <si>
    <t>cg22961459</t>
  </si>
  <si>
    <t>cg22974982</t>
  </si>
  <si>
    <t>cg22976588</t>
  </si>
  <si>
    <t>cg22978941</t>
  </si>
  <si>
    <t>cg22979422</t>
  </si>
  <si>
    <t>cg22992258</t>
  </si>
  <si>
    <t>cg23005387</t>
  </si>
  <si>
    <t>cg23013309</t>
  </si>
  <si>
    <t>cg23018181</t>
  </si>
  <si>
    <t>cg23019886</t>
  </si>
  <si>
    <t>cg23020582</t>
  </si>
  <si>
    <t>cg23021059</t>
  </si>
  <si>
    <t>cg23028209</t>
  </si>
  <si>
    <t>cg23029183</t>
  </si>
  <si>
    <t>cg23029655</t>
  </si>
  <si>
    <t>cg23031493</t>
  </si>
  <si>
    <t>cg23047434</t>
  </si>
  <si>
    <t>cg23047693</t>
  </si>
  <si>
    <t>cg23049298</t>
  </si>
  <si>
    <t>cg23054883</t>
  </si>
  <si>
    <t>cg23058246</t>
  </si>
  <si>
    <t>cg23063825</t>
  </si>
  <si>
    <t>cg23067082</t>
  </si>
  <si>
    <t>cg23068476</t>
  </si>
  <si>
    <t>cg23076949</t>
  </si>
  <si>
    <t>cg23080761</t>
  </si>
  <si>
    <t>cg23081353</t>
  </si>
  <si>
    <t>cg23085912</t>
  </si>
  <si>
    <t>cg23087707</t>
  </si>
  <si>
    <t>cg23089643</t>
  </si>
  <si>
    <t>cg23096553</t>
  </si>
  <si>
    <t>cg23097277</t>
  </si>
  <si>
    <t>cg23098621</t>
  </si>
  <si>
    <t>cg23100375</t>
  </si>
  <si>
    <t>cg23101118</t>
  </si>
  <si>
    <t>cg23105899</t>
  </si>
  <si>
    <t>cg23106559</t>
  </si>
  <si>
    <t>cg23110005</t>
  </si>
  <si>
    <t>cg23110109</t>
  </si>
  <si>
    <t>cg23118562</t>
  </si>
  <si>
    <t>cg23123679</t>
  </si>
  <si>
    <t>cg23125449</t>
  </si>
  <si>
    <t>cg23126152</t>
  </si>
  <si>
    <t>cg23126949</t>
  </si>
  <si>
    <t>cg23128495</t>
  </si>
  <si>
    <t>cg23140706</t>
  </si>
  <si>
    <t>cg23146197</t>
  </si>
  <si>
    <t>cg23149053</t>
  </si>
  <si>
    <t>cg23149472</t>
  </si>
  <si>
    <t>cg23152742</t>
  </si>
  <si>
    <t>cg23162167</t>
  </si>
  <si>
    <t>cg23162343</t>
  </si>
  <si>
    <t>cg23162479</t>
  </si>
  <si>
    <t>cg23170057</t>
  </si>
  <si>
    <t>cg23171628</t>
  </si>
  <si>
    <t>cg23172877</t>
  </si>
  <si>
    <t>cg23176632</t>
  </si>
  <si>
    <t>cg23189739</t>
  </si>
  <si>
    <t>cg23193870</t>
  </si>
  <si>
    <t>cg23194182</t>
  </si>
  <si>
    <t>cg23194926</t>
  </si>
  <si>
    <t>cg23195200</t>
  </si>
  <si>
    <t>cg23197881</t>
  </si>
  <si>
    <t>cg23198644</t>
  </si>
  <si>
    <t>cg23202262</t>
  </si>
  <si>
    <t>cg23219570</t>
  </si>
  <si>
    <t>cg23220025</t>
  </si>
  <si>
    <t>cg23222274</t>
  </si>
  <si>
    <t>cg23222604</t>
  </si>
  <si>
    <t>cg23224120</t>
  </si>
  <si>
    <t>cg23235876</t>
  </si>
  <si>
    <t>cg23238293</t>
  </si>
  <si>
    <t>cg23238458</t>
  </si>
  <si>
    <t>cg23243343</t>
  </si>
  <si>
    <t>cg23251170</t>
  </si>
  <si>
    <t>cg23253053</t>
  </si>
  <si>
    <t>cg23253739</t>
  </si>
  <si>
    <t>cg23256150</t>
  </si>
  <si>
    <t>cg23258897</t>
  </si>
  <si>
    <t>cg23259681</t>
  </si>
  <si>
    <t>cg23260254</t>
  </si>
  <si>
    <t>cg23261715</t>
  </si>
  <si>
    <t>cg23261743</t>
  </si>
  <si>
    <t>cg23262918</t>
  </si>
  <si>
    <t>cg23264519</t>
  </si>
  <si>
    <t>cg23272369</t>
  </si>
  <si>
    <t>cg23284720</t>
  </si>
  <si>
    <t>cg23309825</t>
  </si>
  <si>
    <t>cg23310538</t>
  </si>
  <si>
    <t>cg23311549</t>
  </si>
  <si>
    <t>cg23311790</t>
  </si>
  <si>
    <t>cg23311905</t>
  </si>
  <si>
    <t>cg23313416</t>
  </si>
  <si>
    <t>cg23320499</t>
  </si>
  <si>
    <t>cg23320693</t>
  </si>
  <si>
    <t>cg23320862</t>
  </si>
  <si>
    <t>cg23322996</t>
  </si>
  <si>
    <t>cg23326224</t>
  </si>
  <si>
    <t>cg23330006</t>
  </si>
  <si>
    <t>cg23331653</t>
  </si>
  <si>
    <t>cg23335390</t>
  </si>
  <si>
    <t>cg23335414</t>
  </si>
  <si>
    <t>cg23336139</t>
  </si>
  <si>
    <t>cg23336973</t>
  </si>
  <si>
    <t>cg23340214</t>
  </si>
  <si>
    <t>cg23341970</t>
  </si>
  <si>
    <t>cg23344003</t>
  </si>
  <si>
    <t>cg23345977</t>
  </si>
  <si>
    <t>cg23347429</t>
  </si>
  <si>
    <t>cg23347790</t>
  </si>
  <si>
    <t>cg23348081</t>
  </si>
  <si>
    <t>cg23350889</t>
  </si>
  <si>
    <t>cg23355637</t>
  </si>
  <si>
    <t>cg23356310</t>
  </si>
  <si>
    <t>cg23357805</t>
  </si>
  <si>
    <t>cg23357813</t>
  </si>
  <si>
    <t>cg23358933</t>
  </si>
  <si>
    <t>cg23361290</t>
  </si>
  <si>
    <t>cg23361609</t>
  </si>
  <si>
    <t>cg23363039</t>
  </si>
  <si>
    <t>cg23363981</t>
  </si>
  <si>
    <t>cg23364246</t>
  </si>
  <si>
    <t>cg23367478</t>
  </si>
  <si>
    <t>cg23368715</t>
  </si>
  <si>
    <t>cg23372128</t>
  </si>
  <si>
    <t>cg23373888</t>
  </si>
  <si>
    <t>cg23378992</t>
  </si>
  <si>
    <t>cg23381749</t>
  </si>
  <si>
    <t>cg23383531</t>
  </si>
  <si>
    <t>cg23384027</t>
  </si>
  <si>
    <t>cg23389183</t>
  </si>
  <si>
    <t>cg23394420</t>
  </si>
  <si>
    <t>cg23412850</t>
  </si>
  <si>
    <t>cg23424400</t>
  </si>
  <si>
    <t>cg23425280</t>
  </si>
  <si>
    <t>cg23425324</t>
  </si>
  <si>
    <t>cg23428922</t>
  </si>
  <si>
    <t>cg23431730</t>
  </si>
  <si>
    <t>cg23432930</t>
  </si>
  <si>
    <t>cg23433345</t>
  </si>
  <si>
    <t>cg23433370</t>
  </si>
  <si>
    <t>cg23435821</t>
  </si>
  <si>
    <t>cg23436584</t>
  </si>
  <si>
    <t>cg23437216</t>
  </si>
  <si>
    <t>cg23437573</t>
  </si>
  <si>
    <t>cg23441441</t>
  </si>
  <si>
    <t>cg23442621</t>
  </si>
  <si>
    <t>cg23443327</t>
  </si>
  <si>
    <t>cg23449594</t>
  </si>
  <si>
    <t>cg23458843</t>
  </si>
  <si>
    <t>cg23460943</t>
  </si>
  <si>
    <t>cg23462338</t>
  </si>
  <si>
    <t>cg23462697</t>
  </si>
  <si>
    <t>cg23469448</t>
  </si>
  <si>
    <t>cg23471314</t>
  </si>
  <si>
    <t>cg23473081</t>
  </si>
  <si>
    <t>cg23473088</t>
  </si>
  <si>
    <t>cg23474723</t>
  </si>
  <si>
    <t>cg23475202</t>
  </si>
  <si>
    <t>cg23475725</t>
  </si>
  <si>
    <t>cg23489038</t>
  </si>
  <si>
    <t>cg23491661</t>
  </si>
  <si>
    <t>cg23494413</t>
  </si>
  <si>
    <t>cg23503864</t>
  </si>
  <si>
    <t>cg23510415</t>
  </si>
  <si>
    <t>cg23512558</t>
  </si>
  <si>
    <t>cg23513569</t>
  </si>
  <si>
    <t>cg23517124</t>
  </si>
  <si>
    <t>cg23517752</t>
  </si>
  <si>
    <t>cg23521905</t>
  </si>
  <si>
    <t>cg23521919</t>
  </si>
  <si>
    <t>cg23522915</t>
  </si>
  <si>
    <t>cg23523434</t>
  </si>
  <si>
    <t>cg23524436</t>
  </si>
  <si>
    <t>cg23526298</t>
  </si>
  <si>
    <t>cg23526712</t>
  </si>
  <si>
    <t>cg23530981</t>
  </si>
  <si>
    <t>cg23533419</t>
  </si>
  <si>
    <t>cg23536300</t>
  </si>
  <si>
    <t>cg23536555</t>
  </si>
  <si>
    <t>cg23537193</t>
  </si>
  <si>
    <t>cg23538195</t>
  </si>
  <si>
    <t>cg23539261</t>
  </si>
  <si>
    <t>cg23539745</t>
  </si>
  <si>
    <t>cg23545458</t>
  </si>
  <si>
    <t>cg23546512</t>
  </si>
  <si>
    <t>cg23547157</t>
  </si>
  <si>
    <t>cg23549179</t>
  </si>
  <si>
    <t>cg23550060</t>
  </si>
  <si>
    <t>cg23550757</t>
  </si>
  <si>
    <t>cg23551753</t>
  </si>
  <si>
    <t>cg23551979</t>
  </si>
  <si>
    <t>cg23553238</t>
  </si>
  <si>
    <t>cg23554497</t>
  </si>
  <si>
    <t>cg23555120</t>
  </si>
  <si>
    <t>cg23556205</t>
  </si>
  <si>
    <t>cg23585450</t>
  </si>
  <si>
    <t>cg23588049</t>
  </si>
  <si>
    <t>cg23588553</t>
  </si>
  <si>
    <t>cg23591611</t>
  </si>
  <si>
    <t>cg23598010</t>
  </si>
  <si>
    <t>cg23598562</t>
  </si>
  <si>
    <t>cg23599850</t>
  </si>
  <si>
    <t>cg23601066</t>
  </si>
  <si>
    <t>cg23601127</t>
  </si>
  <si>
    <t>cg23601783</t>
  </si>
  <si>
    <t>cg23611643</t>
  </si>
  <si>
    <t>cg23611710</t>
  </si>
  <si>
    <t>cg23618218</t>
  </si>
  <si>
    <t>cg23618344</t>
  </si>
  <si>
    <t>cg23645091</t>
  </si>
  <si>
    <t>cg23652770</t>
  </si>
  <si>
    <t>cg23653008</t>
  </si>
  <si>
    <t>cg23653492</t>
  </si>
  <si>
    <t>cg23654431</t>
  </si>
  <si>
    <t>cg23661013</t>
  </si>
  <si>
    <t>cg23667127</t>
  </si>
  <si>
    <t>cg23679376</t>
  </si>
  <si>
    <t>cg23679478</t>
  </si>
  <si>
    <t>cg23679992</t>
  </si>
  <si>
    <t>cg23681581</t>
  </si>
  <si>
    <t>cg23682322</t>
  </si>
  <si>
    <t>cg23682634</t>
  </si>
  <si>
    <t>cg23689080</t>
  </si>
  <si>
    <t>cg23694248</t>
  </si>
  <si>
    <t>cg23695990</t>
  </si>
  <si>
    <t>cg23696212</t>
  </si>
  <si>
    <t>cg23699046</t>
  </si>
  <si>
    <t>cg23699274</t>
  </si>
  <si>
    <t>cg23699947</t>
  </si>
  <si>
    <t>cg23702046</t>
  </si>
  <si>
    <t>cg23702688</t>
  </si>
  <si>
    <t>cg23703079</t>
  </si>
  <si>
    <t>cg23704874</t>
  </si>
  <si>
    <t>cg23705060</t>
  </si>
  <si>
    <t>cg23729277</t>
  </si>
  <si>
    <t>cg23731805</t>
  </si>
  <si>
    <t>cg23739862</t>
  </si>
  <si>
    <t>cg23740310</t>
  </si>
  <si>
    <t>cg23741982</t>
  </si>
  <si>
    <t>cg23742314</t>
  </si>
  <si>
    <t>cg23745444</t>
  </si>
  <si>
    <t>cg23747342</t>
  </si>
  <si>
    <t>cg23748098</t>
  </si>
  <si>
    <t>cg23749536</t>
  </si>
  <si>
    <t>cg23750445</t>
  </si>
  <si>
    <t>cg23754320</t>
  </si>
  <si>
    <t>cg23756894</t>
  </si>
  <si>
    <t>cg23758309</t>
  </si>
  <si>
    <t>cg23763427</t>
  </si>
  <si>
    <t>cg23766360</t>
  </si>
  <si>
    <t>cg23767977</t>
  </si>
  <si>
    <t>cg23777173</t>
  </si>
  <si>
    <t>cg23782909</t>
  </si>
  <si>
    <t>cg23784313</t>
  </si>
  <si>
    <t>cg23785280</t>
  </si>
  <si>
    <t>cg23787163</t>
  </si>
  <si>
    <t>cg23787937</t>
  </si>
  <si>
    <t>cg23791308</t>
  </si>
  <si>
    <t>cg23791524</t>
  </si>
  <si>
    <t>cg23796818</t>
  </si>
  <si>
    <t>cg23798332</t>
  </si>
  <si>
    <t>cg23798630</t>
  </si>
  <si>
    <t>cg23801172</t>
  </si>
  <si>
    <t>cg23807570</t>
  </si>
  <si>
    <t>cg23814154</t>
  </si>
  <si>
    <t>cg23815853</t>
  </si>
  <si>
    <t>cg23816140</t>
  </si>
  <si>
    <t>cg23818062</t>
  </si>
  <si>
    <t>cg23818228</t>
  </si>
  <si>
    <t>cg23820885</t>
  </si>
  <si>
    <t>cg23822052</t>
  </si>
  <si>
    <t>cg23822643</t>
  </si>
  <si>
    <t>cg23827572</t>
  </si>
  <si>
    <t>cg23828686</t>
  </si>
  <si>
    <t>cg23828720</t>
  </si>
  <si>
    <t>cg23829318</t>
  </si>
  <si>
    <t>cg23829447</t>
  </si>
  <si>
    <t>cg23835453</t>
  </si>
  <si>
    <t>cg23836365</t>
  </si>
  <si>
    <t>cg23840562</t>
  </si>
  <si>
    <t>cg23841186</t>
  </si>
  <si>
    <t>cg23845770</t>
  </si>
  <si>
    <t>cg23848433</t>
  </si>
  <si>
    <t>cg23852354</t>
  </si>
  <si>
    <t>cg23854567</t>
  </si>
  <si>
    <t>cg23855989</t>
  </si>
  <si>
    <t>cg23857896</t>
  </si>
  <si>
    <t>cg23858591</t>
  </si>
  <si>
    <t>cg23858650</t>
  </si>
  <si>
    <t>cg23859591</t>
  </si>
  <si>
    <t>cg23863100</t>
  </si>
  <si>
    <t>cg23877008</t>
  </si>
  <si>
    <t>cg23877021</t>
  </si>
  <si>
    <t>cg23878205</t>
  </si>
  <si>
    <t>cg23879263</t>
  </si>
  <si>
    <t>cg23880533</t>
  </si>
  <si>
    <t>cg23885131</t>
  </si>
  <si>
    <t>cg23888047</t>
  </si>
  <si>
    <t>cg23895963</t>
  </si>
  <si>
    <t>cg23896972</t>
  </si>
  <si>
    <t>cg23897083</t>
  </si>
  <si>
    <t>cg23899057</t>
  </si>
  <si>
    <t>cg23900696</t>
  </si>
  <si>
    <t>cg23903483</t>
  </si>
  <si>
    <t>cg23906641</t>
  </si>
  <si>
    <t>cg23907926</t>
  </si>
  <si>
    <t>cg23909029</t>
  </si>
  <si>
    <t>cg23910340</t>
  </si>
  <si>
    <t>cg23910430</t>
  </si>
  <si>
    <t>cg23911972</t>
  </si>
  <si>
    <t>cg23912823</t>
  </si>
  <si>
    <t>cg23912828</t>
  </si>
  <si>
    <t>cg23914694</t>
  </si>
  <si>
    <t>cg23916979</t>
  </si>
  <si>
    <t>cg23919118</t>
  </si>
  <si>
    <t>cg23921871</t>
  </si>
  <si>
    <t>cg23922454</t>
  </si>
  <si>
    <t>cg23922804</t>
  </si>
  <si>
    <t>cg23924647</t>
  </si>
  <si>
    <t>cg23925173</t>
  </si>
  <si>
    <t>cg23926670</t>
  </si>
  <si>
    <t>cg23930313</t>
  </si>
  <si>
    <t>cg23932658</t>
  </si>
  <si>
    <t>cg23935361</t>
  </si>
  <si>
    <t>cg23937381</t>
  </si>
  <si>
    <t>cg23937608</t>
  </si>
  <si>
    <t>cg23943801</t>
  </si>
  <si>
    <t>cg23949524</t>
  </si>
  <si>
    <t>cg23970338</t>
  </si>
  <si>
    <t>cg23970703</t>
  </si>
  <si>
    <t>cg23974819</t>
  </si>
  <si>
    <t>cg23975144</t>
  </si>
  <si>
    <t>cg23975840</t>
  </si>
  <si>
    <t>cg23982812</t>
  </si>
  <si>
    <t>cg23982858</t>
  </si>
  <si>
    <t>cg23998391</t>
  </si>
  <si>
    <t>cg24007169</t>
  </si>
  <si>
    <t>cg24007886</t>
  </si>
  <si>
    <t>cg24007917</t>
  </si>
  <si>
    <t>cg24009736</t>
  </si>
  <si>
    <t>cg24010859</t>
  </si>
  <si>
    <t>cg24012034</t>
  </si>
  <si>
    <t>cg24016617</t>
  </si>
  <si>
    <t>cg24018760</t>
  </si>
  <si>
    <t>cg24018814</t>
  </si>
  <si>
    <t>cg24028828</t>
  </si>
  <si>
    <t>cg24030086</t>
  </si>
  <si>
    <t>cg24030620</t>
  </si>
  <si>
    <t>cg24033471</t>
  </si>
  <si>
    <t>cg24034106</t>
  </si>
  <si>
    <t>cg24034913</t>
  </si>
  <si>
    <t>cg24039102</t>
  </si>
  <si>
    <t>cg24043604</t>
  </si>
  <si>
    <t>cg24052097</t>
  </si>
  <si>
    <t>cg24059075</t>
  </si>
  <si>
    <t>cg24075628</t>
  </si>
  <si>
    <t>cg24082347</t>
  </si>
  <si>
    <t>cg24082826</t>
  </si>
  <si>
    <t>cg24083469</t>
  </si>
  <si>
    <t>cg24083923</t>
  </si>
  <si>
    <t>cg24087497</t>
  </si>
  <si>
    <t>cg24091819</t>
  </si>
  <si>
    <t>cg24094029</t>
  </si>
  <si>
    <t>cg24095583</t>
  </si>
  <si>
    <t>cg24097153</t>
  </si>
  <si>
    <t>cg24099779</t>
  </si>
  <si>
    <t>cg24105269</t>
  </si>
  <si>
    <t>cg24107581</t>
  </si>
  <si>
    <t>cg24109790</t>
  </si>
  <si>
    <t>cg24110768</t>
  </si>
  <si>
    <t>cg24116870</t>
  </si>
  <si>
    <t>cg24120411</t>
  </si>
  <si>
    <t>cg24122991</t>
  </si>
  <si>
    <t>cg24125890</t>
  </si>
  <si>
    <t>cg24125904</t>
  </si>
  <si>
    <t>cg24129458</t>
  </si>
  <si>
    <t>cg24131538</t>
  </si>
  <si>
    <t>cg24133477</t>
  </si>
  <si>
    <t>cg24156796</t>
  </si>
  <si>
    <t>cg24165921</t>
  </si>
  <si>
    <t>cg24166864</t>
  </si>
  <si>
    <t>cg24167314</t>
  </si>
  <si>
    <t>cg24167841</t>
  </si>
  <si>
    <t>cg24172291</t>
  </si>
  <si>
    <t>cg24180569</t>
  </si>
  <si>
    <t>cg24183439</t>
  </si>
  <si>
    <t>cg24209874</t>
  </si>
  <si>
    <t>cg24210717</t>
  </si>
  <si>
    <t>cg24211742</t>
  </si>
  <si>
    <t>cg24214152</t>
  </si>
  <si>
    <t>cg24215525</t>
  </si>
  <si>
    <t>cg24217894</t>
  </si>
  <si>
    <t>cg24219985</t>
  </si>
  <si>
    <t>cg24220733</t>
  </si>
  <si>
    <t>cg24226884</t>
  </si>
  <si>
    <t>cg24229691</t>
  </si>
  <si>
    <t>cg24231002</t>
  </si>
  <si>
    <t>cg24231885</t>
  </si>
  <si>
    <t>cg24237081</t>
  </si>
  <si>
    <t>cg24239195</t>
  </si>
  <si>
    <t>cg24260327</t>
  </si>
  <si>
    <t>cg24266542</t>
  </si>
  <si>
    <t>cg24266624</t>
  </si>
  <si>
    <t>cg24268698</t>
  </si>
  <si>
    <t>cg24269196</t>
  </si>
  <si>
    <t>cg24274665</t>
  </si>
  <si>
    <t>cg24279017</t>
  </si>
  <si>
    <t>cg24283049</t>
  </si>
  <si>
    <t>cg24283804</t>
  </si>
  <si>
    <t>cg24287125</t>
  </si>
  <si>
    <t>cg24292016</t>
  </si>
  <si>
    <t>cg24296036</t>
  </si>
  <si>
    <t>cg24296250</t>
  </si>
  <si>
    <t>cg24296900</t>
  </si>
  <si>
    <t>cg24300475</t>
  </si>
  <si>
    <t>cg24301724</t>
  </si>
  <si>
    <t>cg24304000</t>
  </si>
  <si>
    <t>cg24305685</t>
  </si>
  <si>
    <t>cg24309215</t>
  </si>
  <si>
    <t>cg24319076</t>
  </si>
  <si>
    <t>cg24320165</t>
  </si>
  <si>
    <t>cg24324942</t>
  </si>
  <si>
    <t>cg24328844</t>
  </si>
  <si>
    <t>cg24331384</t>
  </si>
  <si>
    <t>cg24333364</t>
  </si>
  <si>
    <t>cg24335116</t>
  </si>
  <si>
    <t>cg24336686</t>
  </si>
  <si>
    <t>cg24339043</t>
  </si>
  <si>
    <t>cg24339512</t>
  </si>
  <si>
    <t>cg24340807</t>
  </si>
  <si>
    <t>cg24341177</t>
  </si>
  <si>
    <t>cg24345793</t>
  </si>
  <si>
    <t>cg24353217</t>
  </si>
  <si>
    <t>cg24361849</t>
  </si>
  <si>
    <t>cg24368101</t>
  </si>
  <si>
    <t>cg24373760</t>
  </si>
  <si>
    <t>cg24389359</t>
  </si>
  <si>
    <t>cg24390742</t>
  </si>
  <si>
    <t>cg24390820</t>
  </si>
  <si>
    <t>cg24392132</t>
  </si>
  <si>
    <t>cg24393700</t>
  </si>
  <si>
    <t>cg24398450</t>
  </si>
  <si>
    <t>cg24399555</t>
  </si>
  <si>
    <t>cg24401912</t>
  </si>
  <si>
    <t>cg24402372</t>
  </si>
  <si>
    <t>cg24405537</t>
  </si>
  <si>
    <t>cg24405617</t>
  </si>
  <si>
    <t>cg24409870</t>
  </si>
  <si>
    <t>cg24414325</t>
  </si>
  <si>
    <t>cg24415154</t>
  </si>
  <si>
    <t>cg24415793</t>
  </si>
  <si>
    <t>cg24418063</t>
  </si>
  <si>
    <t>cg24427724</t>
  </si>
  <si>
    <t>cg24428144</t>
  </si>
  <si>
    <t>cg24431681</t>
  </si>
  <si>
    <t>cg24432389</t>
  </si>
  <si>
    <t>cg24432432</t>
  </si>
  <si>
    <t>cg24433265</t>
  </si>
  <si>
    <t>cg24437859</t>
  </si>
  <si>
    <t>cg24438354</t>
  </si>
  <si>
    <t>cg24438954</t>
  </si>
  <si>
    <t>cg24445167</t>
  </si>
  <si>
    <t>cg24446009</t>
  </si>
  <si>
    <t>cg24446178</t>
  </si>
  <si>
    <t>cg24449885</t>
  </si>
  <si>
    <t>cg24452591</t>
  </si>
  <si>
    <t>cg24461304</t>
  </si>
  <si>
    <t>cg24461814</t>
  </si>
  <si>
    <t>cg24461952</t>
  </si>
  <si>
    <t>cg24463309</t>
  </si>
  <si>
    <t>cg24467291</t>
  </si>
  <si>
    <t>cg24471268</t>
  </si>
  <si>
    <t>cg24477309</t>
  </si>
  <si>
    <t>cg24479328</t>
  </si>
  <si>
    <t>cg24482747</t>
  </si>
  <si>
    <t>cg24485571</t>
  </si>
  <si>
    <t>cg24488435</t>
  </si>
  <si>
    <t>cg24491328</t>
  </si>
  <si>
    <t>cg24493940</t>
  </si>
  <si>
    <t>cg24494338</t>
  </si>
  <si>
    <t>cg24497819</t>
  </si>
  <si>
    <t>cg24502192</t>
  </si>
  <si>
    <t>cg24503003</t>
  </si>
  <si>
    <t>cg24504361</t>
  </si>
  <si>
    <t>cg24505307</t>
  </si>
  <si>
    <t>cg24506324</t>
  </si>
  <si>
    <t>cg24506604</t>
  </si>
  <si>
    <t>cg24509668</t>
  </si>
  <si>
    <t>cg24510285</t>
  </si>
  <si>
    <t>cg24512311</t>
  </si>
  <si>
    <t>cg24513571</t>
  </si>
  <si>
    <t>cg24530795</t>
  </si>
  <si>
    <t>cg24532476</t>
  </si>
  <si>
    <t>cg24532610</t>
  </si>
  <si>
    <t>cg24533804</t>
  </si>
  <si>
    <t>cg24535475</t>
  </si>
  <si>
    <t>cg24536933</t>
  </si>
  <si>
    <t>cg24537836</t>
  </si>
  <si>
    <t>cg24537973</t>
  </si>
  <si>
    <t>cg24541176</t>
  </si>
  <si>
    <t>cg24545687</t>
  </si>
  <si>
    <t>cg24555065</t>
  </si>
  <si>
    <t>cg24566687</t>
  </si>
  <si>
    <t>cg24568579</t>
  </si>
  <si>
    <t>cg24580526</t>
  </si>
  <si>
    <t>cg24588599</t>
  </si>
  <si>
    <t>cg24591824</t>
  </si>
  <si>
    <t>cg24598330</t>
  </si>
  <si>
    <t>cg24598712</t>
  </si>
  <si>
    <t>cg24599943</t>
  </si>
  <si>
    <t>cg24603490</t>
  </si>
  <si>
    <t>cg24605304</t>
  </si>
  <si>
    <t>cg24605404</t>
  </si>
  <si>
    <t>cg24611446</t>
  </si>
  <si>
    <t>cg24613097</t>
  </si>
  <si>
    <t>cg24615853</t>
  </si>
  <si>
    <t>cg24618354</t>
  </si>
  <si>
    <t>cg24619895</t>
  </si>
  <si>
    <t>cg24622007</t>
  </si>
  <si>
    <t>cg24626542</t>
  </si>
  <si>
    <t>cg24626660</t>
  </si>
  <si>
    <t>cg24631547</t>
  </si>
  <si>
    <t>cg24636258</t>
  </si>
  <si>
    <t>cg24638668</t>
  </si>
  <si>
    <t>cg24639100</t>
  </si>
  <si>
    <t>cg24642065</t>
  </si>
  <si>
    <t>cg24642516</t>
  </si>
  <si>
    <t>cg24653967</t>
  </si>
  <si>
    <t>cg24654525</t>
  </si>
  <si>
    <t>cg24664957</t>
  </si>
  <si>
    <t>cg24676120</t>
  </si>
  <si>
    <t>cg24684497</t>
  </si>
  <si>
    <t>cg24688803</t>
  </si>
  <si>
    <t>cg24691904</t>
  </si>
  <si>
    <t>cg24693620</t>
  </si>
  <si>
    <t>cg24694702</t>
  </si>
  <si>
    <t>cg24700929</t>
  </si>
  <si>
    <t>cg24703420</t>
  </si>
  <si>
    <t>cg24706115</t>
  </si>
  <si>
    <t>cg24707404</t>
  </si>
  <si>
    <t>cg24709718</t>
  </si>
  <si>
    <t>cg24711649</t>
  </si>
  <si>
    <t>cg24722099</t>
  </si>
  <si>
    <t>cg24723331</t>
  </si>
  <si>
    <t>cg24727133</t>
  </si>
  <si>
    <t>cg24727480</t>
  </si>
  <si>
    <t>cg24729928</t>
  </si>
  <si>
    <t>cg24732702</t>
  </si>
  <si>
    <t>cg24733614</t>
  </si>
  <si>
    <t>cg24733624</t>
  </si>
  <si>
    <t>cg24740325</t>
  </si>
  <si>
    <t>cg24744557</t>
  </si>
  <si>
    <t>cg24750156</t>
  </si>
  <si>
    <t>cg24752354</t>
  </si>
  <si>
    <t>cg24759070</t>
  </si>
  <si>
    <t>cg24759658</t>
  </si>
  <si>
    <t>cg24759821</t>
  </si>
  <si>
    <t>cg24765748</t>
  </si>
  <si>
    <t>cg24768365</t>
  </si>
  <si>
    <t>cg24768463</t>
  </si>
  <si>
    <t>cg24770677</t>
  </si>
  <si>
    <t>cg24773412</t>
  </si>
  <si>
    <t>cg24773560</t>
  </si>
  <si>
    <t>cg24775300</t>
  </si>
  <si>
    <t>cg24779015</t>
  </si>
  <si>
    <t>cg24782486</t>
  </si>
  <si>
    <t>cg24784697</t>
  </si>
  <si>
    <t>cg24789136</t>
  </si>
  <si>
    <t>cg24790589</t>
  </si>
  <si>
    <t>cg24790764</t>
  </si>
  <si>
    <t>cg24791546</t>
  </si>
  <si>
    <t>cg24795867</t>
  </si>
  <si>
    <t>cg24796261</t>
  </si>
  <si>
    <t>cg24796842</t>
  </si>
  <si>
    <t>cg24797665</t>
  </si>
  <si>
    <t>cg24798603</t>
  </si>
  <si>
    <t>cg24804179</t>
  </si>
  <si>
    <t>cg24804768</t>
  </si>
  <si>
    <t>cg24820303</t>
  </si>
  <si>
    <t>cg24824245</t>
  </si>
  <si>
    <t>cg24827381</t>
  </si>
  <si>
    <t>cg24837075</t>
  </si>
  <si>
    <t>cg24846573</t>
  </si>
  <si>
    <t>cg24850139</t>
  </si>
  <si>
    <t>cg24851818</t>
  </si>
  <si>
    <t>cg24856726</t>
  </si>
  <si>
    <t>cg24858066</t>
  </si>
  <si>
    <t>cg24860716</t>
  </si>
  <si>
    <t>cg24868790</t>
  </si>
  <si>
    <t>cg24871691</t>
  </si>
  <si>
    <t>cg24885556</t>
  </si>
  <si>
    <t>cg24886033</t>
  </si>
  <si>
    <t>cg24888814</t>
  </si>
  <si>
    <t>cg24889207</t>
  </si>
  <si>
    <t>cg24892571</t>
  </si>
  <si>
    <t>cg24895871</t>
  </si>
  <si>
    <t>cg24900244</t>
  </si>
  <si>
    <t>cg24902435</t>
  </si>
  <si>
    <t>cg24903225</t>
  </si>
  <si>
    <t>cg24905739</t>
  </si>
  <si>
    <t>cg24905901</t>
  </si>
  <si>
    <t>cg24921858</t>
  </si>
  <si>
    <t>cg24926042</t>
  </si>
  <si>
    <t>cg24928378</t>
  </si>
  <si>
    <t>cg24932394</t>
  </si>
  <si>
    <t>cg24946795</t>
  </si>
  <si>
    <t>cg24947456</t>
  </si>
  <si>
    <t>cg24948561</t>
  </si>
  <si>
    <t>cg24949344</t>
  </si>
  <si>
    <t>cg24951335</t>
  </si>
  <si>
    <t>cg24951754</t>
  </si>
  <si>
    <t>cg24952640</t>
  </si>
  <si>
    <t>cg24954684</t>
  </si>
  <si>
    <t>cg24957489</t>
  </si>
  <si>
    <t>cg24960763</t>
  </si>
  <si>
    <t>cg24961970</t>
  </si>
  <si>
    <t>cg24965937</t>
  </si>
  <si>
    <t>cg24967811</t>
  </si>
  <si>
    <t>cg24975581</t>
  </si>
  <si>
    <t>cg24975642</t>
  </si>
  <si>
    <t>cg24978470</t>
  </si>
  <si>
    <t>cg24980032</t>
  </si>
  <si>
    <t>cg24983014</t>
  </si>
  <si>
    <t>cg24997562</t>
  </si>
  <si>
    <t>cg25006194</t>
  </si>
  <si>
    <t>cg25007447</t>
  </si>
  <si>
    <t>cg25010444</t>
  </si>
  <si>
    <t>cg25014247</t>
  </si>
  <si>
    <t>cg25015139</t>
  </si>
  <si>
    <t>cg25015813</t>
  </si>
  <si>
    <t>cg25016646</t>
  </si>
  <si>
    <t>cg25017194</t>
  </si>
  <si>
    <t>cg25020728</t>
  </si>
  <si>
    <t>cg25021051</t>
  </si>
  <si>
    <t>cg25021900</t>
  </si>
  <si>
    <t>cg25024515</t>
  </si>
  <si>
    <t>cg25025879</t>
  </si>
  <si>
    <t>cg25027799</t>
  </si>
  <si>
    <t>cg25028072</t>
  </si>
  <si>
    <t>cg25030514</t>
  </si>
  <si>
    <t>cg25035376</t>
  </si>
  <si>
    <t>cg25043237</t>
  </si>
  <si>
    <t>cg25044701</t>
  </si>
  <si>
    <t>cg25047618</t>
  </si>
  <si>
    <t>cg25048751</t>
  </si>
  <si>
    <t>cg25048985</t>
  </si>
  <si>
    <t>cg25051510</t>
  </si>
  <si>
    <t>cg25053891</t>
  </si>
  <si>
    <t>cg25054821</t>
  </si>
  <si>
    <t>cg25057269</t>
  </si>
  <si>
    <t>cg25057584</t>
  </si>
  <si>
    <t>cg25079997</t>
  </si>
  <si>
    <t>cg25089903</t>
  </si>
  <si>
    <t>cg25095900</t>
  </si>
  <si>
    <t>cg25098281</t>
  </si>
  <si>
    <t>cg25098479</t>
  </si>
  <si>
    <t>cg25102216</t>
  </si>
  <si>
    <t>cg25103160</t>
  </si>
  <si>
    <t>cg25106645</t>
  </si>
  <si>
    <t>cg25107978</t>
  </si>
  <si>
    <t>cg25108052</t>
  </si>
  <si>
    <t>cg25110043</t>
  </si>
  <si>
    <t>cg25110782</t>
  </si>
  <si>
    <t>cg25112641</t>
  </si>
  <si>
    <t>cg25113157</t>
  </si>
  <si>
    <t>cg25113767</t>
  </si>
  <si>
    <t>cg25116882</t>
  </si>
  <si>
    <t>cg25117844</t>
  </si>
  <si>
    <t>cg25124406</t>
  </si>
  <si>
    <t>cg25125340</t>
  </si>
  <si>
    <t>cg25133016</t>
  </si>
  <si>
    <t>cg25134898</t>
  </si>
  <si>
    <t>cg25136955</t>
  </si>
  <si>
    <t>cg25142228</t>
  </si>
  <si>
    <t>cg25147139</t>
  </si>
  <si>
    <t>cg25148733</t>
  </si>
  <si>
    <t>cg25150924</t>
  </si>
  <si>
    <t>cg25155766</t>
  </si>
  <si>
    <t>cg25157914</t>
  </si>
  <si>
    <t>cg25160899</t>
  </si>
  <si>
    <t>cg25162927</t>
  </si>
  <si>
    <t>cg25170822</t>
  </si>
  <si>
    <t>cg25174412</t>
  </si>
  <si>
    <t>cg25178519</t>
  </si>
  <si>
    <t>cg25181284</t>
  </si>
  <si>
    <t>cg25186332</t>
  </si>
  <si>
    <t>cg25187463</t>
  </si>
  <si>
    <t>cg25188332</t>
  </si>
  <si>
    <t>cg25189085</t>
  </si>
  <si>
    <t>cg25190001</t>
  </si>
  <si>
    <t>cg25193867</t>
  </si>
  <si>
    <t>cg25194194</t>
  </si>
  <si>
    <t>cg25195158</t>
  </si>
  <si>
    <t>cg25198275</t>
  </si>
  <si>
    <t>cg25198599</t>
  </si>
  <si>
    <t>cg25200151</t>
  </si>
  <si>
    <t>cg25201255</t>
  </si>
  <si>
    <t>cg25202116</t>
  </si>
  <si>
    <t>cg25213362</t>
  </si>
  <si>
    <t>cg25217257</t>
  </si>
  <si>
    <t>cg25217357</t>
  </si>
  <si>
    <t>cg25218905</t>
  </si>
  <si>
    <t>cg25220574</t>
  </si>
  <si>
    <t>cg25229172</t>
  </si>
  <si>
    <t>cg25252598</t>
  </si>
  <si>
    <t>cg25253534</t>
  </si>
  <si>
    <t>cg25253716</t>
  </si>
  <si>
    <t>cg25254825</t>
  </si>
  <si>
    <t>cg25260176</t>
  </si>
  <si>
    <t>cg25261329</t>
  </si>
  <si>
    <t>cg25273005</t>
  </si>
  <si>
    <t>cg25273343</t>
  </si>
  <si>
    <t>cg25278343</t>
  </si>
  <si>
    <t>cg25282083</t>
  </si>
  <si>
    <t>cg25282972</t>
  </si>
  <si>
    <t>cg25283205</t>
  </si>
  <si>
    <t>cg25283626</t>
  </si>
  <si>
    <t>cg25283799</t>
  </si>
  <si>
    <t>cg25284031</t>
  </si>
  <si>
    <t>cg25296314</t>
  </si>
  <si>
    <t>cg25296939</t>
  </si>
  <si>
    <t>cg25299319</t>
  </si>
  <si>
    <t>cg25301767</t>
  </si>
  <si>
    <t>cg25310081</t>
  </si>
  <si>
    <t>cg25312763</t>
  </si>
  <si>
    <t>cg25312822</t>
  </si>
  <si>
    <t>cg25313447</t>
  </si>
  <si>
    <t>cg25313698</t>
  </si>
  <si>
    <t>cg25314786</t>
  </si>
  <si>
    <t>cg25316512</t>
  </si>
  <si>
    <t>cg25317911</t>
  </si>
  <si>
    <t>cg25319449</t>
  </si>
  <si>
    <t>cg25330514</t>
  </si>
  <si>
    <t>cg25343246</t>
  </si>
  <si>
    <t>cg25347264</t>
  </si>
  <si>
    <t>cg25349373</t>
  </si>
  <si>
    <t>cg25352908</t>
  </si>
  <si>
    <t>cg25355635</t>
  </si>
  <si>
    <t>cg25356214</t>
  </si>
  <si>
    <t>cg25357194</t>
  </si>
  <si>
    <t>cg25358039</t>
  </si>
  <si>
    <t>cg25360180</t>
  </si>
  <si>
    <t>cg25367559</t>
  </si>
  <si>
    <t>cg25372195</t>
  </si>
  <si>
    <t>cg25373614</t>
  </si>
  <si>
    <t>cg25374714</t>
  </si>
  <si>
    <t>cg25375293</t>
  </si>
  <si>
    <t>cg25378792</t>
  </si>
  <si>
    <t>cg25389393</t>
  </si>
  <si>
    <t>cg25390063</t>
  </si>
  <si>
    <t>cg25392692</t>
  </si>
  <si>
    <t>cg25396728</t>
  </si>
  <si>
    <t>cg25398213</t>
  </si>
  <si>
    <t>cg25398580</t>
  </si>
  <si>
    <t>cg25399060</t>
  </si>
  <si>
    <t>cg25401219</t>
  </si>
  <si>
    <t>cg25401874</t>
  </si>
  <si>
    <t>cg25402480</t>
  </si>
  <si>
    <t>cg25407557</t>
  </si>
  <si>
    <t>cg25412130</t>
  </si>
  <si>
    <t>cg25416125</t>
  </si>
  <si>
    <t>cg25426285</t>
  </si>
  <si>
    <t>cg25448861</t>
  </si>
  <si>
    <t>cg25451893</t>
  </si>
  <si>
    <t>cg25452632</t>
  </si>
  <si>
    <t>cg25458340</t>
  </si>
  <si>
    <t>cg25459280</t>
  </si>
  <si>
    <t>cg25461186</t>
  </si>
  <si>
    <t>cg25463779</t>
  </si>
  <si>
    <t>cg25468879</t>
  </si>
  <si>
    <t>cg25477957</t>
  </si>
  <si>
    <t>cg25479963</t>
  </si>
  <si>
    <t>cg25481491</t>
  </si>
  <si>
    <t>cg25481538</t>
  </si>
  <si>
    <t>cg25482228</t>
  </si>
  <si>
    <t>cg25485994</t>
  </si>
  <si>
    <t>cg25487135</t>
  </si>
  <si>
    <t>cg25490551</t>
  </si>
  <si>
    <t>cg25494814</t>
  </si>
  <si>
    <t>cg25496467</t>
  </si>
  <si>
    <t>cg25497938</t>
  </si>
  <si>
    <t>cg25509732</t>
  </si>
  <si>
    <t>cg25515063</t>
  </si>
  <si>
    <t>cg25516544</t>
  </si>
  <si>
    <t>cg25519930</t>
  </si>
  <si>
    <t>cg25544551</t>
  </si>
  <si>
    <t>cg25550629</t>
  </si>
  <si>
    <t>cg25557995</t>
  </si>
  <si>
    <t>cg25561140</t>
  </si>
  <si>
    <t>cg25563625</t>
  </si>
  <si>
    <t>cg25565820</t>
  </si>
  <si>
    <t>cg25572367</t>
  </si>
  <si>
    <t>cg25572459</t>
  </si>
  <si>
    <t>cg25574603</t>
  </si>
  <si>
    <t>cg25575349</t>
  </si>
  <si>
    <t>cg25582105</t>
  </si>
  <si>
    <t>cg25582401</t>
  </si>
  <si>
    <t>cg25594307</t>
  </si>
  <si>
    <t>cg25598488</t>
  </si>
  <si>
    <t>cg25598890</t>
  </si>
  <si>
    <t>cg25600766</t>
  </si>
  <si>
    <t>cg25600933</t>
  </si>
  <si>
    <t>cg25601967</t>
  </si>
  <si>
    <t>cg25605408</t>
  </si>
  <si>
    <t>cg25616055</t>
  </si>
  <si>
    <t>cg25616547</t>
  </si>
  <si>
    <t>cg25621184</t>
  </si>
  <si>
    <t>cg25623339</t>
  </si>
  <si>
    <t>cg25624009</t>
  </si>
  <si>
    <t>cg25626318</t>
  </si>
  <si>
    <t>cg25629418</t>
  </si>
  <si>
    <t>cg25630676</t>
  </si>
  <si>
    <t>cg25630910</t>
  </si>
  <si>
    <t>cg25631688</t>
  </si>
  <si>
    <t>cg25632983</t>
  </si>
  <si>
    <t>cg25642234</t>
  </si>
  <si>
    <t>cg25642454</t>
  </si>
  <si>
    <t>cg25644321</t>
  </si>
  <si>
    <t>cg25658278</t>
  </si>
  <si>
    <t>cg25663970</t>
  </si>
  <si>
    <t>cg25666879</t>
  </si>
  <si>
    <t>cg25668058</t>
  </si>
  <si>
    <t>cg25670451</t>
  </si>
  <si>
    <t>cg25671500</t>
  </si>
  <si>
    <t>cg25678745</t>
  </si>
  <si>
    <t>cg25682009</t>
  </si>
  <si>
    <t>cg25683012</t>
  </si>
  <si>
    <t>cg25683185</t>
  </si>
  <si>
    <t>cg25684349</t>
  </si>
  <si>
    <t>cg25687507</t>
  </si>
  <si>
    <t>cg25691060</t>
  </si>
  <si>
    <t>cg25695466</t>
  </si>
  <si>
    <t>cg25695568</t>
  </si>
  <si>
    <t>cg25696949</t>
  </si>
  <si>
    <t>cg25697152</t>
  </si>
  <si>
    <t>cg25701444</t>
  </si>
  <si>
    <t>cg25704110</t>
  </si>
  <si>
    <t>cg25707429</t>
  </si>
  <si>
    <t>cg25707722</t>
  </si>
  <si>
    <t>cg25709146</t>
  </si>
  <si>
    <t>cg25711246</t>
  </si>
  <si>
    <t>cg25716786</t>
  </si>
  <si>
    <t>cg25717470</t>
  </si>
  <si>
    <t>cg25718766</t>
  </si>
  <si>
    <t>cg25719851</t>
  </si>
  <si>
    <t>cg25720885</t>
  </si>
  <si>
    <t>cg25722423</t>
  </si>
  <si>
    <t>cg25723986</t>
  </si>
  <si>
    <t>cg25724123</t>
  </si>
  <si>
    <t>cg25725899</t>
  </si>
  <si>
    <t>cg25730309</t>
  </si>
  <si>
    <t>cg25735482</t>
  </si>
  <si>
    <t>cg25737003</t>
  </si>
  <si>
    <t>cg25737040</t>
  </si>
  <si>
    <t>cg25741452</t>
  </si>
  <si>
    <t>cg25741829</t>
  </si>
  <si>
    <t>cg25750363</t>
  </si>
  <si>
    <t>cg25750404</t>
  </si>
  <si>
    <t>cg25751371</t>
  </si>
  <si>
    <t>cg25756241</t>
  </si>
  <si>
    <t>cg25762974</t>
  </si>
  <si>
    <t>cg25763426</t>
  </si>
  <si>
    <t>cg25763520</t>
  </si>
  <si>
    <t>cg25763760</t>
  </si>
  <si>
    <t>cg25764256</t>
  </si>
  <si>
    <t>cg25771683</t>
  </si>
  <si>
    <t>cg25773344</t>
  </si>
  <si>
    <t>cg25776635</t>
  </si>
  <si>
    <t>cg25799797</t>
  </si>
  <si>
    <t>cg25800765</t>
  </si>
  <si>
    <t>cg25801622</t>
  </si>
  <si>
    <t>cg25811386</t>
  </si>
  <si>
    <t>cg25812424</t>
  </si>
  <si>
    <t>cg25817430</t>
  </si>
  <si>
    <t>cg25820475</t>
  </si>
  <si>
    <t>cg25822783</t>
  </si>
  <si>
    <t>cg25825627</t>
  </si>
  <si>
    <t>cg25828185</t>
  </si>
  <si>
    <t>cg25832084</t>
  </si>
  <si>
    <t>cg25881535</t>
  </si>
  <si>
    <t>cg25882345</t>
  </si>
  <si>
    <t>cg25882496</t>
  </si>
  <si>
    <t>cg25883083</t>
  </si>
  <si>
    <t>cg25883219</t>
  </si>
  <si>
    <t>cg25884442</t>
  </si>
  <si>
    <t>cg25884854</t>
  </si>
  <si>
    <t>cg25887789</t>
  </si>
  <si>
    <t>cg25888621</t>
  </si>
  <si>
    <t>cg25889427</t>
  </si>
  <si>
    <t>cg25890391</t>
  </si>
  <si>
    <t>cg25898076</t>
  </si>
  <si>
    <t>cg25898092</t>
  </si>
  <si>
    <t>cg25912911</t>
  </si>
  <si>
    <t>cg25917510</t>
  </si>
  <si>
    <t>cg25927219</t>
  </si>
  <si>
    <t>cg25934771</t>
  </si>
  <si>
    <t>cg25935014</t>
  </si>
  <si>
    <t>cg25936147</t>
  </si>
  <si>
    <t>cg25936385</t>
  </si>
  <si>
    <t>cg25939853</t>
  </si>
  <si>
    <t>cg25940517</t>
  </si>
  <si>
    <t>cg25946681</t>
  </si>
  <si>
    <t>cg25953310</t>
  </si>
  <si>
    <t>cg25953788</t>
  </si>
  <si>
    <t>cg25957092</t>
  </si>
  <si>
    <t>cg25960567</t>
  </si>
  <si>
    <t>cg25961136</t>
  </si>
  <si>
    <t>cg25965864</t>
  </si>
  <si>
    <t>cg25966682</t>
  </si>
  <si>
    <t>cg25969992</t>
  </si>
  <si>
    <t>cg25971128</t>
  </si>
  <si>
    <t>cg25972092</t>
  </si>
  <si>
    <t>cg25975485</t>
  </si>
  <si>
    <t>cg25977744</t>
  </si>
  <si>
    <t>cg25977879</t>
  </si>
  <si>
    <t>cg25995916</t>
  </si>
  <si>
    <t>cg26004710</t>
  </si>
  <si>
    <t>cg26008908</t>
  </si>
  <si>
    <t>cg26014570</t>
  </si>
  <si>
    <t>cg26015134</t>
  </si>
  <si>
    <t>cg26019295</t>
  </si>
  <si>
    <t>cg26021103</t>
  </si>
  <si>
    <t>cg26026615</t>
  </si>
  <si>
    <t>cg26032151</t>
  </si>
  <si>
    <t>cg26035463</t>
  </si>
  <si>
    <t>cg26037504</t>
  </si>
  <si>
    <t>cg26038547</t>
  </si>
  <si>
    <t>cg26044171</t>
  </si>
  <si>
    <t>cg26065892</t>
  </si>
  <si>
    <t>cg26069093</t>
  </si>
  <si>
    <t>cg26074603</t>
  </si>
  <si>
    <t>cg26081466</t>
  </si>
  <si>
    <t>cg26081584</t>
  </si>
  <si>
    <t>cg26088244</t>
  </si>
  <si>
    <t>cg26089541</t>
  </si>
  <si>
    <t>cg26092776</t>
  </si>
  <si>
    <t>cg26094897</t>
  </si>
  <si>
    <t>cg26105057</t>
  </si>
  <si>
    <t>cg26107333</t>
  </si>
  <si>
    <t>cg26112390</t>
  </si>
  <si>
    <t>cg26115531</t>
  </si>
  <si>
    <t>cg26116103</t>
  </si>
  <si>
    <t>cg26120584</t>
  </si>
  <si>
    <t>cg26120617</t>
  </si>
  <si>
    <t>cg26123920</t>
  </si>
  <si>
    <t>cg26124503</t>
  </si>
  <si>
    <t>cg26124670</t>
  </si>
  <si>
    <t>cg26126381</t>
  </si>
  <si>
    <t>cg26127836</t>
  </si>
  <si>
    <t>cg26130090</t>
  </si>
  <si>
    <t>cg26132449</t>
  </si>
  <si>
    <t>cg26146585</t>
  </si>
  <si>
    <t>cg26147947</t>
  </si>
  <si>
    <t>cg26148774</t>
  </si>
  <si>
    <t>cg26153631</t>
  </si>
  <si>
    <t>cg26160008</t>
  </si>
  <si>
    <t>cg26160945</t>
  </si>
  <si>
    <t>cg26162108</t>
  </si>
  <si>
    <t>cg26162582</t>
  </si>
  <si>
    <t>cg26167744</t>
  </si>
  <si>
    <t>cg26167861</t>
  </si>
  <si>
    <t>cg26189472</t>
  </si>
  <si>
    <t>cg26191471</t>
  </si>
  <si>
    <t>cg26194089</t>
  </si>
  <si>
    <t>cg26196480</t>
  </si>
  <si>
    <t>cg26199857</t>
  </si>
  <si>
    <t>cg26201589</t>
  </si>
  <si>
    <t>cg26207503</t>
  </si>
  <si>
    <t>cg26208267</t>
  </si>
  <si>
    <t>cg26213458</t>
  </si>
  <si>
    <t>cg26213780</t>
  </si>
  <si>
    <t>cg26214431</t>
  </si>
  <si>
    <t>cg26215727</t>
  </si>
  <si>
    <t>cg26218982</t>
  </si>
  <si>
    <t>cg26221410</t>
  </si>
  <si>
    <t>cg26240353</t>
  </si>
  <si>
    <t>cg26243330</t>
  </si>
  <si>
    <t>cg26244225</t>
  </si>
  <si>
    <t>cg26244575</t>
  </si>
  <si>
    <t>cg26247186</t>
  </si>
  <si>
    <t>cg26249100</t>
  </si>
  <si>
    <t>cg26249877</t>
  </si>
  <si>
    <t>cg26252641</t>
  </si>
  <si>
    <t>cg26254193</t>
  </si>
  <si>
    <t>cg26254667</t>
  </si>
  <si>
    <t>cg26256126</t>
  </si>
  <si>
    <t>cg26265187</t>
  </si>
  <si>
    <t>cg26266429</t>
  </si>
  <si>
    <t>cg26268968</t>
  </si>
  <si>
    <t>cg26270261</t>
  </si>
  <si>
    <t>cg26271212</t>
  </si>
  <si>
    <t>cg26272585</t>
  </si>
  <si>
    <t>cg26275848</t>
  </si>
  <si>
    <t>cg26276120</t>
  </si>
  <si>
    <t>cg26276530</t>
  </si>
  <si>
    <t>cg26277657</t>
  </si>
  <si>
    <t>cg26277809</t>
  </si>
  <si>
    <t>cg26282236</t>
  </si>
  <si>
    <t>cg26292028</t>
  </si>
  <si>
    <t>cg26297688</t>
  </si>
  <si>
    <t>cg26306994</t>
  </si>
  <si>
    <t>cg26320090</t>
  </si>
  <si>
    <t>cg26320601</t>
  </si>
  <si>
    <t>cg26322721</t>
  </si>
  <si>
    <t>cg26322781</t>
  </si>
  <si>
    <t>cg26328782</t>
  </si>
  <si>
    <t>cg26329192</t>
  </si>
  <si>
    <t>cg26331945</t>
  </si>
  <si>
    <t>cg26332016</t>
  </si>
  <si>
    <t>cg26333317</t>
  </si>
  <si>
    <t>cg26333618</t>
  </si>
  <si>
    <t>cg26335942</t>
  </si>
  <si>
    <t>cg26336701</t>
  </si>
  <si>
    <t>cg26343563</t>
  </si>
  <si>
    <t>cg26343958</t>
  </si>
  <si>
    <t>cg26344379</t>
  </si>
  <si>
    <t>cg26345142</t>
  </si>
  <si>
    <t>cg26346621</t>
  </si>
  <si>
    <t>cg26347606</t>
  </si>
  <si>
    <t>cg26349362</t>
  </si>
  <si>
    <t>cg26352502</t>
  </si>
  <si>
    <t>cg26353192</t>
  </si>
  <si>
    <t>cg26354908</t>
  </si>
  <si>
    <t>cg26356412</t>
  </si>
  <si>
    <t>cg26357344</t>
  </si>
  <si>
    <t>cg26358374</t>
  </si>
  <si>
    <t>cg26359133</t>
  </si>
  <si>
    <t>cg26363039</t>
  </si>
  <si>
    <t>cg26372400</t>
  </si>
  <si>
    <t>cg26373351</t>
  </si>
  <si>
    <t>cg26373942</t>
  </si>
  <si>
    <t>cg26378518</t>
  </si>
  <si>
    <t>cg26385172</t>
  </si>
  <si>
    <t>cg26386624</t>
  </si>
  <si>
    <t>cg26387355</t>
  </si>
  <si>
    <t>cg26397188</t>
  </si>
  <si>
    <t>cg26401796</t>
  </si>
  <si>
    <t>cg26402410</t>
  </si>
  <si>
    <t>cg26404886</t>
  </si>
  <si>
    <t>cg26405695</t>
  </si>
  <si>
    <t>cg26406891</t>
  </si>
  <si>
    <t>cg26409978</t>
  </si>
  <si>
    <t>cg26410635</t>
  </si>
  <si>
    <t>cg26411222</t>
  </si>
  <si>
    <t>cg26414521</t>
  </si>
  <si>
    <t>cg26416341</t>
  </si>
  <si>
    <t>cg26416887</t>
  </si>
  <si>
    <t>cg26417417</t>
  </si>
  <si>
    <t>cg26418880</t>
  </si>
  <si>
    <t>cg26419941</t>
  </si>
  <si>
    <t>cg26421593</t>
  </si>
  <si>
    <t>cg26428054</t>
  </si>
  <si>
    <t>cg26440309</t>
  </si>
  <si>
    <t>cg26446449</t>
  </si>
  <si>
    <t>cg26446928</t>
  </si>
  <si>
    <t>cg26446929</t>
  </si>
  <si>
    <t>cg26450860</t>
  </si>
  <si>
    <t>cg26453012</t>
  </si>
  <si>
    <t>cg26458557</t>
  </si>
  <si>
    <t>cg26461537</t>
  </si>
  <si>
    <t>cg26461965</t>
  </si>
  <si>
    <t>cg26462569</t>
  </si>
  <si>
    <t>cg26476844</t>
  </si>
  <si>
    <t>cg26477856</t>
  </si>
  <si>
    <t>cg26480228</t>
  </si>
  <si>
    <t>cg26483075</t>
  </si>
  <si>
    <t>cg26489534</t>
  </si>
  <si>
    <t>cg26489873</t>
  </si>
  <si>
    <t>cg26493932</t>
  </si>
  <si>
    <t>cg26497076</t>
  </si>
  <si>
    <t>cg26498176</t>
  </si>
  <si>
    <t>cg26501657</t>
  </si>
  <si>
    <t>cg26504440</t>
  </si>
  <si>
    <t>cg26505158</t>
  </si>
  <si>
    <t>cg26506932</t>
  </si>
  <si>
    <t>cg26508200</t>
  </si>
  <si>
    <t>cg26509012</t>
  </si>
  <si>
    <t>cg26509722</t>
  </si>
  <si>
    <t>cg26515084</t>
  </si>
  <si>
    <t>cg26516080</t>
  </si>
  <si>
    <t>cg26517004</t>
  </si>
  <si>
    <t>cg26520371</t>
  </si>
  <si>
    <t>cg26520722</t>
  </si>
  <si>
    <t>cg26525025</t>
  </si>
  <si>
    <t>cg26530200</t>
  </si>
  <si>
    <t>cg26537335</t>
  </si>
  <si>
    <t>cg26538093</t>
  </si>
  <si>
    <t>cg26538335</t>
  </si>
  <si>
    <t>cg26545245</t>
  </si>
  <si>
    <t>cg26547124</t>
  </si>
  <si>
    <t>cg26547506</t>
  </si>
  <si>
    <t>cg26547898</t>
  </si>
  <si>
    <t>cg26550873</t>
  </si>
  <si>
    <t>cg26552067</t>
  </si>
  <si>
    <t>cg26562417</t>
  </si>
  <si>
    <t>cg26566046</t>
  </si>
  <si>
    <t>cg26575637</t>
  </si>
  <si>
    <t>cg26576136</t>
  </si>
  <si>
    <t>cg26577178</t>
  </si>
  <si>
    <t>cg26581484</t>
  </si>
  <si>
    <t>cg26609691</t>
  </si>
  <si>
    <t>cg26614264</t>
  </si>
  <si>
    <t>cg26614578</t>
  </si>
  <si>
    <t>cg26620147</t>
  </si>
  <si>
    <t>cg26621513</t>
  </si>
  <si>
    <t>cg26621780</t>
  </si>
  <si>
    <t>cg26636835</t>
  </si>
  <si>
    <t>cg26639596</t>
  </si>
  <si>
    <t>cg26639820</t>
  </si>
  <si>
    <t>cg26641022</t>
  </si>
  <si>
    <t>cg26643142</t>
  </si>
  <si>
    <t>cg26645069</t>
  </si>
  <si>
    <t>cg26648592</t>
  </si>
  <si>
    <t>cg26649504</t>
  </si>
  <si>
    <t>cg26649752</t>
  </si>
  <si>
    <t>cg26652092</t>
  </si>
  <si>
    <t>cg26654770</t>
  </si>
  <si>
    <t>cg26662578</t>
  </si>
  <si>
    <t>cg26663772</t>
  </si>
  <si>
    <t>cg26663810</t>
  </si>
  <si>
    <t>cg26665224</t>
  </si>
  <si>
    <t>cg26668036</t>
  </si>
  <si>
    <t>cg26676360</t>
  </si>
  <si>
    <t>cg26676387</t>
  </si>
  <si>
    <t>cg26678313</t>
  </si>
  <si>
    <t>cg26679024</t>
  </si>
  <si>
    <t>cg26682900</t>
  </si>
  <si>
    <t>cg26686975</t>
  </si>
  <si>
    <t>cg26689077</t>
  </si>
  <si>
    <t>cg26691533</t>
  </si>
  <si>
    <t>cg26692085</t>
  </si>
  <si>
    <t>cg26697033</t>
  </si>
  <si>
    <t>cg26703664</t>
  </si>
  <si>
    <t>cg26703873</t>
  </si>
  <si>
    <t>cg26704041</t>
  </si>
  <si>
    <t>cg26704293</t>
  </si>
  <si>
    <t>cg26711820</t>
  </si>
  <si>
    <t>cg26712680</t>
  </si>
  <si>
    <t>cg26713008</t>
  </si>
  <si>
    <t>cg26716753</t>
  </si>
  <si>
    <t>cg26716839</t>
  </si>
  <si>
    <t>cg26718640</t>
  </si>
  <si>
    <t>cg26724975</t>
  </si>
  <si>
    <t>cg26725076</t>
  </si>
  <si>
    <t>cg26725638</t>
  </si>
  <si>
    <t>cg26733786</t>
  </si>
  <si>
    <t>cg26750617</t>
  </si>
  <si>
    <t>cg26754448</t>
  </si>
  <si>
    <t>cg26761226</t>
  </si>
  <si>
    <t>cg26777456</t>
  </si>
  <si>
    <t>cg26781726</t>
  </si>
  <si>
    <t>cg26785896</t>
  </si>
  <si>
    <t>cg26786037</t>
  </si>
  <si>
    <t>cg26788215</t>
  </si>
  <si>
    <t>cg26792700</t>
  </si>
  <si>
    <t>cg26794970</t>
  </si>
  <si>
    <t>cg26795340</t>
  </si>
  <si>
    <t>cg26797898</t>
  </si>
  <si>
    <t>cg26798879</t>
  </si>
  <si>
    <t>cg26804509</t>
  </si>
  <si>
    <t>cg26810214</t>
  </si>
  <si>
    <t>cg26811079</t>
  </si>
  <si>
    <t>cg26812615</t>
  </si>
  <si>
    <t>cg26813561</t>
  </si>
  <si>
    <t>cg26814847</t>
  </si>
  <si>
    <t>cg26827033</t>
  </si>
  <si>
    <t>cg26828839</t>
  </si>
  <si>
    <t>cg26829071</t>
  </si>
  <si>
    <t>cg26829990</t>
  </si>
  <si>
    <t>cg26837870</t>
  </si>
  <si>
    <t>cg26838787</t>
  </si>
  <si>
    <t>cg26842815</t>
  </si>
  <si>
    <t>cg26848371</t>
  </si>
  <si>
    <t>cg26849830</t>
  </si>
  <si>
    <t>cg26850673</t>
  </si>
  <si>
    <t>cg26853536</t>
  </si>
  <si>
    <t>cg26855219</t>
  </si>
  <si>
    <t>cg26862185</t>
  </si>
  <si>
    <t>cg26872224</t>
  </si>
  <si>
    <t>cg26872792</t>
  </si>
  <si>
    <t>cg26874534</t>
  </si>
  <si>
    <t>cg26875137</t>
  </si>
  <si>
    <t>cg26875655</t>
  </si>
  <si>
    <t>cg26875830</t>
  </si>
  <si>
    <t>cg26877596</t>
  </si>
  <si>
    <t>cg26911787</t>
  </si>
  <si>
    <t>cg26926246</t>
  </si>
  <si>
    <t>cg26929894</t>
  </si>
  <si>
    <t>cg26931475</t>
  </si>
  <si>
    <t>cg26931488</t>
  </si>
  <si>
    <t>cg26934034</t>
  </si>
  <si>
    <t>cg26940261</t>
  </si>
  <si>
    <t>cg26942952</t>
  </si>
  <si>
    <t>cg26945941</t>
  </si>
  <si>
    <t>cg26945978</t>
  </si>
  <si>
    <t>cg26947579</t>
  </si>
  <si>
    <t>cg26953749</t>
  </si>
  <si>
    <t>cg26956535</t>
  </si>
  <si>
    <t>cg26958741</t>
  </si>
  <si>
    <t>cg26959380</t>
  </si>
  <si>
    <t>cg26963002</t>
  </si>
  <si>
    <t>cg26964704</t>
  </si>
  <si>
    <t>cg26966013</t>
  </si>
  <si>
    <t>cg26971330</t>
  </si>
  <si>
    <t>cg26975787</t>
  </si>
  <si>
    <t>cg26976108</t>
  </si>
  <si>
    <t>cg26977086</t>
  </si>
  <si>
    <t>cg26979339</t>
  </si>
  <si>
    <t>cg26979518</t>
  </si>
  <si>
    <t>cg26980138</t>
  </si>
  <si>
    <t>cg26986180</t>
  </si>
  <si>
    <t>cg26987376</t>
  </si>
  <si>
    <t>cg26987521</t>
  </si>
  <si>
    <t>cg26987551</t>
  </si>
  <si>
    <t>cg26989531</t>
  </si>
  <si>
    <t>cg26992603</t>
  </si>
  <si>
    <t>cg26994413</t>
  </si>
  <si>
    <t>cg26995224</t>
  </si>
  <si>
    <t>cg26996703</t>
  </si>
  <si>
    <t>cg26998717</t>
  </si>
  <si>
    <t>cg27000386</t>
  </si>
  <si>
    <t>cg27002522</t>
  </si>
  <si>
    <t>cg27003827</t>
  </si>
  <si>
    <t>cg27003849</t>
  </si>
  <si>
    <t>cg27007356</t>
  </si>
  <si>
    <t>cg27011620</t>
  </si>
  <si>
    <t>cg27012421</t>
  </si>
  <si>
    <t>cg27015332</t>
  </si>
  <si>
    <t>cg27031632</t>
  </si>
  <si>
    <t>cg27032456</t>
  </si>
  <si>
    <t>cg27035734</t>
  </si>
  <si>
    <t>cg27036638</t>
  </si>
  <si>
    <t>cg27039453</t>
  </si>
  <si>
    <t>cg27040423</t>
  </si>
  <si>
    <t>cg27041424</t>
  </si>
  <si>
    <t>cg27066319</t>
  </si>
  <si>
    <t>cg27067282</t>
  </si>
  <si>
    <t>cg27076669</t>
  </si>
  <si>
    <t>cg27084026</t>
  </si>
  <si>
    <t>cg27093403</t>
  </si>
  <si>
    <t>cg27096087</t>
  </si>
  <si>
    <t>cg27097846</t>
  </si>
  <si>
    <t>cg27104671</t>
  </si>
  <si>
    <t>cg27109650</t>
  </si>
  <si>
    <t>cg27110206</t>
  </si>
  <si>
    <t>cg27111444</t>
  </si>
  <si>
    <t>cg27114028</t>
  </si>
  <si>
    <t>cg27115548</t>
  </si>
  <si>
    <t>cg27117792</t>
  </si>
  <si>
    <t>cg27122706</t>
  </si>
  <si>
    <t>cg27127003</t>
  </si>
  <si>
    <t>cg27129590</t>
  </si>
  <si>
    <t>cg27130630</t>
  </si>
  <si>
    <t>cg27137084</t>
  </si>
  <si>
    <t>cg27138204</t>
  </si>
  <si>
    <t>cg27140295</t>
  </si>
  <si>
    <t>cg27140793</t>
  </si>
  <si>
    <t>cg27141514</t>
  </si>
  <si>
    <t>cg27141534</t>
  </si>
  <si>
    <t>cg27143842</t>
  </si>
  <si>
    <t>cg27144395</t>
  </si>
  <si>
    <t>cg27150171</t>
  </si>
  <si>
    <t>cg27150896</t>
  </si>
  <si>
    <t>cg27151122</t>
  </si>
  <si>
    <t>cg27156259</t>
  </si>
  <si>
    <t>cg27156267</t>
  </si>
  <si>
    <t>cg27156359</t>
  </si>
  <si>
    <t>cg27161197</t>
  </si>
  <si>
    <t>cg27161523</t>
  </si>
  <si>
    <t>cg27161550</t>
  </si>
  <si>
    <t>cg27162642</t>
  </si>
  <si>
    <t>cg27168002</t>
  </si>
  <si>
    <t>cg27168573</t>
  </si>
  <si>
    <t>cg27172057</t>
  </si>
  <si>
    <t>cg27173292</t>
  </si>
  <si>
    <t>cg27174311</t>
  </si>
  <si>
    <t>cg27178191</t>
  </si>
  <si>
    <t>cg27181013</t>
  </si>
  <si>
    <t>cg27181079</t>
  </si>
  <si>
    <t>cg27188703</t>
  </si>
  <si>
    <t>cg27195326</t>
  </si>
  <si>
    <t>cg27195421</t>
  </si>
  <si>
    <t>cg27195771</t>
  </si>
  <si>
    <t>cg27200267</t>
  </si>
  <si>
    <t>cg27205791</t>
  </si>
  <si>
    <t>cg27209972</t>
  </si>
  <si>
    <t>cg27211345</t>
  </si>
  <si>
    <t>cg27211402</t>
  </si>
  <si>
    <t>cg27215108</t>
  </si>
  <si>
    <t>cg27217748</t>
  </si>
  <si>
    <t>cg27219574</t>
  </si>
  <si>
    <t>cg27220401</t>
  </si>
  <si>
    <t>cg27222147</t>
  </si>
  <si>
    <t>cg27222589</t>
  </si>
  <si>
    <t>cg27232145</t>
  </si>
  <si>
    <t>cg27239144</t>
  </si>
  <si>
    <t>cg27241190</t>
  </si>
  <si>
    <t>cg27243686</t>
  </si>
  <si>
    <t>cg27245514</t>
  </si>
  <si>
    <t>cg27246571</t>
  </si>
  <si>
    <t>cg27252325</t>
  </si>
  <si>
    <t>cg27257679</t>
  </si>
  <si>
    <t>cg27261219</t>
  </si>
  <si>
    <t>cg27263151</t>
  </si>
  <si>
    <t>cg27268310</t>
  </si>
  <si>
    <t>cg27272210</t>
  </si>
  <si>
    <t>cg27275851</t>
  </si>
  <si>
    <t>cg27276115</t>
  </si>
  <si>
    <t>cg27278470</t>
  </si>
  <si>
    <t>cg27280366</t>
  </si>
  <si>
    <t>cg27281285</t>
  </si>
  <si>
    <t>cg27287181</t>
  </si>
  <si>
    <t>cg27288127</t>
  </si>
  <si>
    <t>cg27295716</t>
  </si>
  <si>
    <t>cg27298551</t>
  </si>
  <si>
    <t>cg27299526</t>
  </si>
  <si>
    <t>cg27301488</t>
  </si>
  <si>
    <t>cg27304437</t>
  </si>
  <si>
    <t>cg27305698</t>
  </si>
  <si>
    <t>cg27309514</t>
  </si>
  <si>
    <t>cg27309920</t>
  </si>
  <si>
    <t>cg27310594</t>
  </si>
  <si>
    <t>cg27320213</t>
  </si>
  <si>
    <t>cg27323301</t>
  </si>
  <si>
    <t>cg27345534</t>
  </si>
  <si>
    <t>cg27347104</t>
  </si>
  <si>
    <t>cg27349244</t>
  </si>
  <si>
    <t>cg27352992</t>
  </si>
  <si>
    <t>cg27361964</t>
  </si>
  <si>
    <t>cg27363310</t>
  </si>
  <si>
    <t>cg27364244</t>
  </si>
  <si>
    <t>cg27364319</t>
  </si>
  <si>
    <t>cg27366072</t>
  </si>
  <si>
    <t>cg27387222</t>
  </si>
  <si>
    <t>cg27401989</t>
  </si>
  <si>
    <t>cg27405484</t>
  </si>
  <si>
    <t>cg27406150</t>
  </si>
  <si>
    <t>cg27409154</t>
  </si>
  <si>
    <t>cg27414512</t>
  </si>
  <si>
    <t>cg27419217</t>
  </si>
  <si>
    <t>cg27423216</t>
  </si>
  <si>
    <t>cg27431274</t>
  </si>
  <si>
    <t>cg27431877</t>
  </si>
  <si>
    <t>cg27432864</t>
  </si>
  <si>
    <t>cg27434993</t>
  </si>
  <si>
    <t>cg27447477</t>
  </si>
  <si>
    <t>cg27448161</t>
  </si>
  <si>
    <t>cg27458485</t>
  </si>
  <si>
    <t>cg27464065</t>
  </si>
  <si>
    <t>cg27464657</t>
  </si>
  <si>
    <t>cg27467358</t>
  </si>
  <si>
    <t>cg27467734</t>
  </si>
  <si>
    <t>cg27470406</t>
  </si>
  <si>
    <t>cg27472102</t>
  </si>
  <si>
    <t>cg27473871</t>
  </si>
  <si>
    <t>cg27476248</t>
  </si>
  <si>
    <t>cg27479634</t>
  </si>
  <si>
    <t>cg27485189</t>
  </si>
  <si>
    <t>cg27485790</t>
  </si>
  <si>
    <t>cg27486582</t>
  </si>
  <si>
    <t>cg27486617</t>
  </si>
  <si>
    <t>cg27488348</t>
  </si>
  <si>
    <t>cg27488738</t>
  </si>
  <si>
    <t>cg27489772</t>
  </si>
  <si>
    <t>cg27493010</t>
  </si>
  <si>
    <t>cg27505193</t>
  </si>
  <si>
    <t>cg27509306</t>
  </si>
  <si>
    <t>cg27509642</t>
  </si>
  <si>
    <t>cg27512205</t>
  </si>
  <si>
    <t>cg27513787</t>
  </si>
  <si>
    <t>cg27518047</t>
  </si>
  <si>
    <t>cg27522780</t>
  </si>
  <si>
    <t>cg27528330</t>
  </si>
  <si>
    <t>cg27528748</t>
  </si>
  <si>
    <t>cg27529628</t>
  </si>
  <si>
    <t>cg27534833</t>
  </si>
  <si>
    <t>cg27536708</t>
  </si>
  <si>
    <t>cg27537570</t>
  </si>
  <si>
    <t>cg27542422</t>
  </si>
  <si>
    <t>cg27547422</t>
  </si>
  <si>
    <t>cg27547841</t>
  </si>
  <si>
    <t>cg27553890</t>
  </si>
  <si>
    <t>cg27554156</t>
  </si>
  <si>
    <t>cg27562311</t>
  </si>
  <si>
    <t>cg27562357</t>
  </si>
  <si>
    <t>cg27563529</t>
  </si>
  <si>
    <t>cg27563968</t>
  </si>
  <si>
    <t>cg27567548</t>
  </si>
  <si>
    <t>cg27570738</t>
  </si>
  <si>
    <t>cg27575217</t>
  </si>
  <si>
    <t>cg27576982</t>
  </si>
  <si>
    <t>cg27579984</t>
  </si>
  <si>
    <t>cg27607340</t>
  </si>
  <si>
    <t>cg27607512</t>
  </si>
  <si>
    <t>cg27610961</t>
  </si>
  <si>
    <t>cg27612324</t>
  </si>
  <si>
    <t>cg27614751</t>
  </si>
  <si>
    <t>cg27615095</t>
  </si>
  <si>
    <t>cg27617086</t>
  </si>
  <si>
    <t>cg27633903</t>
  </si>
  <si>
    <t>cg27639080</t>
  </si>
  <si>
    <t>cg27642166</t>
  </si>
  <si>
    <t>cg27645498</t>
  </si>
  <si>
    <t>cg27646908</t>
  </si>
  <si>
    <t>cg27648006</t>
  </si>
  <si>
    <t>cg27650198</t>
  </si>
  <si>
    <t>cg27653134</t>
  </si>
  <si>
    <t>cg27657333</t>
  </si>
  <si>
    <t>cg27658771</t>
  </si>
  <si>
    <t>cg27660490</t>
  </si>
  <si>
    <t>cg27662246</t>
  </si>
  <si>
    <t>cg27663799</t>
  </si>
  <si>
    <t>cg27664343</t>
  </si>
  <si>
    <t>ch.12.4168779F</t>
  </si>
  <si>
    <t>ch.12.158852F</t>
  </si>
  <si>
    <t>ch.12.206169F</t>
  </si>
  <si>
    <t>ch.12.9379220R</t>
  </si>
  <si>
    <t>ch.12.19627204F</t>
  </si>
  <si>
    <t>ch.12.602695F</t>
  </si>
  <si>
    <t>ch.12.28612808R</t>
  </si>
  <si>
    <t>ch.12.29939875F</t>
  </si>
  <si>
    <t>ch.12.31424680R</t>
  </si>
  <si>
    <t>ch.12.45348862R</t>
  </si>
  <si>
    <t>ch.12.46508471F</t>
  </si>
  <si>
    <t>ch.12.49617489F</t>
  </si>
  <si>
    <t>ch.12.1181547R</t>
  </si>
  <si>
    <t>ch.12.55659191R</t>
  </si>
  <si>
    <t>ch.12.58754139R</t>
  </si>
  <si>
    <t>ch.12.66001376R</t>
  </si>
  <si>
    <t>ch.12.66046708R</t>
  </si>
  <si>
    <t>ch.12.71498574F</t>
  </si>
  <si>
    <t>ch.12.71928151F</t>
  </si>
  <si>
    <t>ch.12.1574978R</t>
  </si>
  <si>
    <t>ch.12.78471492F</t>
  </si>
  <si>
    <t>ch.12.78487561F</t>
  </si>
  <si>
    <t>ch.12.1717905F</t>
  </si>
  <si>
    <t>ch.12.92153209R</t>
  </si>
  <si>
    <t>ch.12.1940337R</t>
  </si>
  <si>
    <t>ch.12.105153690R</t>
  </si>
  <si>
    <t>ch.12.2222572R</t>
  </si>
  <si>
    <t>ch.12.2284240F</t>
  </si>
  <si>
    <t>ch.12.2583928F</t>
  </si>
  <si>
    <t>ch.12.2586863F</t>
  </si>
  <si>
    <t>ch.12.124321348F</t>
  </si>
  <si>
    <t>ch.12.2881175F</t>
  </si>
  <si>
    <t>ch.12.2890353F</t>
  </si>
  <si>
    <t>ch.12.131811093R</t>
  </si>
  <si>
    <t>cg00007032</t>
  </si>
  <si>
    <t>cg00012576</t>
  </si>
  <si>
    <t>cg00019093</t>
  </si>
  <si>
    <t>cg00023464</t>
  </si>
  <si>
    <t>cg00028749</t>
  </si>
  <si>
    <t>cg00035980</t>
  </si>
  <si>
    <t>cg00046899</t>
  </si>
  <si>
    <t>cg00047079</t>
  </si>
  <si>
    <t>cg00049616</t>
  </si>
  <si>
    <t>cg00053507</t>
  </si>
  <si>
    <t>cg00053927</t>
  </si>
  <si>
    <t>cg00055679</t>
  </si>
  <si>
    <t>cg00056767</t>
  </si>
  <si>
    <t>cg00059662</t>
  </si>
  <si>
    <t>cg00059930</t>
  </si>
  <si>
    <t>cg00083223</t>
  </si>
  <si>
    <t>cg00094319</t>
  </si>
  <si>
    <t>cg00102591</t>
  </si>
  <si>
    <t>cg00109076</t>
  </si>
  <si>
    <t>cg00109148</t>
  </si>
  <si>
    <t>cg00109551</t>
  </si>
  <si>
    <t>cg00121843</t>
  </si>
  <si>
    <t>cg00126948</t>
  </si>
  <si>
    <t>cg00128718</t>
  </si>
  <si>
    <t>cg00130039</t>
  </si>
  <si>
    <t>cg00139037</t>
  </si>
  <si>
    <t>cg00143700</t>
  </si>
  <si>
    <t>cg00145438</t>
  </si>
  <si>
    <t>cg00146695</t>
  </si>
  <si>
    <t>cg00151919</t>
  </si>
  <si>
    <t>cg00156995</t>
  </si>
  <si>
    <t>cg00158308</t>
  </si>
  <si>
    <t>cg00160183</t>
  </si>
  <si>
    <t>cg00163217</t>
  </si>
  <si>
    <t>cg00166327</t>
  </si>
  <si>
    <t>cg00170931</t>
  </si>
  <si>
    <t>cg00178356</t>
  </si>
  <si>
    <t>cg00179128</t>
  </si>
  <si>
    <t>cg00180806</t>
  </si>
  <si>
    <t>cg00181054</t>
  </si>
  <si>
    <t>cg00181327</t>
  </si>
  <si>
    <t>cg00184376</t>
  </si>
  <si>
    <t>cg00197681</t>
  </si>
  <si>
    <t>cg00208153</t>
  </si>
  <si>
    <t>cg00214044</t>
  </si>
  <si>
    <t>cg00218767</t>
  </si>
  <si>
    <t>cg00221494</t>
  </si>
  <si>
    <t>cg00225623</t>
  </si>
  <si>
    <t>cg00246840</t>
  </si>
  <si>
    <t>cg00255889</t>
  </si>
  <si>
    <t>cg00260919</t>
  </si>
  <si>
    <t>cg00274399</t>
  </si>
  <si>
    <t>cg00278131</t>
  </si>
  <si>
    <t>cg00286388</t>
  </si>
  <si>
    <t>cg00287312</t>
  </si>
  <si>
    <t>cg00290028</t>
  </si>
  <si>
    <t>cg00313750</t>
  </si>
  <si>
    <t>cg00313876</t>
  </si>
  <si>
    <t>cg00317886</t>
  </si>
  <si>
    <t>cg00321115</t>
  </si>
  <si>
    <t>cg00331616</t>
  </si>
  <si>
    <t>cg00336946</t>
  </si>
  <si>
    <t>cg00345862</t>
  </si>
  <si>
    <t>cg00346326</t>
  </si>
  <si>
    <t>cg00349925</t>
  </si>
  <si>
    <t>cg00362818</t>
  </si>
  <si>
    <t>cg00368687</t>
  </si>
  <si>
    <t>cg00383190</t>
  </si>
  <si>
    <t>cg00390259</t>
  </si>
  <si>
    <t>cg00398781</t>
  </si>
  <si>
    <t>cg00400915</t>
  </si>
  <si>
    <t>cg00402417</t>
  </si>
  <si>
    <t>cg00407988</t>
  </si>
  <si>
    <t>cg00410419</t>
  </si>
  <si>
    <t>cg00413380</t>
  </si>
  <si>
    <t>cg00419617</t>
  </si>
  <si>
    <t>cg00423124</t>
  </si>
  <si>
    <t>cg00424169</t>
  </si>
  <si>
    <t>cg00448720</t>
  </si>
  <si>
    <t>cg00456162</t>
  </si>
  <si>
    <t>cg00458564</t>
  </si>
  <si>
    <t>cg00460322</t>
  </si>
  <si>
    <t>cg00463202</t>
  </si>
  <si>
    <t>cg00465247</t>
  </si>
  <si>
    <t>cg00467160</t>
  </si>
  <si>
    <t>cg00472841</t>
  </si>
  <si>
    <t>cg00473044</t>
  </si>
  <si>
    <t>cg00487226</t>
  </si>
  <si>
    <t>cg00494183</t>
  </si>
  <si>
    <t>cg00495503</t>
  </si>
  <si>
    <t>cg00495681</t>
  </si>
  <si>
    <t>cg00502575</t>
  </si>
  <si>
    <t>cg00502576</t>
  </si>
  <si>
    <t>cg00505997</t>
  </si>
  <si>
    <t>cg00508965</t>
  </si>
  <si>
    <t>cg00517407</t>
  </si>
  <si>
    <t>cg00518857</t>
  </si>
  <si>
    <t>cg00525503</t>
  </si>
  <si>
    <t>cg00532998</t>
  </si>
  <si>
    <t>cg00533496</t>
  </si>
  <si>
    <t>cg00570269</t>
  </si>
  <si>
    <t>cg00573529</t>
  </si>
  <si>
    <t>cg00574740</t>
  </si>
  <si>
    <t>cg00590081</t>
  </si>
  <si>
    <t>cg00590320</t>
  </si>
  <si>
    <t>cg00595898</t>
  </si>
  <si>
    <t>cg00603871</t>
  </si>
  <si>
    <t>cg00613224</t>
  </si>
  <si>
    <t>cg00627998</t>
  </si>
  <si>
    <t>cg00629427</t>
  </si>
  <si>
    <t>cg00632070</t>
  </si>
  <si>
    <t>cg00637144</t>
  </si>
  <si>
    <t>cg00640775</t>
  </si>
  <si>
    <t>cg00644416</t>
  </si>
  <si>
    <t>cg00644922</t>
  </si>
  <si>
    <t>cg00645383</t>
  </si>
  <si>
    <t>cg00663972</t>
  </si>
  <si>
    <t>cg00666749</t>
  </si>
  <si>
    <t>cg00671534</t>
  </si>
  <si>
    <t>cg00674220</t>
  </si>
  <si>
    <t>cg00688591</t>
  </si>
  <si>
    <t>cg00703798</t>
  </si>
  <si>
    <t>cg00704869</t>
  </si>
  <si>
    <t>cg00708598</t>
  </si>
  <si>
    <t>cg00717219</t>
  </si>
  <si>
    <t>cg00732591</t>
  </si>
  <si>
    <t>cg00735454</t>
  </si>
  <si>
    <t>cg00741351</t>
  </si>
  <si>
    <t>cg00743094</t>
  </si>
  <si>
    <t>cg00761968</t>
  </si>
  <si>
    <t>cg00762613</t>
  </si>
  <si>
    <t>cg00763555</t>
  </si>
  <si>
    <t>cg00767058</t>
  </si>
  <si>
    <t>cg00777315</t>
  </si>
  <si>
    <t>cg00782503</t>
  </si>
  <si>
    <t>cg00785980</t>
  </si>
  <si>
    <t>cg00792968</t>
  </si>
  <si>
    <t>cg00800383</t>
  </si>
  <si>
    <t>cg00804796</t>
  </si>
  <si>
    <t>cg00807495</t>
  </si>
  <si>
    <t>cg00810334</t>
  </si>
  <si>
    <t>cg00812096</t>
  </si>
  <si>
    <t>cg00812799</t>
  </si>
  <si>
    <t>cg00814985</t>
  </si>
  <si>
    <t>cg00820340</t>
  </si>
  <si>
    <t>cg00822277</t>
  </si>
  <si>
    <t>cg00843117</t>
  </si>
  <si>
    <t>cg00844074</t>
  </si>
  <si>
    <t>cg00844328</t>
  </si>
  <si>
    <t>cg00859193</t>
  </si>
  <si>
    <t>cg00859277</t>
  </si>
  <si>
    <t>cg00861695</t>
  </si>
  <si>
    <t>cg00875668</t>
  </si>
  <si>
    <t>cg00880018</t>
  </si>
  <si>
    <t>cg00883505</t>
  </si>
  <si>
    <t>cg00886387</t>
  </si>
  <si>
    <t>cg00887444</t>
  </si>
  <si>
    <t>cg00887508</t>
  </si>
  <si>
    <t>cg00888561</t>
  </si>
  <si>
    <t>cg00888818</t>
  </si>
  <si>
    <t>cg00889398</t>
  </si>
  <si>
    <t>cg00891593</t>
  </si>
  <si>
    <t>cg00893603</t>
  </si>
  <si>
    <t>cg00896068</t>
  </si>
  <si>
    <t>cg00898013</t>
  </si>
  <si>
    <t>cg00898374</t>
  </si>
  <si>
    <t>cg00902895</t>
  </si>
  <si>
    <t>cg00910319</t>
  </si>
  <si>
    <t>cg00920337</t>
  </si>
  <si>
    <t>cg00922073</t>
  </si>
  <si>
    <t>cg00926502</t>
  </si>
  <si>
    <t>cg00944638</t>
  </si>
  <si>
    <t>cg00946491</t>
  </si>
  <si>
    <t>cg00953201</t>
  </si>
  <si>
    <t>cg00958334</t>
  </si>
  <si>
    <t>cg00967013</t>
  </si>
  <si>
    <t>cg00979026</t>
  </si>
  <si>
    <t>cg00986957</t>
  </si>
  <si>
    <t>cg00995893</t>
  </si>
  <si>
    <t>cg01017780</t>
  </si>
  <si>
    <t>cg01019355</t>
  </si>
  <si>
    <t>cg01025720</t>
  </si>
  <si>
    <t>cg01027209</t>
  </si>
  <si>
    <t>cg01034396</t>
  </si>
  <si>
    <t>cg01044127</t>
  </si>
  <si>
    <t>cg01044731</t>
  </si>
  <si>
    <t>cg01049141</t>
  </si>
  <si>
    <t>cg01053282</t>
  </si>
  <si>
    <t>cg01064131</t>
  </si>
  <si>
    <t>cg01068014</t>
  </si>
  <si>
    <t>cg01075553</t>
  </si>
  <si>
    <t>cg01077795</t>
  </si>
  <si>
    <t>cg01087195</t>
  </si>
  <si>
    <t>cg01089602</t>
  </si>
  <si>
    <t>cg01105375</t>
  </si>
  <si>
    <t>cg01105948</t>
  </si>
  <si>
    <t>cg01112805</t>
  </si>
  <si>
    <t>cg01119104</t>
  </si>
  <si>
    <t>cg01130580</t>
  </si>
  <si>
    <t>cg01145394</t>
  </si>
  <si>
    <t>cg01146943</t>
  </si>
  <si>
    <t>cg01147055</t>
  </si>
  <si>
    <t>cg01160125</t>
  </si>
  <si>
    <t>cg01165817</t>
  </si>
  <si>
    <t>cg01175039</t>
  </si>
  <si>
    <t>cg01179769</t>
  </si>
  <si>
    <t>cg01185345</t>
  </si>
  <si>
    <t>cg01192538</t>
  </si>
  <si>
    <t>cg01196592</t>
  </si>
  <si>
    <t>cg01199793</t>
  </si>
  <si>
    <t>cg01205935</t>
  </si>
  <si>
    <t>cg01212887</t>
  </si>
  <si>
    <t>cg01213557</t>
  </si>
  <si>
    <t>cg01214340</t>
  </si>
  <si>
    <t>cg01218150</t>
  </si>
  <si>
    <t>cg01219065</t>
  </si>
  <si>
    <t>cg01226614</t>
  </si>
  <si>
    <t>cg01229865</t>
  </si>
  <si>
    <t>cg01238865</t>
  </si>
  <si>
    <t>cg01240161</t>
  </si>
  <si>
    <t>cg01242698</t>
  </si>
  <si>
    <t>cg01257309</t>
  </si>
  <si>
    <t>cg01259362</t>
  </si>
  <si>
    <t>cg01263165</t>
  </si>
  <si>
    <t>cg01279709</t>
  </si>
  <si>
    <t>cg01289343</t>
  </si>
  <si>
    <t>cg01297756</t>
  </si>
  <si>
    <t>cg01309645</t>
  </si>
  <si>
    <t>cg01310205</t>
  </si>
  <si>
    <t>cg01323517</t>
  </si>
  <si>
    <t>cg01330096</t>
  </si>
  <si>
    <t>cg01334831</t>
  </si>
  <si>
    <t>cg01336571</t>
  </si>
  <si>
    <t>cg01342572</t>
  </si>
  <si>
    <t>cg01350728</t>
  </si>
  <si>
    <t>cg01351327</t>
  </si>
  <si>
    <t>cg01373189</t>
  </si>
  <si>
    <t>cg01385367</t>
  </si>
  <si>
    <t>cg01388889</t>
  </si>
  <si>
    <t>cg01404873</t>
  </si>
  <si>
    <t>cg01406072</t>
  </si>
  <si>
    <t>cg01421309</t>
  </si>
  <si>
    <t>cg01423733</t>
  </si>
  <si>
    <t>cg01424107</t>
  </si>
  <si>
    <t>cg01425731</t>
  </si>
  <si>
    <t>cg01432620</t>
  </si>
  <si>
    <t>cg01449715</t>
  </si>
  <si>
    <t>cg01450807</t>
  </si>
  <si>
    <t>cg01456440</t>
  </si>
  <si>
    <t>cg01462856</t>
  </si>
  <si>
    <t>cg01470551</t>
  </si>
  <si>
    <t>cg01477959</t>
  </si>
  <si>
    <t>cg01477963</t>
  </si>
  <si>
    <t>cg01479738</t>
  </si>
  <si>
    <t>cg01492626</t>
  </si>
  <si>
    <t>cg01499197</t>
  </si>
  <si>
    <t>cg01527164</t>
  </si>
  <si>
    <t>cg01528028</t>
  </si>
  <si>
    <t>cg01541178</t>
  </si>
  <si>
    <t>cg01542984</t>
  </si>
  <si>
    <t>cg01547494</t>
  </si>
  <si>
    <t>cg01552711</t>
  </si>
  <si>
    <t>cg01552748</t>
  </si>
  <si>
    <t>cg01559904</t>
  </si>
  <si>
    <t>cg01575414</t>
  </si>
  <si>
    <t>cg01593552</t>
  </si>
  <si>
    <t>cg01617920</t>
  </si>
  <si>
    <t>cg01620540</t>
  </si>
  <si>
    <t>cg01622304</t>
  </si>
  <si>
    <t>cg01624068</t>
  </si>
  <si>
    <t>cg01631596</t>
  </si>
  <si>
    <t>cg01634268</t>
  </si>
  <si>
    <t>cg01636413</t>
  </si>
  <si>
    <t>cg01641908</t>
  </si>
  <si>
    <t>cg01645874</t>
  </si>
  <si>
    <t>cg01649879</t>
  </si>
  <si>
    <t>cg01651378</t>
  </si>
  <si>
    <t>cg01661350</t>
  </si>
  <si>
    <t>cg01675953</t>
  </si>
  <si>
    <t>cg01692110</t>
  </si>
  <si>
    <t>cg01693423</t>
  </si>
  <si>
    <t>cg01708427</t>
  </si>
  <si>
    <t>cg01715686</t>
  </si>
  <si>
    <t>cg01726399</t>
  </si>
  <si>
    <t>cg01732984</t>
  </si>
  <si>
    <t>cg01738359</t>
  </si>
  <si>
    <t>cg01746873</t>
  </si>
  <si>
    <t>cg01754790</t>
  </si>
  <si>
    <t>cg01757312</t>
  </si>
  <si>
    <t>cg01767631</t>
  </si>
  <si>
    <t>cg01773217</t>
  </si>
  <si>
    <t>cg01782371</t>
  </si>
  <si>
    <t>cg01795082</t>
  </si>
  <si>
    <t>cg01809854</t>
  </si>
  <si>
    <t>cg01811815</t>
  </si>
  <si>
    <t>cg01815801</t>
  </si>
  <si>
    <t>cg01830726</t>
  </si>
  <si>
    <t>cg01866427</t>
  </si>
  <si>
    <t>cg01869761</t>
  </si>
  <si>
    <t>cg01870657</t>
  </si>
  <si>
    <t>cg01876492</t>
  </si>
  <si>
    <t>cg01899253</t>
  </si>
  <si>
    <t>cg01899620</t>
  </si>
  <si>
    <t>cg01903420</t>
  </si>
  <si>
    <t>cg01907829</t>
  </si>
  <si>
    <t>cg01910869</t>
  </si>
  <si>
    <t>cg01919429</t>
  </si>
  <si>
    <t>cg01919628</t>
  </si>
  <si>
    <t>cg01919701</t>
  </si>
  <si>
    <t>cg01921818</t>
  </si>
  <si>
    <t>cg01929377</t>
  </si>
  <si>
    <t>cg01936220</t>
  </si>
  <si>
    <t>cg01941313</t>
  </si>
  <si>
    <t>cg01964262</t>
  </si>
  <si>
    <t>cg01970923</t>
  </si>
  <si>
    <t>cg01994205</t>
  </si>
  <si>
    <t>cg01995660</t>
  </si>
  <si>
    <t>cg01998047</t>
  </si>
  <si>
    <t>cg02012594</t>
  </si>
  <si>
    <t>cg02015529</t>
  </si>
  <si>
    <t>cg02017534</t>
  </si>
  <si>
    <t>cg02027087</t>
  </si>
  <si>
    <t>cg02034311</t>
  </si>
  <si>
    <t>cg02043329</t>
  </si>
  <si>
    <t>cg02054232</t>
  </si>
  <si>
    <t>cg02055963</t>
  </si>
  <si>
    <t>cg02057391</t>
  </si>
  <si>
    <t>cg02057782</t>
  </si>
  <si>
    <t>cg02058624</t>
  </si>
  <si>
    <t>cg02071074</t>
  </si>
  <si>
    <t>cg02085147</t>
  </si>
  <si>
    <t>cg02088785</t>
  </si>
  <si>
    <t>cg02113449</t>
  </si>
  <si>
    <t>cg02127375</t>
  </si>
  <si>
    <t>cg02127819</t>
  </si>
  <si>
    <t>cg02128308</t>
  </si>
  <si>
    <t>cg02134046</t>
  </si>
  <si>
    <t>cg02147791</t>
  </si>
  <si>
    <t>cg02152992</t>
  </si>
  <si>
    <t>cg02155884</t>
  </si>
  <si>
    <t>cg02162202</t>
  </si>
  <si>
    <t>cg02162950</t>
  </si>
  <si>
    <t>cg02168723</t>
  </si>
  <si>
    <t>cg02175301</t>
  </si>
  <si>
    <t>cg02183491</t>
  </si>
  <si>
    <t>cg02186409</t>
  </si>
  <si>
    <t>cg02198895</t>
  </si>
  <si>
    <t>cg02200389</t>
  </si>
  <si>
    <t>cg02208270</t>
  </si>
  <si>
    <t>cg02213716</t>
  </si>
  <si>
    <t>cg02215357</t>
  </si>
  <si>
    <t>cg02217184</t>
  </si>
  <si>
    <t>cg02229135</t>
  </si>
  <si>
    <t>cg02233559</t>
  </si>
  <si>
    <t>cg02245926</t>
  </si>
  <si>
    <t>cg02246002</t>
  </si>
  <si>
    <t>cg02246968</t>
  </si>
  <si>
    <t>cg02248565</t>
  </si>
  <si>
    <t>cg02250787</t>
  </si>
  <si>
    <t>cg02259997</t>
  </si>
  <si>
    <t>cg02268171</t>
  </si>
  <si>
    <t>cg02268951</t>
  </si>
  <si>
    <t>cg02285477</t>
  </si>
  <si>
    <t>cg02286270</t>
  </si>
  <si>
    <t>cg02289189</t>
  </si>
  <si>
    <t>cg02294249</t>
  </si>
  <si>
    <t>cg02294764</t>
  </si>
  <si>
    <t>cg02296128</t>
  </si>
  <si>
    <t>cg02317651</t>
  </si>
  <si>
    <t>cg02318347</t>
  </si>
  <si>
    <t>cg02318549</t>
  </si>
  <si>
    <t>cg02325324</t>
  </si>
  <si>
    <t>cg02326931</t>
  </si>
  <si>
    <t>cg02332769</t>
  </si>
  <si>
    <t>cg02336218</t>
  </si>
  <si>
    <t>cg02347312</t>
  </si>
  <si>
    <t>cg02365360</t>
  </si>
  <si>
    <t>cg02378501</t>
  </si>
  <si>
    <t>cg02381064</t>
  </si>
  <si>
    <t>cg02386957</t>
  </si>
  <si>
    <t>cg02394989</t>
  </si>
  <si>
    <t>cg02397552</t>
  </si>
  <si>
    <t>cg02407785</t>
  </si>
  <si>
    <t>cg02416333</t>
  </si>
  <si>
    <t>cg02420027</t>
  </si>
  <si>
    <t>cg02422603</t>
  </si>
  <si>
    <t>cg02424249</t>
  </si>
  <si>
    <t>cg02425595</t>
  </si>
  <si>
    <t>cg02445421</t>
  </si>
  <si>
    <t>cg02451502</t>
  </si>
  <si>
    <t>cg02472998</t>
  </si>
  <si>
    <t>cg02479211</t>
  </si>
  <si>
    <t>cg02488573</t>
  </si>
  <si>
    <t>cg02491276</t>
  </si>
  <si>
    <t>cg02495415</t>
  </si>
  <si>
    <t>cg02503299</t>
  </si>
  <si>
    <t>cg02512286</t>
  </si>
  <si>
    <t>cg02519222</t>
  </si>
  <si>
    <t>cg02520502</t>
  </si>
  <si>
    <t>cg02528196</t>
  </si>
  <si>
    <t>cg02529502</t>
  </si>
  <si>
    <t>cg02530656</t>
  </si>
  <si>
    <t>cg02543879</t>
  </si>
  <si>
    <t>cg02557133</t>
  </si>
  <si>
    <t>cg02558362</t>
  </si>
  <si>
    <t>cg02565196</t>
  </si>
  <si>
    <t>cg02570298</t>
  </si>
  <si>
    <t>cg02588809</t>
  </si>
  <si>
    <t>cg02600430</t>
  </si>
  <si>
    <t>cg02607802</t>
  </si>
  <si>
    <t>cg02610550</t>
  </si>
  <si>
    <t>cg02617285</t>
  </si>
  <si>
    <t>cg02620013</t>
  </si>
  <si>
    <t>cg02621481</t>
  </si>
  <si>
    <t>cg02645340</t>
  </si>
  <si>
    <t>cg02648589</t>
  </si>
  <si>
    <t>cg02650286</t>
  </si>
  <si>
    <t>cg02654859</t>
  </si>
  <si>
    <t>cg02658528</t>
  </si>
  <si>
    <t>cg02659854</t>
  </si>
  <si>
    <t>cg02676602</t>
  </si>
  <si>
    <t>cg02689640</t>
  </si>
  <si>
    <t>cg02692405</t>
  </si>
  <si>
    <t>cg02700358</t>
  </si>
  <si>
    <t>cg02702515</t>
  </si>
  <si>
    <t>cg02712464</t>
  </si>
  <si>
    <t>cg02717547</t>
  </si>
  <si>
    <t>cg02738641</t>
  </si>
  <si>
    <t>cg02739040</t>
  </si>
  <si>
    <t>cg02744945</t>
  </si>
  <si>
    <t>cg02747210</t>
  </si>
  <si>
    <t>cg02750385</t>
  </si>
  <si>
    <t>cg02761093</t>
  </si>
  <si>
    <t>cg02767093</t>
  </si>
  <si>
    <t>cg02771041</t>
  </si>
  <si>
    <t>cg02772430</t>
  </si>
  <si>
    <t>cg02773671</t>
  </si>
  <si>
    <t>cg02773889</t>
  </si>
  <si>
    <t>cg02781394</t>
  </si>
  <si>
    <t>cg02783086</t>
  </si>
  <si>
    <t>cg02794779</t>
  </si>
  <si>
    <t>cg02796545</t>
  </si>
  <si>
    <t>cg02799880</t>
  </si>
  <si>
    <t>cg02810375</t>
  </si>
  <si>
    <t>cg02810976</t>
  </si>
  <si>
    <t>cg02848074</t>
  </si>
  <si>
    <t>cg02850812</t>
  </si>
  <si>
    <t>cg02856462</t>
  </si>
  <si>
    <t>cg02857774</t>
  </si>
  <si>
    <t>cg02861781</t>
  </si>
  <si>
    <t>cg02863856</t>
  </si>
  <si>
    <t>cg02874768</t>
  </si>
  <si>
    <t>cg02893260</t>
  </si>
  <si>
    <t>cg02909176</t>
  </si>
  <si>
    <t>cg02920897</t>
  </si>
  <si>
    <t>cg02923162</t>
  </si>
  <si>
    <t>cg02932669</t>
  </si>
  <si>
    <t>cg02943497</t>
  </si>
  <si>
    <t>cg02978827</t>
  </si>
  <si>
    <t>cg02983436</t>
  </si>
  <si>
    <t>cg02985381</t>
  </si>
  <si>
    <t>cg02985540</t>
  </si>
  <si>
    <t>cg02988755</t>
  </si>
  <si>
    <t>cg02991571</t>
  </si>
  <si>
    <t>cg02995055</t>
  </si>
  <si>
    <t>cg03002136</t>
  </si>
  <si>
    <t>cg03006588</t>
  </si>
  <si>
    <t>cg03010009</t>
  </si>
  <si>
    <t>cg03014934</t>
  </si>
  <si>
    <t>cg03025283</t>
  </si>
  <si>
    <t>cg03036024</t>
  </si>
  <si>
    <t>cg03040282</t>
  </si>
  <si>
    <t>cg03043711</t>
  </si>
  <si>
    <t>cg03049340</t>
  </si>
  <si>
    <t>cg03051258</t>
  </si>
  <si>
    <t>cg03060603</t>
  </si>
  <si>
    <t>cg03068407</t>
  </si>
  <si>
    <t>cg03071245</t>
  </si>
  <si>
    <t>cg03074579</t>
  </si>
  <si>
    <t>cg03081930</t>
  </si>
  <si>
    <t>cg03084901</t>
  </si>
  <si>
    <t>cg03094481</t>
  </si>
  <si>
    <t>cg03099431</t>
  </si>
  <si>
    <t>cg03117416</t>
  </si>
  <si>
    <t>cg03126490</t>
  </si>
  <si>
    <t>cg03126574</t>
  </si>
  <si>
    <t>cg03126633</t>
  </si>
  <si>
    <t>cg03126694</t>
  </si>
  <si>
    <t>cg03134886</t>
  </si>
  <si>
    <t>cg03135713</t>
  </si>
  <si>
    <t>cg03136916</t>
  </si>
  <si>
    <t>cg03141482</t>
  </si>
  <si>
    <t>cg03173528</t>
  </si>
  <si>
    <t>cg03174523</t>
  </si>
  <si>
    <t>cg03183004</t>
  </si>
  <si>
    <t>cg03234072</t>
  </si>
  <si>
    <t>cg03236534</t>
  </si>
  <si>
    <t>cg03238714</t>
  </si>
  <si>
    <t>cg03242905</t>
  </si>
  <si>
    <t>cg03247926</t>
  </si>
  <si>
    <t>cg03254538</t>
  </si>
  <si>
    <t>cg03272170</t>
  </si>
  <si>
    <t>cg03274654</t>
  </si>
  <si>
    <t>cg03289180</t>
  </si>
  <si>
    <t>cg03294719</t>
  </si>
  <si>
    <t>cg03296248</t>
  </si>
  <si>
    <t>cg03302546</t>
  </si>
  <si>
    <t>cg03307103</t>
  </si>
  <si>
    <t>cg03313075</t>
  </si>
  <si>
    <t>cg03313945</t>
  </si>
  <si>
    <t>cg03325670</t>
  </si>
  <si>
    <t>cg03333286</t>
  </si>
  <si>
    <t>cg03335886</t>
  </si>
  <si>
    <t>cg03337784</t>
  </si>
  <si>
    <t>cg03337886</t>
  </si>
  <si>
    <t>cg03338754</t>
  </si>
  <si>
    <t>cg03342208</t>
  </si>
  <si>
    <t>cg03344149</t>
  </si>
  <si>
    <t>cg03344570</t>
  </si>
  <si>
    <t>cg03357721</t>
  </si>
  <si>
    <t>cg03365267</t>
  </si>
  <si>
    <t>cg03369344</t>
  </si>
  <si>
    <t>cg03372174</t>
  </si>
  <si>
    <t>cg03373442</t>
  </si>
  <si>
    <t>cg03373530</t>
  </si>
  <si>
    <t>cg03388293</t>
  </si>
  <si>
    <t>cg03389701</t>
  </si>
  <si>
    <t>cg03403072</t>
  </si>
  <si>
    <t>cg03424663</t>
  </si>
  <si>
    <t>cg03427330</t>
  </si>
  <si>
    <t>cg03428000</t>
  </si>
  <si>
    <t>cg03437912</t>
  </si>
  <si>
    <t>cg03447530</t>
  </si>
  <si>
    <t>cg03466930</t>
  </si>
  <si>
    <t>cg03469869</t>
  </si>
  <si>
    <t>cg03473518</t>
  </si>
  <si>
    <t>cg03499361</t>
  </si>
  <si>
    <t>cg03499777</t>
  </si>
  <si>
    <t>cg03499905</t>
  </si>
  <si>
    <t>cg03507113</t>
  </si>
  <si>
    <t>cg03520683</t>
  </si>
  <si>
    <t>cg03542208</t>
  </si>
  <si>
    <t>cg03548980</t>
  </si>
  <si>
    <t>cg03555276</t>
  </si>
  <si>
    <t>cg03557950</t>
  </si>
  <si>
    <t>cg03560416</t>
  </si>
  <si>
    <t>cg03562855</t>
  </si>
  <si>
    <t>cg03563146</t>
  </si>
  <si>
    <t>cg03568607</t>
  </si>
  <si>
    <t>cg03570045</t>
  </si>
  <si>
    <t>cg03578430</t>
  </si>
  <si>
    <t>cg03587877</t>
  </si>
  <si>
    <t>cg03603170</t>
  </si>
  <si>
    <t>cg03603866</t>
  </si>
  <si>
    <t>cg03609024</t>
  </si>
  <si>
    <t>cg03623878</t>
  </si>
  <si>
    <t>cg03625684</t>
  </si>
  <si>
    <t>cg03646740</t>
  </si>
  <si>
    <t>cg03659354</t>
  </si>
  <si>
    <t>cg03667040</t>
  </si>
  <si>
    <t>cg03669663</t>
  </si>
  <si>
    <t>cg03673225</t>
  </si>
  <si>
    <t>cg03677003</t>
  </si>
  <si>
    <t>cg03683166</t>
  </si>
  <si>
    <t>cg03686402</t>
  </si>
  <si>
    <t>cg03688707</t>
  </si>
  <si>
    <t>cg03689195</t>
  </si>
  <si>
    <t>cg03694391</t>
  </si>
  <si>
    <t>cg03699426</t>
  </si>
  <si>
    <t>cg03701759</t>
  </si>
  <si>
    <t>cg03707634</t>
  </si>
  <si>
    <t>cg03712843</t>
  </si>
  <si>
    <t>cg03721967</t>
  </si>
  <si>
    <t>cg03734501</t>
  </si>
  <si>
    <t>cg03739457</t>
  </si>
  <si>
    <t>cg03749393</t>
  </si>
  <si>
    <t>cg03753191</t>
  </si>
  <si>
    <t>cg03754180</t>
  </si>
  <si>
    <t>cg03759993</t>
  </si>
  <si>
    <t>cg03778895</t>
  </si>
  <si>
    <t>cg03786846</t>
  </si>
  <si>
    <t>cg03793814</t>
  </si>
  <si>
    <t>cg03797768</t>
  </si>
  <si>
    <t>cg03819900</t>
  </si>
  <si>
    <t>cg03823150</t>
  </si>
  <si>
    <t>cg03829318</t>
  </si>
  <si>
    <t>cg03833605</t>
  </si>
  <si>
    <t>cg03839709</t>
  </si>
  <si>
    <t>cg03847533</t>
  </si>
  <si>
    <t>cg03858448</t>
  </si>
  <si>
    <t>cg03859684</t>
  </si>
  <si>
    <t>cg03859846</t>
  </si>
  <si>
    <t>cg03860037</t>
  </si>
  <si>
    <t>cg03865667</t>
  </si>
  <si>
    <t>cg03869495</t>
  </si>
  <si>
    <t>cg03869874</t>
  </si>
  <si>
    <t>cg03870188</t>
  </si>
  <si>
    <t>cg03881446</t>
  </si>
  <si>
    <t>cg03895613</t>
  </si>
  <si>
    <t>cg03898631</t>
  </si>
  <si>
    <t>cg03901784</t>
  </si>
  <si>
    <t>cg03903831</t>
  </si>
  <si>
    <t>cg03904840</t>
  </si>
  <si>
    <t>cg03907847</t>
  </si>
  <si>
    <t>cg03908017</t>
  </si>
  <si>
    <t>cg03917803</t>
  </si>
  <si>
    <t>cg03918221</t>
  </si>
  <si>
    <t>cg03937082</t>
  </si>
  <si>
    <t>cg03941975</t>
  </si>
  <si>
    <t>cg03947632</t>
  </si>
  <si>
    <t>cg03958744</t>
  </si>
  <si>
    <t>cg03971527</t>
  </si>
  <si>
    <t>cg03981246</t>
  </si>
  <si>
    <t>cg03990139</t>
  </si>
  <si>
    <t>cg03992114</t>
  </si>
  <si>
    <t>cg03993572</t>
  </si>
  <si>
    <t>cg03996465</t>
  </si>
  <si>
    <t>cg03998636</t>
  </si>
  <si>
    <t>cg03999420</t>
  </si>
  <si>
    <t>cg04003952</t>
  </si>
  <si>
    <t>cg04015777</t>
  </si>
  <si>
    <t>cg04044297</t>
  </si>
  <si>
    <t>cg04052832</t>
  </si>
  <si>
    <t>cg04057861</t>
  </si>
  <si>
    <t>cg04064327</t>
  </si>
  <si>
    <t>cg04068111</t>
  </si>
  <si>
    <t>cg04071694</t>
  </si>
  <si>
    <t>cg04079399</t>
  </si>
  <si>
    <t>cg04079883</t>
  </si>
  <si>
    <t>cg04103645</t>
  </si>
  <si>
    <t>cg04105121</t>
  </si>
  <si>
    <t>cg04107005</t>
  </si>
  <si>
    <t>cg04109535</t>
  </si>
  <si>
    <t>cg04117435</t>
  </si>
  <si>
    <t>cg04118119</t>
  </si>
  <si>
    <t>cg04134069</t>
  </si>
  <si>
    <t>cg04139515</t>
  </si>
  <si>
    <t>cg04140161</t>
  </si>
  <si>
    <t>cg04155954</t>
  </si>
  <si>
    <t>cg04157243</t>
  </si>
  <si>
    <t>cg04162223</t>
  </si>
  <si>
    <t>cg04163632</t>
  </si>
  <si>
    <t>cg04190037</t>
  </si>
  <si>
    <t>cg04190760</t>
  </si>
  <si>
    <t>cg04203901</t>
  </si>
  <si>
    <t>cg04206644</t>
  </si>
  <si>
    <t>cg04210544</t>
  </si>
  <si>
    <t>cg04217178</t>
  </si>
  <si>
    <t>cg04217496</t>
  </si>
  <si>
    <t>cg04223548</t>
  </si>
  <si>
    <t>cg04226766</t>
  </si>
  <si>
    <t>cg04240267</t>
  </si>
  <si>
    <t>cg04246521</t>
  </si>
  <si>
    <t>cg04255756</t>
  </si>
  <si>
    <t>cg04259706</t>
  </si>
  <si>
    <t>cg04275566</t>
  </si>
  <si>
    <t>cg04295991</t>
  </si>
  <si>
    <t>cg04296187</t>
  </si>
  <si>
    <t>cg04298224</t>
  </si>
  <si>
    <t>cg04314986</t>
  </si>
  <si>
    <t>cg04316526</t>
  </si>
  <si>
    <t>cg04319929</t>
  </si>
  <si>
    <t>cg04323814</t>
  </si>
  <si>
    <t>cg04325130</t>
  </si>
  <si>
    <t>cg04328162</t>
  </si>
  <si>
    <t>cg04340435</t>
  </si>
  <si>
    <t>cg04359880</t>
  </si>
  <si>
    <t>cg04368762</t>
  </si>
  <si>
    <t>cg04375005</t>
  </si>
  <si>
    <t>cg04388548</t>
  </si>
  <si>
    <t>cg04392506</t>
  </si>
  <si>
    <t>cg04398180</t>
  </si>
  <si>
    <t>cg04401646</t>
  </si>
  <si>
    <t>cg04403115</t>
  </si>
  <si>
    <t>cg04404489</t>
  </si>
  <si>
    <t>cg04408488</t>
  </si>
  <si>
    <t>cg04413320</t>
  </si>
  <si>
    <t>cg04415610</t>
  </si>
  <si>
    <t>cg04415731</t>
  </si>
  <si>
    <t>cg04431186</t>
  </si>
  <si>
    <t>cg04441267</t>
  </si>
  <si>
    <t>cg04446647</t>
  </si>
  <si>
    <t>cg04449126</t>
  </si>
  <si>
    <t>cg04452362</t>
  </si>
  <si>
    <t>cg04459738</t>
  </si>
  <si>
    <t>cg04467034</t>
  </si>
  <si>
    <t>cg04469219</t>
  </si>
  <si>
    <t>cg04479219</t>
  </si>
  <si>
    <t>cg04493558</t>
  </si>
  <si>
    <t>cg04496108</t>
  </si>
  <si>
    <t>cg04497786</t>
  </si>
  <si>
    <t>cg04506928</t>
  </si>
  <si>
    <t>cg04513422</t>
  </si>
  <si>
    <t>cg04528024</t>
  </si>
  <si>
    <t>cg04547260</t>
  </si>
  <si>
    <t>cg04563693</t>
  </si>
  <si>
    <t>cg04565255</t>
  </si>
  <si>
    <t>cg04566791</t>
  </si>
  <si>
    <t>cg04570228</t>
  </si>
  <si>
    <t>cg04573175</t>
  </si>
  <si>
    <t>cg04574826</t>
  </si>
  <si>
    <t>cg04578149</t>
  </si>
  <si>
    <t>cg04579632</t>
  </si>
  <si>
    <t>cg04583637</t>
  </si>
  <si>
    <t>cg04596004</t>
  </si>
  <si>
    <t>cg04603834</t>
  </si>
  <si>
    <t>cg04607400</t>
  </si>
  <si>
    <t>cg04628181</t>
  </si>
  <si>
    <t>cg04632378</t>
  </si>
  <si>
    <t>cg04638679</t>
  </si>
  <si>
    <t>cg04647790</t>
  </si>
  <si>
    <t>cg04648814</t>
  </si>
  <si>
    <t>cg04657044</t>
  </si>
  <si>
    <t>cg04673837</t>
  </si>
  <si>
    <t>cg04677295</t>
  </si>
  <si>
    <t>cg04677470</t>
  </si>
  <si>
    <t>cg04678336</t>
  </si>
  <si>
    <t>cg04700361</t>
  </si>
  <si>
    <t>cg04746520</t>
  </si>
  <si>
    <t>cg04757411</t>
  </si>
  <si>
    <t>cg04779999</t>
  </si>
  <si>
    <t>cg04783530</t>
  </si>
  <si>
    <t>cg04788993</t>
  </si>
  <si>
    <t>cg04793338</t>
  </si>
  <si>
    <t>cg04795788</t>
  </si>
  <si>
    <t>cg04799329</t>
  </si>
  <si>
    <t>cg04808632</t>
  </si>
  <si>
    <t>cg04812484</t>
  </si>
  <si>
    <t>cg04814352</t>
  </si>
  <si>
    <t>cg04821933</t>
  </si>
  <si>
    <t>cg04821942</t>
  </si>
  <si>
    <t>cg04828062</t>
  </si>
  <si>
    <t>cg04833885</t>
  </si>
  <si>
    <t>cg04836038</t>
  </si>
  <si>
    <t>cg04837597</t>
  </si>
  <si>
    <t>cg04843615</t>
  </si>
  <si>
    <t>cg04850479</t>
  </si>
  <si>
    <t>cg04851742</t>
  </si>
  <si>
    <t>cg04859719</t>
  </si>
  <si>
    <t>cg04865691</t>
  </si>
  <si>
    <t>cg04870949</t>
  </si>
  <si>
    <t>cg04874343</t>
  </si>
  <si>
    <t>cg04893792</t>
  </si>
  <si>
    <t>cg04902286</t>
  </si>
  <si>
    <t>cg04908961</t>
  </si>
  <si>
    <t>cg04916802</t>
  </si>
  <si>
    <t>cg04925385</t>
  </si>
  <si>
    <t>cg04949225</t>
  </si>
  <si>
    <t>cg04955753</t>
  </si>
  <si>
    <t>cg04958157</t>
  </si>
  <si>
    <t>cg04960602</t>
  </si>
  <si>
    <t>cg04977002</t>
  </si>
  <si>
    <t>cg04998798</t>
  </si>
  <si>
    <t>cg05062550</t>
  </si>
  <si>
    <t>cg05072470</t>
  </si>
  <si>
    <t>cg05077231</t>
  </si>
  <si>
    <t>cg05080330</t>
  </si>
  <si>
    <t>cg05084700</t>
  </si>
  <si>
    <t>cg05093686</t>
  </si>
  <si>
    <t>cg05095230</t>
  </si>
  <si>
    <t>cg05105740</t>
  </si>
  <si>
    <t>cg05108160</t>
  </si>
  <si>
    <t>cg05122213</t>
  </si>
  <si>
    <t>cg05123138</t>
  </si>
  <si>
    <t>cg05126147</t>
  </si>
  <si>
    <t>cg05130518</t>
  </si>
  <si>
    <t>cg05137358</t>
  </si>
  <si>
    <t>cg05145534</t>
  </si>
  <si>
    <t>cg05146409</t>
  </si>
  <si>
    <t>cg05153735</t>
  </si>
  <si>
    <t>cg05155893</t>
  </si>
  <si>
    <t>cg05161682</t>
  </si>
  <si>
    <t>cg05163330</t>
  </si>
  <si>
    <t>cg05168229</t>
  </si>
  <si>
    <t>cg05171480</t>
  </si>
  <si>
    <t>cg05173758</t>
  </si>
  <si>
    <t>cg05175466</t>
  </si>
  <si>
    <t>cg05177287</t>
  </si>
  <si>
    <t>cg05197164</t>
  </si>
  <si>
    <t>cg05210258</t>
  </si>
  <si>
    <t>cg05219726</t>
  </si>
  <si>
    <t>cg05222982</t>
  </si>
  <si>
    <t>cg05238288</t>
  </si>
  <si>
    <t>cg05238918</t>
  </si>
  <si>
    <t>cg05256043</t>
  </si>
  <si>
    <t>cg05257635</t>
  </si>
  <si>
    <t>cg05260242</t>
  </si>
  <si>
    <t>cg05265414</t>
  </si>
  <si>
    <t>cg05266142</t>
  </si>
  <si>
    <t>cg05268155</t>
  </si>
  <si>
    <t>cg05271910</t>
  </si>
  <si>
    <t>cg05272587</t>
  </si>
  <si>
    <t>cg05285677</t>
  </si>
  <si>
    <t>cg05287297</t>
  </si>
  <si>
    <t>cg05294112</t>
  </si>
  <si>
    <t>cg05296619</t>
  </si>
  <si>
    <t>cg05300773</t>
  </si>
  <si>
    <t>cg05304178</t>
  </si>
  <si>
    <t>cg05307935</t>
  </si>
  <si>
    <t>cg05314639</t>
  </si>
  <si>
    <t>cg05317851</t>
  </si>
  <si>
    <t>cg05331856</t>
  </si>
  <si>
    <t>cg05334190</t>
  </si>
  <si>
    <t>cg05338434</t>
  </si>
  <si>
    <t>cg05372727</t>
  </si>
  <si>
    <t>cg05383490</t>
  </si>
  <si>
    <t>cg05384887</t>
  </si>
  <si>
    <t>cg05386249</t>
  </si>
  <si>
    <t>cg05387119</t>
  </si>
  <si>
    <t>cg05392495</t>
  </si>
  <si>
    <t>cg05393688</t>
  </si>
  <si>
    <t>cg05395403</t>
  </si>
  <si>
    <t>cg05399692</t>
  </si>
  <si>
    <t>cg05401839</t>
  </si>
  <si>
    <t>cg05405594</t>
  </si>
  <si>
    <t>cg05408094</t>
  </si>
  <si>
    <t>cg05410934</t>
  </si>
  <si>
    <t>cg05411056</t>
  </si>
  <si>
    <t>cg05419752</t>
  </si>
  <si>
    <t>cg05431626</t>
  </si>
  <si>
    <t>cg05437446</t>
  </si>
  <si>
    <t>cg05438837</t>
  </si>
  <si>
    <t>cg05453378</t>
  </si>
  <si>
    <t>cg05464008</t>
  </si>
  <si>
    <t>cg05487210</t>
  </si>
  <si>
    <t>cg05490001</t>
  </si>
  <si>
    <t>cg05493770</t>
  </si>
  <si>
    <t>cg05506829</t>
  </si>
  <si>
    <t>cg05508048</t>
  </si>
  <si>
    <t>cg05508408</t>
  </si>
  <si>
    <t>cg05510976</t>
  </si>
  <si>
    <t>cg05514401</t>
  </si>
  <si>
    <t>cg05516537</t>
  </si>
  <si>
    <t>cg05544840</t>
  </si>
  <si>
    <t>cg05546034</t>
  </si>
  <si>
    <t>cg05577945</t>
  </si>
  <si>
    <t>cg05586911</t>
  </si>
  <si>
    <t>cg05600717</t>
  </si>
  <si>
    <t>cg05610131</t>
  </si>
  <si>
    <t>cg05615443</t>
  </si>
  <si>
    <t>cg05617469</t>
  </si>
  <si>
    <t>cg05621157</t>
  </si>
  <si>
    <t>cg05623781</t>
  </si>
  <si>
    <t>cg05627390</t>
  </si>
  <si>
    <t>cg05629821</t>
  </si>
  <si>
    <t>cg05630517</t>
  </si>
  <si>
    <t>cg05638594</t>
  </si>
  <si>
    <t>cg05645398</t>
  </si>
  <si>
    <t>cg05660881</t>
  </si>
  <si>
    <t>cg05666423</t>
  </si>
  <si>
    <t>cg05668422</t>
  </si>
  <si>
    <t>cg05683203</t>
  </si>
  <si>
    <t>cg05699739</t>
  </si>
  <si>
    <t>cg05709657</t>
  </si>
  <si>
    <t>cg05714479</t>
  </si>
  <si>
    <t>cg05739286</t>
  </si>
  <si>
    <t>cg05754322</t>
  </si>
  <si>
    <t>cg05757365</t>
  </si>
  <si>
    <t>cg05765990</t>
  </si>
  <si>
    <t>cg05770837</t>
  </si>
  <si>
    <t>cg05776861</t>
  </si>
  <si>
    <t>cg05785994</t>
  </si>
  <si>
    <t>cg05793323</t>
  </si>
  <si>
    <t>cg05799596</t>
  </si>
  <si>
    <t>cg05817443</t>
  </si>
  <si>
    <t>cg05827312</t>
  </si>
  <si>
    <t>cg05830425</t>
  </si>
  <si>
    <t>cg05833851</t>
  </si>
  <si>
    <t>cg05845403</t>
  </si>
  <si>
    <t>cg05852786</t>
  </si>
  <si>
    <t>cg05867960</t>
  </si>
  <si>
    <t>cg05868813</t>
  </si>
  <si>
    <t>cg05873889</t>
  </si>
  <si>
    <t>cg05887047</t>
  </si>
  <si>
    <t>cg05888037</t>
  </si>
  <si>
    <t>cg05895453</t>
  </si>
  <si>
    <t>cg05900955</t>
  </si>
  <si>
    <t>cg05904889</t>
  </si>
  <si>
    <t>cg05905988</t>
  </si>
  <si>
    <t>cg05911765</t>
  </si>
  <si>
    <t>cg05912299</t>
  </si>
  <si>
    <t>cg05917508</t>
  </si>
  <si>
    <t>cg05921316</t>
  </si>
  <si>
    <t>cg05931312</t>
  </si>
  <si>
    <t>cg05938018</t>
  </si>
  <si>
    <t>cg05939926</t>
  </si>
  <si>
    <t>cg05941641</t>
  </si>
  <si>
    <t>cg05958294</t>
  </si>
  <si>
    <t>cg05959994</t>
  </si>
  <si>
    <t>cg05961272</t>
  </si>
  <si>
    <t>cg05964487</t>
  </si>
  <si>
    <t>cg05965902</t>
  </si>
  <si>
    <t>cg05968268</t>
  </si>
  <si>
    <t>cg05969306</t>
  </si>
  <si>
    <t>cg05974232</t>
  </si>
  <si>
    <t>cg05981896</t>
  </si>
  <si>
    <t>cg05986831</t>
  </si>
  <si>
    <t>cg06020661</t>
  </si>
  <si>
    <t>cg06048102</t>
  </si>
  <si>
    <t>cg06049868</t>
  </si>
  <si>
    <t>cg06057566</t>
  </si>
  <si>
    <t>cg06064098</t>
  </si>
  <si>
    <t>cg06071604</t>
  </si>
  <si>
    <t>cg06074146</t>
  </si>
  <si>
    <t>cg06084210</t>
  </si>
  <si>
    <t>cg06092382</t>
  </si>
  <si>
    <t>cg06094043</t>
  </si>
  <si>
    <t>cg06096913</t>
  </si>
  <si>
    <t>cg06111305</t>
  </si>
  <si>
    <t>cg06114087</t>
  </si>
  <si>
    <t>cg06116009</t>
  </si>
  <si>
    <t>cg06135008</t>
  </si>
  <si>
    <t>cg06146910</t>
  </si>
  <si>
    <t>cg06172950</t>
  </si>
  <si>
    <t>cg06175001</t>
  </si>
  <si>
    <t>cg06178054</t>
  </si>
  <si>
    <t>cg06178915</t>
  </si>
  <si>
    <t>cg06186301</t>
  </si>
  <si>
    <t>cg06193439</t>
  </si>
  <si>
    <t>cg06205746</t>
  </si>
  <si>
    <t>cg06212336</t>
  </si>
  <si>
    <t>cg06214334</t>
  </si>
  <si>
    <t>cg06214606</t>
  </si>
  <si>
    <t>cg06215457</t>
  </si>
  <si>
    <t>cg06220521</t>
  </si>
  <si>
    <t>cg06242471</t>
  </si>
  <si>
    <t>cg06254406</t>
  </si>
  <si>
    <t>cg06255524</t>
  </si>
  <si>
    <t>cg06258529</t>
  </si>
  <si>
    <t>cg06264663</t>
  </si>
  <si>
    <t>cg06265841</t>
  </si>
  <si>
    <t>cg06266227</t>
  </si>
  <si>
    <t>cg06272611</t>
  </si>
  <si>
    <t>cg06282240</t>
  </si>
  <si>
    <t>cg06293108</t>
  </si>
  <si>
    <t>cg06301555</t>
  </si>
  <si>
    <t>cg06303875</t>
  </si>
  <si>
    <t>cg06311103</t>
  </si>
  <si>
    <t>cg06312221</t>
  </si>
  <si>
    <t>cg06318753</t>
  </si>
  <si>
    <t>cg06326425</t>
  </si>
  <si>
    <t>cg06333307</t>
  </si>
  <si>
    <t>cg06342072</t>
  </si>
  <si>
    <t>cg06349628</t>
  </si>
  <si>
    <t>cg06378494</t>
  </si>
  <si>
    <t>cg06380691</t>
  </si>
  <si>
    <t>cg06396119</t>
  </si>
  <si>
    <t>cg06398482</t>
  </si>
  <si>
    <t>cg06408679</t>
  </si>
  <si>
    <t>cg06409741</t>
  </si>
  <si>
    <t>cg06459794</t>
  </si>
  <si>
    <t>cg06460717</t>
  </si>
  <si>
    <t>cg06466459</t>
  </si>
  <si>
    <t>cg06466900</t>
  </si>
  <si>
    <t>cg06473578</t>
  </si>
  <si>
    <t>cg06475541</t>
  </si>
  <si>
    <t>cg06476591</t>
  </si>
  <si>
    <t>cg06488256</t>
  </si>
  <si>
    <t>cg06492706</t>
  </si>
  <si>
    <t>cg06502165</t>
  </si>
  <si>
    <t>cg06506007</t>
  </si>
  <si>
    <t>cg06515235</t>
  </si>
  <si>
    <t>cg06518779</t>
  </si>
  <si>
    <t>cg06525670</t>
  </si>
  <si>
    <t>cg06529264</t>
  </si>
  <si>
    <t>cg06559932</t>
  </si>
  <si>
    <t>cg06577270</t>
  </si>
  <si>
    <t>cg06580725</t>
  </si>
  <si>
    <t>cg06592026</t>
  </si>
  <si>
    <t>cg06611532</t>
  </si>
  <si>
    <t>cg06611744</t>
  </si>
  <si>
    <t>cg06631558</t>
  </si>
  <si>
    <t>cg06636685</t>
  </si>
  <si>
    <t>cg06639332</t>
  </si>
  <si>
    <t>cg06648759</t>
  </si>
  <si>
    <t>cg06654537</t>
  </si>
  <si>
    <t>cg06675478</t>
  </si>
  <si>
    <t>cg06679720</t>
  </si>
  <si>
    <t>cg06679752</t>
  </si>
  <si>
    <t>cg06689205</t>
  </si>
  <si>
    <t>cg06691229</t>
  </si>
  <si>
    <t>cg06698686</t>
  </si>
  <si>
    <t>cg06706163</t>
  </si>
  <si>
    <t>cg06710890</t>
  </si>
  <si>
    <t>cg06719332</t>
  </si>
  <si>
    <t>cg06727233</t>
  </si>
  <si>
    <t>cg06755471</t>
  </si>
  <si>
    <t>cg06755654</t>
  </si>
  <si>
    <t>cg06757356</t>
  </si>
  <si>
    <t>cg06759944</t>
  </si>
  <si>
    <t>cg06764241</t>
  </si>
  <si>
    <t>cg06776146</t>
  </si>
  <si>
    <t>cg06777202</t>
  </si>
  <si>
    <t>cg06780726</t>
  </si>
  <si>
    <t>cg06784108</t>
  </si>
  <si>
    <t>cg06784689</t>
  </si>
  <si>
    <t>cg06786335</t>
  </si>
  <si>
    <t>cg06789519</t>
  </si>
  <si>
    <t>cg06792065</t>
  </si>
  <si>
    <t>cg06800352</t>
  </si>
  <si>
    <t>cg06807303</t>
  </si>
  <si>
    <t>cg06807397</t>
  </si>
  <si>
    <t>cg06811800</t>
  </si>
  <si>
    <t>cg06820859</t>
  </si>
  <si>
    <t>cg06829645</t>
  </si>
  <si>
    <t>cg06833978</t>
  </si>
  <si>
    <t>cg06836799</t>
  </si>
  <si>
    <t>cg06844489</t>
  </si>
  <si>
    <t>cg06864391</t>
  </si>
  <si>
    <t>cg06869114</t>
  </si>
  <si>
    <t>cg06871646</t>
  </si>
  <si>
    <t>cg06872019</t>
  </si>
  <si>
    <t>cg06880557</t>
  </si>
  <si>
    <t>cg06882533</t>
  </si>
  <si>
    <t>cg06883496</t>
  </si>
  <si>
    <t>cg06885459</t>
  </si>
  <si>
    <t>cg06901392</t>
  </si>
  <si>
    <t>cg06903325</t>
  </si>
  <si>
    <t>cg06905499</t>
  </si>
  <si>
    <t>cg06906869</t>
  </si>
  <si>
    <t>cg06907588</t>
  </si>
  <si>
    <t>cg06936946</t>
  </si>
  <si>
    <t>cg06952681</t>
  </si>
  <si>
    <t>cg06959251</t>
  </si>
  <si>
    <t>cg06962373</t>
  </si>
  <si>
    <t>cg06973730</t>
  </si>
  <si>
    <t>cg06997228</t>
  </si>
  <si>
    <t>cg07000831</t>
  </si>
  <si>
    <t>cg07007754</t>
  </si>
  <si>
    <t>cg07007778</t>
  </si>
  <si>
    <t>cg07010948</t>
  </si>
  <si>
    <t>cg07014973</t>
  </si>
  <si>
    <t>cg07025593</t>
  </si>
  <si>
    <t>cg07028951</t>
  </si>
  <si>
    <t>cg07029277</t>
  </si>
  <si>
    <t>cg07032889</t>
  </si>
  <si>
    <t>cg07033624</t>
  </si>
  <si>
    <t>cg07039404</t>
  </si>
  <si>
    <t>cg07061916</t>
  </si>
  <si>
    <t>cg07062437</t>
  </si>
  <si>
    <t>cg07063171</t>
  </si>
  <si>
    <t>cg07077115</t>
  </si>
  <si>
    <t>cg07092805</t>
  </si>
  <si>
    <t>cg07111713</t>
  </si>
  <si>
    <t>cg07113600</t>
  </si>
  <si>
    <t>cg07115623</t>
  </si>
  <si>
    <t>cg07119028</t>
  </si>
  <si>
    <t>cg07121900</t>
  </si>
  <si>
    <t>cg07127302</t>
  </si>
  <si>
    <t>cg07128484</t>
  </si>
  <si>
    <t>cg07132492</t>
  </si>
  <si>
    <t>cg07132926</t>
  </si>
  <si>
    <t>cg07148139</t>
  </si>
  <si>
    <t>cg07149639</t>
  </si>
  <si>
    <t>cg07149992</t>
  </si>
  <si>
    <t>cg07152812</t>
  </si>
  <si>
    <t>cg07161140</t>
  </si>
  <si>
    <t>cg07162826</t>
  </si>
  <si>
    <t>cg07172558</t>
  </si>
  <si>
    <t>cg07175985</t>
  </si>
  <si>
    <t>cg07177306</t>
  </si>
  <si>
    <t>cg07178877</t>
  </si>
  <si>
    <t>cg07199619</t>
  </si>
  <si>
    <t>cg07204236</t>
  </si>
  <si>
    <t>cg07206643</t>
  </si>
  <si>
    <t>cg07212543</t>
  </si>
  <si>
    <t>cg07217935</t>
  </si>
  <si>
    <t>cg07218344</t>
  </si>
  <si>
    <t>cg07218357</t>
  </si>
  <si>
    <t>cg07223180</t>
  </si>
  <si>
    <t>cg07243519</t>
  </si>
  <si>
    <t>cg07268021</t>
  </si>
  <si>
    <t>cg07285641</t>
  </si>
  <si>
    <t>cg07288445</t>
  </si>
  <si>
    <t>cg07296855</t>
  </si>
  <si>
    <t>cg07305263</t>
  </si>
  <si>
    <t>cg07306605</t>
  </si>
  <si>
    <t>cg07310259</t>
  </si>
  <si>
    <t>cg07312701</t>
  </si>
  <si>
    <t>cg07321753</t>
  </si>
  <si>
    <t>cg07328549</t>
  </si>
  <si>
    <t>cg07338917</t>
  </si>
  <si>
    <t>cg07340007</t>
  </si>
  <si>
    <t>cg07352050</t>
  </si>
  <si>
    <t>cg07362258</t>
  </si>
  <si>
    <t>cg07364729</t>
  </si>
  <si>
    <t>cg07390023</t>
  </si>
  <si>
    <t>cg07401378</t>
  </si>
  <si>
    <t>cg07402261</t>
  </si>
  <si>
    <t>cg07423943</t>
  </si>
  <si>
    <t>cg07429908</t>
  </si>
  <si>
    <t>cg07430136</t>
  </si>
  <si>
    <t>cg07430472</t>
  </si>
  <si>
    <t>cg07440877</t>
  </si>
  <si>
    <t>cg07441659</t>
  </si>
  <si>
    <t>cg07443074</t>
  </si>
  <si>
    <t>cg07447769</t>
  </si>
  <si>
    <t>cg07450210</t>
  </si>
  <si>
    <t>cg07456413</t>
  </si>
  <si>
    <t>cg07460717</t>
  </si>
  <si>
    <t>cg07465431</t>
  </si>
  <si>
    <t>cg07477009</t>
  </si>
  <si>
    <t>cg07479030</t>
  </si>
  <si>
    <t>cg07489869</t>
  </si>
  <si>
    <t>cg07494300</t>
  </si>
  <si>
    <t>cg07495027</t>
  </si>
  <si>
    <t>cg07495314</t>
  </si>
  <si>
    <t>cg07501233</t>
  </si>
  <si>
    <t>cg07502358</t>
  </si>
  <si>
    <t>cg07502829</t>
  </si>
  <si>
    <t>cg07505941</t>
  </si>
  <si>
    <t>cg07511098</t>
  </si>
  <si>
    <t>cg07514505</t>
  </si>
  <si>
    <t>cg07519011</t>
  </si>
  <si>
    <t>cg07525003</t>
  </si>
  <si>
    <t>cg07525764</t>
  </si>
  <si>
    <t>cg07533384</t>
  </si>
  <si>
    <t>cg07564233</t>
  </si>
  <si>
    <t>cg07564645</t>
  </si>
  <si>
    <t>cg07569385</t>
  </si>
  <si>
    <t>cg07576142</t>
  </si>
  <si>
    <t>cg07577565</t>
  </si>
  <si>
    <t>cg07601148</t>
  </si>
  <si>
    <t>cg07607269</t>
  </si>
  <si>
    <t>cg07610853</t>
  </si>
  <si>
    <t>cg07627452</t>
  </si>
  <si>
    <t>cg07629125</t>
  </si>
  <si>
    <t>cg07632571</t>
  </si>
  <si>
    <t>cg07644740</t>
  </si>
  <si>
    <t>cg07647726</t>
  </si>
  <si>
    <t>cg07647825</t>
  </si>
  <si>
    <t>cg07669776</t>
  </si>
  <si>
    <t>cg07674485</t>
  </si>
  <si>
    <t>cg07699235</t>
  </si>
  <si>
    <t>cg07705315</t>
  </si>
  <si>
    <t>cg07707072</t>
  </si>
  <si>
    <t>cg07710481</t>
  </si>
  <si>
    <t>cg07713268</t>
  </si>
  <si>
    <t>cg07735163</t>
  </si>
  <si>
    <t>cg07737814</t>
  </si>
  <si>
    <t>cg07741775</t>
  </si>
  <si>
    <t>cg07744166</t>
  </si>
  <si>
    <t>cg07749664</t>
  </si>
  <si>
    <t>cg07751277</t>
  </si>
  <si>
    <t>cg07756788</t>
  </si>
  <si>
    <t>cg07768931</t>
  </si>
  <si>
    <t>cg07780517</t>
  </si>
  <si>
    <t>cg07783491</t>
  </si>
  <si>
    <t>cg07805040</t>
  </si>
  <si>
    <t>cg07811470</t>
  </si>
  <si>
    <t>cg07827038</t>
  </si>
  <si>
    <t>cg07827107</t>
  </si>
  <si>
    <t>cg07841195</t>
  </si>
  <si>
    <t>cg07860673</t>
  </si>
  <si>
    <t>cg07869232</t>
  </si>
  <si>
    <t>cg07871500</t>
  </si>
  <si>
    <t>cg07880715</t>
  </si>
  <si>
    <t>cg07880943</t>
  </si>
  <si>
    <t>cg07890490</t>
  </si>
  <si>
    <t>cg07911080</t>
  </si>
  <si>
    <t>cg07918176</t>
  </si>
  <si>
    <t>cg07920503</t>
  </si>
  <si>
    <t>cg07921371</t>
  </si>
  <si>
    <t>cg07921625</t>
  </si>
  <si>
    <t>cg07930874</t>
  </si>
  <si>
    <t>cg07932334</t>
  </si>
  <si>
    <t>cg07935568</t>
  </si>
  <si>
    <t>cg07941927</t>
  </si>
  <si>
    <t>cg07942355</t>
  </si>
  <si>
    <t>cg07968927</t>
  </si>
  <si>
    <t>cg07974367</t>
  </si>
  <si>
    <t>cg07974719</t>
  </si>
  <si>
    <t>cg07974823</t>
  </si>
  <si>
    <t>cg07980469</t>
  </si>
  <si>
    <t>cg07998277</t>
  </si>
  <si>
    <t>cg07999090</t>
  </si>
  <si>
    <t>cg08004525</t>
  </si>
  <si>
    <t>cg08005604</t>
  </si>
  <si>
    <t>cg08009184</t>
  </si>
  <si>
    <t>cg08027792</t>
  </si>
  <si>
    <t>cg08042647</t>
  </si>
  <si>
    <t>cg08051445</t>
  </si>
  <si>
    <t>cg08057103</t>
  </si>
  <si>
    <t>cg08083901</t>
  </si>
  <si>
    <t>cg08092513</t>
  </si>
  <si>
    <t>cg08100687</t>
  </si>
  <si>
    <t>cg08104283</t>
  </si>
  <si>
    <t>cg08123903</t>
  </si>
  <si>
    <t>cg08141659</t>
  </si>
  <si>
    <t>cg08141959</t>
  </si>
  <si>
    <t>cg08143803</t>
  </si>
  <si>
    <t>cg08150568</t>
  </si>
  <si>
    <t>cg08152546</t>
  </si>
  <si>
    <t>cg08154187</t>
  </si>
  <si>
    <t>cg08157459</t>
  </si>
  <si>
    <t>cg08164233</t>
  </si>
  <si>
    <t>cg08183317</t>
  </si>
  <si>
    <t>cg08186166</t>
  </si>
  <si>
    <t>cg08193363</t>
  </si>
  <si>
    <t>cg08195842</t>
  </si>
  <si>
    <t>cg08196138</t>
  </si>
  <si>
    <t>cg08215191</t>
  </si>
  <si>
    <t>cg08216792</t>
  </si>
  <si>
    <t>cg08228917</t>
  </si>
  <si>
    <t>cg08229058</t>
  </si>
  <si>
    <t>cg08243401</t>
  </si>
  <si>
    <t>cg08266168</t>
  </si>
  <si>
    <t>cg08269911</t>
  </si>
  <si>
    <t>cg08271519</t>
  </si>
  <si>
    <t>cg08280787</t>
  </si>
  <si>
    <t>cg08289839</t>
  </si>
  <si>
    <t>cg08296176</t>
  </si>
  <si>
    <t>cg08296665</t>
  </si>
  <si>
    <t>cg08312690</t>
  </si>
  <si>
    <t>cg08321867</t>
  </si>
  <si>
    <t>cg08327151</t>
  </si>
  <si>
    <t>cg08329931</t>
  </si>
  <si>
    <t>cg08347734</t>
  </si>
  <si>
    <t>cg08347875</t>
  </si>
  <si>
    <t>cg08351085</t>
  </si>
  <si>
    <t>cg08368148</t>
  </si>
  <si>
    <t>cg08371706</t>
  </si>
  <si>
    <t>cg08378598</t>
  </si>
  <si>
    <t>cg08380164</t>
  </si>
  <si>
    <t>cg08380556</t>
  </si>
  <si>
    <t>cg08399404</t>
  </si>
  <si>
    <t>cg08402963</t>
  </si>
  <si>
    <t>cg08405286</t>
  </si>
  <si>
    <t>cg08411735</t>
  </si>
  <si>
    <t>cg08442391</t>
  </si>
  <si>
    <t>cg08447690</t>
  </si>
  <si>
    <t>cg08453322</t>
  </si>
  <si>
    <t>cg08453811</t>
  </si>
  <si>
    <t>cg08458055</t>
  </si>
  <si>
    <t>cg08464505</t>
  </si>
  <si>
    <t>cg08485071</t>
  </si>
  <si>
    <t>cg08508777</t>
  </si>
  <si>
    <t>cg08509749</t>
  </si>
  <si>
    <t>cg08514385</t>
  </si>
  <si>
    <t>cg08514779</t>
  </si>
  <si>
    <t>cg08529529</t>
  </si>
  <si>
    <t>cg08531746</t>
  </si>
  <si>
    <t>cg08533221</t>
  </si>
  <si>
    <t>cg08534628</t>
  </si>
  <si>
    <t>cg08540241</t>
  </si>
  <si>
    <t>cg08548500</t>
  </si>
  <si>
    <t>cg08554536</t>
  </si>
  <si>
    <t>cg08559772</t>
  </si>
  <si>
    <t>cg08573907</t>
  </si>
  <si>
    <t>cg08579070</t>
  </si>
  <si>
    <t>cg08585614</t>
  </si>
  <si>
    <t>cg08602346</t>
  </si>
  <si>
    <t>cg08602689</t>
  </si>
  <si>
    <t>cg08608800</t>
  </si>
  <si>
    <t>cg08614441</t>
  </si>
  <si>
    <t>cg08621473</t>
  </si>
  <si>
    <t>cg08625260</t>
  </si>
  <si>
    <t>cg08630381</t>
  </si>
  <si>
    <t>cg08634041</t>
  </si>
  <si>
    <t>cg08635097</t>
  </si>
  <si>
    <t>cg08636203</t>
  </si>
  <si>
    <t>cg08651573</t>
  </si>
  <si>
    <t>cg08655348</t>
  </si>
  <si>
    <t>cg08657587</t>
  </si>
  <si>
    <t>cg08658287</t>
  </si>
  <si>
    <t>cg08663634</t>
  </si>
  <si>
    <t>cg08667174</t>
  </si>
  <si>
    <t>cg08676975</t>
  </si>
  <si>
    <t>cg08693738</t>
  </si>
  <si>
    <t>cg08697285</t>
  </si>
  <si>
    <t>cg08701998</t>
  </si>
  <si>
    <t>cg08702007</t>
  </si>
  <si>
    <t>cg08702745</t>
  </si>
  <si>
    <t>cg08705697</t>
  </si>
  <si>
    <t>cg08714076</t>
  </si>
  <si>
    <t>cg08756033</t>
  </si>
  <si>
    <t>cg08756887</t>
  </si>
  <si>
    <t>cg08757989</t>
  </si>
  <si>
    <t>cg08776855</t>
  </si>
  <si>
    <t>cg08780680</t>
  </si>
  <si>
    <t>cg08783558</t>
  </si>
  <si>
    <t>cg08799967</t>
  </si>
  <si>
    <t>cg08800318</t>
  </si>
  <si>
    <t>cg08802513</t>
  </si>
  <si>
    <t>cg08813349</t>
  </si>
  <si>
    <t>cg08814536</t>
  </si>
  <si>
    <t>cg08831528</t>
  </si>
  <si>
    <t>cg08866633</t>
  </si>
  <si>
    <t>cg08868447</t>
  </si>
  <si>
    <t>cg08907458</t>
  </si>
  <si>
    <t>cg08910625</t>
  </si>
  <si>
    <t>cg08930878</t>
  </si>
  <si>
    <t>cg08954601</t>
  </si>
  <si>
    <t>cg08962087</t>
  </si>
  <si>
    <t>cg08983760</t>
  </si>
  <si>
    <t>cg08993368</t>
  </si>
  <si>
    <t>cg08993681</t>
  </si>
  <si>
    <t>cg09000832</t>
  </si>
  <si>
    <t>cg09003539</t>
  </si>
  <si>
    <t>cg09006749</t>
  </si>
  <si>
    <t>cg09009788</t>
  </si>
  <si>
    <t>cg09033472</t>
  </si>
  <si>
    <t>cg09037025</t>
  </si>
  <si>
    <t>cg09039367</t>
  </si>
  <si>
    <t>cg09041183</t>
  </si>
  <si>
    <t>cg09063173</t>
  </si>
  <si>
    <t>cg09075788</t>
  </si>
  <si>
    <t>cg09075968</t>
  </si>
  <si>
    <t>cg09088282</t>
  </si>
  <si>
    <t>cg09088496</t>
  </si>
  <si>
    <t>cg09095400</t>
  </si>
  <si>
    <t>cg09110502</t>
  </si>
  <si>
    <t>cg09112333</t>
  </si>
  <si>
    <t>cg09115225</t>
  </si>
  <si>
    <t>cg09129334</t>
  </si>
  <si>
    <t>cg09139491</t>
  </si>
  <si>
    <t>cg09142119</t>
  </si>
  <si>
    <t>cg09153683</t>
  </si>
  <si>
    <t>cg09158314</t>
  </si>
  <si>
    <t>cg09161542</t>
  </si>
  <si>
    <t>cg09165274</t>
  </si>
  <si>
    <t>cg09168153</t>
  </si>
  <si>
    <t>cg09169779</t>
  </si>
  <si>
    <t>cg09175641</t>
  </si>
  <si>
    <t>cg09185773</t>
  </si>
  <si>
    <t>cg09195234</t>
  </si>
  <si>
    <t>cg09196449</t>
  </si>
  <si>
    <t>cg09202971</t>
  </si>
  <si>
    <t>cg09203961</t>
  </si>
  <si>
    <t>cg09214535</t>
  </si>
  <si>
    <t>cg09225948</t>
  </si>
  <si>
    <t>cg09226461</t>
  </si>
  <si>
    <t>cg09244312</t>
  </si>
  <si>
    <t>cg09246924</t>
  </si>
  <si>
    <t>cg09253679</t>
  </si>
  <si>
    <t>cg09258993</t>
  </si>
  <si>
    <t>cg09264623</t>
  </si>
  <si>
    <t>cg09267402</t>
  </si>
  <si>
    <t>cg09274418</t>
  </si>
  <si>
    <t>cg09275291</t>
  </si>
  <si>
    <t>cg09276355</t>
  </si>
  <si>
    <t>cg09276445</t>
  </si>
  <si>
    <t>cg09282289</t>
  </si>
  <si>
    <t>cg09285795</t>
  </si>
  <si>
    <t>cg09287190</t>
  </si>
  <si>
    <t>cg09291628</t>
  </si>
  <si>
    <t>cg09320746</t>
  </si>
  <si>
    <t>cg09323835</t>
  </si>
  <si>
    <t>cg09337897</t>
  </si>
  <si>
    <t>cg09338033</t>
  </si>
  <si>
    <t>cg09338645</t>
  </si>
  <si>
    <t>cg09347413</t>
  </si>
  <si>
    <t>cg09361691</t>
  </si>
  <si>
    <t>cg09367879</t>
  </si>
  <si>
    <t>cg09375377</t>
  </si>
  <si>
    <t>cg09391705</t>
  </si>
  <si>
    <t>cg09394608</t>
  </si>
  <si>
    <t>cg09400887</t>
  </si>
  <si>
    <t>cg09403274</t>
  </si>
  <si>
    <t>cg09422503</t>
  </si>
  <si>
    <t>cg09426957</t>
  </si>
  <si>
    <t>cg09428653</t>
  </si>
  <si>
    <t>cg09429391</t>
  </si>
  <si>
    <t>cg09433509</t>
  </si>
  <si>
    <t>cg09434115</t>
  </si>
  <si>
    <t>cg09438075</t>
  </si>
  <si>
    <t>cg09438955</t>
  </si>
  <si>
    <t>cg09448088</t>
  </si>
  <si>
    <t>cg09460553</t>
  </si>
  <si>
    <t>cg09480162</t>
  </si>
  <si>
    <t>cg09492086</t>
  </si>
  <si>
    <t>cg09498572</t>
  </si>
  <si>
    <t>cg09501049</t>
  </si>
  <si>
    <t>cg09502831</t>
  </si>
  <si>
    <t>cg09504131</t>
  </si>
  <si>
    <t>cg09507215</t>
  </si>
  <si>
    <t>cg09508934</t>
  </si>
  <si>
    <t>cg09513380</t>
  </si>
  <si>
    <t>cg09517628</t>
  </si>
  <si>
    <t>cg09520794</t>
  </si>
  <si>
    <t>cg09526356</t>
  </si>
  <si>
    <t>cg09527123</t>
  </si>
  <si>
    <t>cg09527515</t>
  </si>
  <si>
    <t>cg09532726</t>
  </si>
  <si>
    <t>cg09537621</t>
  </si>
  <si>
    <t>cg09546332</t>
  </si>
  <si>
    <t>cg09556939</t>
  </si>
  <si>
    <t>cg09556940</t>
  </si>
  <si>
    <t>cg09557313</t>
  </si>
  <si>
    <t>cg09572029</t>
  </si>
  <si>
    <t>cg09582042</t>
  </si>
  <si>
    <t>cg09588074</t>
  </si>
  <si>
    <t>cg09590147</t>
  </si>
  <si>
    <t>cg09599653</t>
  </si>
  <si>
    <t>cg09603707</t>
  </si>
  <si>
    <t>cg09611287</t>
  </si>
  <si>
    <t>cg09635874</t>
  </si>
  <si>
    <t>cg09640682</t>
  </si>
  <si>
    <t>cg09641027</t>
  </si>
  <si>
    <t>cg09661430</t>
  </si>
  <si>
    <t>cg09667226</t>
  </si>
  <si>
    <t>cg09677330</t>
  </si>
  <si>
    <t>cg09679014</t>
  </si>
  <si>
    <t>cg09685250</t>
  </si>
  <si>
    <t>cg09712527</t>
  </si>
  <si>
    <t>cg09716613</t>
  </si>
  <si>
    <t>cg09719277</t>
  </si>
  <si>
    <t>cg09731087</t>
  </si>
  <si>
    <t>cg09732987</t>
  </si>
  <si>
    <t>cg09750646</t>
  </si>
  <si>
    <t>cg09752199</t>
  </si>
  <si>
    <t>cg09753013</t>
  </si>
  <si>
    <t>cg09754122</t>
  </si>
  <si>
    <t>cg09754991</t>
  </si>
  <si>
    <t>cg09769679</t>
  </si>
  <si>
    <t>cg09774198</t>
  </si>
  <si>
    <t>cg09781827</t>
  </si>
  <si>
    <t>cg09786383</t>
  </si>
  <si>
    <t>cg09788666</t>
  </si>
  <si>
    <t>cg09791681</t>
  </si>
  <si>
    <t>cg09795308</t>
  </si>
  <si>
    <t>cg09807856</t>
  </si>
  <si>
    <t>cg09809402</t>
  </si>
  <si>
    <t>cg09823679</t>
  </si>
  <si>
    <t>cg09823859</t>
  </si>
  <si>
    <t>cg09841203</t>
  </si>
  <si>
    <t>cg09846510</t>
  </si>
  <si>
    <t>cg09878269</t>
  </si>
  <si>
    <t>cg09886946</t>
  </si>
  <si>
    <t>cg09887220</t>
  </si>
  <si>
    <t>cg09887627</t>
  </si>
  <si>
    <t>cg09888049</t>
  </si>
  <si>
    <t>cg09896622</t>
  </si>
  <si>
    <t>cg09918563</t>
  </si>
  <si>
    <t>cg09940377</t>
  </si>
  <si>
    <t>cg09948879</t>
  </si>
  <si>
    <t>cg09951136</t>
  </si>
  <si>
    <t>cg09959790</t>
  </si>
  <si>
    <t>cg09972259</t>
  </si>
  <si>
    <t>cg09975219</t>
  </si>
  <si>
    <t>cg09985739</t>
  </si>
  <si>
    <t>cg09991425</t>
  </si>
  <si>
    <t>cg09993715</t>
  </si>
  <si>
    <t>cg09994022</t>
  </si>
  <si>
    <t>cg09999673</t>
  </si>
  <si>
    <t>cg09999984</t>
  </si>
  <si>
    <t>cg10001845</t>
  </si>
  <si>
    <t>cg10002066</t>
  </si>
  <si>
    <t>cg10007405</t>
  </si>
  <si>
    <t>cg10016380</t>
  </si>
  <si>
    <t>cg10023178</t>
  </si>
  <si>
    <t>cg10029411</t>
  </si>
  <si>
    <t>cg10040015</t>
  </si>
  <si>
    <t>cg10057295</t>
  </si>
  <si>
    <t>cg10067970</t>
  </si>
  <si>
    <t>cg10084370</t>
  </si>
  <si>
    <t>cg10091709</t>
  </si>
  <si>
    <t>cg10101074</t>
  </si>
  <si>
    <t>cg10102745</t>
  </si>
  <si>
    <t>cg10107929</t>
  </si>
  <si>
    <t>cg10158541</t>
  </si>
  <si>
    <t>cg10167561</t>
  </si>
  <si>
    <t>cg10172432</t>
  </si>
  <si>
    <t>cg10177180</t>
  </si>
  <si>
    <t>cg10195894</t>
  </si>
  <si>
    <t>cg10199121</t>
  </si>
  <si>
    <t>cg10208284</t>
  </si>
  <si>
    <t>cg10209992</t>
  </si>
  <si>
    <t>cg10230591</t>
  </si>
  <si>
    <t>cg10236414</t>
  </si>
  <si>
    <t>cg10238725</t>
  </si>
  <si>
    <t>cg10241697</t>
  </si>
  <si>
    <t>cg10242198</t>
  </si>
  <si>
    <t>cg10252181</t>
  </si>
  <si>
    <t>cg10258411</t>
  </si>
  <si>
    <t>cg10261641</t>
  </si>
  <si>
    <t>cg10274208</t>
  </si>
  <si>
    <t>cg10288525</t>
  </si>
  <si>
    <t>cg10289055</t>
  </si>
  <si>
    <t>cg10306485</t>
  </si>
  <si>
    <t>cg10309230</t>
  </si>
  <si>
    <t>cg10318725</t>
  </si>
  <si>
    <t>cg10319893</t>
  </si>
  <si>
    <t>cg10328297</t>
  </si>
  <si>
    <t>cg10329331</t>
  </si>
  <si>
    <t>cg10333333</t>
  </si>
  <si>
    <t>cg10350215</t>
  </si>
  <si>
    <t>cg10352205</t>
  </si>
  <si>
    <t>cg10361659</t>
  </si>
  <si>
    <t>cg10369509</t>
  </si>
  <si>
    <t>cg10370858</t>
  </si>
  <si>
    <t>cg10372829</t>
  </si>
  <si>
    <t>cg10373891</t>
  </si>
  <si>
    <t>cg10380312</t>
  </si>
  <si>
    <t>cg10385395</t>
  </si>
  <si>
    <t>cg10391629</t>
  </si>
  <si>
    <t>cg10393508</t>
  </si>
  <si>
    <t>cg10395448</t>
  </si>
  <si>
    <t>cg10395772</t>
  </si>
  <si>
    <t>cg10412231</t>
  </si>
  <si>
    <t>cg10414975</t>
  </si>
  <si>
    <t>cg10439691</t>
  </si>
  <si>
    <t>cg10448831</t>
  </si>
  <si>
    <t>cg10464775</t>
  </si>
  <si>
    <t>cg10467557</t>
  </si>
  <si>
    <t>cg10478035</t>
  </si>
  <si>
    <t>cg10488031</t>
  </si>
  <si>
    <t>cg10489588</t>
  </si>
  <si>
    <t>cg10501128</t>
  </si>
  <si>
    <t>cg10507390</t>
  </si>
  <si>
    <t>cg10512779</t>
  </si>
  <si>
    <t>cg10515950</t>
  </si>
  <si>
    <t>cg10560368</t>
  </si>
  <si>
    <t>cg10564001</t>
  </si>
  <si>
    <t>cg10566012</t>
  </si>
  <si>
    <t>cg10579624</t>
  </si>
  <si>
    <t>cg10581837</t>
  </si>
  <si>
    <t>cg10583144</t>
  </si>
  <si>
    <t>cg10584914</t>
  </si>
  <si>
    <t>cg10588503</t>
  </si>
  <si>
    <t>cg10594075</t>
  </si>
  <si>
    <t>cg10621902</t>
  </si>
  <si>
    <t>cg10624914</t>
  </si>
  <si>
    <t>cg10630457</t>
  </si>
  <si>
    <t>cg10631527</t>
  </si>
  <si>
    <t>cg10654280</t>
  </si>
  <si>
    <t>cg10656742</t>
  </si>
  <si>
    <t>cg10667166</t>
  </si>
  <si>
    <t>cg10670748</t>
  </si>
  <si>
    <t>cg10672164</t>
  </si>
  <si>
    <t>cg10675568</t>
  </si>
  <si>
    <t>cg10680966</t>
  </si>
  <si>
    <t>cg10686439</t>
  </si>
  <si>
    <t>cg10688799</t>
  </si>
  <si>
    <t>cg10694152</t>
  </si>
  <si>
    <t>cg10696437</t>
  </si>
  <si>
    <t>cg10696504</t>
  </si>
  <si>
    <t>cg10712201</t>
  </si>
  <si>
    <t>cg10722444</t>
  </si>
  <si>
    <t>cg10728060</t>
  </si>
  <si>
    <t>cg10737195</t>
  </si>
  <si>
    <t>cg10738239</t>
  </si>
  <si>
    <t>cg10741568</t>
  </si>
  <si>
    <t>cg10753283</t>
  </si>
  <si>
    <t>cg10763483</t>
  </si>
  <si>
    <t>cg10765900</t>
  </si>
  <si>
    <t>cg10779375</t>
  </si>
  <si>
    <t>cg10782668</t>
  </si>
  <si>
    <t>cg10787713</t>
  </si>
  <si>
    <t>cg10791035</t>
  </si>
  <si>
    <t>cg10792120</t>
  </si>
  <si>
    <t>cg10821841</t>
  </si>
  <si>
    <t>cg10855276</t>
  </si>
  <si>
    <t>cg10869376</t>
  </si>
  <si>
    <t>cg10875695</t>
  </si>
  <si>
    <t>cg10877050</t>
  </si>
  <si>
    <t>cg10883123</t>
  </si>
  <si>
    <t>cg10888138</t>
  </si>
  <si>
    <t>cg10904715</t>
  </si>
  <si>
    <t>cg10907237</t>
  </si>
  <si>
    <t>cg10918328</t>
  </si>
  <si>
    <t>cg10923408</t>
  </si>
  <si>
    <t>cg10936999</t>
  </si>
  <si>
    <t>cg10944097</t>
  </si>
  <si>
    <t>cg10945274</t>
  </si>
  <si>
    <t>cg10959786</t>
  </si>
  <si>
    <t>cg10962336</t>
  </si>
  <si>
    <t>cg10975000</t>
  </si>
  <si>
    <t>cg10976218</t>
  </si>
  <si>
    <t>cg10985430</t>
  </si>
  <si>
    <t>cg10998146</t>
  </si>
  <si>
    <t>cg11007120</t>
  </si>
  <si>
    <t>cg11009066</t>
  </si>
  <si>
    <t>cg11017155</t>
  </si>
  <si>
    <t>cg11017500</t>
  </si>
  <si>
    <t>cg11025972</t>
  </si>
  <si>
    <t>cg11047109</t>
  </si>
  <si>
    <t>cg11047295</t>
  </si>
  <si>
    <t>cg11051893</t>
  </si>
  <si>
    <t>cg11067829</t>
  </si>
  <si>
    <t>cg11071591</t>
  </si>
  <si>
    <t>cg11077516</t>
  </si>
  <si>
    <t>cg11079278</t>
  </si>
  <si>
    <t>cg11083457</t>
  </si>
  <si>
    <t>cg11088380</t>
  </si>
  <si>
    <t>cg11116200</t>
  </si>
  <si>
    <t>cg11134843</t>
  </si>
  <si>
    <t>cg11138095</t>
  </si>
  <si>
    <t>cg11139148</t>
  </si>
  <si>
    <t>cg11142013</t>
  </si>
  <si>
    <t>cg11147919</t>
  </si>
  <si>
    <t>cg11158441</t>
  </si>
  <si>
    <t>cg11164713</t>
  </si>
  <si>
    <t>cg11173146</t>
  </si>
  <si>
    <t>cg11195797</t>
  </si>
  <si>
    <t>cg11199713</t>
  </si>
  <si>
    <t>cg11206724</t>
  </si>
  <si>
    <t>cg11220502</t>
  </si>
  <si>
    <t>cg11227822</t>
  </si>
  <si>
    <t>cg11230083</t>
  </si>
  <si>
    <t>cg11281005</t>
  </si>
  <si>
    <t>cg11288260</t>
  </si>
  <si>
    <t>cg11291889</t>
  </si>
  <si>
    <t>cg11293355</t>
  </si>
  <si>
    <t>cg11298246</t>
  </si>
  <si>
    <t>cg11300777</t>
  </si>
  <si>
    <t>cg11310629</t>
  </si>
  <si>
    <t>cg11312408</t>
  </si>
  <si>
    <t>cg11317909</t>
  </si>
  <si>
    <t>cg11337289</t>
  </si>
  <si>
    <t>cg11342437</t>
  </si>
  <si>
    <t>cg11360522</t>
  </si>
  <si>
    <t>cg11362192</t>
  </si>
  <si>
    <t>cg11366363</t>
  </si>
  <si>
    <t>cg11377054</t>
  </si>
  <si>
    <t>cg11377088</t>
  </si>
  <si>
    <t>cg11378674</t>
  </si>
  <si>
    <t>cg11395412</t>
  </si>
  <si>
    <t>cg11408477</t>
  </si>
  <si>
    <t>cg11408480</t>
  </si>
  <si>
    <t>cg11421702</t>
  </si>
  <si>
    <t>cg11440915</t>
  </si>
  <si>
    <t>cg11453719</t>
  </si>
  <si>
    <t>cg11473104</t>
  </si>
  <si>
    <t>cg11478233</t>
  </si>
  <si>
    <t>cg11484543</t>
  </si>
  <si>
    <t>cg11504805</t>
  </si>
  <si>
    <t>cg11507052</t>
  </si>
  <si>
    <t>cg11508413</t>
  </si>
  <si>
    <t>cg11508437</t>
  </si>
  <si>
    <t>cg11514288</t>
  </si>
  <si>
    <t>cg11521563</t>
  </si>
  <si>
    <t>cg11546933</t>
  </si>
  <si>
    <t>cg11549417</t>
  </si>
  <si>
    <t>cg11553721</t>
  </si>
  <si>
    <t>cg11554975</t>
  </si>
  <si>
    <t>cg11555438</t>
  </si>
  <si>
    <t>cg11558212</t>
  </si>
  <si>
    <t>cg11568368</t>
  </si>
  <si>
    <t>cg11570656</t>
  </si>
  <si>
    <t>cg11584246</t>
  </si>
  <si>
    <t>cg11599984</t>
  </si>
  <si>
    <t>cg11605551</t>
  </si>
  <si>
    <t>cg11607604</t>
  </si>
  <si>
    <t>cg11615152</t>
  </si>
  <si>
    <t>cg11622324</t>
  </si>
  <si>
    <t>cg11626496</t>
  </si>
  <si>
    <t>cg11644891</t>
  </si>
  <si>
    <t>cg11650298</t>
  </si>
  <si>
    <t>cg11651430</t>
  </si>
  <si>
    <t>cg11654553</t>
  </si>
  <si>
    <t>cg11675178</t>
  </si>
  <si>
    <t>cg11675413</t>
  </si>
  <si>
    <t>cg11686526</t>
  </si>
  <si>
    <t>cg11686792</t>
  </si>
  <si>
    <t>cg11688093</t>
  </si>
  <si>
    <t>cg11696108</t>
  </si>
  <si>
    <t>cg11699925</t>
  </si>
  <si>
    <t>cg11708795</t>
  </si>
  <si>
    <t>cg11710912</t>
  </si>
  <si>
    <t>cg11728325</t>
  </si>
  <si>
    <t>cg11730458</t>
  </si>
  <si>
    <t>cg11742667</t>
  </si>
  <si>
    <t>cg11744351</t>
  </si>
  <si>
    <t>cg11750165</t>
  </si>
  <si>
    <t>cg11754897</t>
  </si>
  <si>
    <t>cg11755020</t>
  </si>
  <si>
    <t>cg11757352</t>
  </si>
  <si>
    <t>cg11759552</t>
  </si>
  <si>
    <t>cg11762968</t>
  </si>
  <si>
    <t>cg11765205</t>
  </si>
  <si>
    <t>cg11770527</t>
  </si>
  <si>
    <t>cg11770663</t>
  </si>
  <si>
    <t>cg11782830</t>
  </si>
  <si>
    <t>cg11784319</t>
  </si>
  <si>
    <t>cg11793562</t>
  </si>
  <si>
    <t>cg11794728</t>
  </si>
  <si>
    <t>cg11801572</t>
  </si>
  <si>
    <t>cg11801959</t>
  </si>
  <si>
    <t>cg11806672</t>
  </si>
  <si>
    <t>cg11814567</t>
  </si>
  <si>
    <t>cg11814571</t>
  </si>
  <si>
    <t>cg11827082</t>
  </si>
  <si>
    <t>cg11829616</t>
  </si>
  <si>
    <t>cg11840467</t>
  </si>
  <si>
    <t>cg11845168</t>
  </si>
  <si>
    <t>cg11853320</t>
  </si>
  <si>
    <t>cg11854491</t>
  </si>
  <si>
    <t>cg11857256</t>
  </si>
  <si>
    <t>cg11870560</t>
  </si>
  <si>
    <t>cg11875926</t>
  </si>
  <si>
    <t>cg11897736</t>
  </si>
  <si>
    <t>cg11897909</t>
  </si>
  <si>
    <t>cg11915635</t>
  </si>
  <si>
    <t>cg11919003</t>
  </si>
  <si>
    <t>cg11942548</t>
  </si>
  <si>
    <t>cg11945895</t>
  </si>
  <si>
    <t>cg11953079</t>
  </si>
  <si>
    <t>cg11968286</t>
  </si>
  <si>
    <t>cg11970797</t>
  </si>
  <si>
    <t>cg11973330</t>
  </si>
  <si>
    <t>cg11977562</t>
  </si>
  <si>
    <t>cg11987853</t>
  </si>
  <si>
    <t>cg11990630</t>
  </si>
  <si>
    <t>cg11997806</t>
  </si>
  <si>
    <t>cg12004671</t>
  </si>
  <si>
    <t>cg12006375</t>
  </si>
  <si>
    <t>cg12013443</t>
  </si>
  <si>
    <t>cg12020676</t>
  </si>
  <si>
    <t>cg12037493</t>
  </si>
  <si>
    <t>cg12053155</t>
  </si>
  <si>
    <t>cg12054869</t>
  </si>
  <si>
    <t>cg12055422</t>
  </si>
  <si>
    <t>cg12056887</t>
  </si>
  <si>
    <t>cg12064276</t>
  </si>
  <si>
    <t>cg12072690</t>
  </si>
  <si>
    <t>cg12076709</t>
  </si>
  <si>
    <t>cg12085119</t>
  </si>
  <si>
    <t>cg12097191</t>
  </si>
  <si>
    <t>cg12111104</t>
  </si>
  <si>
    <t>cg12111714</t>
  </si>
  <si>
    <t>cg12113448</t>
  </si>
  <si>
    <t>cg12120741</t>
  </si>
  <si>
    <t>cg12144573</t>
  </si>
  <si>
    <t>cg12164955</t>
  </si>
  <si>
    <t>cg12166476</t>
  </si>
  <si>
    <t>cg12171771</t>
  </si>
  <si>
    <t>cg12175106</t>
  </si>
  <si>
    <t>cg12175143</t>
  </si>
  <si>
    <t>cg12178237</t>
  </si>
  <si>
    <t>cg12187394</t>
  </si>
  <si>
    <t>cg12190306</t>
  </si>
  <si>
    <t>cg12204245</t>
  </si>
  <si>
    <t>cg12216419</t>
  </si>
  <si>
    <t>cg12221642</t>
  </si>
  <si>
    <t>cg12225854</t>
  </si>
  <si>
    <t>cg12230889</t>
  </si>
  <si>
    <t>cg12231713</t>
  </si>
  <si>
    <t>cg12234107</t>
  </si>
  <si>
    <t>cg12236156</t>
  </si>
  <si>
    <t>cg12251571</t>
  </si>
  <si>
    <t>cg12259522</t>
  </si>
  <si>
    <t>cg12261451</t>
  </si>
  <si>
    <t>cg12280407</t>
  </si>
  <si>
    <t>cg12286415</t>
  </si>
  <si>
    <t>cg12292402</t>
  </si>
  <si>
    <t>cg12297292</t>
  </si>
  <si>
    <t>cg12300725</t>
  </si>
  <si>
    <t>cg12309938</t>
  </si>
  <si>
    <t>cg12314335</t>
  </si>
  <si>
    <t>cg12316290</t>
  </si>
  <si>
    <t>cg12321193</t>
  </si>
  <si>
    <t>cg12328333</t>
  </si>
  <si>
    <t>cg12339531</t>
  </si>
  <si>
    <t>cg12351768</t>
  </si>
  <si>
    <t>cg12355681</t>
  </si>
  <si>
    <t>cg12363807</t>
  </si>
  <si>
    <t>cg12373003</t>
  </si>
  <si>
    <t>cg12376772</t>
  </si>
  <si>
    <t>cg12378831</t>
  </si>
  <si>
    <t>cg12378878</t>
  </si>
  <si>
    <t>cg12384004</t>
  </si>
  <si>
    <t>cg12397184</t>
  </si>
  <si>
    <t>cg12401058</t>
  </si>
  <si>
    <t>cg12410014</t>
  </si>
  <si>
    <t>cg12423658</t>
  </si>
  <si>
    <t>cg12424762</t>
  </si>
  <si>
    <t>cg12426653</t>
  </si>
  <si>
    <t>cg12428416</t>
  </si>
  <si>
    <t>cg12434735</t>
  </si>
  <si>
    <t>cg12437013</t>
  </si>
  <si>
    <t>cg12438547</t>
  </si>
  <si>
    <t>cg12440549</t>
  </si>
  <si>
    <t>cg12454229</t>
  </si>
  <si>
    <t>cg12458913</t>
  </si>
  <si>
    <t>cg12474090</t>
  </si>
  <si>
    <t>cg12476129</t>
  </si>
  <si>
    <t>cg12498181</t>
  </si>
  <si>
    <t>cg12511137</t>
  </si>
  <si>
    <t>cg12511487</t>
  </si>
  <si>
    <t>cg12512173</t>
  </si>
  <si>
    <t>cg12512337</t>
  </si>
  <si>
    <t>cg12525584</t>
  </si>
  <si>
    <t>cg12530665</t>
  </si>
  <si>
    <t>cg12531328</t>
  </si>
  <si>
    <t>cg12532500</t>
  </si>
  <si>
    <t>cg12537329</t>
  </si>
  <si>
    <t>cg12545687</t>
  </si>
  <si>
    <t>cg12571423</t>
  </si>
  <si>
    <t>cg12576411</t>
  </si>
  <si>
    <t>cg12578486</t>
  </si>
  <si>
    <t>cg12580893</t>
  </si>
  <si>
    <t>cg12588263</t>
  </si>
  <si>
    <t>cg12590928</t>
  </si>
  <si>
    <t>cg12598163</t>
  </si>
  <si>
    <t>cg12598338</t>
  </si>
  <si>
    <t>cg12602112</t>
  </si>
  <si>
    <t>cg12603632</t>
  </si>
  <si>
    <t>cg12606396</t>
  </si>
  <si>
    <t>cg12611013</t>
  </si>
  <si>
    <t>cg12637085</t>
  </si>
  <si>
    <t>cg12638731</t>
  </si>
  <si>
    <t>cg12648691</t>
  </si>
  <si>
    <t>cg12658929</t>
  </si>
  <si>
    <t>cg12678003</t>
  </si>
  <si>
    <t>cg12679790</t>
  </si>
  <si>
    <t>cg12682367</t>
  </si>
  <si>
    <t>cg12701088</t>
  </si>
  <si>
    <t>cg12715979</t>
  </si>
  <si>
    <t>cg12722998</t>
  </si>
  <si>
    <t>cg12736438</t>
  </si>
  <si>
    <t>cg12758082</t>
  </si>
  <si>
    <t>cg12762449</t>
  </si>
  <si>
    <t>cg12774746</t>
  </si>
  <si>
    <t>cg12781886</t>
  </si>
  <si>
    <t>cg12782491</t>
  </si>
  <si>
    <t>cg12795643</t>
  </si>
  <si>
    <t>cg12797987</t>
  </si>
  <si>
    <t>cg12815918</t>
  </si>
  <si>
    <t>cg12821539</t>
  </si>
  <si>
    <t>cg12824060</t>
  </si>
  <si>
    <t>cg12836863</t>
  </si>
  <si>
    <t>cg12847373</t>
  </si>
  <si>
    <t>cg12848131</t>
  </si>
  <si>
    <t>cg12851161</t>
  </si>
  <si>
    <t>cg12852499</t>
  </si>
  <si>
    <t>cg12861503</t>
  </si>
  <si>
    <t>cg12882693</t>
  </si>
  <si>
    <t>cg12883980</t>
  </si>
  <si>
    <t>cg12884128</t>
  </si>
  <si>
    <t>cg12885751</t>
  </si>
  <si>
    <t>cg12894250</t>
  </si>
  <si>
    <t>cg12895207</t>
  </si>
  <si>
    <t>cg12900467</t>
  </si>
  <si>
    <t>cg12906740</t>
  </si>
  <si>
    <t>cg12912869</t>
  </si>
  <si>
    <t>cg12924880</t>
  </si>
  <si>
    <t>cg12924899</t>
  </si>
  <si>
    <t>cg12925608</t>
  </si>
  <si>
    <t>cg12930920</t>
  </si>
  <si>
    <t>cg12935136</t>
  </si>
  <si>
    <t>cg12938135</t>
  </si>
  <si>
    <t>cg12939797</t>
  </si>
  <si>
    <t>cg12958966</t>
  </si>
  <si>
    <t>cg12964019</t>
  </si>
  <si>
    <t>cg12979844</t>
  </si>
  <si>
    <t>cg12983394</t>
  </si>
  <si>
    <t>cg12986037</t>
  </si>
  <si>
    <t>cg12989057</t>
  </si>
  <si>
    <t>cg12989574</t>
  </si>
  <si>
    <t>cg12999296</t>
  </si>
  <si>
    <t>cg13001878</t>
  </si>
  <si>
    <t>cg13005636</t>
  </si>
  <si>
    <t>cg13014803</t>
  </si>
  <si>
    <t>cg13029746</t>
  </si>
  <si>
    <t>cg13040693</t>
  </si>
  <si>
    <t>cg13054419</t>
  </si>
  <si>
    <t>cg13054534</t>
  </si>
  <si>
    <t>cg13055685</t>
  </si>
  <si>
    <t>cg13060997</t>
  </si>
  <si>
    <t>cg13063845</t>
  </si>
  <si>
    <t>cg13065577</t>
  </si>
  <si>
    <t>cg13073186</t>
  </si>
  <si>
    <t>cg13077608</t>
  </si>
  <si>
    <t>cg13080336</t>
  </si>
  <si>
    <t>cg13096407</t>
  </si>
  <si>
    <t>cg13096859</t>
  </si>
  <si>
    <t>cg13099542</t>
  </si>
  <si>
    <t>cg13121938</t>
  </si>
  <si>
    <t>cg13123826</t>
  </si>
  <si>
    <t>cg13146939</t>
  </si>
  <si>
    <t>cg13153049</t>
  </si>
  <si>
    <t>cg13159985</t>
  </si>
  <si>
    <t>cg13165085</t>
  </si>
  <si>
    <t>cg13176285</t>
  </si>
  <si>
    <t>cg13180105</t>
  </si>
  <si>
    <t>cg13181385</t>
  </si>
  <si>
    <t>cg13185984</t>
  </si>
  <si>
    <t>cg13193392</t>
  </si>
  <si>
    <t>cg13204699</t>
  </si>
  <si>
    <t>cg13206556</t>
  </si>
  <si>
    <t>cg13208003</t>
  </si>
  <si>
    <t>cg13222768</t>
  </si>
  <si>
    <t>cg13224139</t>
  </si>
  <si>
    <t>cg13227851</t>
  </si>
  <si>
    <t>cg13231921</t>
  </si>
  <si>
    <t>cg13232438</t>
  </si>
  <si>
    <t>cg13237343</t>
  </si>
  <si>
    <t>cg13238479</t>
  </si>
  <si>
    <t>cg13241077</t>
  </si>
  <si>
    <t>cg13244417</t>
  </si>
  <si>
    <t>cg13251181</t>
  </si>
  <si>
    <t>cg13253481</t>
  </si>
  <si>
    <t>cg13270626</t>
  </si>
  <si>
    <t>cg13282691</t>
  </si>
  <si>
    <t>cg13284026</t>
  </si>
  <si>
    <t>cg13285088</t>
  </si>
  <si>
    <t>cg13303573</t>
  </si>
  <si>
    <t>cg13306478</t>
  </si>
  <si>
    <t>cg13319468</t>
  </si>
  <si>
    <t>cg13334066</t>
  </si>
  <si>
    <t>cg13337662</t>
  </si>
  <si>
    <t>cg13338137</t>
  </si>
  <si>
    <t>cg13364389</t>
  </si>
  <si>
    <t>cg13368918</t>
  </si>
  <si>
    <t>cg13369624</t>
  </si>
  <si>
    <t>cg13398192</t>
  </si>
  <si>
    <t>cg13407881</t>
  </si>
  <si>
    <t>cg13408046</t>
  </si>
  <si>
    <t>cg13411823</t>
  </si>
  <si>
    <t>cg13415078</t>
  </si>
  <si>
    <t>cg13423666</t>
  </si>
  <si>
    <t>cg13424422</t>
  </si>
  <si>
    <t>cg13426133</t>
  </si>
  <si>
    <t>cg13427402</t>
  </si>
  <si>
    <t>cg13427421</t>
  </si>
  <si>
    <t>cg13431205</t>
  </si>
  <si>
    <t>cg13433272</t>
  </si>
  <si>
    <t>cg13434989</t>
  </si>
  <si>
    <t>cg13437361</t>
  </si>
  <si>
    <t>cg13445953</t>
  </si>
  <si>
    <t>cg13446874</t>
  </si>
  <si>
    <t>cg13450266</t>
  </si>
  <si>
    <t>cg13452162</t>
  </si>
  <si>
    <t>cg13460389</t>
  </si>
  <si>
    <t>cg13487026</t>
  </si>
  <si>
    <t>cg13515064</t>
  </si>
  <si>
    <t>cg13528344</t>
  </si>
  <si>
    <t>cg13539803</t>
  </si>
  <si>
    <t>cg13555116</t>
  </si>
  <si>
    <t>cg13557178</t>
  </si>
  <si>
    <t>cg13563519</t>
  </si>
  <si>
    <t>cg13571599</t>
  </si>
  <si>
    <t>cg13580857</t>
  </si>
  <si>
    <t>cg13589330</t>
  </si>
  <si>
    <t>cg13595212</t>
  </si>
  <si>
    <t>cg13596497</t>
  </si>
  <si>
    <t>cg13599835</t>
  </si>
  <si>
    <t>cg13614181</t>
  </si>
  <si>
    <t>cg13647831</t>
  </si>
  <si>
    <t>cg13648764</t>
  </si>
  <si>
    <t>cg13649020</t>
  </si>
  <si>
    <t>cg13672871</t>
  </si>
  <si>
    <t>cg13678584</t>
  </si>
  <si>
    <t>cg13686622</t>
  </si>
  <si>
    <t>cg13691684</t>
  </si>
  <si>
    <t>cg13697968</t>
  </si>
  <si>
    <t>cg13705518</t>
  </si>
  <si>
    <t>cg13714689</t>
  </si>
  <si>
    <t>cg13720737</t>
  </si>
  <si>
    <t>cg13733630</t>
  </si>
  <si>
    <t>cg13742462</t>
  </si>
  <si>
    <t>cg13742752</t>
  </si>
  <si>
    <t>cg13745957</t>
  </si>
  <si>
    <t>cg13752184</t>
  </si>
  <si>
    <t>cg13766096</t>
  </si>
  <si>
    <t>cg13783434</t>
  </si>
  <si>
    <t>cg13793718</t>
  </si>
  <si>
    <t>cg13806135</t>
  </si>
  <si>
    <t>cg13817545</t>
  </si>
  <si>
    <t>cg13818654</t>
  </si>
  <si>
    <t>cg13826718</t>
  </si>
  <si>
    <t>cg13830932</t>
  </si>
  <si>
    <t>cg13844402</t>
  </si>
  <si>
    <t>cg13862630</t>
  </si>
  <si>
    <t>cg13876562</t>
  </si>
  <si>
    <t>cg13897833</t>
  </si>
  <si>
    <t>cg13898318</t>
  </si>
  <si>
    <t>cg13912702</t>
  </si>
  <si>
    <t>cg13928490</t>
  </si>
  <si>
    <t>cg13936797</t>
  </si>
  <si>
    <t>cg13948652</t>
  </si>
  <si>
    <t>cg13960999</t>
  </si>
  <si>
    <t>cg13961587</t>
  </si>
  <si>
    <t>cg13975523</t>
  </si>
  <si>
    <t>cg13988338</t>
  </si>
  <si>
    <t>cg14004527</t>
  </si>
  <si>
    <t>cg14004833</t>
  </si>
  <si>
    <t>cg14005153</t>
  </si>
  <si>
    <t>cg14008143</t>
  </si>
  <si>
    <t>cg14010318</t>
  </si>
  <si>
    <t>cg14012112</t>
  </si>
  <si>
    <t>cg14012310</t>
  </si>
  <si>
    <t>cg14063945</t>
  </si>
  <si>
    <t>cg14065841</t>
  </si>
  <si>
    <t>cg14073046</t>
  </si>
  <si>
    <t>cg14089714</t>
  </si>
  <si>
    <t>cg14097773</t>
  </si>
  <si>
    <t>cg14099990</t>
  </si>
  <si>
    <t>cg14110147</t>
  </si>
  <si>
    <t>cg14114282</t>
  </si>
  <si>
    <t>cg14119999</t>
  </si>
  <si>
    <t>cg14123750</t>
  </si>
  <si>
    <t>cg14131555</t>
  </si>
  <si>
    <t>cg14131834</t>
  </si>
  <si>
    <t>cg14133014</t>
  </si>
  <si>
    <t>cg14135807</t>
  </si>
  <si>
    <t>cg14151426</t>
  </si>
  <si>
    <t>cg14162842</t>
  </si>
  <si>
    <t>cg14171414</t>
  </si>
  <si>
    <t>cg14185122</t>
  </si>
  <si>
    <t>cg14185541</t>
  </si>
  <si>
    <t>cg14187025</t>
  </si>
  <si>
    <t>cg14192037</t>
  </si>
  <si>
    <t>cg14201459</t>
  </si>
  <si>
    <t>cg14202825</t>
  </si>
  <si>
    <t>cg14204677</t>
  </si>
  <si>
    <t>cg14221264</t>
  </si>
  <si>
    <t>cg14222574</t>
  </si>
  <si>
    <t>cg14223822</t>
  </si>
  <si>
    <t>cg14227911</t>
  </si>
  <si>
    <t>cg14237148</t>
  </si>
  <si>
    <t>cg14246335</t>
  </si>
  <si>
    <t>cg14252617</t>
  </si>
  <si>
    <t>cg14256028</t>
  </si>
  <si>
    <t>cg14259556</t>
  </si>
  <si>
    <t>cg14269973</t>
  </si>
  <si>
    <t>cg14276580</t>
  </si>
  <si>
    <t>cg14289542</t>
  </si>
  <si>
    <t>cg14311251</t>
  </si>
  <si>
    <t>cg14352298</t>
  </si>
  <si>
    <t>cg14355581</t>
  </si>
  <si>
    <t>cg14367229</t>
  </si>
  <si>
    <t>cg14381255</t>
  </si>
  <si>
    <t>cg14384178</t>
  </si>
  <si>
    <t>cg14391832</t>
  </si>
  <si>
    <t>cg14392804</t>
  </si>
  <si>
    <t>cg14394662</t>
  </si>
  <si>
    <t>cg14397696</t>
  </si>
  <si>
    <t>cg14418679</t>
  </si>
  <si>
    <t>cg14420000</t>
  </si>
  <si>
    <t>cg14427009</t>
  </si>
  <si>
    <t>cg14444287</t>
  </si>
  <si>
    <t>cg14479139</t>
  </si>
  <si>
    <t>cg14482556</t>
  </si>
  <si>
    <t>cg14484885</t>
  </si>
  <si>
    <t>cg14493161</t>
  </si>
  <si>
    <t>cg14494379</t>
  </si>
  <si>
    <t>cg14495209</t>
  </si>
  <si>
    <t>cg14503636</t>
  </si>
  <si>
    <t>cg14504479</t>
  </si>
  <si>
    <t>cg14507533</t>
  </si>
  <si>
    <t>cg14510322</t>
  </si>
  <si>
    <t>cg14516632</t>
  </si>
  <si>
    <t>cg14522731</t>
  </si>
  <si>
    <t>cg14528881</t>
  </si>
  <si>
    <t>cg14537203</t>
  </si>
  <si>
    <t>cg14539231</t>
  </si>
  <si>
    <t>cg14555604</t>
  </si>
  <si>
    <t>cg14555988</t>
  </si>
  <si>
    <t>cg14572307</t>
  </si>
  <si>
    <t>cg14573645</t>
  </si>
  <si>
    <t>cg14579772</t>
  </si>
  <si>
    <t>cg14590149</t>
  </si>
  <si>
    <t>cg14591352</t>
  </si>
  <si>
    <t>cg14599091</t>
  </si>
  <si>
    <t>cg14642414</t>
  </si>
  <si>
    <t>cg14645546</t>
  </si>
  <si>
    <t>cg14649073</t>
  </si>
  <si>
    <t>cg14651504</t>
  </si>
  <si>
    <t>cg14659511</t>
  </si>
  <si>
    <t>cg14664458</t>
  </si>
  <si>
    <t>cg14667848</t>
  </si>
  <si>
    <t>cg14669226</t>
  </si>
  <si>
    <t>cg14669514</t>
  </si>
  <si>
    <t>cg14670842</t>
  </si>
  <si>
    <t>cg14675200</t>
  </si>
  <si>
    <t>cg14677983</t>
  </si>
  <si>
    <t>cg14678744</t>
  </si>
  <si>
    <t>cg14679558</t>
  </si>
  <si>
    <t>cg14691051</t>
  </si>
  <si>
    <t>cg14697268</t>
  </si>
  <si>
    <t>cg14698932</t>
  </si>
  <si>
    <t>cg14711013</t>
  </si>
  <si>
    <t>cg14716530</t>
  </si>
  <si>
    <t>cg14723014</t>
  </si>
  <si>
    <t>cg14729962</t>
  </si>
  <si>
    <t>cg14742523</t>
  </si>
  <si>
    <t>cg14744828</t>
  </si>
  <si>
    <t>cg14759482</t>
  </si>
  <si>
    <t>cg14769461</t>
  </si>
  <si>
    <t>cg14778311</t>
  </si>
  <si>
    <t>cg14778437</t>
  </si>
  <si>
    <t>cg14783051</t>
  </si>
  <si>
    <t>cg14789645</t>
  </si>
  <si>
    <t>cg14790115</t>
  </si>
  <si>
    <t>cg14808684</t>
  </si>
  <si>
    <t>cg14845091</t>
  </si>
  <si>
    <t>cg14850156</t>
  </si>
  <si>
    <t>cg14851194</t>
  </si>
  <si>
    <t>cg14854055</t>
  </si>
  <si>
    <t>cg14857764</t>
  </si>
  <si>
    <t>cg14860438</t>
  </si>
  <si>
    <t>cg14864103</t>
  </si>
  <si>
    <t>cg14884793</t>
  </si>
  <si>
    <t>cg14898263</t>
  </si>
  <si>
    <t>cg14904079</t>
  </si>
  <si>
    <t>cg14904725</t>
  </si>
  <si>
    <t>cg14925091</t>
  </si>
  <si>
    <t>cg14950829</t>
  </si>
  <si>
    <t>cg14955692</t>
  </si>
  <si>
    <t>cg14962159</t>
  </si>
  <si>
    <t>cg14966524</t>
  </si>
  <si>
    <t>cg14973588</t>
  </si>
  <si>
    <t>cg14989968</t>
  </si>
  <si>
    <t>cg15058600</t>
  </si>
  <si>
    <t>cg15061083</t>
  </si>
  <si>
    <t>cg15071251</t>
  </si>
  <si>
    <t>cg15072871</t>
  </si>
  <si>
    <t>cg15077546</t>
  </si>
  <si>
    <t>cg15082473</t>
  </si>
  <si>
    <t>cg15092152</t>
  </si>
  <si>
    <t>cg15095926</t>
  </si>
  <si>
    <t>cg15099397</t>
  </si>
  <si>
    <t>cg15105791</t>
  </si>
  <si>
    <t>cg15112032</t>
  </si>
  <si>
    <t>cg15154339</t>
  </si>
  <si>
    <t>cg15179805</t>
  </si>
  <si>
    <t>cg15179955</t>
  </si>
  <si>
    <t>cg15182360</t>
  </si>
  <si>
    <t>cg15182896</t>
  </si>
  <si>
    <t>cg15184687</t>
  </si>
  <si>
    <t>cg15188010</t>
  </si>
  <si>
    <t>cg15188434</t>
  </si>
  <si>
    <t>cg15201599</t>
  </si>
  <si>
    <t>cg15208672</t>
  </si>
  <si>
    <t>cg15209376</t>
  </si>
  <si>
    <t>cg15214605</t>
  </si>
  <si>
    <t>cg15234627</t>
  </si>
  <si>
    <t>cg15247434</t>
  </si>
  <si>
    <t>cg15249961</t>
  </si>
  <si>
    <t>cg15262516</t>
  </si>
  <si>
    <t>cg15265222</t>
  </si>
  <si>
    <t>cg15270697</t>
  </si>
  <si>
    <t>cg15270851</t>
  </si>
  <si>
    <t>cg15273279</t>
  </si>
  <si>
    <t>cg15278390</t>
  </si>
  <si>
    <t>cg15282087</t>
  </si>
  <si>
    <t>cg15283194</t>
  </si>
  <si>
    <t>cg15283287</t>
  </si>
  <si>
    <t>cg15288350</t>
  </si>
  <si>
    <t>cg15292110</t>
  </si>
  <si>
    <t>cg15295911</t>
  </si>
  <si>
    <t>cg15296871</t>
  </si>
  <si>
    <t>cg15327787</t>
  </si>
  <si>
    <t>cg15332217</t>
  </si>
  <si>
    <t>cg15338967</t>
  </si>
  <si>
    <t>cg15344726</t>
  </si>
  <si>
    <t>cg15379757</t>
  </si>
  <si>
    <t>cg15390960</t>
  </si>
  <si>
    <t>cg15398976</t>
  </si>
  <si>
    <t>cg15424477</t>
  </si>
  <si>
    <t>cg15427232</t>
  </si>
  <si>
    <t>cg15439466</t>
  </si>
  <si>
    <t>cg15439717</t>
  </si>
  <si>
    <t>cg15444621</t>
  </si>
  <si>
    <t>cg15455643</t>
  </si>
  <si>
    <t>cg15464226</t>
  </si>
  <si>
    <t>cg15468925</t>
  </si>
  <si>
    <t>cg15474318</t>
  </si>
  <si>
    <t>cg15482872</t>
  </si>
  <si>
    <t>cg15506972</t>
  </si>
  <si>
    <t>cg15513936</t>
  </si>
  <si>
    <t>cg15516583</t>
  </si>
  <si>
    <t>cg15517847</t>
  </si>
  <si>
    <t>cg15523998</t>
  </si>
  <si>
    <t>cg15535256</t>
  </si>
  <si>
    <t>cg15567853</t>
  </si>
  <si>
    <t>cg15584531</t>
  </si>
  <si>
    <t>cg15604170</t>
  </si>
  <si>
    <t>cg15604467</t>
  </si>
  <si>
    <t>cg15608301</t>
  </si>
  <si>
    <t>cg15609273</t>
  </si>
  <si>
    <t>cg15611600</t>
  </si>
  <si>
    <t>cg15616849</t>
  </si>
  <si>
    <t>cg15629235</t>
  </si>
  <si>
    <t>cg15634776</t>
  </si>
  <si>
    <t>cg15655316</t>
  </si>
  <si>
    <t>cg15665203</t>
  </si>
  <si>
    <t>cg15669196</t>
  </si>
  <si>
    <t>cg15686202</t>
  </si>
  <si>
    <t>cg15692052</t>
  </si>
  <si>
    <t>cg15694585</t>
  </si>
  <si>
    <t>cg15702437</t>
  </si>
  <si>
    <t>cg15703035</t>
  </si>
  <si>
    <t>cg15718287</t>
  </si>
  <si>
    <t>cg15726245</t>
  </si>
  <si>
    <t>cg15745910</t>
  </si>
  <si>
    <t>cg15747390</t>
  </si>
  <si>
    <t>cg15764067</t>
  </si>
  <si>
    <t>cg15770278</t>
  </si>
  <si>
    <t>cg15771511</t>
  </si>
  <si>
    <t>cg15773704</t>
  </si>
  <si>
    <t>cg15792252</t>
  </si>
  <si>
    <t>cg15800975</t>
  </si>
  <si>
    <t>cg15806271</t>
  </si>
  <si>
    <t>cg15806588</t>
  </si>
  <si>
    <t>cg15807314</t>
  </si>
  <si>
    <t>cg15809633</t>
  </si>
  <si>
    <t>cg15828353</t>
  </si>
  <si>
    <t>cg15829092</t>
  </si>
  <si>
    <t>cg15830441</t>
  </si>
  <si>
    <t>cg15833007</t>
  </si>
  <si>
    <t>cg15836660</t>
  </si>
  <si>
    <t>cg15838122</t>
  </si>
  <si>
    <t>cg15839219</t>
  </si>
  <si>
    <t>cg15842502</t>
  </si>
  <si>
    <t>cg15856748</t>
  </si>
  <si>
    <t>cg15865175</t>
  </si>
  <si>
    <t>cg15866367</t>
  </si>
  <si>
    <t>cg15868692</t>
  </si>
  <si>
    <t>cg15880501</t>
  </si>
  <si>
    <t>cg15882591</t>
  </si>
  <si>
    <t>cg15887927</t>
  </si>
  <si>
    <t>cg15896084</t>
  </si>
  <si>
    <t>cg15896151</t>
  </si>
  <si>
    <t>cg15901783</t>
  </si>
  <si>
    <t>cg15907473</t>
  </si>
  <si>
    <t>cg15914766</t>
  </si>
  <si>
    <t>cg15920453</t>
  </si>
  <si>
    <t>cg15946212</t>
  </si>
  <si>
    <t>cg15946545</t>
  </si>
  <si>
    <t>cg15952963</t>
  </si>
  <si>
    <t>cg15955521</t>
  </si>
  <si>
    <t>cg15958034</t>
  </si>
  <si>
    <t>cg15961466</t>
  </si>
  <si>
    <t>cg15971157</t>
  </si>
  <si>
    <t>cg15978017</t>
  </si>
  <si>
    <t>cg15980707</t>
  </si>
  <si>
    <t>cg15982595</t>
  </si>
  <si>
    <t>cg15988287</t>
  </si>
  <si>
    <t>cg16000832</t>
  </si>
  <si>
    <t>cg16005145</t>
  </si>
  <si>
    <t>cg16021126</t>
  </si>
  <si>
    <t>cg16022315</t>
  </si>
  <si>
    <t>cg16025035</t>
  </si>
  <si>
    <t>cg16027761</t>
  </si>
  <si>
    <t>cg16037679</t>
  </si>
  <si>
    <t>cg16041090</t>
  </si>
  <si>
    <t>cg16042212</t>
  </si>
  <si>
    <t>cg16046375</t>
  </si>
  <si>
    <t>cg16055945</t>
  </si>
  <si>
    <t>cg16068196</t>
  </si>
  <si>
    <t>cg16069359</t>
  </si>
  <si>
    <t>cg16085744</t>
  </si>
  <si>
    <t>cg16093951</t>
  </si>
  <si>
    <t>cg16096766</t>
  </si>
  <si>
    <t>cg16105906</t>
  </si>
  <si>
    <t>cg16110809</t>
  </si>
  <si>
    <t>cg16114640</t>
  </si>
  <si>
    <t>cg16139934</t>
  </si>
  <si>
    <t>cg16140179</t>
  </si>
  <si>
    <t>cg16153267</t>
  </si>
  <si>
    <t>cg16153883</t>
  </si>
  <si>
    <t>cg16157980</t>
  </si>
  <si>
    <t>cg16158863</t>
  </si>
  <si>
    <t>cg16168705</t>
  </si>
  <si>
    <t>cg16178346</t>
  </si>
  <si>
    <t>cg16185666</t>
  </si>
  <si>
    <t>cg16188532</t>
  </si>
  <si>
    <t>cg16193278</t>
  </si>
  <si>
    <t>cg16194715</t>
  </si>
  <si>
    <t>cg16202484</t>
  </si>
  <si>
    <t>cg16203491</t>
  </si>
  <si>
    <t>cg16210355</t>
  </si>
  <si>
    <t>cg16213217</t>
  </si>
  <si>
    <t>cg16222848</t>
  </si>
  <si>
    <t>cg16236672</t>
  </si>
  <si>
    <t>cg16238149</t>
  </si>
  <si>
    <t>cg16257685</t>
  </si>
  <si>
    <t>cg16264004</t>
  </si>
  <si>
    <t>cg16269010</t>
  </si>
  <si>
    <t>cg16276348</t>
  </si>
  <si>
    <t>cg16290689</t>
  </si>
  <si>
    <t>cg16293118</t>
  </si>
  <si>
    <t>cg16301924</t>
  </si>
  <si>
    <t>cg16311158</t>
  </si>
  <si>
    <t>cg16328172</t>
  </si>
  <si>
    <t>cg16368059</t>
  </si>
  <si>
    <t>cg16384137</t>
  </si>
  <si>
    <t>cg16403250</t>
  </si>
  <si>
    <t>cg16409650</t>
  </si>
  <si>
    <t>cg16427670</t>
  </si>
  <si>
    <t>cg16436782</t>
  </si>
  <si>
    <t>cg16446346</t>
  </si>
  <si>
    <t>cg16497431</t>
  </si>
  <si>
    <t>cg16509445</t>
  </si>
  <si>
    <t>cg16513167</t>
  </si>
  <si>
    <t>cg16521443</t>
  </si>
  <si>
    <t>cg16522412</t>
  </si>
  <si>
    <t>cg16522684</t>
  </si>
  <si>
    <t>cg16533672</t>
  </si>
  <si>
    <t>cg16543390</t>
  </si>
  <si>
    <t>cg16547450</t>
  </si>
  <si>
    <t>cg16550606</t>
  </si>
  <si>
    <t>cg16551349</t>
  </si>
  <si>
    <t>cg16551481</t>
  </si>
  <si>
    <t>cg16564828</t>
  </si>
  <si>
    <t>cg16568571</t>
  </si>
  <si>
    <t>cg16573701</t>
  </si>
  <si>
    <t>cg16578825</t>
  </si>
  <si>
    <t>cg16584172</t>
  </si>
  <si>
    <t>cg16591502</t>
  </si>
  <si>
    <t>cg16627905</t>
  </si>
  <si>
    <t>cg16628243</t>
  </si>
  <si>
    <t>cg16634108</t>
  </si>
  <si>
    <t>cg16637188</t>
  </si>
  <si>
    <t>cg16639691</t>
  </si>
  <si>
    <t>cg16645705</t>
  </si>
  <si>
    <t>cg16658557</t>
  </si>
  <si>
    <t>cg16664537</t>
  </si>
  <si>
    <t>cg16666935</t>
  </si>
  <si>
    <t>cg16667687</t>
  </si>
  <si>
    <t>cg16671238</t>
  </si>
  <si>
    <t>cg16671370</t>
  </si>
  <si>
    <t>cg16685607</t>
  </si>
  <si>
    <t>cg16689267</t>
  </si>
  <si>
    <t>cg16689942</t>
  </si>
  <si>
    <t>cg16692277</t>
  </si>
  <si>
    <t>cg16701048</t>
  </si>
  <si>
    <t>cg16705097</t>
  </si>
  <si>
    <t>cg16708465</t>
  </si>
  <si>
    <t>cg16711597</t>
  </si>
  <si>
    <t>cg16727923</t>
  </si>
  <si>
    <t>cg16728323</t>
  </si>
  <si>
    <t>cg16749186</t>
  </si>
  <si>
    <t>cg16754145</t>
  </si>
  <si>
    <t>cg16766325</t>
  </si>
  <si>
    <t>cg16775678</t>
  </si>
  <si>
    <t>cg16786274</t>
  </si>
  <si>
    <t>cg16787483</t>
  </si>
  <si>
    <t>cg16797691</t>
  </si>
  <si>
    <t>cg16813662</t>
  </si>
  <si>
    <t>cg16822035</t>
  </si>
  <si>
    <t>cg16823535</t>
  </si>
  <si>
    <t>cg16848984</t>
  </si>
  <si>
    <t>cg16877681</t>
  </si>
  <si>
    <t>cg16878088</t>
  </si>
  <si>
    <t>cg16921529</t>
  </si>
  <si>
    <t>cg16924565</t>
  </si>
  <si>
    <t>cg16925970</t>
  </si>
  <si>
    <t>cg16930325</t>
  </si>
  <si>
    <t>cg16930746</t>
  </si>
  <si>
    <t>cg16935849</t>
  </si>
  <si>
    <t>cg16941656</t>
  </si>
  <si>
    <t>cg16947791</t>
  </si>
  <si>
    <t>cg16956501</t>
  </si>
  <si>
    <t>cg16967820</t>
  </si>
  <si>
    <t>cg16969872</t>
  </si>
  <si>
    <t>cg16977304</t>
  </si>
  <si>
    <t>cg16985320</t>
  </si>
  <si>
    <t>cg16989646</t>
  </si>
  <si>
    <t>cg17015340</t>
  </si>
  <si>
    <t>cg17045389</t>
  </si>
  <si>
    <t>cg17048363</t>
  </si>
  <si>
    <t>cg17056618</t>
  </si>
  <si>
    <t>cg17058676</t>
  </si>
  <si>
    <t>cg17059510</t>
  </si>
  <si>
    <t>cg17071063</t>
  </si>
  <si>
    <t>cg17082026</t>
  </si>
  <si>
    <t>cg17092340</t>
  </si>
  <si>
    <t>cg17092935</t>
  </si>
  <si>
    <t>cg17113476</t>
  </si>
  <si>
    <t>cg17114573</t>
  </si>
  <si>
    <t>cg17132719</t>
  </si>
  <si>
    <t>cg17163949</t>
  </si>
  <si>
    <t>cg17171260</t>
  </si>
  <si>
    <t>cg17176619</t>
  </si>
  <si>
    <t>cg17178748</t>
  </si>
  <si>
    <t>cg17180284</t>
  </si>
  <si>
    <t>cg17181336</t>
  </si>
  <si>
    <t>cg17183991</t>
  </si>
  <si>
    <t>cg17186025</t>
  </si>
  <si>
    <t>cg17188384</t>
  </si>
  <si>
    <t>cg17200049</t>
  </si>
  <si>
    <t>cg17205254</t>
  </si>
  <si>
    <t>cg17205928</t>
  </si>
  <si>
    <t>cg17215831</t>
  </si>
  <si>
    <t>cg17226947</t>
  </si>
  <si>
    <t>cg17242608</t>
  </si>
  <si>
    <t>cg17284326</t>
  </si>
  <si>
    <t>cg17288288</t>
  </si>
  <si>
    <t>cg17292667</t>
  </si>
  <si>
    <t>cg17296589</t>
  </si>
  <si>
    <t>cg17302665</t>
  </si>
  <si>
    <t>cg17308852</t>
  </si>
  <si>
    <t>cg17314961</t>
  </si>
  <si>
    <t>cg17319774</t>
  </si>
  <si>
    <t>cg17322553</t>
  </si>
  <si>
    <t>cg17329202</t>
  </si>
  <si>
    <t>cg17350349</t>
  </si>
  <si>
    <t>cg17352540</t>
  </si>
  <si>
    <t>cg17363387</t>
  </si>
  <si>
    <t>cg17376609</t>
  </si>
  <si>
    <t>cg17380039</t>
  </si>
  <si>
    <t>cg17387979</t>
  </si>
  <si>
    <t>cg17410857</t>
  </si>
  <si>
    <t>cg17411031</t>
  </si>
  <si>
    <t>cg17412964</t>
  </si>
  <si>
    <t>cg17417049</t>
  </si>
  <si>
    <t>cg17417291</t>
  </si>
  <si>
    <t>cg17423597</t>
  </si>
  <si>
    <t>cg17429243</t>
  </si>
  <si>
    <t>cg17432380</t>
  </si>
  <si>
    <t>cg17436805</t>
  </si>
  <si>
    <t>cg17440939</t>
  </si>
  <si>
    <t>cg17453252</t>
  </si>
  <si>
    <t>cg17464815</t>
  </si>
  <si>
    <t>cg17479245</t>
  </si>
  <si>
    <t>cg17487894</t>
  </si>
  <si>
    <t>cg17488929</t>
  </si>
  <si>
    <t>cg17491360</t>
  </si>
  <si>
    <t>cg17494199</t>
  </si>
  <si>
    <t>cg17498615</t>
  </si>
  <si>
    <t>cg17524180</t>
  </si>
  <si>
    <t>cg17524651</t>
  </si>
  <si>
    <t>cg17533550</t>
  </si>
  <si>
    <t>cg17543804</t>
  </si>
  <si>
    <t>cg17545002</t>
  </si>
  <si>
    <t>cg17545853</t>
  </si>
  <si>
    <t>cg17558062</t>
  </si>
  <si>
    <t>cg17575446</t>
  </si>
  <si>
    <t>cg17576736</t>
  </si>
  <si>
    <t>cg17586984</t>
  </si>
  <si>
    <t>cg17588096</t>
  </si>
  <si>
    <t>cg17588723</t>
  </si>
  <si>
    <t>cg17589836</t>
  </si>
  <si>
    <t>cg17596359</t>
  </si>
  <si>
    <t>cg17607298</t>
  </si>
  <si>
    <t>cg17633592</t>
  </si>
  <si>
    <t>cg17635953</t>
  </si>
  <si>
    <t>cg17643624</t>
  </si>
  <si>
    <t>cg17653405</t>
  </si>
  <si>
    <t>cg17667145</t>
  </si>
  <si>
    <t>cg17667595</t>
  </si>
  <si>
    <t>cg17674640</t>
  </si>
  <si>
    <t>cg17687367</t>
  </si>
  <si>
    <t>cg17707487</t>
  </si>
  <si>
    <t>cg17713780</t>
  </si>
  <si>
    <t>cg17718899</t>
  </si>
  <si>
    <t>cg17729668</t>
  </si>
  <si>
    <t>cg17740399</t>
  </si>
  <si>
    <t>cg17771150</t>
  </si>
  <si>
    <t>cg17774539</t>
  </si>
  <si>
    <t>cg17793608</t>
  </si>
  <si>
    <t>cg17802364</t>
  </si>
  <si>
    <t>cg17810588</t>
  </si>
  <si>
    <t>cg17832277</t>
  </si>
  <si>
    <t>cg17832917</t>
  </si>
  <si>
    <t>cg17835016</t>
  </si>
  <si>
    <t>cg17850880</t>
  </si>
  <si>
    <t>cg17852997</t>
  </si>
  <si>
    <t>cg17855016</t>
  </si>
  <si>
    <t>cg17872838</t>
  </si>
  <si>
    <t>cg17873456</t>
  </si>
  <si>
    <t>cg17882660</t>
  </si>
  <si>
    <t>cg17890983</t>
  </si>
  <si>
    <t>cg17900127</t>
  </si>
  <si>
    <t>cg17903776</t>
  </si>
  <si>
    <t>cg17904786</t>
  </si>
  <si>
    <t>cg17904815</t>
  </si>
  <si>
    <t>cg17906786</t>
  </si>
  <si>
    <t>cg17910380</t>
  </si>
  <si>
    <t>cg17921034</t>
  </si>
  <si>
    <t>cg17922851</t>
  </si>
  <si>
    <t>cg17933512</t>
  </si>
  <si>
    <t>cg17935813</t>
  </si>
  <si>
    <t>cg17943674</t>
  </si>
  <si>
    <t>cg17957186</t>
  </si>
  <si>
    <t>cg17984935</t>
  </si>
  <si>
    <t>cg17989496</t>
  </si>
  <si>
    <t>cg18002116</t>
  </si>
  <si>
    <t>cg18003135</t>
  </si>
  <si>
    <t>cg18004003</t>
  </si>
  <si>
    <t>cg18021101</t>
  </si>
  <si>
    <t>cg18034232</t>
  </si>
  <si>
    <t>cg18039902</t>
  </si>
  <si>
    <t>cg18052606</t>
  </si>
  <si>
    <t>cg18056695</t>
  </si>
  <si>
    <t>cg18057306</t>
  </si>
  <si>
    <t>cg18057513</t>
  </si>
  <si>
    <t>cg18080733</t>
  </si>
  <si>
    <t>cg18087256</t>
  </si>
  <si>
    <t>cg18100153</t>
  </si>
  <si>
    <t>cg18105134</t>
  </si>
  <si>
    <t>cg18107232</t>
  </si>
  <si>
    <t>cg18112431</t>
  </si>
  <si>
    <t>cg18124162</t>
  </si>
  <si>
    <t>cg18127732</t>
  </si>
  <si>
    <t>cg18143824</t>
  </si>
  <si>
    <t>cg18145090</t>
  </si>
  <si>
    <t>cg18151270</t>
  </si>
  <si>
    <t>cg18151858</t>
  </si>
  <si>
    <t>cg18157773</t>
  </si>
  <si>
    <t>cg18163144</t>
  </si>
  <si>
    <t>cg18175747</t>
  </si>
  <si>
    <t>cg18199581</t>
  </si>
  <si>
    <t>cg18200810</t>
  </si>
  <si>
    <t>cg18203974</t>
  </si>
  <si>
    <t>cg18206296</t>
  </si>
  <si>
    <t>cg18206952</t>
  </si>
  <si>
    <t>cg18212591</t>
  </si>
  <si>
    <t>cg18217346</t>
  </si>
  <si>
    <t>cg18221341</t>
  </si>
  <si>
    <t>cg18236477</t>
  </si>
  <si>
    <t>cg18247090</t>
  </si>
  <si>
    <t>cg18247638</t>
  </si>
  <si>
    <t>cg18255595</t>
  </si>
  <si>
    <t>cg18281991</t>
  </si>
  <si>
    <t>cg18282455</t>
  </si>
  <si>
    <t>cg18286201</t>
  </si>
  <si>
    <t>cg18288666</t>
  </si>
  <si>
    <t>cg18289306</t>
  </si>
  <si>
    <t>cg18305818</t>
  </si>
  <si>
    <t>cg18315960</t>
  </si>
  <si>
    <t>cg18317506</t>
  </si>
  <si>
    <t>cg18331061</t>
  </si>
  <si>
    <t>cg18335740</t>
  </si>
  <si>
    <t>cg18347762</t>
  </si>
  <si>
    <t>cg18351683</t>
  </si>
  <si>
    <t>cg18358662</t>
  </si>
  <si>
    <t>cg18368297</t>
  </si>
  <si>
    <t>cg18382389</t>
  </si>
  <si>
    <t>cg18383890</t>
  </si>
  <si>
    <t>cg18388519</t>
  </si>
  <si>
    <t>cg18392545</t>
  </si>
  <si>
    <t>cg18393014</t>
  </si>
  <si>
    <t>cg18401406</t>
  </si>
  <si>
    <t>cg18410460</t>
  </si>
  <si>
    <t>cg18410872</t>
  </si>
  <si>
    <t>cg18412546</t>
  </si>
  <si>
    <t>cg18412721</t>
  </si>
  <si>
    <t>cg18418807</t>
  </si>
  <si>
    <t>cg18425254</t>
  </si>
  <si>
    <t>cg18431640</t>
  </si>
  <si>
    <t>cg18440260</t>
  </si>
  <si>
    <t>cg18448565</t>
  </si>
  <si>
    <t>cg18457669</t>
  </si>
  <si>
    <t>cg18467922</t>
  </si>
  <si>
    <t>cg18468572</t>
  </si>
  <si>
    <t>cg18470456</t>
  </si>
  <si>
    <t>cg18475128</t>
  </si>
  <si>
    <t>cg18481241</t>
  </si>
  <si>
    <t>cg18495682</t>
  </si>
  <si>
    <t>cg18522102</t>
  </si>
  <si>
    <t>cg18528082</t>
  </si>
  <si>
    <t>cg18532273</t>
  </si>
  <si>
    <t>cg18535410</t>
  </si>
  <si>
    <t>cg18539122</t>
  </si>
  <si>
    <t>cg18542613</t>
  </si>
  <si>
    <t>cg18546006</t>
  </si>
  <si>
    <t>cg18556179</t>
  </si>
  <si>
    <t>cg18560638</t>
  </si>
  <si>
    <t>cg18575730</t>
  </si>
  <si>
    <t>cg18587973</t>
  </si>
  <si>
    <t>cg18597434</t>
  </si>
  <si>
    <t>cg18607411</t>
  </si>
  <si>
    <t>cg18628493</t>
  </si>
  <si>
    <t>cg18671854</t>
  </si>
  <si>
    <t>cg18676054</t>
  </si>
  <si>
    <t>cg18685745</t>
  </si>
  <si>
    <t>cg18686498</t>
  </si>
  <si>
    <t>cg18695221</t>
  </si>
  <si>
    <t>cg18695543</t>
  </si>
  <si>
    <t>cg18696361</t>
  </si>
  <si>
    <t>cg18696495</t>
  </si>
  <si>
    <t>cg18701807</t>
  </si>
  <si>
    <t>cg18702935</t>
  </si>
  <si>
    <t>cg18703238</t>
  </si>
  <si>
    <t>cg18711246</t>
  </si>
  <si>
    <t>cg18721406</t>
  </si>
  <si>
    <t>cg18737473</t>
  </si>
  <si>
    <t>cg18747039</t>
  </si>
  <si>
    <t>cg18755728</t>
  </si>
  <si>
    <t>cg18755783</t>
  </si>
  <si>
    <t>cg18772379</t>
  </si>
  <si>
    <t>cg18780491</t>
  </si>
  <si>
    <t>cg18815647</t>
  </si>
  <si>
    <t>cg18817318</t>
  </si>
  <si>
    <t>cg18817831</t>
  </si>
  <si>
    <t>cg18836626</t>
  </si>
  <si>
    <t>cg18840037</t>
  </si>
  <si>
    <t>cg18842310</t>
  </si>
  <si>
    <t>cg18842353</t>
  </si>
  <si>
    <t>cg18852038</t>
  </si>
  <si>
    <t>cg18855836</t>
  </si>
  <si>
    <t>cg18861112</t>
  </si>
  <si>
    <t>cg18865990</t>
  </si>
  <si>
    <t>cg18867001</t>
  </si>
  <si>
    <t>cg18869815</t>
  </si>
  <si>
    <t>cg18880946</t>
  </si>
  <si>
    <t>cg18935832</t>
  </si>
  <si>
    <t>cg18937395</t>
  </si>
  <si>
    <t>cg18942357</t>
  </si>
  <si>
    <t>cg18946226</t>
  </si>
  <si>
    <t>cg18948234</t>
  </si>
  <si>
    <t>cg18948722</t>
  </si>
  <si>
    <t>cg18950578</t>
  </si>
  <si>
    <t>cg18956714</t>
  </si>
  <si>
    <t>cg18959621</t>
  </si>
  <si>
    <t>cg18970151</t>
  </si>
  <si>
    <t>cg18971721</t>
  </si>
  <si>
    <t>cg18973863</t>
  </si>
  <si>
    <t>cg18976765</t>
  </si>
  <si>
    <t>cg18978643</t>
  </si>
  <si>
    <t>cg18997137</t>
  </si>
  <si>
    <t>cg19005168</t>
  </si>
  <si>
    <t>cg19005390</t>
  </si>
  <si>
    <t>cg19014607</t>
  </si>
  <si>
    <t>cg19022667</t>
  </si>
  <si>
    <t>cg19025435</t>
  </si>
  <si>
    <t>cg19029747</t>
  </si>
  <si>
    <t>cg19029904</t>
  </si>
  <si>
    <t>cg19034505</t>
  </si>
  <si>
    <t>cg19037555</t>
  </si>
  <si>
    <t>cg19043800</t>
  </si>
  <si>
    <t>cg19049152</t>
  </si>
  <si>
    <t>cg19053287</t>
  </si>
  <si>
    <t>cg19056833</t>
  </si>
  <si>
    <t>cg19063972</t>
  </si>
  <si>
    <t>cg19073576</t>
  </si>
  <si>
    <t>cg19082359</t>
  </si>
  <si>
    <t>cg19092045</t>
  </si>
  <si>
    <t>cg19092363</t>
  </si>
  <si>
    <t>cg19095267</t>
  </si>
  <si>
    <t>cg19096825</t>
  </si>
  <si>
    <t>cg19105241</t>
  </si>
  <si>
    <t>cg19118519</t>
  </si>
  <si>
    <t>cg19133973</t>
  </si>
  <si>
    <t>cg19138785</t>
  </si>
  <si>
    <t>cg19146001</t>
  </si>
  <si>
    <t>cg19153120</t>
  </si>
  <si>
    <t>cg19162106</t>
  </si>
  <si>
    <t>cg19174831</t>
  </si>
  <si>
    <t>cg19175822</t>
  </si>
  <si>
    <t>cg19184934</t>
  </si>
  <si>
    <t>cg19185384</t>
  </si>
  <si>
    <t>cg19190762</t>
  </si>
  <si>
    <t>cg19202687</t>
  </si>
  <si>
    <t>cg19203765</t>
  </si>
  <si>
    <t>cg19226844</t>
  </si>
  <si>
    <t>cg19234894</t>
  </si>
  <si>
    <t>cg19246801</t>
  </si>
  <si>
    <t>cg19259125</t>
  </si>
  <si>
    <t>cg19271142</t>
  </si>
  <si>
    <t>cg19272984</t>
  </si>
  <si>
    <t>cg19281363</t>
  </si>
  <si>
    <t>cg19300645</t>
  </si>
  <si>
    <t>cg19301827</t>
  </si>
  <si>
    <t>cg19304063</t>
  </si>
  <si>
    <t>cg19305424</t>
  </si>
  <si>
    <t>cg19307060</t>
  </si>
  <si>
    <t>cg19337295</t>
  </si>
  <si>
    <t>cg19349476</t>
  </si>
  <si>
    <t>cg19349920</t>
  </si>
  <si>
    <t>cg19363970</t>
  </si>
  <si>
    <t>cg19364021</t>
  </si>
  <si>
    <t>cg19364538</t>
  </si>
  <si>
    <t>cg19384997</t>
  </si>
  <si>
    <t>cg19385331</t>
  </si>
  <si>
    <t>cg19391029</t>
  </si>
  <si>
    <t>cg19397969</t>
  </si>
  <si>
    <t>cg19401819</t>
  </si>
  <si>
    <t>cg19404184</t>
  </si>
  <si>
    <t>cg19407095</t>
  </si>
  <si>
    <t>cg19409254</t>
  </si>
  <si>
    <t>cg19423472</t>
  </si>
  <si>
    <t>cg19436414</t>
  </si>
  <si>
    <t>cg19444859</t>
  </si>
  <si>
    <t>cg19445072</t>
  </si>
  <si>
    <t>cg19447496</t>
  </si>
  <si>
    <t>cg19463349</t>
  </si>
  <si>
    <t>cg19484164</t>
  </si>
  <si>
    <t>cg19502050</t>
  </si>
  <si>
    <t>cg19502122</t>
  </si>
  <si>
    <t>cg19511444</t>
  </si>
  <si>
    <t>cg19526076</t>
  </si>
  <si>
    <t>cg19526568</t>
  </si>
  <si>
    <t>cg19529471</t>
  </si>
  <si>
    <t>cg19540316</t>
  </si>
  <si>
    <t>cg19544767</t>
  </si>
  <si>
    <t>cg19576560</t>
  </si>
  <si>
    <t>cg19576806</t>
  </si>
  <si>
    <t>cg19577377</t>
  </si>
  <si>
    <t>cg19583934</t>
  </si>
  <si>
    <t>cg19587838</t>
  </si>
  <si>
    <t>cg19598875</t>
  </si>
  <si>
    <t>cg19613194</t>
  </si>
  <si>
    <t>cg19618297</t>
  </si>
  <si>
    <t>cg19629686</t>
  </si>
  <si>
    <t>cg19634711</t>
  </si>
  <si>
    <t>cg19635644</t>
  </si>
  <si>
    <t>cg19640779</t>
  </si>
  <si>
    <t>cg19649152</t>
  </si>
  <si>
    <t>cg19650157</t>
  </si>
  <si>
    <t>cg19656950</t>
  </si>
  <si>
    <t>cg19674032</t>
  </si>
  <si>
    <t>cg19693579</t>
  </si>
  <si>
    <t>cg19695599</t>
  </si>
  <si>
    <t>cg19700260</t>
  </si>
  <si>
    <t>cg19711578</t>
  </si>
  <si>
    <t>cg19712291</t>
  </si>
  <si>
    <t>cg19714332</t>
  </si>
  <si>
    <t>cg19716013</t>
  </si>
  <si>
    <t>cg19716299</t>
  </si>
  <si>
    <t>cg19742055</t>
  </si>
  <si>
    <t>cg19742623</t>
  </si>
  <si>
    <t>cg19745934</t>
  </si>
  <si>
    <t>cg19750882</t>
  </si>
  <si>
    <t>cg19759502</t>
  </si>
  <si>
    <t>cg19792403</t>
  </si>
  <si>
    <t>cg19798368</t>
  </si>
  <si>
    <t>cg19824897</t>
  </si>
  <si>
    <t>cg19825079</t>
  </si>
  <si>
    <t>cg19828063</t>
  </si>
  <si>
    <t>cg19833103</t>
  </si>
  <si>
    <t>cg19845715</t>
  </si>
  <si>
    <t>cg19861486</t>
  </si>
  <si>
    <t>cg19868495</t>
  </si>
  <si>
    <t>cg19887341</t>
  </si>
  <si>
    <t>cg19896142</t>
  </si>
  <si>
    <t>cg19900050</t>
  </si>
  <si>
    <t>cg19907326</t>
  </si>
  <si>
    <t>cg19907511</t>
  </si>
  <si>
    <t>cg19916129</t>
  </si>
  <si>
    <t>cg19916212</t>
  </si>
  <si>
    <t>cg19919692</t>
  </si>
  <si>
    <t>cg19925653</t>
  </si>
  <si>
    <t>cg19925741</t>
  </si>
  <si>
    <t>cg19928703</t>
  </si>
  <si>
    <t>cg19929646</t>
  </si>
  <si>
    <t>cg19937698</t>
  </si>
  <si>
    <t>cg19942987</t>
  </si>
  <si>
    <t>cg19948019</t>
  </si>
  <si>
    <t>cg19953847</t>
  </si>
  <si>
    <t>cg19957503</t>
  </si>
  <si>
    <t>cg19958637</t>
  </si>
  <si>
    <t>cg19963836</t>
  </si>
  <si>
    <t>cg19967511</t>
  </si>
  <si>
    <t>cg19970086</t>
  </si>
  <si>
    <t>cg19979646</t>
  </si>
  <si>
    <t>cg19981185</t>
  </si>
  <si>
    <t>cg19987425</t>
  </si>
  <si>
    <t>cg19988338</t>
  </si>
  <si>
    <t>cg20012607</t>
  </si>
  <si>
    <t>cg20013302</t>
  </si>
  <si>
    <t>cg20020057</t>
  </si>
  <si>
    <t>cg20022454</t>
  </si>
  <si>
    <t>cg20023102</t>
  </si>
  <si>
    <t>cg20027742</t>
  </si>
  <si>
    <t>cg20028827</t>
  </si>
  <si>
    <t>cg20036641</t>
  </si>
  <si>
    <t>cg20036711</t>
  </si>
  <si>
    <t>cg20039073</t>
  </si>
  <si>
    <t>cg20043969</t>
  </si>
  <si>
    <t>cg20050595</t>
  </si>
  <si>
    <t>cg20057676</t>
  </si>
  <si>
    <t>cg20066226</t>
  </si>
  <si>
    <t>cg20079766</t>
  </si>
  <si>
    <t>cg20084504</t>
  </si>
  <si>
    <t>cg20101529</t>
  </si>
  <si>
    <t>cg20103124</t>
  </si>
  <si>
    <t>cg20107668</t>
  </si>
  <si>
    <t>cg20108908</t>
  </si>
  <si>
    <t>cg20124610</t>
  </si>
  <si>
    <t>cg20129210</t>
  </si>
  <si>
    <t>cg20136959</t>
  </si>
  <si>
    <t>cg20147645</t>
  </si>
  <si>
    <t>cg20148389</t>
  </si>
  <si>
    <t>cg20149973</t>
  </si>
  <si>
    <t>cg20161771</t>
  </si>
  <si>
    <t>cg20165037</t>
  </si>
  <si>
    <t>cg20170687</t>
  </si>
  <si>
    <t>cg20188546</t>
  </si>
  <si>
    <t>cg20193057</t>
  </si>
  <si>
    <t>cg20194811</t>
  </si>
  <si>
    <t>cg20198393</t>
  </si>
  <si>
    <t>cg20203210</t>
  </si>
  <si>
    <t>cg20222321</t>
  </si>
  <si>
    <t>cg20235099</t>
  </si>
  <si>
    <t>cg20236877</t>
  </si>
  <si>
    <t>cg20241335</t>
  </si>
  <si>
    <t>cg20246907</t>
  </si>
  <si>
    <t>cg20248204</t>
  </si>
  <si>
    <t>cg20256153</t>
  </si>
  <si>
    <t>cg20260570</t>
  </si>
  <si>
    <t>cg20294319</t>
  </si>
  <si>
    <t>cg20324771</t>
  </si>
  <si>
    <t>cg20326248</t>
  </si>
  <si>
    <t>cg20329620</t>
  </si>
  <si>
    <t>cg20338386</t>
  </si>
  <si>
    <t>cg20355806</t>
  </si>
  <si>
    <t>cg20365687</t>
  </si>
  <si>
    <t>cg20366906</t>
  </si>
  <si>
    <t>cg20370864</t>
  </si>
  <si>
    <t>cg20371046</t>
  </si>
  <si>
    <t>cg20371891</t>
  </si>
  <si>
    <t>cg20374595</t>
  </si>
  <si>
    <t>cg20381975</t>
  </si>
  <si>
    <t>cg20382493</t>
  </si>
  <si>
    <t>cg20382920</t>
  </si>
  <si>
    <t>cg20399462</t>
  </si>
  <si>
    <t>cg20405019</t>
  </si>
  <si>
    <t>cg20411075</t>
  </si>
  <si>
    <t>cg20411801</t>
  </si>
  <si>
    <t>cg20424470</t>
  </si>
  <si>
    <t>cg20450058</t>
  </si>
  <si>
    <t>cg20455802</t>
  </si>
  <si>
    <t>cg20458981</t>
  </si>
  <si>
    <t>cg20472746</t>
  </si>
  <si>
    <t>cg20474972</t>
  </si>
  <si>
    <t>cg20480097</t>
  </si>
  <si>
    <t>cg20483719</t>
  </si>
  <si>
    <t>cg20486551</t>
  </si>
  <si>
    <t>cg20490811</t>
  </si>
  <si>
    <t>cg20525088</t>
  </si>
  <si>
    <t>cg20529344</t>
  </si>
  <si>
    <t>cg20535787</t>
  </si>
  <si>
    <t>cg20539175</t>
  </si>
  <si>
    <t>cg20559216</t>
  </si>
  <si>
    <t>cg20562678</t>
  </si>
  <si>
    <t>cg20566904</t>
  </si>
  <si>
    <t>cg20568402</t>
  </si>
  <si>
    <t>cg20592317</t>
  </si>
  <si>
    <t>cg20597382</t>
  </si>
  <si>
    <t>cg20617344</t>
  </si>
  <si>
    <t>cg20619751</t>
  </si>
  <si>
    <t>cg20620751</t>
  </si>
  <si>
    <t>cg20628942</t>
  </si>
  <si>
    <t>cg20630740</t>
  </si>
  <si>
    <t>cg20636249</t>
  </si>
  <si>
    <t>cg20645878</t>
  </si>
  <si>
    <t>cg20647118</t>
  </si>
  <si>
    <t>cg20651988</t>
  </si>
  <si>
    <t>cg20653375</t>
  </si>
  <si>
    <t>cg20661893</t>
  </si>
  <si>
    <t>cg20672059</t>
  </si>
  <si>
    <t>cg20689135</t>
  </si>
  <si>
    <t>cg20691205</t>
  </si>
  <si>
    <t>cg20695203</t>
  </si>
  <si>
    <t>cg20696173</t>
  </si>
  <si>
    <t>cg20708711</t>
  </si>
  <si>
    <t>cg20708856</t>
  </si>
  <si>
    <t>cg20718483</t>
  </si>
  <si>
    <t>cg20723941</t>
  </si>
  <si>
    <t>cg20731693</t>
  </si>
  <si>
    <t>cg20733077</t>
  </si>
  <si>
    <t>cg20746762</t>
  </si>
  <si>
    <t>cg20754145</t>
  </si>
  <si>
    <t>cg20754155</t>
  </si>
  <si>
    <t>cg20773767</t>
  </si>
  <si>
    <t>cg20779700</t>
  </si>
  <si>
    <t>cg20798249</t>
  </si>
  <si>
    <t>cg20810684</t>
  </si>
  <si>
    <t>cg20818806</t>
  </si>
  <si>
    <t>cg20826348</t>
  </si>
  <si>
    <t>cg20829347</t>
  </si>
  <si>
    <t>cg20834872</t>
  </si>
  <si>
    <t>cg20845305</t>
  </si>
  <si>
    <t>cg20847766</t>
  </si>
  <si>
    <t>cg20849855</t>
  </si>
  <si>
    <t>cg20850243</t>
  </si>
  <si>
    <t>cg20856545</t>
  </si>
  <si>
    <t>cg20857416</t>
  </si>
  <si>
    <t>cg20863107</t>
  </si>
  <si>
    <t>cg20865068</t>
  </si>
  <si>
    <t>cg20878925</t>
  </si>
  <si>
    <t>cg20880234</t>
  </si>
  <si>
    <t>cg20884298</t>
  </si>
  <si>
    <t>cg20895669</t>
  </si>
  <si>
    <t>cg20906165</t>
  </si>
  <si>
    <t>cg20908110</t>
  </si>
  <si>
    <t>cg20916262</t>
  </si>
  <si>
    <t>cg20923605</t>
  </si>
  <si>
    <t>cg20928950</t>
  </si>
  <si>
    <t>cg20929143</t>
  </si>
  <si>
    <t>cg20944177</t>
  </si>
  <si>
    <t>cg20945465</t>
  </si>
  <si>
    <t>cg20949342</t>
  </si>
  <si>
    <t>cg20973958</t>
  </si>
  <si>
    <t>cg20978721</t>
  </si>
  <si>
    <t>cg20985453</t>
  </si>
  <si>
    <t>cg20990359</t>
  </si>
  <si>
    <t>cg20992429</t>
  </si>
  <si>
    <t>cg20996645</t>
  </si>
  <si>
    <t>cg21000165</t>
  </si>
  <si>
    <t>cg21005830</t>
  </si>
  <si>
    <t>cg21011702</t>
  </si>
  <si>
    <t>cg21012266</t>
  </si>
  <si>
    <t>cg21017641</t>
  </si>
  <si>
    <t>cg21020944</t>
  </si>
  <si>
    <t>cg21031035</t>
  </si>
  <si>
    <t>cg21034023</t>
  </si>
  <si>
    <t>cg21052415</t>
  </si>
  <si>
    <t>cg21056788</t>
  </si>
  <si>
    <t>cg21067963</t>
  </si>
  <si>
    <t>cg21076890</t>
  </si>
  <si>
    <t>cg21081971</t>
  </si>
  <si>
    <t>cg21082644</t>
  </si>
  <si>
    <t>cg21087108</t>
  </si>
  <si>
    <t>cg21090182</t>
  </si>
  <si>
    <t>cg21090298</t>
  </si>
  <si>
    <t>cg21094405</t>
  </si>
  <si>
    <t>cg21099575</t>
  </si>
  <si>
    <t>cg21101447</t>
  </si>
  <si>
    <t>cg21101465</t>
  </si>
  <si>
    <t>cg21104040</t>
  </si>
  <si>
    <t>cg21106946</t>
  </si>
  <si>
    <t>cg21107044</t>
  </si>
  <si>
    <t>cg21121616</t>
  </si>
  <si>
    <t>cg21128460</t>
  </si>
  <si>
    <t>cg21140160</t>
  </si>
  <si>
    <t>cg21142158</t>
  </si>
  <si>
    <t>cg21143446</t>
  </si>
  <si>
    <t>cg21147944</t>
  </si>
  <si>
    <t>cg21150108</t>
  </si>
  <si>
    <t>cg21152981</t>
  </si>
  <si>
    <t>cg21157721</t>
  </si>
  <si>
    <t>cg21158935</t>
  </si>
  <si>
    <t>cg21175585</t>
  </si>
  <si>
    <t>cg21186708</t>
  </si>
  <si>
    <t>cg21226491</t>
  </si>
  <si>
    <t>cg21227771</t>
  </si>
  <si>
    <t>cg21229079</t>
  </si>
  <si>
    <t>cg21235025</t>
  </si>
  <si>
    <t>cg21236457</t>
  </si>
  <si>
    <t>cg21243846</t>
  </si>
  <si>
    <t>cg21245453</t>
  </si>
  <si>
    <t>cg21253130</t>
  </si>
  <si>
    <t>cg21271681</t>
  </si>
  <si>
    <t>cg21275368</t>
  </si>
  <si>
    <t>cg21276549</t>
  </si>
  <si>
    <t>cg21278181</t>
  </si>
  <si>
    <t>cg21279874</t>
  </si>
  <si>
    <t>cg21281201</t>
  </si>
  <si>
    <t>cg21289437</t>
  </si>
  <si>
    <t>cg21294654</t>
  </si>
  <si>
    <t>cg21297704</t>
  </si>
  <si>
    <t>cg21304833</t>
  </si>
  <si>
    <t>cg21306212</t>
  </si>
  <si>
    <t>cg21358444</t>
  </si>
  <si>
    <t>cg21367957</t>
  </si>
  <si>
    <t>cg21368354</t>
  </si>
  <si>
    <t>cg21385615</t>
  </si>
  <si>
    <t>cg21386586</t>
  </si>
  <si>
    <t>cg21392700</t>
  </si>
  <si>
    <t>cg21398435</t>
  </si>
  <si>
    <t>cg21398996</t>
  </si>
  <si>
    <t>cg21432954</t>
  </si>
  <si>
    <t>cg21442182</t>
  </si>
  <si>
    <t>cg21448057</t>
  </si>
  <si>
    <t>cg21453595</t>
  </si>
  <si>
    <t>cg21464674</t>
  </si>
  <si>
    <t>cg21468932</t>
  </si>
  <si>
    <t>cg21475834</t>
  </si>
  <si>
    <t>cg21478902</t>
  </si>
  <si>
    <t>cg21483636</t>
  </si>
  <si>
    <t>cg21483842</t>
  </si>
  <si>
    <t>cg21483929</t>
  </si>
  <si>
    <t>cg21484547</t>
  </si>
  <si>
    <t>cg21495713</t>
  </si>
  <si>
    <t>cg21507807</t>
  </si>
  <si>
    <t>cg21512241</t>
  </si>
  <si>
    <t>cg21513610</t>
  </si>
  <si>
    <t>cg21513836</t>
  </si>
  <si>
    <t>cg21522289</t>
  </si>
  <si>
    <t>cg21573047</t>
  </si>
  <si>
    <t>cg21579294</t>
  </si>
  <si>
    <t>cg21582611</t>
  </si>
  <si>
    <t>cg21598343</t>
  </si>
  <si>
    <t>cg21604325</t>
  </si>
  <si>
    <t>cg21615841</t>
  </si>
  <si>
    <t>cg21627412</t>
  </si>
  <si>
    <t>cg21667244</t>
  </si>
  <si>
    <t>cg21670438</t>
  </si>
  <si>
    <t>cg21675115</t>
  </si>
  <si>
    <t>cg21683593</t>
  </si>
  <si>
    <t>cg21690645</t>
  </si>
  <si>
    <t>cg21691753</t>
  </si>
  <si>
    <t>cg21708867</t>
  </si>
  <si>
    <t>cg21710060</t>
  </si>
  <si>
    <t>cg21712331</t>
  </si>
  <si>
    <t>cg21717324</t>
  </si>
  <si>
    <t>cg21726844</t>
  </si>
  <si>
    <t>cg21755487</t>
  </si>
  <si>
    <t>cg21776794</t>
  </si>
  <si>
    <t>cg21781979</t>
  </si>
  <si>
    <t>cg21783213</t>
  </si>
  <si>
    <t>cg21790851</t>
  </si>
  <si>
    <t>cg21814667</t>
  </si>
  <si>
    <t>cg21825040</t>
  </si>
  <si>
    <t>cg21834032</t>
  </si>
  <si>
    <t>cg21839620</t>
  </si>
  <si>
    <t>cg21840233</t>
  </si>
  <si>
    <t>cg21845390</t>
  </si>
  <si>
    <t>cg21847368</t>
  </si>
  <si>
    <t>cg21858462</t>
  </si>
  <si>
    <t>cg21861953</t>
  </si>
  <si>
    <t>cg21863546</t>
  </si>
  <si>
    <t>cg21876656</t>
  </si>
  <si>
    <t>cg21878148</t>
  </si>
  <si>
    <t>cg21881093</t>
  </si>
  <si>
    <t>cg21897880</t>
  </si>
  <si>
    <t>cg21900495</t>
  </si>
  <si>
    <t>cg21914262</t>
  </si>
  <si>
    <t>cg21933664</t>
  </si>
  <si>
    <t>cg21942572</t>
  </si>
  <si>
    <t>cg21942770</t>
  </si>
  <si>
    <t>cg21950155</t>
  </si>
  <si>
    <t>cg21973667</t>
  </si>
  <si>
    <t>cg21973914</t>
  </si>
  <si>
    <t>cg22000050</t>
  </si>
  <si>
    <t>cg22000472</t>
  </si>
  <si>
    <t>cg22004422</t>
  </si>
  <si>
    <t>cg22032283</t>
  </si>
  <si>
    <t>cg22032900</t>
  </si>
  <si>
    <t>cg22054449</t>
  </si>
  <si>
    <t>cg22057720</t>
  </si>
  <si>
    <t>cg22080435</t>
  </si>
  <si>
    <t>cg22088594</t>
  </si>
  <si>
    <t>cg22103637</t>
  </si>
  <si>
    <t>cg22111723</t>
  </si>
  <si>
    <t>cg22118168</t>
  </si>
  <si>
    <t>cg22122329</t>
  </si>
  <si>
    <t>cg22122342</t>
  </si>
  <si>
    <t>cg22122715</t>
  </si>
  <si>
    <t>cg22124136</t>
  </si>
  <si>
    <t>cg22131172</t>
  </si>
  <si>
    <t>cg22134823</t>
  </si>
  <si>
    <t>cg22138327</t>
  </si>
  <si>
    <t>cg22138573</t>
  </si>
  <si>
    <t>cg22141111</t>
  </si>
  <si>
    <t>cg22154447</t>
  </si>
  <si>
    <t>cg22155786</t>
  </si>
  <si>
    <t>cg22167763</t>
  </si>
  <si>
    <t>cg22168205</t>
  </si>
  <si>
    <t>cg22170732</t>
  </si>
  <si>
    <t>cg22175781</t>
  </si>
  <si>
    <t>cg22176131</t>
  </si>
  <si>
    <t>cg22179082</t>
  </si>
  <si>
    <t>cg22183626</t>
  </si>
  <si>
    <t>cg22186503</t>
  </si>
  <si>
    <t>cg22216757</t>
  </si>
  <si>
    <t>cg22232704</t>
  </si>
  <si>
    <t>cg22246918</t>
  </si>
  <si>
    <t>cg22250586</t>
  </si>
  <si>
    <t>cg22251048</t>
  </si>
  <si>
    <t>cg22251172</t>
  </si>
  <si>
    <t>cg22252469</t>
  </si>
  <si>
    <t>cg22253771</t>
  </si>
  <si>
    <t>cg22273355</t>
  </si>
  <si>
    <t>cg22277154</t>
  </si>
  <si>
    <t>cg22277700</t>
  </si>
  <si>
    <t>cg22301261</t>
  </si>
  <si>
    <t>cg22318010</t>
  </si>
  <si>
    <t>cg22318170</t>
  </si>
  <si>
    <t>cg22337132</t>
  </si>
  <si>
    <t>cg22355224</t>
  </si>
  <si>
    <t>cg22377389</t>
  </si>
  <si>
    <t>cg22382805</t>
  </si>
  <si>
    <t>cg22398616</t>
  </si>
  <si>
    <t>cg22410826</t>
  </si>
  <si>
    <t>cg22412649</t>
  </si>
  <si>
    <t>cg22417789</t>
  </si>
  <si>
    <t>cg22434424</t>
  </si>
  <si>
    <t>cg22436634</t>
  </si>
  <si>
    <t>cg22448433</t>
  </si>
  <si>
    <t>cg22448677</t>
  </si>
  <si>
    <t>cg22476711</t>
  </si>
  <si>
    <t>cg22489754</t>
  </si>
  <si>
    <t>cg22495636</t>
  </si>
  <si>
    <t>cg22499297</t>
  </si>
  <si>
    <t>cg22534336</t>
  </si>
  <si>
    <t>cg22535089</t>
  </si>
  <si>
    <t>cg22539738</t>
  </si>
  <si>
    <t>cg22542803</t>
  </si>
  <si>
    <t>cg22547286</t>
  </si>
  <si>
    <t>cg22550869</t>
  </si>
  <si>
    <t>cg22571393</t>
  </si>
  <si>
    <t>cg22575966</t>
  </si>
  <si>
    <t>cg22579841</t>
  </si>
  <si>
    <t>cg22584645</t>
  </si>
  <si>
    <t>cg22589169</t>
  </si>
  <si>
    <t>cg22591875</t>
  </si>
  <si>
    <t>cg22593432</t>
  </si>
  <si>
    <t>cg22600945</t>
  </si>
  <si>
    <t>cg22603243</t>
  </si>
  <si>
    <t>cg22609576</t>
  </si>
  <si>
    <t>cg22615203</t>
  </si>
  <si>
    <t>cg22617002</t>
  </si>
  <si>
    <t>cg22619767</t>
  </si>
  <si>
    <t>cg22627570</t>
  </si>
  <si>
    <t>cg22631818</t>
  </si>
  <si>
    <t>cg22656705</t>
  </si>
  <si>
    <t>cg22658229</t>
  </si>
  <si>
    <t>cg22659014</t>
  </si>
  <si>
    <t>cg22667178</t>
  </si>
  <si>
    <t>cg22675150</t>
  </si>
  <si>
    <t>cg22699084</t>
  </si>
  <si>
    <t>cg22708087</t>
  </si>
  <si>
    <t>cg22709985</t>
  </si>
  <si>
    <t>cg22713850</t>
  </si>
  <si>
    <t>cg22719334</t>
  </si>
  <si>
    <t>cg22721951</t>
  </si>
  <si>
    <t>cg22725830</t>
  </si>
  <si>
    <t>cg22725947</t>
  </si>
  <si>
    <t>cg22731513</t>
  </si>
  <si>
    <t>cg22732615</t>
  </si>
  <si>
    <t>cg22767461</t>
  </si>
  <si>
    <t>cg22771759</t>
  </si>
  <si>
    <t>cg22772180</t>
  </si>
  <si>
    <t>cg22781236</t>
  </si>
  <si>
    <t>cg22790835</t>
  </si>
  <si>
    <t>cg22790924</t>
  </si>
  <si>
    <t>cg22794983</t>
  </si>
  <si>
    <t>cg22798384</t>
  </si>
  <si>
    <t>cg22804362</t>
  </si>
  <si>
    <t>cg22831315</t>
  </si>
  <si>
    <t>cg22840780</t>
  </si>
  <si>
    <t>cg22856141</t>
  </si>
  <si>
    <t>cg22862734</t>
  </si>
  <si>
    <t>cg22871529</t>
  </si>
  <si>
    <t>cg22898745</t>
  </si>
  <si>
    <t>cg22902964</t>
  </si>
  <si>
    <t>cg22921229</t>
  </si>
  <si>
    <t>cg22923006</t>
  </si>
  <si>
    <t>cg22924269</t>
  </si>
  <si>
    <t>cg22926686</t>
  </si>
  <si>
    <t>cg22936975</t>
  </si>
  <si>
    <t>cg22942528</t>
  </si>
  <si>
    <t>cg22945824</t>
  </si>
  <si>
    <t>cg22948337</t>
  </si>
  <si>
    <t>cg22956205</t>
  </si>
  <si>
    <t>cg22958605</t>
  </si>
  <si>
    <t>cg22976884</t>
  </si>
  <si>
    <t>cg22981175</t>
  </si>
  <si>
    <t>cg22982536</t>
  </si>
  <si>
    <t>cg23002238</t>
  </si>
  <si>
    <t>cg23003890</t>
  </si>
  <si>
    <t>cg23013564</t>
  </si>
  <si>
    <t>cg23019745</t>
  </si>
  <si>
    <t>cg23024102</t>
  </si>
  <si>
    <t>cg23028693</t>
  </si>
  <si>
    <t>cg23030853</t>
  </si>
  <si>
    <t>cg23032393</t>
  </si>
  <si>
    <t>cg23036804</t>
  </si>
  <si>
    <t>cg23037133</t>
  </si>
  <si>
    <t>cg23056157</t>
  </si>
  <si>
    <t>cg23059689</t>
  </si>
  <si>
    <t>cg23072921</t>
  </si>
  <si>
    <t>cg23082003</t>
  </si>
  <si>
    <t>cg23090270</t>
  </si>
  <si>
    <t>cg23098661</t>
  </si>
  <si>
    <t>cg23100493</t>
  </si>
  <si>
    <t>cg23103367</t>
  </si>
  <si>
    <t>cg23104954</t>
  </si>
  <si>
    <t>cg23111830</t>
  </si>
  <si>
    <t>cg23112464</t>
  </si>
  <si>
    <t>cg23125970</t>
  </si>
  <si>
    <t>cg23135900</t>
  </si>
  <si>
    <t>cg23137039</t>
  </si>
  <si>
    <t>cg23137531</t>
  </si>
  <si>
    <t>cg23146998</t>
  </si>
  <si>
    <t>cg23153481</t>
  </si>
  <si>
    <t>cg23168397</t>
  </si>
  <si>
    <t>cg23172057</t>
  </si>
  <si>
    <t>cg23186823</t>
  </si>
  <si>
    <t>cg23202985</t>
  </si>
  <si>
    <t>cg23211791</t>
  </si>
  <si>
    <t>cg23213230</t>
  </si>
  <si>
    <t>cg23223978</t>
  </si>
  <si>
    <t>cg23228451</t>
  </si>
  <si>
    <t>cg23228745</t>
  </si>
  <si>
    <t>cg23235217</t>
  </si>
  <si>
    <t>cg23241772</t>
  </si>
  <si>
    <t>cg23244605</t>
  </si>
  <si>
    <t>cg23267558</t>
  </si>
  <si>
    <t>cg23273843</t>
  </si>
  <si>
    <t>cg23282559</t>
  </si>
  <si>
    <t>cg23299218</t>
  </si>
  <si>
    <t>cg23309046</t>
  </si>
  <si>
    <t>cg23314506</t>
  </si>
  <si>
    <t>cg23316360</t>
  </si>
  <si>
    <t>cg23333915</t>
  </si>
  <si>
    <t>cg23340505</t>
  </si>
  <si>
    <t>cg23352424</t>
  </si>
  <si>
    <t>cg23361092</t>
  </si>
  <si>
    <t>cg23364711</t>
  </si>
  <si>
    <t>cg23377260</t>
  </si>
  <si>
    <t>cg23378722</t>
  </si>
  <si>
    <t>cg23391368</t>
  </si>
  <si>
    <t>cg23398487</t>
  </si>
  <si>
    <t>cg23405870</t>
  </si>
  <si>
    <t>cg23411036</t>
  </si>
  <si>
    <t>cg23417523</t>
  </si>
  <si>
    <t>cg23424145</t>
  </si>
  <si>
    <t>cg23440004</t>
  </si>
  <si>
    <t>cg23441616</t>
  </si>
  <si>
    <t>cg23444418</t>
  </si>
  <si>
    <t>cg23446109</t>
  </si>
  <si>
    <t>cg23483707</t>
  </si>
  <si>
    <t>cg23498925</t>
  </si>
  <si>
    <t>cg23504522</t>
  </si>
  <si>
    <t>cg23524354</t>
  </si>
  <si>
    <t>cg23530917</t>
  </si>
  <si>
    <t>cg23551120</t>
  </si>
  <si>
    <t>cg23568643</t>
  </si>
  <si>
    <t>cg23571288</t>
  </si>
  <si>
    <t>cg23571496</t>
  </si>
  <si>
    <t>cg23588462</t>
  </si>
  <si>
    <t>cg23591152</t>
  </si>
  <si>
    <t>cg23619399</t>
  </si>
  <si>
    <t>cg23670121</t>
  </si>
  <si>
    <t>cg23674837</t>
  </si>
  <si>
    <t>cg23681440</t>
  </si>
  <si>
    <t>cg23687560</t>
  </si>
  <si>
    <t>cg23704517</t>
  </si>
  <si>
    <t>cg23718462</t>
  </si>
  <si>
    <t>cg23724635</t>
  </si>
  <si>
    <t>cg23725734</t>
  </si>
  <si>
    <t>cg23743428</t>
  </si>
  <si>
    <t>cg23772843</t>
  </si>
  <si>
    <t>cg23772874</t>
  </si>
  <si>
    <t>cg23795623</t>
  </si>
  <si>
    <t>cg23802307</t>
  </si>
  <si>
    <t>cg23814365</t>
  </si>
  <si>
    <t>cg23819016</t>
  </si>
  <si>
    <t>cg23837945</t>
  </si>
  <si>
    <t>cg23840275</t>
  </si>
  <si>
    <t>cg23847185</t>
  </si>
  <si>
    <t>cg23875404</t>
  </si>
  <si>
    <t>cg23881368</t>
  </si>
  <si>
    <t>cg23883393</t>
  </si>
  <si>
    <t>cg23886165</t>
  </si>
  <si>
    <t>cg23895558</t>
  </si>
  <si>
    <t>cg23912239</t>
  </si>
  <si>
    <t>cg23922914</t>
  </si>
  <si>
    <t>cg23938213</t>
  </si>
  <si>
    <t>cg23952644</t>
  </si>
  <si>
    <t>cg23954655</t>
  </si>
  <si>
    <t>cg23957126</t>
  </si>
  <si>
    <t>cg23975810</t>
  </si>
  <si>
    <t>cg23982868</t>
  </si>
  <si>
    <t>cg23986133</t>
  </si>
  <si>
    <t>cg23990624</t>
  </si>
  <si>
    <t>cg23990682</t>
  </si>
  <si>
    <t>cg24009030</t>
  </si>
  <si>
    <t>cg24013213</t>
  </si>
  <si>
    <t>cg24038780</t>
  </si>
  <si>
    <t>cg24064266</t>
  </si>
  <si>
    <t>cg24087887</t>
  </si>
  <si>
    <t>cg24096387</t>
  </si>
  <si>
    <t>cg24099680</t>
  </si>
  <si>
    <t>cg24107021</t>
  </si>
  <si>
    <t>cg24115264</t>
  </si>
  <si>
    <t>cg24115483</t>
  </si>
  <si>
    <t>cg24120728</t>
  </si>
  <si>
    <t>cg24122364</t>
  </si>
  <si>
    <t>cg24125767</t>
  </si>
  <si>
    <t>cg24135946</t>
  </si>
  <si>
    <t>cg24144105</t>
  </si>
  <si>
    <t>cg24152098</t>
  </si>
  <si>
    <t>cg24159934</t>
  </si>
  <si>
    <t>cg24164238</t>
  </si>
  <si>
    <t>cg24169486</t>
  </si>
  <si>
    <t>cg24171628</t>
  </si>
  <si>
    <t>cg24180740</t>
  </si>
  <si>
    <t>cg24199384</t>
  </si>
  <si>
    <t>cg24200165</t>
  </si>
  <si>
    <t>cg24201202</t>
  </si>
  <si>
    <t>cg24211406</t>
  </si>
  <si>
    <t>cg24219962</t>
  </si>
  <si>
    <t>cg24222324</t>
  </si>
  <si>
    <t>cg24222435</t>
  </si>
  <si>
    <t>cg24234117</t>
  </si>
  <si>
    <t>cg24234256</t>
  </si>
  <si>
    <t>cg24239329</t>
  </si>
  <si>
    <t>cg24241305</t>
  </si>
  <si>
    <t>cg24244500</t>
  </si>
  <si>
    <t>cg24247370</t>
  </si>
  <si>
    <t>cg24255796</t>
  </si>
  <si>
    <t>cg24259244</t>
  </si>
  <si>
    <t>cg24281697</t>
  </si>
  <si>
    <t>cg24282516</t>
  </si>
  <si>
    <t>cg24283836</t>
  </si>
  <si>
    <t>cg24286613</t>
  </si>
  <si>
    <t>cg24287239</t>
  </si>
  <si>
    <t>cg24289524</t>
  </si>
  <si>
    <t>cg24289821</t>
  </si>
  <si>
    <t>cg24291490</t>
  </si>
  <si>
    <t>cg24292650</t>
  </si>
  <si>
    <t>cg24296626</t>
  </si>
  <si>
    <t>cg24300038</t>
  </si>
  <si>
    <t>cg24313249</t>
  </si>
  <si>
    <t>cg24330818</t>
  </si>
  <si>
    <t>cg24366131</t>
  </si>
  <si>
    <t>cg24366314</t>
  </si>
  <si>
    <t>cg24366665</t>
  </si>
  <si>
    <t>cg24371377</t>
  </si>
  <si>
    <t>cg24371954</t>
  </si>
  <si>
    <t>cg24380653</t>
  </si>
  <si>
    <t>cg24384882</t>
  </si>
  <si>
    <t>cg24401870</t>
  </si>
  <si>
    <t>cg24413778</t>
  </si>
  <si>
    <t>cg24415688</t>
  </si>
  <si>
    <t>cg24415799</t>
  </si>
  <si>
    <t>cg24429159</t>
  </si>
  <si>
    <t>cg24434056</t>
  </si>
  <si>
    <t>cg24451081</t>
  </si>
  <si>
    <t>cg24454143</t>
  </si>
  <si>
    <t>cg24456744</t>
  </si>
  <si>
    <t>cg24458917</t>
  </si>
  <si>
    <t>cg24476569</t>
  </si>
  <si>
    <t>cg24481376</t>
  </si>
  <si>
    <t>cg24494967</t>
  </si>
  <si>
    <t>cg24509225</t>
  </si>
  <si>
    <t>cg24521747</t>
  </si>
  <si>
    <t>cg24523585</t>
  </si>
  <si>
    <t>cg24523978</t>
  </si>
  <si>
    <t>cg24526103</t>
  </si>
  <si>
    <t>cg24527452</t>
  </si>
  <si>
    <t>cg24529736</t>
  </si>
  <si>
    <t>cg24572153</t>
  </si>
  <si>
    <t>cg24577699</t>
  </si>
  <si>
    <t>cg24582934</t>
  </si>
  <si>
    <t>cg24583704</t>
  </si>
  <si>
    <t>cg24588162</t>
  </si>
  <si>
    <t>cg24588381</t>
  </si>
  <si>
    <t>cg24593688</t>
  </si>
  <si>
    <t>cg24595791</t>
  </si>
  <si>
    <t>cg24601716</t>
  </si>
  <si>
    <t>cg24608681</t>
  </si>
  <si>
    <t>cg24613375</t>
  </si>
  <si>
    <t>cg24616708</t>
  </si>
  <si>
    <t>cg24618387</t>
  </si>
  <si>
    <t>cg24623271</t>
  </si>
  <si>
    <t>cg24626752</t>
  </si>
  <si>
    <t>cg24629898</t>
  </si>
  <si>
    <t>cg24635112</t>
  </si>
  <si>
    <t>cg24670552</t>
  </si>
  <si>
    <t>cg24674215</t>
  </si>
  <si>
    <t>cg24678163</t>
  </si>
  <si>
    <t>cg24687395</t>
  </si>
  <si>
    <t>cg24690437</t>
  </si>
  <si>
    <t>cg24700462</t>
  </si>
  <si>
    <t>cg24701606</t>
  </si>
  <si>
    <t>cg24714606</t>
  </si>
  <si>
    <t>cg24719241</t>
  </si>
  <si>
    <t>cg24729352</t>
  </si>
  <si>
    <t>cg24747764</t>
  </si>
  <si>
    <t>cg24762359</t>
  </si>
  <si>
    <t>cg24766109</t>
  </si>
  <si>
    <t>cg24770161</t>
  </si>
  <si>
    <t>cg24809640</t>
  </si>
  <si>
    <t>cg24818699</t>
  </si>
  <si>
    <t>cg24821554</t>
  </si>
  <si>
    <t>cg24826645</t>
  </si>
  <si>
    <t>cg24828246</t>
  </si>
  <si>
    <t>cg24828901</t>
  </si>
  <si>
    <t>cg24844377</t>
  </si>
  <si>
    <t>cg24847541</t>
  </si>
  <si>
    <t>cg24851858</t>
  </si>
  <si>
    <t>cg24852561</t>
  </si>
  <si>
    <t>cg24855292</t>
  </si>
  <si>
    <t>cg24867247</t>
  </si>
  <si>
    <t>cg24867566</t>
  </si>
  <si>
    <t>cg24872268</t>
  </si>
  <si>
    <t>cg24877509</t>
  </si>
  <si>
    <t>cg24877616</t>
  </si>
  <si>
    <t>cg24891133</t>
  </si>
  <si>
    <t>cg24902113</t>
  </si>
  <si>
    <t>cg24909737</t>
  </si>
  <si>
    <t>cg24911545</t>
  </si>
  <si>
    <t>cg24916177</t>
  </si>
  <si>
    <t>cg24926364</t>
  </si>
  <si>
    <t>cg24929737</t>
  </si>
  <si>
    <t>cg24932628</t>
  </si>
  <si>
    <t>cg24937706</t>
  </si>
  <si>
    <t>cg24940155</t>
  </si>
  <si>
    <t>cg24966735</t>
  </si>
  <si>
    <t>cg24973289</t>
  </si>
  <si>
    <t>cg24975834</t>
  </si>
  <si>
    <t>cg24978725</t>
  </si>
  <si>
    <t>cg24981097</t>
  </si>
  <si>
    <t>cg24982697</t>
  </si>
  <si>
    <t>cg24993354</t>
  </si>
  <si>
    <t>cg24995674</t>
  </si>
  <si>
    <t>cg25008813</t>
  </si>
  <si>
    <t>cg25011650</t>
  </si>
  <si>
    <t>cg25012257</t>
  </si>
  <si>
    <t>cg25021575</t>
  </si>
  <si>
    <t>cg25028406</t>
  </si>
  <si>
    <t>cg25042075</t>
  </si>
  <si>
    <t>cg25050397</t>
  </si>
  <si>
    <t>cg25054052</t>
  </si>
  <si>
    <t>cg25057892</t>
  </si>
  <si>
    <t>cg25089982</t>
  </si>
  <si>
    <t>cg25124879</t>
  </si>
  <si>
    <t>cg25127011</t>
  </si>
  <si>
    <t>cg25139110</t>
  </si>
  <si>
    <t>cg25139619</t>
  </si>
  <si>
    <t>cg25142327</t>
  </si>
  <si>
    <t>cg25147447</t>
  </si>
  <si>
    <t>cg25151295</t>
  </si>
  <si>
    <t>cg25154699</t>
  </si>
  <si>
    <t>cg25157524</t>
  </si>
  <si>
    <t>cg25169784</t>
  </si>
  <si>
    <t>cg25179758</t>
  </si>
  <si>
    <t>cg25188032</t>
  </si>
  <si>
    <t>cg25189873</t>
  </si>
  <si>
    <t>cg25194273</t>
  </si>
  <si>
    <t>cg25202503</t>
  </si>
  <si>
    <t>cg25204172</t>
  </si>
  <si>
    <t>cg25205321</t>
  </si>
  <si>
    <t>cg25205727</t>
  </si>
  <si>
    <t>cg25233555</t>
  </si>
  <si>
    <t>cg25247122</t>
  </si>
  <si>
    <t>cg25251738</t>
  </si>
  <si>
    <t>cg25252255</t>
  </si>
  <si>
    <t>cg25253705</t>
  </si>
  <si>
    <t>cg25265519</t>
  </si>
  <si>
    <t>cg25274185</t>
  </si>
  <si>
    <t>cg25285236</t>
  </si>
  <si>
    <t>cg25287211</t>
  </si>
  <si>
    <t>cg25292967</t>
  </si>
  <si>
    <t>cg25296860</t>
  </si>
  <si>
    <t>cg25303831</t>
  </si>
  <si>
    <t>cg25304198</t>
  </si>
  <si>
    <t>cg25307724</t>
  </si>
  <si>
    <t>cg25310555</t>
  </si>
  <si>
    <t>cg25312054</t>
  </si>
  <si>
    <t>cg25319237</t>
  </si>
  <si>
    <t>cg25319276</t>
  </si>
  <si>
    <t>cg25320816</t>
  </si>
  <si>
    <t>cg25321781</t>
  </si>
  <si>
    <t>cg25323360</t>
  </si>
  <si>
    <t>cg25324786</t>
  </si>
  <si>
    <t>cg25328417</t>
  </si>
  <si>
    <t>cg25329939</t>
  </si>
  <si>
    <t>cg25334575</t>
  </si>
  <si>
    <t>cg25352477</t>
  </si>
  <si>
    <t>cg25370567</t>
  </si>
  <si>
    <t>cg25377744</t>
  </si>
  <si>
    <t>cg25384556</t>
  </si>
  <si>
    <t>cg25401621</t>
  </si>
  <si>
    <t>cg25405807</t>
  </si>
  <si>
    <t>cg25422943</t>
  </si>
  <si>
    <t>cg25424029</t>
  </si>
  <si>
    <t>cg25439867</t>
  </si>
  <si>
    <t>cg25440131</t>
  </si>
  <si>
    <t>cg25446577</t>
  </si>
  <si>
    <t>cg25454681</t>
  </si>
  <si>
    <t>cg25467521</t>
  </si>
  <si>
    <t>cg25468863</t>
  </si>
  <si>
    <t>cg25479097</t>
  </si>
  <si>
    <t>cg25481672</t>
  </si>
  <si>
    <t>cg25491122</t>
  </si>
  <si>
    <t>cg25493901</t>
  </si>
  <si>
    <t>cg25495394</t>
  </si>
  <si>
    <t>cg25497877</t>
  </si>
  <si>
    <t>cg25498385</t>
  </si>
  <si>
    <t>cg25504607</t>
  </si>
  <si>
    <t>cg25522046</t>
  </si>
  <si>
    <t>cg25527494</t>
  </si>
  <si>
    <t>cg25536467</t>
  </si>
  <si>
    <t>cg25540028</t>
  </si>
  <si>
    <t>cg25544146</t>
  </si>
  <si>
    <t>cg25545323</t>
  </si>
  <si>
    <t>cg25554685</t>
  </si>
  <si>
    <t>cg25561762</t>
  </si>
  <si>
    <t>cg25572904</t>
  </si>
  <si>
    <t>cg25578773</t>
  </si>
  <si>
    <t>cg25579204</t>
  </si>
  <si>
    <t>cg25600049</t>
  </si>
  <si>
    <t>cg25616771</t>
  </si>
  <si>
    <t>cg25625104</t>
  </si>
  <si>
    <t>cg25630066</t>
  </si>
  <si>
    <t>cg25631370</t>
  </si>
  <si>
    <t>cg25643223</t>
  </si>
  <si>
    <t>cg25667712</t>
  </si>
  <si>
    <t>cg25676335</t>
  </si>
  <si>
    <t>cg25678150</t>
  </si>
  <si>
    <t>cg25678270</t>
  </si>
  <si>
    <t>cg25685262</t>
  </si>
  <si>
    <t>cg25686649</t>
  </si>
  <si>
    <t>cg25700432</t>
  </si>
  <si>
    <t>cg25707057</t>
  </si>
  <si>
    <t>cg25710107</t>
  </si>
  <si>
    <t>cg25714154</t>
  </si>
  <si>
    <t>cg25727952</t>
  </si>
  <si>
    <t>cg25734939</t>
  </si>
  <si>
    <t>cg25740925</t>
  </si>
  <si>
    <t>cg25745600</t>
  </si>
  <si>
    <t>cg25745937</t>
  </si>
  <si>
    <t>cg25749609</t>
  </si>
  <si>
    <t>cg25756044</t>
  </si>
  <si>
    <t>cg25756590</t>
  </si>
  <si>
    <t>cg25761978</t>
  </si>
  <si>
    <t>cg25778304</t>
  </si>
  <si>
    <t>cg25780735</t>
  </si>
  <si>
    <t>cg25786388</t>
  </si>
  <si>
    <t>cg25790453</t>
  </si>
  <si>
    <t>cg25794529</t>
  </si>
  <si>
    <t>cg25802424</t>
  </si>
  <si>
    <t>cg25814649</t>
  </si>
  <si>
    <t>cg25815229</t>
  </si>
  <si>
    <t>cg25829729</t>
  </si>
  <si>
    <t>cg25840057</t>
  </si>
  <si>
    <t>cg25840210</t>
  </si>
  <si>
    <t>cg25840538</t>
  </si>
  <si>
    <t>cg25844366</t>
  </si>
  <si>
    <t>cg25849268</t>
  </si>
  <si>
    <t>cg25874148</t>
  </si>
  <si>
    <t>cg25874631</t>
  </si>
  <si>
    <t>cg25875209</t>
  </si>
  <si>
    <t>cg25877436</t>
  </si>
  <si>
    <t>cg25889945</t>
  </si>
  <si>
    <t>cg25891355</t>
  </si>
  <si>
    <t>cg25905815</t>
  </si>
  <si>
    <t>cg25908283</t>
  </si>
  <si>
    <t>cg25909854</t>
  </si>
  <si>
    <t>cg25913457</t>
  </si>
  <si>
    <t>cg25915758</t>
  </si>
  <si>
    <t>cg25924746</t>
  </si>
  <si>
    <t>cg25928208</t>
  </si>
  <si>
    <t>cg25934006</t>
  </si>
  <si>
    <t>cg25936902</t>
  </si>
  <si>
    <t>cg25943876</t>
  </si>
  <si>
    <t>cg25945004</t>
  </si>
  <si>
    <t>cg25957513</t>
  </si>
  <si>
    <t>cg25962735</t>
  </si>
  <si>
    <t>cg25966809</t>
  </si>
  <si>
    <t>cg25983594</t>
  </si>
  <si>
    <t>cg25997756</t>
  </si>
  <si>
    <t>cg26013143</t>
  </si>
  <si>
    <t>cg26014994</t>
  </si>
  <si>
    <t>cg26017043</t>
  </si>
  <si>
    <t>cg26025169</t>
  </si>
  <si>
    <t>cg26030244</t>
  </si>
  <si>
    <t>cg26056615</t>
  </si>
  <si>
    <t>cg26057523</t>
  </si>
  <si>
    <t>cg26068160</t>
  </si>
  <si>
    <t>cg26073416</t>
  </si>
  <si>
    <t>cg26079618</t>
  </si>
  <si>
    <t>cg26096845</t>
  </si>
  <si>
    <t>cg26110653</t>
  </si>
  <si>
    <t>cg26111913</t>
  </si>
  <si>
    <t>cg26112170</t>
  </si>
  <si>
    <t>cg26112996</t>
  </si>
  <si>
    <t>cg26117398</t>
  </si>
  <si>
    <t>cg26119796</t>
  </si>
  <si>
    <t>cg26121810</t>
  </si>
  <si>
    <t>cg26124961</t>
  </si>
  <si>
    <t>cg26127925</t>
  </si>
  <si>
    <t>cg26133126</t>
  </si>
  <si>
    <t>cg26139606</t>
  </si>
  <si>
    <t>cg26151510</t>
  </si>
  <si>
    <t>cg26159750</t>
  </si>
  <si>
    <t>cg26163458</t>
  </si>
  <si>
    <t>cg26168557</t>
  </si>
  <si>
    <t>cg26169783</t>
  </si>
  <si>
    <t>cg26204328</t>
  </si>
  <si>
    <t>cg26217572</t>
  </si>
  <si>
    <t>cg26220773</t>
  </si>
  <si>
    <t>cg26226408</t>
  </si>
  <si>
    <t>cg26259758</t>
  </si>
  <si>
    <t>cg26270746</t>
  </si>
  <si>
    <t>cg26272237</t>
  </si>
  <si>
    <t>cg26273417</t>
  </si>
  <si>
    <t>cg26274564</t>
  </si>
  <si>
    <t>cg26279152</t>
  </si>
  <si>
    <t>cg26287240</t>
  </si>
  <si>
    <t>cg26290114</t>
  </si>
  <si>
    <t>cg26298599</t>
  </si>
  <si>
    <t>cg26299239</t>
  </si>
  <si>
    <t>cg26301777</t>
  </si>
  <si>
    <t>cg26306530</t>
  </si>
  <si>
    <t>cg26308932</t>
  </si>
  <si>
    <t>cg26318047</t>
  </si>
  <si>
    <t>cg26344532</t>
  </si>
  <si>
    <t>cg26345046</t>
  </si>
  <si>
    <t>cg26356450</t>
  </si>
  <si>
    <t>cg26380350</t>
  </si>
  <si>
    <t>cg26408888</t>
  </si>
  <si>
    <t>cg26416491</t>
  </si>
  <si>
    <t>cg26439238</t>
  </si>
  <si>
    <t>cg26439710</t>
  </si>
  <si>
    <t>cg26446071</t>
  </si>
  <si>
    <t>cg26446593</t>
  </si>
  <si>
    <t>cg26451873</t>
  </si>
  <si>
    <t>cg26451930</t>
  </si>
  <si>
    <t>cg26454150</t>
  </si>
  <si>
    <t>cg26455579</t>
  </si>
  <si>
    <t>cg26468118</t>
  </si>
  <si>
    <t>cg26480584</t>
  </si>
  <si>
    <t>cg26492720</t>
  </si>
  <si>
    <t>cg26516764</t>
  </si>
  <si>
    <t>cg26521024</t>
  </si>
  <si>
    <t>cg26525231</t>
  </si>
  <si>
    <t>cg26529094</t>
  </si>
  <si>
    <t>cg26538556</t>
  </si>
  <si>
    <t>cg26551417</t>
  </si>
  <si>
    <t>cg26552734</t>
  </si>
  <si>
    <t>cg26578408</t>
  </si>
  <si>
    <t>cg26582723</t>
  </si>
  <si>
    <t>cg26593267</t>
  </si>
  <si>
    <t>cg26611184</t>
  </si>
  <si>
    <t>cg26611508</t>
  </si>
  <si>
    <t>cg26611683</t>
  </si>
  <si>
    <t>cg26620900</t>
  </si>
  <si>
    <t>cg26631454</t>
  </si>
  <si>
    <t>cg26638062</t>
  </si>
  <si>
    <t>cg26651514</t>
  </si>
  <si>
    <t>cg26658125</t>
  </si>
  <si>
    <t>cg26658796</t>
  </si>
  <si>
    <t>cg26659223</t>
  </si>
  <si>
    <t>cg26660801</t>
  </si>
  <si>
    <t>cg26663293</t>
  </si>
  <si>
    <t>cg26666292</t>
  </si>
  <si>
    <t>cg26677584</t>
  </si>
  <si>
    <t>cg26682407</t>
  </si>
  <si>
    <t>cg26687842</t>
  </si>
  <si>
    <t>cg26708235</t>
  </si>
  <si>
    <t>cg26714230</t>
  </si>
  <si>
    <t>cg26714410</t>
  </si>
  <si>
    <t>cg26726652</t>
  </si>
  <si>
    <t>cg26731091</t>
  </si>
  <si>
    <t>cg26740195</t>
  </si>
  <si>
    <t>cg26751094</t>
  </si>
  <si>
    <t>cg26751356</t>
  </si>
  <si>
    <t>cg26756921</t>
  </si>
  <si>
    <t>cg26764846</t>
  </si>
  <si>
    <t>cg26772116</t>
  </si>
  <si>
    <t>cg26776551</t>
  </si>
  <si>
    <t>cg26790132</t>
  </si>
  <si>
    <t>cg26791961</t>
  </si>
  <si>
    <t>cg26793256</t>
  </si>
  <si>
    <t>cg26799881</t>
  </si>
  <si>
    <t>cg26800371</t>
  </si>
  <si>
    <t>cg26801538</t>
  </si>
  <si>
    <t>cg26804406</t>
  </si>
  <si>
    <t>cg26804995</t>
  </si>
  <si>
    <t>cg26813557</t>
  </si>
  <si>
    <t>cg26814703</t>
  </si>
  <si>
    <t>cg26815414</t>
  </si>
  <si>
    <t>cg26826402</t>
  </si>
  <si>
    <t>cg26843698</t>
  </si>
  <si>
    <t>cg26845817</t>
  </si>
  <si>
    <t>cg26856443</t>
  </si>
  <si>
    <t>cg26867370</t>
  </si>
  <si>
    <t>cg26870865</t>
  </si>
  <si>
    <t>cg26873311</t>
  </si>
  <si>
    <t>cg26879741</t>
  </si>
  <si>
    <t>cg26883974</t>
  </si>
  <si>
    <t>cg26886066</t>
  </si>
  <si>
    <t>cg26886411</t>
  </si>
  <si>
    <t>cg26940725</t>
  </si>
  <si>
    <t>cg26946276</t>
  </si>
  <si>
    <t>cg26960333</t>
  </si>
  <si>
    <t>cg26987057</t>
  </si>
  <si>
    <t>cg26996082</t>
  </si>
  <si>
    <t>cg27005181</t>
  </si>
  <si>
    <t>cg27012920</t>
  </si>
  <si>
    <t>cg27026713</t>
  </si>
  <si>
    <t>cg27032905</t>
  </si>
  <si>
    <t>cg27033418</t>
  </si>
  <si>
    <t>cg27045356</t>
  </si>
  <si>
    <t>cg27049886</t>
  </si>
  <si>
    <t>cg27055601</t>
  </si>
  <si>
    <t>cg27059840</t>
  </si>
  <si>
    <t>cg27066989</t>
  </si>
  <si>
    <t>cg27095984</t>
  </si>
  <si>
    <t>cg27096043</t>
  </si>
  <si>
    <t>cg27117313</t>
  </si>
  <si>
    <t>cg27126318</t>
  </si>
  <si>
    <t>cg27127814</t>
  </si>
  <si>
    <t>cg27130075</t>
  </si>
  <si>
    <t>cg27142147</t>
  </si>
  <si>
    <t>cg27147615</t>
  </si>
  <si>
    <t>cg27151812</t>
  </si>
  <si>
    <t>cg27151971</t>
  </si>
  <si>
    <t>cg27155483</t>
  </si>
  <si>
    <t>cg27159714</t>
  </si>
  <si>
    <t>cg27167642</t>
  </si>
  <si>
    <t>cg27182551</t>
  </si>
  <si>
    <t>cg27183386</t>
  </si>
  <si>
    <t>cg27208012</t>
  </si>
  <si>
    <t>cg27209964</t>
  </si>
  <si>
    <t>cg27226949</t>
  </si>
  <si>
    <t>cg27237907</t>
  </si>
  <si>
    <t>cg27240020</t>
  </si>
  <si>
    <t>cg27241134</t>
  </si>
  <si>
    <t>cg27244723</t>
  </si>
  <si>
    <t>cg27253670</t>
  </si>
  <si>
    <t>cg27266491</t>
  </si>
  <si>
    <t>cg27269148</t>
  </si>
  <si>
    <t>cg27300804</t>
  </si>
  <si>
    <t>cg27311397</t>
  </si>
  <si>
    <t>cg27313646</t>
  </si>
  <si>
    <t>cg27323780</t>
  </si>
  <si>
    <t>cg27326226</t>
  </si>
  <si>
    <t>cg27366862</t>
  </si>
  <si>
    <t>cg27375056</t>
  </si>
  <si>
    <t>cg27391403</t>
  </si>
  <si>
    <t>cg27392804</t>
  </si>
  <si>
    <t>cg27395757</t>
  </si>
  <si>
    <t>cg27400447</t>
  </si>
  <si>
    <t>cg27405554</t>
  </si>
  <si>
    <t>cg27420049</t>
  </si>
  <si>
    <t>cg27420922</t>
  </si>
  <si>
    <t>cg27423669</t>
  </si>
  <si>
    <t>cg27439396</t>
  </si>
  <si>
    <t>cg27461824</t>
  </si>
  <si>
    <t>cg27467282</t>
  </si>
  <si>
    <t>cg27468506</t>
  </si>
  <si>
    <t>cg27478863</t>
  </si>
  <si>
    <t>cg27489994</t>
  </si>
  <si>
    <t>cg27490391</t>
  </si>
  <si>
    <t>cg27493772</t>
  </si>
  <si>
    <t>cg27496179</t>
  </si>
  <si>
    <t>cg27499259</t>
  </si>
  <si>
    <t>cg27503095</t>
  </si>
  <si>
    <t>cg27506020</t>
  </si>
  <si>
    <t>cg27506442</t>
  </si>
  <si>
    <t>cg27508002</t>
  </si>
  <si>
    <t>cg27514275</t>
  </si>
  <si>
    <t>cg27518324</t>
  </si>
  <si>
    <t>cg27519016</t>
  </si>
  <si>
    <t>cg27523951</t>
  </si>
  <si>
    <t>cg27546237</t>
  </si>
  <si>
    <t>cg27560367</t>
  </si>
  <si>
    <t>cg27586249</t>
  </si>
  <si>
    <t>cg27597872</t>
  </si>
  <si>
    <t>cg27598979</t>
  </si>
  <si>
    <t>cg27600136</t>
  </si>
  <si>
    <t>cg27604620</t>
  </si>
  <si>
    <t>cg27604944</t>
  </si>
  <si>
    <t>cg27621484</t>
  </si>
  <si>
    <t>cg27648224</t>
  </si>
  <si>
    <t>cg27651090</t>
  </si>
  <si>
    <t>ch.13.21351437R</t>
  </si>
  <si>
    <t>ch.13.268523R</t>
  </si>
  <si>
    <t>ch.13.650435R</t>
  </si>
  <si>
    <t>ch.13.50754963R</t>
  </si>
  <si>
    <t>ch.13.52607113F</t>
  </si>
  <si>
    <t>ch.13.53841817R</t>
  </si>
  <si>
    <t>ch.13.54497256F</t>
  </si>
  <si>
    <t>ch.13.75704157F</t>
  </si>
  <si>
    <t>ch.13.78325399R</t>
  </si>
  <si>
    <t>ch.13.81021746R</t>
  </si>
  <si>
    <t>ch.13.84760482F</t>
  </si>
  <si>
    <t>ch.13.84760847R</t>
  </si>
  <si>
    <t>ch.13.88042475R</t>
  </si>
  <si>
    <t>ch.13.90643811R</t>
  </si>
  <si>
    <t>ch.13.97330936R</t>
  </si>
  <si>
    <t>ch.13.100003653F</t>
  </si>
  <si>
    <t>ch.13.102612347R</t>
  </si>
  <si>
    <t>ch.13.112874825F</t>
  </si>
  <si>
    <t>cg00000289</t>
  </si>
  <si>
    <t>cg00004939</t>
  </si>
  <si>
    <t>cg00006032</t>
  </si>
  <si>
    <t>cg00007226</t>
  </si>
  <si>
    <t>cg00009407</t>
  </si>
  <si>
    <t>cg00011482</t>
  </si>
  <si>
    <t>cg00011861</t>
  </si>
  <si>
    <t>cg00012199</t>
  </si>
  <si>
    <t>cg00015639</t>
  </si>
  <si>
    <t>cg00018845</t>
  </si>
  <si>
    <t>cg00021325</t>
  </si>
  <si>
    <t>cg00034769</t>
  </si>
  <si>
    <t>cg00061086</t>
  </si>
  <si>
    <t>cg00074244</t>
  </si>
  <si>
    <t>cg00078746</t>
  </si>
  <si>
    <t>cg00080706</t>
  </si>
  <si>
    <t>cg00090767</t>
  </si>
  <si>
    <t>cg00103685</t>
  </si>
  <si>
    <t>cg00105253</t>
  </si>
  <si>
    <t>cg00107187</t>
  </si>
  <si>
    <t>cg00107772</t>
  </si>
  <si>
    <t>cg00122215</t>
  </si>
  <si>
    <t>cg00127214</t>
  </si>
  <si>
    <t>cg00128654</t>
  </si>
  <si>
    <t>cg00157572</t>
  </si>
  <si>
    <t>cg00157987</t>
  </si>
  <si>
    <t>cg00166915</t>
  </si>
  <si>
    <t>cg00174500</t>
  </si>
  <si>
    <t>cg00175487</t>
  </si>
  <si>
    <t>cg00197641</t>
  </si>
  <si>
    <t>cg00232105</t>
  </si>
  <si>
    <t>cg00239071</t>
  </si>
  <si>
    <t>cg00241281</t>
  </si>
  <si>
    <t>cg00243480</t>
  </si>
  <si>
    <t>cg00244040</t>
  </si>
  <si>
    <t>cg00252594</t>
  </si>
  <si>
    <t>cg00263248</t>
  </si>
  <si>
    <t>cg00280922</t>
  </si>
  <si>
    <t>cg00299767</t>
  </si>
  <si>
    <t>cg00307214</t>
  </si>
  <si>
    <t>cg00320765</t>
  </si>
  <si>
    <t>cg00328051</t>
  </si>
  <si>
    <t>cg00364611</t>
  </si>
  <si>
    <t>cg00366223</t>
  </si>
  <si>
    <t>cg00380435</t>
  </si>
  <si>
    <t>cg00412931</t>
  </si>
  <si>
    <t>cg00417165</t>
  </si>
  <si>
    <t>cg00443645</t>
  </si>
  <si>
    <t>cg00456637</t>
  </si>
  <si>
    <t>cg00458829</t>
  </si>
  <si>
    <t>cg00460818</t>
  </si>
  <si>
    <t>cg00462311</t>
  </si>
  <si>
    <t>cg00479347</t>
  </si>
  <si>
    <t>cg00488716</t>
  </si>
  <si>
    <t>cg00497078</t>
  </si>
  <si>
    <t>cg00499277</t>
  </si>
  <si>
    <t>cg00531307</t>
  </si>
  <si>
    <t>cg00551910</t>
  </si>
  <si>
    <t>cg00577417</t>
  </si>
  <si>
    <t>cg00594228</t>
  </si>
  <si>
    <t>cg00607196</t>
  </si>
  <si>
    <t>cg00609473</t>
  </si>
  <si>
    <t>cg00622149</t>
  </si>
  <si>
    <t>cg00637824</t>
  </si>
  <si>
    <t>cg00647917</t>
  </si>
  <si>
    <t>cg00650422</t>
  </si>
  <si>
    <t>cg00652264</t>
  </si>
  <si>
    <t>cg00657582</t>
  </si>
  <si>
    <t>cg00658427</t>
  </si>
  <si>
    <t>cg00662002</t>
  </si>
  <si>
    <t>cg00662142</t>
  </si>
  <si>
    <t>cg00667026</t>
  </si>
  <si>
    <t>cg00674628</t>
  </si>
  <si>
    <t>cg00674681</t>
  </si>
  <si>
    <t>cg00678668</t>
  </si>
  <si>
    <t>cg00679184</t>
  </si>
  <si>
    <t>cg00684283</t>
  </si>
  <si>
    <t>cg00688840</t>
  </si>
  <si>
    <t>cg00689225</t>
  </si>
  <si>
    <t>cg00704176</t>
  </si>
  <si>
    <t>cg00704289</t>
  </si>
  <si>
    <t>cg00707881</t>
  </si>
  <si>
    <t>cg00708642</t>
  </si>
  <si>
    <t>cg00708844</t>
  </si>
  <si>
    <t>cg00709805</t>
  </si>
  <si>
    <t>cg00717218</t>
  </si>
  <si>
    <t>cg00722188</t>
  </si>
  <si>
    <t>cg00723044</t>
  </si>
  <si>
    <t>cg00723271</t>
  </si>
  <si>
    <t>cg00739471</t>
  </si>
  <si>
    <t>cg00740870</t>
  </si>
  <si>
    <t>cg00741624</t>
  </si>
  <si>
    <t>cg00741900</t>
  </si>
  <si>
    <t>cg00742738</t>
  </si>
  <si>
    <t>cg00744494</t>
  </si>
  <si>
    <t>cg00744656</t>
  </si>
  <si>
    <t>cg00745231</t>
  </si>
  <si>
    <t>cg00752143</t>
  </si>
  <si>
    <t>cg00755751</t>
  </si>
  <si>
    <t>cg00762185</t>
  </si>
  <si>
    <t>cg00764307</t>
  </si>
  <si>
    <t>cg00764470</t>
  </si>
  <si>
    <t>cg00766845</t>
  </si>
  <si>
    <t>cg00770265</t>
  </si>
  <si>
    <t>cg00773205</t>
  </si>
  <si>
    <t>cg00773653</t>
  </si>
  <si>
    <t>cg00781749</t>
  </si>
  <si>
    <t>cg00783000</t>
  </si>
  <si>
    <t>cg00787180</t>
  </si>
  <si>
    <t>cg00790835</t>
  </si>
  <si>
    <t>cg00791430</t>
  </si>
  <si>
    <t>cg00793591</t>
  </si>
  <si>
    <t>cg00795000</t>
  </si>
  <si>
    <t>cg00795830</t>
  </si>
  <si>
    <t>cg00796187</t>
  </si>
  <si>
    <t>cg00802237</t>
  </si>
  <si>
    <t>cg00806727</t>
  </si>
  <si>
    <t>cg00808132</t>
  </si>
  <si>
    <t>cg00808648</t>
  </si>
  <si>
    <t>cg00808730</t>
  </si>
  <si>
    <t>cg00811020</t>
  </si>
  <si>
    <t>cg00813752</t>
  </si>
  <si>
    <t>cg00814780</t>
  </si>
  <si>
    <t>cg00816970</t>
  </si>
  <si>
    <t>cg00821413</t>
  </si>
  <si>
    <t>cg00822451</t>
  </si>
  <si>
    <t>cg00822495</t>
  </si>
  <si>
    <t>cg00832329</t>
  </si>
  <si>
    <t>cg00834319</t>
  </si>
  <si>
    <t>cg00839873</t>
  </si>
  <si>
    <t>cg00844429</t>
  </si>
  <si>
    <t>cg00846021</t>
  </si>
  <si>
    <t>cg00848336</t>
  </si>
  <si>
    <t>cg00851830</t>
  </si>
  <si>
    <t>cg00852414</t>
  </si>
  <si>
    <t>cg00856952</t>
  </si>
  <si>
    <t>cg00858760</t>
  </si>
  <si>
    <t>cg00859280</t>
  </si>
  <si>
    <t>cg00864261</t>
  </si>
  <si>
    <t>cg00866863</t>
  </si>
  <si>
    <t>cg00867694</t>
  </si>
  <si>
    <t>cg00867901</t>
  </si>
  <si>
    <t>cg00869308</t>
  </si>
  <si>
    <t>cg00872354</t>
  </si>
  <si>
    <t>cg00873533</t>
  </si>
  <si>
    <t>cg00873678</t>
  </si>
  <si>
    <t>cg00880494</t>
  </si>
  <si>
    <t>cg00881552</t>
  </si>
  <si>
    <t>cg00883854</t>
  </si>
  <si>
    <t>cg00890257</t>
  </si>
  <si>
    <t>cg00896182</t>
  </si>
  <si>
    <t>cg00898147</t>
  </si>
  <si>
    <t>cg00898190</t>
  </si>
  <si>
    <t>cg00906060</t>
  </si>
  <si>
    <t>cg00906107</t>
  </si>
  <si>
    <t>cg00908690</t>
  </si>
  <si>
    <t>cg00911123</t>
  </si>
  <si>
    <t>cg00922378</t>
  </si>
  <si>
    <t>cg00928167</t>
  </si>
  <si>
    <t>cg00932251</t>
  </si>
  <si>
    <t>cg00934624</t>
  </si>
  <si>
    <t>cg00936895</t>
  </si>
  <si>
    <t>cg00938535</t>
  </si>
  <si>
    <t>cg00939618</t>
  </si>
  <si>
    <t>cg00941797</t>
  </si>
  <si>
    <t>cg00941900</t>
  </si>
  <si>
    <t>cg00946245</t>
  </si>
  <si>
    <t>cg00947478</t>
  </si>
  <si>
    <t>cg00948862</t>
  </si>
  <si>
    <t>cg00951869</t>
  </si>
  <si>
    <t>cg00962466</t>
  </si>
  <si>
    <t>cg00971695</t>
  </si>
  <si>
    <t>cg00972135</t>
  </si>
  <si>
    <t>cg00973115</t>
  </si>
  <si>
    <t>cg00976340</t>
  </si>
  <si>
    <t>cg00978783</t>
  </si>
  <si>
    <t>cg00979369</t>
  </si>
  <si>
    <t>cg00980649</t>
  </si>
  <si>
    <t>cg00986580</t>
  </si>
  <si>
    <t>cg00989505</t>
  </si>
  <si>
    <t>cg00993205</t>
  </si>
  <si>
    <t>cg00994541</t>
  </si>
  <si>
    <t>cg00994629</t>
  </si>
  <si>
    <t>cg00995457</t>
  </si>
  <si>
    <t>cg00997998</t>
  </si>
  <si>
    <t>cg01000489</t>
  </si>
  <si>
    <t>cg01000631</t>
  </si>
  <si>
    <t>cg01004063</t>
  </si>
  <si>
    <t>cg01013171</t>
  </si>
  <si>
    <t>cg01018864</t>
  </si>
  <si>
    <t>cg01022345</t>
  </si>
  <si>
    <t>cg01027805</t>
  </si>
  <si>
    <t>cg01028283</t>
  </si>
  <si>
    <t>cg01029347</t>
  </si>
  <si>
    <t>cg01031319</t>
  </si>
  <si>
    <t>cg01033209</t>
  </si>
  <si>
    <t>cg01034631</t>
  </si>
  <si>
    <t>cg01035038</t>
  </si>
  <si>
    <t>cg01036746</t>
  </si>
  <si>
    <t>cg01039429</t>
  </si>
  <si>
    <t>cg01044961</t>
  </si>
  <si>
    <t>cg01046026</t>
  </si>
  <si>
    <t>cg01048349</t>
  </si>
  <si>
    <t>cg01049870</t>
  </si>
  <si>
    <t>cg01050273</t>
  </si>
  <si>
    <t>cg01051098</t>
  </si>
  <si>
    <t>cg01052428</t>
  </si>
  <si>
    <t>cg01061980</t>
  </si>
  <si>
    <t>cg01066357</t>
  </si>
  <si>
    <t>cg01066494</t>
  </si>
  <si>
    <t>cg01067216</t>
  </si>
  <si>
    <t>cg01070907</t>
  </si>
  <si>
    <t>cg01074676</t>
  </si>
  <si>
    <t>cg01075271</t>
  </si>
  <si>
    <t>cg01075497</t>
  </si>
  <si>
    <t>cg01078903</t>
  </si>
  <si>
    <t>cg01079599</t>
  </si>
  <si>
    <t>cg01084685</t>
  </si>
  <si>
    <t>cg01084740</t>
  </si>
  <si>
    <t>cg01085210</t>
  </si>
  <si>
    <t>cg01085461</t>
  </si>
  <si>
    <t>cg01087008</t>
  </si>
  <si>
    <t>cg01088952</t>
  </si>
  <si>
    <t>cg01093296</t>
  </si>
  <si>
    <t>cg01095658</t>
  </si>
  <si>
    <t>cg01096199</t>
  </si>
  <si>
    <t>cg01098812</t>
  </si>
  <si>
    <t>cg01098955</t>
  </si>
  <si>
    <t>cg01099024</t>
  </si>
  <si>
    <t>cg01100318</t>
  </si>
  <si>
    <t>cg01101058</t>
  </si>
  <si>
    <t>cg01108705</t>
  </si>
  <si>
    <t>cg01109135</t>
  </si>
  <si>
    <t>cg01109333</t>
  </si>
  <si>
    <t>cg01114249</t>
  </si>
  <si>
    <t>cg01115857</t>
  </si>
  <si>
    <t>cg01117627</t>
  </si>
  <si>
    <t>cg01118348</t>
  </si>
  <si>
    <t>cg01123449</t>
  </si>
  <si>
    <t>cg01129459</t>
  </si>
  <si>
    <t>cg01134935</t>
  </si>
  <si>
    <t>cg01139503</t>
  </si>
  <si>
    <t>cg01144283</t>
  </si>
  <si>
    <t>cg01153342</t>
  </si>
  <si>
    <t>cg01154227</t>
  </si>
  <si>
    <t>cg01154336</t>
  </si>
  <si>
    <t>cg01155039</t>
  </si>
  <si>
    <t>cg01160394</t>
  </si>
  <si>
    <t>cg01163366</t>
  </si>
  <si>
    <t>cg01166772</t>
  </si>
  <si>
    <t>cg01168390</t>
  </si>
  <si>
    <t>cg01170045</t>
  </si>
  <si>
    <t>cg01170099</t>
  </si>
  <si>
    <t>cg01171887</t>
  </si>
  <si>
    <t>cg01172082</t>
  </si>
  <si>
    <t>cg01172961</t>
  </si>
  <si>
    <t>cg01172965</t>
  </si>
  <si>
    <t>cg01174240</t>
  </si>
  <si>
    <t>cg01181105</t>
  </si>
  <si>
    <t>cg01191048</t>
  </si>
  <si>
    <t>cg01191846</t>
  </si>
  <si>
    <t>cg01193822</t>
  </si>
  <si>
    <t>cg01194712</t>
  </si>
  <si>
    <t>cg01195732</t>
  </si>
  <si>
    <t>cg01198184</t>
  </si>
  <si>
    <t>cg01200264</t>
  </si>
  <si>
    <t>cg01202976</t>
  </si>
  <si>
    <t>cg01208318</t>
  </si>
  <si>
    <t>cg01208563</t>
  </si>
  <si>
    <t>cg01210288</t>
  </si>
  <si>
    <t>cg01213573</t>
  </si>
  <si>
    <t>cg01216100</t>
  </si>
  <si>
    <t>cg01218587</t>
  </si>
  <si>
    <t>cg01221018</t>
  </si>
  <si>
    <t>cg01223499</t>
  </si>
  <si>
    <t>cg01231620</t>
  </si>
  <si>
    <t>cg01231779</t>
  </si>
  <si>
    <t>cg01232479</t>
  </si>
  <si>
    <t>cg01235479</t>
  </si>
  <si>
    <t>cg01239141</t>
  </si>
  <si>
    <t>cg01242498</t>
  </si>
  <si>
    <t>cg01254459</t>
  </si>
  <si>
    <t>cg01261044</t>
  </si>
  <si>
    <t>cg01262036</t>
  </si>
  <si>
    <t>cg01264675</t>
  </si>
  <si>
    <t>cg01266790</t>
  </si>
  <si>
    <t>cg01267415</t>
  </si>
  <si>
    <t>cg01268322</t>
  </si>
  <si>
    <t>cg01270466</t>
  </si>
  <si>
    <t>cg01273287</t>
  </si>
  <si>
    <t>cg01273994</t>
  </si>
  <si>
    <t>cg01283712</t>
  </si>
  <si>
    <t>cg01284448</t>
  </si>
  <si>
    <t>cg01289194</t>
  </si>
  <si>
    <t>cg01302656</t>
  </si>
  <si>
    <t>cg01311559</t>
  </si>
  <si>
    <t>cg01311654</t>
  </si>
  <si>
    <t>cg01316071</t>
  </si>
  <si>
    <t>cg01333131</t>
  </si>
  <si>
    <t>cg01340952</t>
  </si>
  <si>
    <t>cg01344859</t>
  </si>
  <si>
    <t>cg01387407</t>
  </si>
  <si>
    <t>cg01412886</t>
  </si>
  <si>
    <t>cg01423820</t>
  </si>
  <si>
    <t>cg01424562</t>
  </si>
  <si>
    <t>cg01428678</t>
  </si>
  <si>
    <t>cg01437482</t>
  </si>
  <si>
    <t>cg01442601</t>
  </si>
  <si>
    <t>cg01449136</t>
  </si>
  <si>
    <t>cg01451328</t>
  </si>
  <si>
    <t>cg01457080</t>
  </si>
  <si>
    <t>cg01459854</t>
  </si>
  <si>
    <t>cg01494702</t>
  </si>
  <si>
    <t>cg01496314</t>
  </si>
  <si>
    <t>cg01498900</t>
  </si>
  <si>
    <t>cg01499816</t>
  </si>
  <si>
    <t>cg01501551</t>
  </si>
  <si>
    <t>cg01508380</t>
  </si>
  <si>
    <t>cg01509243</t>
  </si>
  <si>
    <t>cg01509464</t>
  </si>
  <si>
    <t>cg01510588</t>
  </si>
  <si>
    <t>cg01511647</t>
  </si>
  <si>
    <t>cg01513078</t>
  </si>
  <si>
    <t>cg01514033</t>
  </si>
  <si>
    <t>cg01519164</t>
  </si>
  <si>
    <t>cg01520924</t>
  </si>
  <si>
    <t>cg01527407</t>
  </si>
  <si>
    <t>cg01528369</t>
  </si>
  <si>
    <t>cg01533082</t>
  </si>
  <si>
    <t>cg01533177</t>
  </si>
  <si>
    <t>cg01534390</t>
  </si>
  <si>
    <t>cg01534391</t>
  </si>
  <si>
    <t>cg01535380</t>
  </si>
  <si>
    <t>cg01537391</t>
  </si>
  <si>
    <t>cg01537995</t>
  </si>
  <si>
    <t>cg01538971</t>
  </si>
  <si>
    <t>cg01541645</t>
  </si>
  <si>
    <t>cg01545079</t>
  </si>
  <si>
    <t>cg01545493</t>
  </si>
  <si>
    <t>cg01546243</t>
  </si>
  <si>
    <t>cg01547609</t>
  </si>
  <si>
    <t>cg01551013</t>
  </si>
  <si>
    <t>cg01551177</t>
  </si>
  <si>
    <t>cg01553004</t>
  </si>
  <si>
    <t>cg01553613</t>
  </si>
  <si>
    <t>cg01555052</t>
  </si>
  <si>
    <t>cg01555105</t>
  </si>
  <si>
    <t>cg01555151</t>
  </si>
  <si>
    <t>cg01555604</t>
  </si>
  <si>
    <t>cg01557792</t>
  </si>
  <si>
    <t>cg01565703</t>
  </si>
  <si>
    <t>cg01566235</t>
  </si>
  <si>
    <t>cg01567754</t>
  </si>
  <si>
    <t>cg01568317</t>
  </si>
  <si>
    <t>cg01573807</t>
  </si>
  <si>
    <t>cg01578221</t>
  </si>
  <si>
    <t>cg01580176</t>
  </si>
  <si>
    <t>cg01582473</t>
  </si>
  <si>
    <t>cg01587049</t>
  </si>
  <si>
    <t>cg01593969</t>
  </si>
  <si>
    <t>cg01595366</t>
  </si>
  <si>
    <t>cg01601050</t>
  </si>
  <si>
    <t>cg01604380</t>
  </si>
  <si>
    <t>cg01606576</t>
  </si>
  <si>
    <t>cg01606800</t>
  </si>
  <si>
    <t>cg01609275</t>
  </si>
  <si>
    <t>cg01611017</t>
  </si>
  <si>
    <t>cg01611862</t>
  </si>
  <si>
    <t>cg01612824</t>
  </si>
  <si>
    <t>cg01619562</t>
  </si>
  <si>
    <t>cg01620248</t>
  </si>
  <si>
    <t>cg01623825</t>
  </si>
  <si>
    <t>cg01624081</t>
  </si>
  <si>
    <t>cg01637125</t>
  </si>
  <si>
    <t>cg01640443</t>
  </si>
  <si>
    <t>cg01642461</t>
  </si>
  <si>
    <t>cg01642722</t>
  </si>
  <si>
    <t>cg01646639</t>
  </si>
  <si>
    <t>cg01647729</t>
  </si>
  <si>
    <t>cg01649064</t>
  </si>
  <si>
    <t>cg01649266</t>
  </si>
  <si>
    <t>cg01649456</t>
  </si>
  <si>
    <t>cg01651153</t>
  </si>
  <si>
    <t>cg01653446</t>
  </si>
  <si>
    <t>cg01658259</t>
  </si>
  <si>
    <t>cg01658509</t>
  </si>
  <si>
    <t>cg01659197</t>
  </si>
  <si>
    <t>cg01660716</t>
  </si>
  <si>
    <t>cg01666652</t>
  </si>
  <si>
    <t>cg01670789</t>
  </si>
  <si>
    <t>cg01670876</t>
  </si>
  <si>
    <t>cg01672129</t>
  </si>
  <si>
    <t>cg01687793</t>
  </si>
  <si>
    <t>cg01689641</t>
  </si>
  <si>
    <t>cg01695643</t>
  </si>
  <si>
    <t>cg01697902</t>
  </si>
  <si>
    <t>cg01702905</t>
  </si>
  <si>
    <t>cg01704734</t>
  </si>
  <si>
    <t>cg01709493</t>
  </si>
  <si>
    <t>cg01711160</t>
  </si>
  <si>
    <t>cg01714756</t>
  </si>
  <si>
    <t>cg01715525</t>
  </si>
  <si>
    <t>cg01716827</t>
  </si>
  <si>
    <t>cg01718322</t>
  </si>
  <si>
    <t>cg01720920</t>
  </si>
  <si>
    <t>cg01725130</t>
  </si>
  <si>
    <t>cg01729020</t>
  </si>
  <si>
    <t>cg01731783</t>
  </si>
  <si>
    <t>cg01735080</t>
  </si>
  <si>
    <t>cg01742884</t>
  </si>
  <si>
    <t>cg01743658</t>
  </si>
  <si>
    <t>cg01746503</t>
  </si>
  <si>
    <t>cg01746514</t>
  </si>
  <si>
    <t>cg01751320</t>
  </si>
  <si>
    <t>cg01755336</t>
  </si>
  <si>
    <t>cg01755628</t>
  </si>
  <si>
    <t>cg01757798</t>
  </si>
  <si>
    <t>cg01761236</t>
  </si>
  <si>
    <t>cg01767732</t>
  </si>
  <si>
    <t>cg01768697</t>
  </si>
  <si>
    <t>cg01769288</t>
  </si>
  <si>
    <t>cg01770355</t>
  </si>
  <si>
    <t>cg01771065</t>
  </si>
  <si>
    <t>cg01773185</t>
  </si>
  <si>
    <t>cg01775897</t>
  </si>
  <si>
    <t>cg01777300</t>
  </si>
  <si>
    <t>cg01779043</t>
  </si>
  <si>
    <t>cg01779724</t>
  </si>
  <si>
    <t>cg01784928</t>
  </si>
  <si>
    <t>cg01786715</t>
  </si>
  <si>
    <t>cg01794426</t>
  </si>
  <si>
    <t>cg01797899</t>
  </si>
  <si>
    <t>cg01798419</t>
  </si>
  <si>
    <t>cg01800500</t>
  </si>
  <si>
    <t>cg01802073</t>
  </si>
  <si>
    <t>cg01803925</t>
  </si>
  <si>
    <t>cg01806195</t>
  </si>
  <si>
    <t>cg01806590</t>
  </si>
  <si>
    <t>cg01811583</t>
  </si>
  <si>
    <t>cg01812400</t>
  </si>
  <si>
    <t>cg01812401</t>
  </si>
  <si>
    <t>cg01829342</t>
  </si>
  <si>
    <t>cg01830256</t>
  </si>
  <si>
    <t>cg01831476</t>
  </si>
  <si>
    <t>cg01832802</t>
  </si>
  <si>
    <t>cg01838317</t>
  </si>
  <si>
    <t>cg01839264</t>
  </si>
  <si>
    <t>cg01840803</t>
  </si>
  <si>
    <t>cg01841758</t>
  </si>
  <si>
    <t>cg01845091</t>
  </si>
  <si>
    <t>cg01852180</t>
  </si>
  <si>
    <t>cg01854676</t>
  </si>
  <si>
    <t>cg01863964</t>
  </si>
  <si>
    <t>cg01864836</t>
  </si>
  <si>
    <t>cg01865108</t>
  </si>
  <si>
    <t>cg01866805</t>
  </si>
  <si>
    <t>cg01867764</t>
  </si>
  <si>
    <t>cg01869093</t>
  </si>
  <si>
    <t>cg01870665</t>
  </si>
  <si>
    <t>cg01875118</t>
  </si>
  <si>
    <t>cg01878807</t>
  </si>
  <si>
    <t>cg01885222</t>
  </si>
  <si>
    <t>cg01889306</t>
  </si>
  <si>
    <t>cg01889897</t>
  </si>
  <si>
    <t>cg01890098</t>
  </si>
  <si>
    <t>cg01893695</t>
  </si>
  <si>
    <t>cg01894846</t>
  </si>
  <si>
    <t>cg01898246</t>
  </si>
  <si>
    <t>cg01900788</t>
  </si>
  <si>
    <t>cg01901381</t>
  </si>
  <si>
    <t>cg01901466</t>
  </si>
  <si>
    <t>cg01902998</t>
  </si>
  <si>
    <t>cg01904243</t>
  </si>
  <si>
    <t>cg01906637</t>
  </si>
  <si>
    <t>cg01907194</t>
  </si>
  <si>
    <t>cg01910478</t>
  </si>
  <si>
    <t>cg01913958</t>
  </si>
  <si>
    <t>cg01919632</t>
  </si>
  <si>
    <t>cg01919895</t>
  </si>
  <si>
    <t>cg01921825</t>
  </si>
  <si>
    <t>cg01923255</t>
  </si>
  <si>
    <t>cg01927550</t>
  </si>
  <si>
    <t>cg01928902</t>
  </si>
  <si>
    <t>cg01932381</t>
  </si>
  <si>
    <t>cg01932691</t>
  </si>
  <si>
    <t>cg01933709</t>
  </si>
  <si>
    <t>cg01937803</t>
  </si>
  <si>
    <t>cg01938354</t>
  </si>
  <si>
    <t>cg01938973</t>
  </si>
  <si>
    <t>cg01941309</t>
  </si>
  <si>
    <t>cg01941881</t>
  </si>
  <si>
    <t>cg01942164</t>
  </si>
  <si>
    <t>cg01945427</t>
  </si>
  <si>
    <t>cg01947837</t>
  </si>
  <si>
    <t>cg01952537</t>
  </si>
  <si>
    <t>cg01954404</t>
  </si>
  <si>
    <t>cg01955025</t>
  </si>
  <si>
    <t>cg01956154</t>
  </si>
  <si>
    <t>cg01963240</t>
  </si>
  <si>
    <t>cg01963976</t>
  </si>
  <si>
    <t>cg01965533</t>
  </si>
  <si>
    <t>cg01968676</t>
  </si>
  <si>
    <t>cg01971130</t>
  </si>
  <si>
    <t>cg01972651</t>
  </si>
  <si>
    <t>cg01974141</t>
  </si>
  <si>
    <t>cg01979540</t>
  </si>
  <si>
    <t>cg01983373</t>
  </si>
  <si>
    <t>cg01988923</t>
  </si>
  <si>
    <t>cg01989521</t>
  </si>
  <si>
    <t>cg01992832</t>
  </si>
  <si>
    <t>cg01993413</t>
  </si>
  <si>
    <t>cg02005147</t>
  </si>
  <si>
    <t>cg02012445</t>
  </si>
  <si>
    <t>cg02013035</t>
  </si>
  <si>
    <t>cg02014003</t>
  </si>
  <si>
    <t>cg02018089</t>
  </si>
  <si>
    <t>cg02018101</t>
  </si>
  <si>
    <t>cg02029441</t>
  </si>
  <si>
    <t>cg02034974</t>
  </si>
  <si>
    <t>cg02036127</t>
  </si>
  <si>
    <t>cg02036943</t>
  </si>
  <si>
    <t>cg02037503</t>
  </si>
  <si>
    <t>cg02039171</t>
  </si>
  <si>
    <t>cg02042621</t>
  </si>
  <si>
    <t>cg02043070</t>
  </si>
  <si>
    <t>cg02044725</t>
  </si>
  <si>
    <t>cg02045085</t>
  </si>
  <si>
    <t>cg02048220</t>
  </si>
  <si>
    <t>cg02051941</t>
  </si>
  <si>
    <t>cg02052142</t>
  </si>
  <si>
    <t>cg02055253</t>
  </si>
  <si>
    <t>cg02056847</t>
  </si>
  <si>
    <t>cg02056986</t>
  </si>
  <si>
    <t>cg02057912</t>
  </si>
  <si>
    <t>cg02058267</t>
  </si>
  <si>
    <t>cg02058358</t>
  </si>
  <si>
    <t>cg02063360</t>
  </si>
  <si>
    <t>cg02064284</t>
  </si>
  <si>
    <t>cg02064724</t>
  </si>
  <si>
    <t>cg02068923</t>
  </si>
  <si>
    <t>cg02071795</t>
  </si>
  <si>
    <t>cg02072834</t>
  </si>
  <si>
    <t>cg02077653</t>
  </si>
  <si>
    <t>cg02078710</t>
  </si>
  <si>
    <t>cg02081302</t>
  </si>
  <si>
    <t>cg02082843</t>
  </si>
  <si>
    <t>cg02084669</t>
  </si>
  <si>
    <t>cg02084979</t>
  </si>
  <si>
    <t>cg02092616</t>
  </si>
  <si>
    <t>cg02094049</t>
  </si>
  <si>
    <t>cg02100474</t>
  </si>
  <si>
    <t>cg02104049</t>
  </si>
  <si>
    <t>cg02106430</t>
  </si>
  <si>
    <t>cg02109283</t>
  </si>
  <si>
    <t>cg02113971</t>
  </si>
  <si>
    <t>cg02121104</t>
  </si>
  <si>
    <t>cg02121330</t>
  </si>
  <si>
    <t>cg02124354</t>
  </si>
  <si>
    <t>cg02126031</t>
  </si>
  <si>
    <t>cg02126235</t>
  </si>
  <si>
    <t>cg02128489</t>
  </si>
  <si>
    <t>cg02129962</t>
  </si>
  <si>
    <t>cg02132051</t>
  </si>
  <si>
    <t>cg02134347</t>
  </si>
  <si>
    <t>cg02135795</t>
  </si>
  <si>
    <t>cg02135821</t>
  </si>
  <si>
    <t>cg02136132</t>
  </si>
  <si>
    <t>cg02144030</t>
  </si>
  <si>
    <t>cg02144518</t>
  </si>
  <si>
    <t>cg02147240</t>
  </si>
  <si>
    <t>cg02147905</t>
  </si>
  <si>
    <t>cg02148034</t>
  </si>
  <si>
    <t>cg02148547</t>
  </si>
  <si>
    <t>cg02149083</t>
  </si>
  <si>
    <t>cg02157467</t>
  </si>
  <si>
    <t>cg02159913</t>
  </si>
  <si>
    <t>cg02163303</t>
  </si>
  <si>
    <t>cg02166313</t>
  </si>
  <si>
    <t>cg02166473</t>
  </si>
  <si>
    <t>cg02170386</t>
  </si>
  <si>
    <t>cg02171804</t>
  </si>
  <si>
    <t>cg02173289</t>
  </si>
  <si>
    <t>cg02174748</t>
  </si>
  <si>
    <t>cg02178684</t>
  </si>
  <si>
    <t>cg02180737</t>
  </si>
  <si>
    <t>cg02181287</t>
  </si>
  <si>
    <t>cg02181639</t>
  </si>
  <si>
    <t>cg02189738</t>
  </si>
  <si>
    <t>cg02190211</t>
  </si>
  <si>
    <t>cg02194129</t>
  </si>
  <si>
    <t>cg02198017</t>
  </si>
  <si>
    <t>cg02200717</t>
  </si>
  <si>
    <t>cg02201898</t>
  </si>
  <si>
    <t>cg02206157</t>
  </si>
  <si>
    <t>cg02207491</t>
  </si>
  <si>
    <t>cg02213475</t>
  </si>
  <si>
    <t>cg02216784</t>
  </si>
  <si>
    <t>cg02218306</t>
  </si>
  <si>
    <t>cg02219601</t>
  </si>
  <si>
    <t>cg02221765</t>
  </si>
  <si>
    <t>cg02224994</t>
  </si>
  <si>
    <t>cg02230811</t>
  </si>
  <si>
    <t>cg02238526</t>
  </si>
  <si>
    <t>cg02239125</t>
  </si>
  <si>
    <t>cg02246876</t>
  </si>
  <si>
    <t>cg02250044</t>
  </si>
  <si>
    <t>cg02254554</t>
  </si>
  <si>
    <t>cg02256047</t>
  </si>
  <si>
    <t>cg02259031</t>
  </si>
  <si>
    <t>cg02262622</t>
  </si>
  <si>
    <t>cg02268192</t>
  </si>
  <si>
    <t>cg02268202</t>
  </si>
  <si>
    <t>cg02273166</t>
  </si>
  <si>
    <t>cg02273647</t>
  </si>
  <si>
    <t>cg02275035</t>
  </si>
  <si>
    <t>cg02275040</t>
  </si>
  <si>
    <t>cg02277509</t>
  </si>
  <si>
    <t>cg02278912</t>
  </si>
  <si>
    <t>cg02279747</t>
  </si>
  <si>
    <t>cg02283151</t>
  </si>
  <si>
    <t>cg02283487</t>
  </si>
  <si>
    <t>cg02283836</t>
  </si>
  <si>
    <t>cg02285784</t>
  </si>
  <si>
    <t>cg02289682</t>
  </si>
  <si>
    <t>cg02298116</t>
  </si>
  <si>
    <t>cg02300390</t>
  </si>
  <si>
    <t>cg02311152</t>
  </si>
  <si>
    <t>cg02311747</t>
  </si>
  <si>
    <t>cg02313118</t>
  </si>
  <si>
    <t>cg02313172</t>
  </si>
  <si>
    <t>cg02315926</t>
  </si>
  <si>
    <t>cg02316283</t>
  </si>
  <si>
    <t>cg02318426</t>
  </si>
  <si>
    <t>cg02320543</t>
  </si>
  <si>
    <t>cg02330264</t>
  </si>
  <si>
    <t>cg02331189</t>
  </si>
  <si>
    <t>cg02344891</t>
  </si>
  <si>
    <t>cg02351406</t>
  </si>
  <si>
    <t>cg02360199</t>
  </si>
  <si>
    <t>cg02379052</t>
  </si>
  <si>
    <t>cg02380334</t>
  </si>
  <si>
    <t>cg02395812</t>
  </si>
  <si>
    <t>cg02400572</t>
  </si>
  <si>
    <t>cg02424715</t>
  </si>
  <si>
    <t>cg02428056</t>
  </si>
  <si>
    <t>cg02451122</t>
  </si>
  <si>
    <t>cg02452985</t>
  </si>
  <si>
    <t>cg02464912</t>
  </si>
  <si>
    <t>cg02480144</t>
  </si>
  <si>
    <t>cg02507952</t>
  </si>
  <si>
    <t>cg02526331</t>
  </si>
  <si>
    <t>cg02538507</t>
  </si>
  <si>
    <t>cg02540736</t>
  </si>
  <si>
    <t>cg02556213</t>
  </si>
  <si>
    <t>cg02577745</t>
  </si>
  <si>
    <t>cg02582514</t>
  </si>
  <si>
    <t>cg02583546</t>
  </si>
  <si>
    <t>cg02628202</t>
  </si>
  <si>
    <t>cg02629761</t>
  </si>
  <si>
    <t>cg02639929</t>
  </si>
  <si>
    <t>cg02676148</t>
  </si>
  <si>
    <t>cg02691745</t>
  </si>
  <si>
    <t>cg02719245</t>
  </si>
  <si>
    <t>cg02719508</t>
  </si>
  <si>
    <t>cg02722532</t>
  </si>
  <si>
    <t>cg02732438</t>
  </si>
  <si>
    <t>cg02735446</t>
  </si>
  <si>
    <t>cg02742133</t>
  </si>
  <si>
    <t>cg02766594</t>
  </si>
  <si>
    <t>cg02797019</t>
  </si>
  <si>
    <t>cg02797271</t>
  </si>
  <si>
    <t>cg02805920</t>
  </si>
  <si>
    <t>cg02806093</t>
  </si>
  <si>
    <t>cg02809404</t>
  </si>
  <si>
    <t>cg02811627</t>
  </si>
  <si>
    <t>cg02814525</t>
  </si>
  <si>
    <t>cg02818520</t>
  </si>
  <si>
    <t>cg02825646</t>
  </si>
  <si>
    <t>cg02830438</t>
  </si>
  <si>
    <t>cg02858510</t>
  </si>
  <si>
    <t>cg02858826</t>
  </si>
  <si>
    <t>cg02859910</t>
  </si>
  <si>
    <t>cg02862695</t>
  </si>
  <si>
    <t>cg02867079</t>
  </si>
  <si>
    <t>cg02867735</t>
  </si>
  <si>
    <t>cg02868468</t>
  </si>
  <si>
    <t>cg02878183</t>
  </si>
  <si>
    <t>cg02878289</t>
  </si>
  <si>
    <t>cg02879081</t>
  </si>
  <si>
    <t>cg02879798</t>
  </si>
  <si>
    <t>cg02883668</t>
  </si>
  <si>
    <t>cg02884928</t>
  </si>
  <si>
    <t>cg02886961</t>
  </si>
  <si>
    <t>cg02889664</t>
  </si>
  <si>
    <t>cg02893604</t>
  </si>
  <si>
    <t>cg02895602</t>
  </si>
  <si>
    <t>cg02897882</t>
  </si>
  <si>
    <t>cg02898083</t>
  </si>
  <si>
    <t>cg02902617</t>
  </si>
  <si>
    <t>cg02903275</t>
  </si>
  <si>
    <t>cg02904235</t>
  </si>
  <si>
    <t>cg02909042</t>
  </si>
  <si>
    <t>cg02909298</t>
  </si>
  <si>
    <t>cg02916816</t>
  </si>
  <si>
    <t>cg02930107</t>
  </si>
  <si>
    <t>cg02930876</t>
  </si>
  <si>
    <t>cg02938524</t>
  </si>
  <si>
    <t>cg02940661</t>
  </si>
  <si>
    <t>cg02942590</t>
  </si>
  <si>
    <t>cg02945646</t>
  </si>
  <si>
    <t>cg02947125</t>
  </si>
  <si>
    <t>cg02947498</t>
  </si>
  <si>
    <t>cg02948476</t>
  </si>
  <si>
    <t>cg02951766</t>
  </si>
  <si>
    <t>cg02955219</t>
  </si>
  <si>
    <t>cg02956093</t>
  </si>
  <si>
    <t>cg02956973</t>
  </si>
  <si>
    <t>cg02957305</t>
  </si>
  <si>
    <t>cg02957433</t>
  </si>
  <si>
    <t>cg02963414</t>
  </si>
  <si>
    <t>cg02969500</t>
  </si>
  <si>
    <t>cg02970830</t>
  </si>
  <si>
    <t>cg02971654</t>
  </si>
  <si>
    <t>cg02972715</t>
  </si>
  <si>
    <t>cg02973883</t>
  </si>
  <si>
    <t>cg02981103</t>
  </si>
  <si>
    <t>cg02982753</t>
  </si>
  <si>
    <t>cg02997817</t>
  </si>
  <si>
    <t>cg03004198</t>
  </si>
  <si>
    <t>cg03005055</t>
  </si>
  <si>
    <t>cg03005685</t>
  </si>
  <si>
    <t>cg03006175</t>
  </si>
  <si>
    <t>cg03007309</t>
  </si>
  <si>
    <t>cg03012676</t>
  </si>
  <si>
    <t>cg03015370</t>
  </si>
  <si>
    <t>cg03019112</t>
  </si>
  <si>
    <t>cg03019844</t>
  </si>
  <si>
    <t>cg03021690</t>
  </si>
  <si>
    <t>cg03022263</t>
  </si>
  <si>
    <t>cg03026462</t>
  </si>
  <si>
    <t>cg03030879</t>
  </si>
  <si>
    <t>cg03032264</t>
  </si>
  <si>
    <t>cg03034880</t>
  </si>
  <si>
    <t>cg03036373</t>
  </si>
  <si>
    <t>cg03039519</t>
  </si>
  <si>
    <t>cg03039797</t>
  </si>
  <si>
    <t>cg03039990</t>
  </si>
  <si>
    <t>cg03041696</t>
  </si>
  <si>
    <t>cg03047554</t>
  </si>
  <si>
    <t>cg03047995</t>
  </si>
  <si>
    <t>cg03050096</t>
  </si>
  <si>
    <t>cg03050975</t>
  </si>
  <si>
    <t>cg03054480</t>
  </si>
  <si>
    <t>cg03055478</t>
  </si>
  <si>
    <t>cg03059018</t>
  </si>
  <si>
    <t>cg03063797</t>
  </si>
  <si>
    <t>cg03078339</t>
  </si>
  <si>
    <t>cg03091551</t>
  </si>
  <si>
    <t>cg03092548</t>
  </si>
  <si>
    <t>cg03156547</t>
  </si>
  <si>
    <t>cg03168184</t>
  </si>
  <si>
    <t>cg03203177</t>
  </si>
  <si>
    <t>cg03208214</t>
  </si>
  <si>
    <t>cg03210340</t>
  </si>
  <si>
    <t>cg03219493</t>
  </si>
  <si>
    <t>cg03234661</t>
  </si>
  <si>
    <t>cg03240324</t>
  </si>
  <si>
    <t>cg03251805</t>
  </si>
  <si>
    <t>cg03290602</t>
  </si>
  <si>
    <t>cg03298341</t>
  </si>
  <si>
    <t>cg03314644</t>
  </si>
  <si>
    <t>cg03323770</t>
  </si>
  <si>
    <t>cg03342278</t>
  </si>
  <si>
    <t>cg03345232</t>
  </si>
  <si>
    <t>cg03361068</t>
  </si>
  <si>
    <t>cg03366776</t>
  </si>
  <si>
    <t>cg03389164</t>
  </si>
  <si>
    <t>cg03395898</t>
  </si>
  <si>
    <t>cg03401997</t>
  </si>
  <si>
    <t>cg03459776</t>
  </si>
  <si>
    <t>cg03461781</t>
  </si>
  <si>
    <t>cg03465682</t>
  </si>
  <si>
    <t>cg03472212</t>
  </si>
  <si>
    <t>cg03474687</t>
  </si>
  <si>
    <t>cg03475821</t>
  </si>
  <si>
    <t>cg03487407</t>
  </si>
  <si>
    <t>cg03491181</t>
  </si>
  <si>
    <t>cg03492327</t>
  </si>
  <si>
    <t>cg03495340</t>
  </si>
  <si>
    <t>cg03495498</t>
  </si>
  <si>
    <t>cg03496520</t>
  </si>
  <si>
    <t>cg03502284</t>
  </si>
  <si>
    <t>cg03504042</t>
  </si>
  <si>
    <t>cg03505866</t>
  </si>
  <si>
    <t>cg03505995</t>
  </si>
  <si>
    <t>cg03507218</t>
  </si>
  <si>
    <t>cg03508235</t>
  </si>
  <si>
    <t>cg03509898</t>
  </si>
  <si>
    <t>cg03510159</t>
  </si>
  <si>
    <t>cg03515464</t>
  </si>
  <si>
    <t>cg03515897</t>
  </si>
  <si>
    <t>cg03516318</t>
  </si>
  <si>
    <t>cg03516708</t>
  </si>
  <si>
    <t>cg03518457</t>
  </si>
  <si>
    <t>cg03519879</t>
  </si>
  <si>
    <t>cg03522615</t>
  </si>
  <si>
    <t>cg03523676</t>
  </si>
  <si>
    <t>cg03523785</t>
  </si>
  <si>
    <t>cg03536289</t>
  </si>
  <si>
    <t>cg03539735</t>
  </si>
  <si>
    <t>cg03555487</t>
  </si>
  <si>
    <t>cg03555502</t>
  </si>
  <si>
    <t>cg03555730</t>
  </si>
  <si>
    <t>cg03556771</t>
  </si>
  <si>
    <t>cg03561338</t>
  </si>
  <si>
    <t>cg03564620</t>
  </si>
  <si>
    <t>cg03565081</t>
  </si>
  <si>
    <t>cg03572388</t>
  </si>
  <si>
    <t>cg03574415</t>
  </si>
  <si>
    <t>cg03575199</t>
  </si>
  <si>
    <t>cg03578918</t>
  </si>
  <si>
    <t>cg03579392</t>
  </si>
  <si>
    <t>cg03588357</t>
  </si>
  <si>
    <t>cg03616377</t>
  </si>
  <si>
    <t>cg03617367</t>
  </si>
  <si>
    <t>cg03628033</t>
  </si>
  <si>
    <t>cg03659476</t>
  </si>
  <si>
    <t>cg03673687</t>
  </si>
  <si>
    <t>cg03692700</t>
  </si>
  <si>
    <t>cg03697411</t>
  </si>
  <si>
    <t>cg03699601</t>
  </si>
  <si>
    <t>cg03703356</t>
  </si>
  <si>
    <t>cg03719908</t>
  </si>
  <si>
    <t>cg03724882</t>
  </si>
  <si>
    <t>cg03734874</t>
  </si>
  <si>
    <t>cg03734896</t>
  </si>
  <si>
    <t>cg03770548</t>
  </si>
  <si>
    <t>cg03772350</t>
  </si>
  <si>
    <t>cg03802461</t>
  </si>
  <si>
    <t>cg03803589</t>
  </si>
  <si>
    <t>cg03840647</t>
  </si>
  <si>
    <t>cg03844380</t>
  </si>
  <si>
    <t>cg03862290</t>
  </si>
  <si>
    <t>cg03875433</t>
  </si>
  <si>
    <t>cg03875678</t>
  </si>
  <si>
    <t>cg03876424</t>
  </si>
  <si>
    <t>cg03886017</t>
  </si>
  <si>
    <t>cg03899708</t>
  </si>
  <si>
    <t>cg03918703</t>
  </si>
  <si>
    <t>cg03935352</t>
  </si>
  <si>
    <t>cg03938359</t>
  </si>
  <si>
    <t>cg03946034</t>
  </si>
  <si>
    <t>cg03953884</t>
  </si>
  <si>
    <t>cg03970461</t>
  </si>
  <si>
    <t>cg03978920</t>
  </si>
  <si>
    <t>cg04017518</t>
  </si>
  <si>
    <t>cg04052570</t>
  </si>
  <si>
    <t>cg04086197</t>
  </si>
  <si>
    <t>cg04108788</t>
  </si>
  <si>
    <t>cg04113094</t>
  </si>
  <si>
    <t>cg04115006</t>
  </si>
  <si>
    <t>cg04116494</t>
  </si>
  <si>
    <t>cg04117455</t>
  </si>
  <si>
    <t>cg04118888</t>
  </si>
  <si>
    <t>cg04120487</t>
  </si>
  <si>
    <t>cg04122918</t>
  </si>
  <si>
    <t>cg04127998</t>
  </si>
  <si>
    <t>cg04128967</t>
  </si>
  <si>
    <t>cg04134173</t>
  </si>
  <si>
    <t>cg04135246</t>
  </si>
  <si>
    <t>cg04137837</t>
  </si>
  <si>
    <t>cg04138253</t>
  </si>
  <si>
    <t>cg04141000</t>
  </si>
  <si>
    <t>cg04144686</t>
  </si>
  <si>
    <t>cg04145134</t>
  </si>
  <si>
    <t>cg04149893</t>
  </si>
  <si>
    <t>cg04158862</t>
  </si>
  <si>
    <t>cg04160905</t>
  </si>
  <si>
    <t>cg04162647</t>
  </si>
  <si>
    <t>cg04166304</t>
  </si>
  <si>
    <t>cg04171065</t>
  </si>
  <si>
    <t>cg04172795</t>
  </si>
  <si>
    <t>cg04177945</t>
  </si>
  <si>
    <t>cg04184716</t>
  </si>
  <si>
    <t>cg04184810</t>
  </si>
  <si>
    <t>cg04189326</t>
  </si>
  <si>
    <t>cg04189328</t>
  </si>
  <si>
    <t>cg04190578</t>
  </si>
  <si>
    <t>cg04191306</t>
  </si>
  <si>
    <t>cg04194821</t>
  </si>
  <si>
    <t>cg04195941</t>
  </si>
  <si>
    <t>cg04198231</t>
  </si>
  <si>
    <t>cg04199556</t>
  </si>
  <si>
    <t>cg04208329</t>
  </si>
  <si>
    <t>cg04210631</t>
  </si>
  <si>
    <t>cg04212729</t>
  </si>
  <si>
    <t>cg04212996</t>
  </si>
  <si>
    <t>cg04214090</t>
  </si>
  <si>
    <t>cg04215800</t>
  </si>
  <si>
    <t>cg04216858</t>
  </si>
  <si>
    <t>cg04219048</t>
  </si>
  <si>
    <t>cg04220230</t>
  </si>
  <si>
    <t>cg04221305</t>
  </si>
  <si>
    <t>cg04223160</t>
  </si>
  <si>
    <t>cg04223256</t>
  </si>
  <si>
    <t>cg04223832</t>
  </si>
  <si>
    <t>cg04224092</t>
  </si>
  <si>
    <t>cg04225760</t>
  </si>
  <si>
    <t>cg04227633</t>
  </si>
  <si>
    <t>cg04231427</t>
  </si>
  <si>
    <t>cg04232340</t>
  </si>
  <si>
    <t>cg04243401</t>
  </si>
  <si>
    <t>cg04247336</t>
  </si>
  <si>
    <t>cg04254886</t>
  </si>
  <si>
    <t>cg04255421</t>
  </si>
  <si>
    <t>cg04264002</t>
  </si>
  <si>
    <t>cg04265797</t>
  </si>
  <si>
    <t>cg04267436</t>
  </si>
  <si>
    <t>cg04269188</t>
  </si>
  <si>
    <t>cg04269351</t>
  </si>
  <si>
    <t>cg04272011</t>
  </si>
  <si>
    <t>cg04272133</t>
  </si>
  <si>
    <t>cg04272613</t>
  </si>
  <si>
    <t>cg04276794</t>
  </si>
  <si>
    <t>cg04278105</t>
  </si>
  <si>
    <t>cg04281268</t>
  </si>
  <si>
    <t>cg04282125</t>
  </si>
  <si>
    <t>cg04283218</t>
  </si>
  <si>
    <t>cg04284137</t>
  </si>
  <si>
    <t>cg04284678</t>
  </si>
  <si>
    <t>cg04285549</t>
  </si>
  <si>
    <t>cg04289820</t>
  </si>
  <si>
    <t>cg04295632</t>
  </si>
  <si>
    <t>cg04300065</t>
  </si>
  <si>
    <t>cg04301754</t>
  </si>
  <si>
    <t>cg04301800</t>
  </si>
  <si>
    <t>cg04303335</t>
  </si>
  <si>
    <t>cg04305870</t>
  </si>
  <si>
    <t>cg04306507</t>
  </si>
  <si>
    <t>cg04313071</t>
  </si>
  <si>
    <t>cg04315226</t>
  </si>
  <si>
    <t>cg04318212</t>
  </si>
  <si>
    <t>cg04326198</t>
  </si>
  <si>
    <t>cg04329105</t>
  </si>
  <si>
    <t>cg04334235</t>
  </si>
  <si>
    <t>cg04339462</t>
  </si>
  <si>
    <t>cg04345108</t>
  </si>
  <si>
    <t>cg04346113</t>
  </si>
  <si>
    <t>cg04346127</t>
  </si>
  <si>
    <t>cg04349673</t>
  </si>
  <si>
    <t>cg04350121</t>
  </si>
  <si>
    <t>cg04352704</t>
  </si>
  <si>
    <t>cg04362655</t>
  </si>
  <si>
    <t>cg04362887</t>
  </si>
  <si>
    <t>cg04369251</t>
  </si>
  <si>
    <t>cg04369588</t>
  </si>
  <si>
    <t>cg04371633</t>
  </si>
  <si>
    <t>cg04371779</t>
  </si>
  <si>
    <t>cg04373359</t>
  </si>
  <si>
    <t>cg04380681</t>
  </si>
  <si>
    <t>cg04384810</t>
  </si>
  <si>
    <t>cg04388666</t>
  </si>
  <si>
    <t>cg04389262</t>
  </si>
  <si>
    <t>cg04389736</t>
  </si>
  <si>
    <t>cg04398950</t>
  </si>
  <si>
    <t>cg04402626</t>
  </si>
  <si>
    <t>cg04407490</t>
  </si>
  <si>
    <t>cg04411625</t>
  </si>
  <si>
    <t>cg04413301</t>
  </si>
  <si>
    <t>cg04415736</t>
  </si>
  <si>
    <t>cg04418576</t>
  </si>
  <si>
    <t>cg04420349</t>
  </si>
  <si>
    <t>cg04424643</t>
  </si>
  <si>
    <t>cg04425783</t>
  </si>
  <si>
    <t>cg04431133</t>
  </si>
  <si>
    <t>cg04433356</t>
  </si>
  <si>
    <t>cg04435679</t>
  </si>
  <si>
    <t>cg04437407</t>
  </si>
  <si>
    <t>cg04439622</t>
  </si>
  <si>
    <t>cg04485065</t>
  </si>
  <si>
    <t>cg04504475</t>
  </si>
  <si>
    <t>cg04514469</t>
  </si>
  <si>
    <t>cg04514868</t>
  </si>
  <si>
    <t>cg04517588</t>
  </si>
  <si>
    <t>cg04518304</t>
  </si>
  <si>
    <t>cg04519789</t>
  </si>
  <si>
    <t>cg04522949</t>
  </si>
  <si>
    <t>cg04523697</t>
  </si>
  <si>
    <t>cg04528445</t>
  </si>
  <si>
    <t>cg04529868</t>
  </si>
  <si>
    <t>cg04533881</t>
  </si>
  <si>
    <t>cg04539476</t>
  </si>
  <si>
    <t>cg04542489</t>
  </si>
  <si>
    <t>cg04545835</t>
  </si>
  <si>
    <t>cg04548002</t>
  </si>
  <si>
    <t>cg04548856</t>
  </si>
  <si>
    <t>cg04549090</t>
  </si>
  <si>
    <t>cg04555107</t>
  </si>
  <si>
    <t>cg04557294</t>
  </si>
  <si>
    <t>cg04558322</t>
  </si>
  <si>
    <t>cg04561327</t>
  </si>
  <si>
    <t>cg04563422</t>
  </si>
  <si>
    <t>cg04565337</t>
  </si>
  <si>
    <t>cg04567600</t>
  </si>
  <si>
    <t>cg04569152</t>
  </si>
  <si>
    <t>cg04572860</t>
  </si>
  <si>
    <t>cg04573345</t>
  </si>
  <si>
    <t>cg04573550</t>
  </si>
  <si>
    <t>cg04573702</t>
  </si>
  <si>
    <t>cg04577789</t>
  </si>
  <si>
    <t>cg04579064</t>
  </si>
  <si>
    <t>cg04582672</t>
  </si>
  <si>
    <t>cg04584103</t>
  </si>
  <si>
    <t>cg04588710</t>
  </si>
  <si>
    <t>cg04596842</t>
  </si>
  <si>
    <t>cg04614700</t>
  </si>
  <si>
    <t>cg04618613</t>
  </si>
  <si>
    <t>cg04623955</t>
  </si>
  <si>
    <t>cg04681600</t>
  </si>
  <si>
    <t>cg04689407</t>
  </si>
  <si>
    <t>cg04697227</t>
  </si>
  <si>
    <t>cg04697832</t>
  </si>
  <si>
    <t>cg04698974</t>
  </si>
  <si>
    <t>cg04706229</t>
  </si>
  <si>
    <t>cg04711587</t>
  </si>
  <si>
    <t>cg04714497</t>
  </si>
  <si>
    <t>cg04717703</t>
  </si>
  <si>
    <t>cg04718702</t>
  </si>
  <si>
    <t>cg04723297</t>
  </si>
  <si>
    <t>cg04723385</t>
  </si>
  <si>
    <t>cg04728121</t>
  </si>
  <si>
    <t>cg04728863</t>
  </si>
  <si>
    <t>cg04731084</t>
  </si>
  <si>
    <t>cg04731618</t>
  </si>
  <si>
    <t>cg04732303</t>
  </si>
  <si>
    <t>cg04735908</t>
  </si>
  <si>
    <t>cg04736351</t>
  </si>
  <si>
    <t>cg04737758</t>
  </si>
  <si>
    <t>cg04738877</t>
  </si>
  <si>
    <t>cg04742071</t>
  </si>
  <si>
    <t>cg04742397</t>
  </si>
  <si>
    <t>cg04747188</t>
  </si>
  <si>
    <t>cg04749433</t>
  </si>
  <si>
    <t>cg04750421</t>
  </si>
  <si>
    <t>cg04751736</t>
  </si>
  <si>
    <t>cg04753469</t>
  </si>
  <si>
    <t>cg04753836</t>
  </si>
  <si>
    <t>cg04755365</t>
  </si>
  <si>
    <t>cg04761768</t>
  </si>
  <si>
    <t>cg04767283</t>
  </si>
  <si>
    <t>cg04767897</t>
  </si>
  <si>
    <t>cg04773376</t>
  </si>
  <si>
    <t>cg04774096</t>
  </si>
  <si>
    <t>cg04774469</t>
  </si>
  <si>
    <t>cg04774505</t>
  </si>
  <si>
    <t>cg04784672</t>
  </si>
  <si>
    <t>cg04785187</t>
  </si>
  <si>
    <t>cg04789056</t>
  </si>
  <si>
    <t>cg04789362</t>
  </si>
  <si>
    <t>cg04791162</t>
  </si>
  <si>
    <t>cg04792777</t>
  </si>
  <si>
    <t>cg04792813</t>
  </si>
  <si>
    <t>cg04798158</t>
  </si>
  <si>
    <t>cg04798273</t>
  </si>
  <si>
    <t>cg04800684</t>
  </si>
  <si>
    <t>cg04803856</t>
  </si>
  <si>
    <t>cg04806942</t>
  </si>
  <si>
    <t>cg04812017</t>
  </si>
  <si>
    <t>cg04824247</t>
  </si>
  <si>
    <t>cg04829830</t>
  </si>
  <si>
    <t>cg04832619</t>
  </si>
  <si>
    <t>cg04836972</t>
  </si>
  <si>
    <t>cg04838107</t>
  </si>
  <si>
    <t>cg04843425</t>
  </si>
  <si>
    <t>cg04845347</t>
  </si>
  <si>
    <t>cg04848682</t>
  </si>
  <si>
    <t>cg04850842</t>
  </si>
  <si>
    <t>cg04852821</t>
  </si>
  <si>
    <t>cg04854749</t>
  </si>
  <si>
    <t>cg04856629</t>
  </si>
  <si>
    <t>cg04857136</t>
  </si>
  <si>
    <t>cg04858709</t>
  </si>
  <si>
    <t>cg04860238</t>
  </si>
  <si>
    <t>cg04861271</t>
  </si>
  <si>
    <t>cg04870657</t>
  </si>
  <si>
    <t>cg04874061</t>
  </si>
  <si>
    <t>cg04881321</t>
  </si>
  <si>
    <t>cg04881585</t>
  </si>
  <si>
    <t>cg04882359</t>
  </si>
  <si>
    <t>cg04884122</t>
  </si>
  <si>
    <t>cg04884313</t>
  </si>
  <si>
    <t>cg04884798</t>
  </si>
  <si>
    <t>cg04897439</t>
  </si>
  <si>
    <t>cg04898358</t>
  </si>
  <si>
    <t>cg04899282</t>
  </si>
  <si>
    <t>cg04899753</t>
  </si>
  <si>
    <t>cg04901199</t>
  </si>
  <si>
    <t>cg04905775</t>
  </si>
  <si>
    <t>cg04906283</t>
  </si>
  <si>
    <t>cg04909098</t>
  </si>
  <si>
    <t>cg04913246</t>
  </si>
  <si>
    <t>cg04913443</t>
  </si>
  <si>
    <t>cg04913803</t>
  </si>
  <si>
    <t>cg04919519</t>
  </si>
  <si>
    <t>cg04924056</t>
  </si>
  <si>
    <t>cg04926668</t>
  </si>
  <si>
    <t>cg04928930</t>
  </si>
  <si>
    <t>cg04930840</t>
  </si>
  <si>
    <t>cg04932551</t>
  </si>
  <si>
    <t>cg04936260</t>
  </si>
  <si>
    <t>cg04943851</t>
  </si>
  <si>
    <t>cg04944177</t>
  </si>
  <si>
    <t>cg04946315</t>
  </si>
  <si>
    <t>cg04946506</t>
  </si>
  <si>
    <t>cg04953061</t>
  </si>
  <si>
    <t>cg04956882</t>
  </si>
  <si>
    <t>cg04957377</t>
  </si>
  <si>
    <t>cg04958055</t>
  </si>
  <si>
    <t>cg04958087</t>
  </si>
  <si>
    <t>cg04958794</t>
  </si>
  <si>
    <t>cg04960285</t>
  </si>
  <si>
    <t>cg04962528</t>
  </si>
  <si>
    <t>cg04964062</t>
  </si>
  <si>
    <t>cg04966789</t>
  </si>
  <si>
    <t>cg04968726</t>
  </si>
  <si>
    <t>cg04974940</t>
  </si>
  <si>
    <t>cg04975143</t>
  </si>
  <si>
    <t>cg04975505</t>
  </si>
  <si>
    <t>cg04976254</t>
  </si>
  <si>
    <t>cg04982054</t>
  </si>
  <si>
    <t>cg04983761</t>
  </si>
  <si>
    <t>cg04984818</t>
  </si>
  <si>
    <t>cg04987734</t>
  </si>
  <si>
    <t>cg04987823</t>
  </si>
  <si>
    <t>cg04987955</t>
  </si>
  <si>
    <t>cg04989913</t>
  </si>
  <si>
    <t>cg04990472</t>
  </si>
  <si>
    <t>cg04990977</t>
  </si>
  <si>
    <t>cg04991036</t>
  </si>
  <si>
    <t>cg04991452</t>
  </si>
  <si>
    <t>cg04993592</t>
  </si>
  <si>
    <t>cg04994761</t>
  </si>
  <si>
    <t>cg05003175</t>
  </si>
  <si>
    <t>cg05006384</t>
  </si>
  <si>
    <t>cg05013825</t>
  </si>
  <si>
    <t>cg05014952</t>
  </si>
  <si>
    <t>cg05015297</t>
  </si>
  <si>
    <t>cg05015996</t>
  </si>
  <si>
    <t>cg05018513</t>
  </si>
  <si>
    <t>cg05018835</t>
  </si>
  <si>
    <t>cg05019423</t>
  </si>
  <si>
    <t>cg05019583</t>
  </si>
  <si>
    <t>cg05021896</t>
  </si>
  <si>
    <t>cg05028768</t>
  </si>
  <si>
    <t>cg05030405</t>
  </si>
  <si>
    <t>cg05031854</t>
  </si>
  <si>
    <t>cg05032550</t>
  </si>
  <si>
    <t>cg05039241</t>
  </si>
  <si>
    <t>cg05039463</t>
  </si>
  <si>
    <t>cg05040501</t>
  </si>
  <si>
    <t>cg05041658</t>
  </si>
  <si>
    <t>cg05042606</t>
  </si>
  <si>
    <t>cg05047223</t>
  </si>
  <si>
    <t>cg05049312</t>
  </si>
  <si>
    <t>cg05050858</t>
  </si>
  <si>
    <t>cg05052703</t>
  </si>
  <si>
    <t>cg05054910</t>
  </si>
  <si>
    <t>cg05065964</t>
  </si>
  <si>
    <t>cg05071383</t>
  </si>
  <si>
    <t>cg05076631</t>
  </si>
  <si>
    <t>cg05077358</t>
  </si>
  <si>
    <t>cg05082965</t>
  </si>
  <si>
    <t>cg05085587</t>
  </si>
  <si>
    <t>cg05087067</t>
  </si>
  <si>
    <t>cg05090150</t>
  </si>
  <si>
    <t>cg05095290</t>
  </si>
  <si>
    <t>cg05100282</t>
  </si>
  <si>
    <t>cg05100432</t>
  </si>
  <si>
    <t>cg05100846</t>
  </si>
  <si>
    <t>cg05107361</t>
  </si>
  <si>
    <t>cg05109780</t>
  </si>
  <si>
    <t>cg05111155</t>
  </si>
  <si>
    <t>cg05114676</t>
  </si>
  <si>
    <t>cg05120150</t>
  </si>
  <si>
    <t>cg05142765</t>
  </si>
  <si>
    <t>cg05143345</t>
  </si>
  <si>
    <t>cg05143420</t>
  </si>
  <si>
    <t>cg05150608</t>
  </si>
  <si>
    <t>cg05151348</t>
  </si>
  <si>
    <t>cg05153345</t>
  </si>
  <si>
    <t>cg05153781</t>
  </si>
  <si>
    <t>cg05157120</t>
  </si>
  <si>
    <t>cg05157625</t>
  </si>
  <si>
    <t>cg05160272</t>
  </si>
  <si>
    <t>cg05162306</t>
  </si>
  <si>
    <t>cg05164350</t>
  </si>
  <si>
    <t>cg05165025</t>
  </si>
  <si>
    <t>cg05166408</t>
  </si>
  <si>
    <t>cg05168580</t>
  </si>
  <si>
    <t>cg05168764</t>
  </si>
  <si>
    <t>cg05172259</t>
  </si>
  <si>
    <t>cg05175318</t>
  </si>
  <si>
    <t>cg05176667</t>
  </si>
  <si>
    <t>cg05182249</t>
  </si>
  <si>
    <t>cg05182503</t>
  </si>
  <si>
    <t>cg05183567</t>
  </si>
  <si>
    <t>cg05185634</t>
  </si>
  <si>
    <t>cg05189253</t>
  </si>
  <si>
    <t>cg05193449</t>
  </si>
  <si>
    <t>cg05196610</t>
  </si>
  <si>
    <t>cg05197323</t>
  </si>
  <si>
    <t>cg05200614</t>
  </si>
  <si>
    <t>cg05201677</t>
  </si>
  <si>
    <t>cg05207415</t>
  </si>
  <si>
    <t>cg05211480</t>
  </si>
  <si>
    <t>cg05224671</t>
  </si>
  <si>
    <t>cg05225311</t>
  </si>
  <si>
    <t>cg05225373</t>
  </si>
  <si>
    <t>cg05235525</t>
  </si>
  <si>
    <t>cg05236621</t>
  </si>
  <si>
    <t>cg05238553</t>
  </si>
  <si>
    <t>cg05239310</t>
  </si>
  <si>
    <t>cg05239956</t>
  </si>
  <si>
    <t>cg05241732</t>
  </si>
  <si>
    <t>cg05245515</t>
  </si>
  <si>
    <t>cg05249271</t>
  </si>
  <si>
    <t>cg05249479</t>
  </si>
  <si>
    <t>cg05255275</t>
  </si>
  <si>
    <t>cg05256518</t>
  </si>
  <si>
    <t>cg05256903</t>
  </si>
  <si>
    <t>cg05260886</t>
  </si>
  <si>
    <t>cg05268769</t>
  </si>
  <si>
    <t>cg05282518</t>
  </si>
  <si>
    <t>cg05284742</t>
  </si>
  <si>
    <t>cg05285554</t>
  </si>
  <si>
    <t>cg05287512</t>
  </si>
  <si>
    <t>cg05287917</t>
  </si>
  <si>
    <t>cg05288750</t>
  </si>
  <si>
    <t>cg05291282</t>
  </si>
  <si>
    <t>cg05294577</t>
  </si>
  <si>
    <t>cg05294930</t>
  </si>
  <si>
    <t>cg05295427</t>
  </si>
  <si>
    <t>cg05296180</t>
  </si>
  <si>
    <t>cg05296818</t>
  </si>
  <si>
    <t>cg05299793</t>
  </si>
  <si>
    <t>cg05300029</t>
  </si>
  <si>
    <t>cg05300946</t>
  </si>
  <si>
    <t>cg05303297</t>
  </si>
  <si>
    <t>cg05308436</t>
  </si>
  <si>
    <t>cg05308904</t>
  </si>
  <si>
    <t>cg05309989</t>
  </si>
  <si>
    <t>cg05313263</t>
  </si>
  <si>
    <t>cg05314075</t>
  </si>
  <si>
    <t>cg05316694</t>
  </si>
  <si>
    <t>cg05317096</t>
  </si>
  <si>
    <t>cg05320944</t>
  </si>
  <si>
    <t>cg05323141</t>
  </si>
  <si>
    <t>cg05324618</t>
  </si>
  <si>
    <t>cg05324894</t>
  </si>
  <si>
    <t>cg05325567</t>
  </si>
  <si>
    <t>cg05326274</t>
  </si>
  <si>
    <t>cg05332629</t>
  </si>
  <si>
    <t>cg05333753</t>
  </si>
  <si>
    <t>cg05334655</t>
  </si>
  <si>
    <t>cg05335315</t>
  </si>
  <si>
    <t>cg05335832</t>
  </si>
  <si>
    <t>cg05338785</t>
  </si>
  <si>
    <t>cg05339415</t>
  </si>
  <si>
    <t>cg05339605</t>
  </si>
  <si>
    <t>cg05340495</t>
  </si>
  <si>
    <t>cg05341425</t>
  </si>
  <si>
    <t>cg05346166</t>
  </si>
  <si>
    <t>cg05348084</t>
  </si>
  <si>
    <t>cg05349242</t>
  </si>
  <si>
    <t>cg05351785</t>
  </si>
  <si>
    <t>cg05353454</t>
  </si>
  <si>
    <t>cg05354479</t>
  </si>
  <si>
    <t>cg05357695</t>
  </si>
  <si>
    <t>cg05365578</t>
  </si>
  <si>
    <t>cg05365825</t>
  </si>
  <si>
    <t>cg05370555</t>
  </si>
  <si>
    <t>cg05371620</t>
  </si>
  <si>
    <t>cg05373539</t>
  </si>
  <si>
    <t>cg05376485</t>
  </si>
  <si>
    <t>cg05377165</t>
  </si>
  <si>
    <t>cg05379509</t>
  </si>
  <si>
    <t>cg05379784</t>
  </si>
  <si>
    <t>cg05383332</t>
  </si>
  <si>
    <t>cg05397697</t>
  </si>
  <si>
    <t>cg05398321</t>
  </si>
  <si>
    <t>cg05398544</t>
  </si>
  <si>
    <t>cg05398967</t>
  </si>
  <si>
    <t>cg05399494</t>
  </si>
  <si>
    <t>cg05407555</t>
  </si>
  <si>
    <t>cg05412222</t>
  </si>
  <si>
    <t>cg05412906</t>
  </si>
  <si>
    <t>cg05413872</t>
  </si>
  <si>
    <t>cg05428298</t>
  </si>
  <si>
    <t>cg05451842</t>
  </si>
  <si>
    <t>cg05484222</t>
  </si>
  <si>
    <t>cg05485062</t>
  </si>
  <si>
    <t>cg05487736</t>
  </si>
  <si>
    <t>cg05546763</t>
  </si>
  <si>
    <t>cg05555111</t>
  </si>
  <si>
    <t>cg05565239</t>
  </si>
  <si>
    <t>cg05568054</t>
  </si>
  <si>
    <t>cg05569814</t>
  </si>
  <si>
    <t>cg05572765</t>
  </si>
  <si>
    <t>cg05576328</t>
  </si>
  <si>
    <t>cg05602615</t>
  </si>
  <si>
    <t>cg05624244</t>
  </si>
  <si>
    <t>cg05633152</t>
  </si>
  <si>
    <t>cg05637892</t>
  </si>
  <si>
    <t>cg05646686</t>
  </si>
  <si>
    <t>cg05649724</t>
  </si>
  <si>
    <t>cg05654163</t>
  </si>
  <si>
    <t>cg05690394</t>
  </si>
  <si>
    <t>cg05730092</t>
  </si>
  <si>
    <t>cg05732979</t>
  </si>
  <si>
    <t>cg05733554</t>
  </si>
  <si>
    <t>cg05734220</t>
  </si>
  <si>
    <t>cg05736987</t>
  </si>
  <si>
    <t>cg05744229</t>
  </si>
  <si>
    <t>cg05746608</t>
  </si>
  <si>
    <t>cg05769169</t>
  </si>
  <si>
    <t>cg05776763</t>
  </si>
  <si>
    <t>cg05786809</t>
  </si>
  <si>
    <t>cg05788638</t>
  </si>
  <si>
    <t>cg05813544</t>
  </si>
  <si>
    <t>cg05814822</t>
  </si>
  <si>
    <t>cg05829782</t>
  </si>
  <si>
    <t>cg05830791</t>
  </si>
  <si>
    <t>cg05831747</t>
  </si>
  <si>
    <t>cg05833251</t>
  </si>
  <si>
    <t>cg05834191</t>
  </si>
  <si>
    <t>cg05836974</t>
  </si>
  <si>
    <t>cg05837075</t>
  </si>
  <si>
    <t>cg05848485</t>
  </si>
  <si>
    <t>cg05848660</t>
  </si>
  <si>
    <t>cg05850716</t>
  </si>
  <si>
    <t>cg05852416</t>
  </si>
  <si>
    <t>cg05857728</t>
  </si>
  <si>
    <t>cg05858860</t>
  </si>
  <si>
    <t>cg05861512</t>
  </si>
  <si>
    <t>cg05863144</t>
  </si>
  <si>
    <t>cg05868942</t>
  </si>
  <si>
    <t>cg05870140</t>
  </si>
  <si>
    <t>cg05872306</t>
  </si>
  <si>
    <t>cg05873158</t>
  </si>
  <si>
    <t>cg05873267</t>
  </si>
  <si>
    <t>cg05873568</t>
  </si>
  <si>
    <t>cg05874478</t>
  </si>
  <si>
    <t>cg05875066</t>
  </si>
  <si>
    <t>cg05877109</t>
  </si>
  <si>
    <t>cg05878073</t>
  </si>
  <si>
    <t>cg05879919</t>
  </si>
  <si>
    <t>cg05883713</t>
  </si>
  <si>
    <t>cg05885676</t>
  </si>
  <si>
    <t>cg05887153</t>
  </si>
  <si>
    <t>cg05890252</t>
  </si>
  <si>
    <t>cg05891094</t>
  </si>
  <si>
    <t>cg05892425</t>
  </si>
  <si>
    <t>cg05893542</t>
  </si>
  <si>
    <t>cg05894847</t>
  </si>
  <si>
    <t>cg05895018</t>
  </si>
  <si>
    <t>cg05902130</t>
  </si>
  <si>
    <t>cg05902438</t>
  </si>
  <si>
    <t>cg05903720</t>
  </si>
  <si>
    <t>cg05903992</t>
  </si>
  <si>
    <t>cg05904806</t>
  </si>
  <si>
    <t>cg05906607</t>
  </si>
  <si>
    <t>cg05908587</t>
  </si>
  <si>
    <t>cg05913250</t>
  </si>
  <si>
    <t>cg05916264</t>
  </si>
  <si>
    <t>cg05917416</t>
  </si>
  <si>
    <t>cg05917797</t>
  </si>
  <si>
    <t>cg05927268</t>
  </si>
  <si>
    <t>cg05932079</t>
  </si>
  <si>
    <t>cg05934259</t>
  </si>
  <si>
    <t>cg05937046</t>
  </si>
  <si>
    <t>cg05939041</t>
  </si>
  <si>
    <t>cg05940146</t>
  </si>
  <si>
    <t>cg05942558</t>
  </si>
  <si>
    <t>cg05943077</t>
  </si>
  <si>
    <t>cg05946827</t>
  </si>
  <si>
    <t>cg05948157</t>
  </si>
  <si>
    <t>cg05958352</t>
  </si>
  <si>
    <t>cg05969063</t>
  </si>
  <si>
    <t>cg05992226</t>
  </si>
  <si>
    <t>cg06002524</t>
  </si>
  <si>
    <t>cg06015203</t>
  </si>
  <si>
    <t>cg06027057</t>
  </si>
  <si>
    <t>cg06089712</t>
  </si>
  <si>
    <t>cg06097357</t>
  </si>
  <si>
    <t>cg06134471</t>
  </si>
  <si>
    <t>cg06154646</t>
  </si>
  <si>
    <t>cg06163227</t>
  </si>
  <si>
    <t>cg06165706</t>
  </si>
  <si>
    <t>cg06172918</t>
  </si>
  <si>
    <t>cg06186808</t>
  </si>
  <si>
    <t>cg06187373</t>
  </si>
  <si>
    <t>cg06200092</t>
  </si>
  <si>
    <t>cg06216926</t>
  </si>
  <si>
    <t>cg06218726</t>
  </si>
  <si>
    <t>cg06249747</t>
  </si>
  <si>
    <t>cg06251571</t>
  </si>
  <si>
    <t>cg06265809</t>
  </si>
  <si>
    <t>cg06279414</t>
  </si>
  <si>
    <t>cg06284231</t>
  </si>
  <si>
    <t>cg06285241</t>
  </si>
  <si>
    <t>cg06304190</t>
  </si>
  <si>
    <t>cg06351481</t>
  </si>
  <si>
    <t>cg06372175</t>
  </si>
  <si>
    <t>cg06386733</t>
  </si>
  <si>
    <t>cg06392565</t>
  </si>
  <si>
    <t>cg06429887</t>
  </si>
  <si>
    <t>cg06438577</t>
  </si>
  <si>
    <t>cg06459066</t>
  </si>
  <si>
    <t>cg06469542</t>
  </si>
  <si>
    <t>cg06504820</t>
  </si>
  <si>
    <t>cg06536578</t>
  </si>
  <si>
    <t>cg06549228</t>
  </si>
  <si>
    <t>cg06562570</t>
  </si>
  <si>
    <t>cg06572093</t>
  </si>
  <si>
    <t>cg06591466</t>
  </si>
  <si>
    <t>cg06600401</t>
  </si>
  <si>
    <t>cg06618474</t>
  </si>
  <si>
    <t>cg06621744</t>
  </si>
  <si>
    <t>cg06625934</t>
  </si>
  <si>
    <t>cg06631625</t>
  </si>
  <si>
    <t>cg06632154</t>
  </si>
  <si>
    <t>cg06633061</t>
  </si>
  <si>
    <t>cg06633081</t>
  </si>
  <si>
    <t>cg06637032</t>
  </si>
  <si>
    <t>cg06665984</t>
  </si>
  <si>
    <t>cg06680243</t>
  </si>
  <si>
    <t>cg06690633</t>
  </si>
  <si>
    <t>cg06694428</t>
  </si>
  <si>
    <t>cg06702503</t>
  </si>
  <si>
    <t>cg06721393</t>
  </si>
  <si>
    <t>cg06721998</t>
  </si>
  <si>
    <t>cg06726207</t>
  </si>
  <si>
    <t>cg06734730</t>
  </si>
  <si>
    <t>cg06738602</t>
  </si>
  <si>
    <t>cg06739711</t>
  </si>
  <si>
    <t>cg06743552</t>
  </si>
  <si>
    <t>cg06744740</t>
  </si>
  <si>
    <t>cg06746453</t>
  </si>
  <si>
    <t>cg06749715</t>
  </si>
  <si>
    <t>cg06752633</t>
  </si>
  <si>
    <t>cg06753050</t>
  </si>
  <si>
    <t>cg06753163</t>
  </si>
  <si>
    <t>cg06755717</t>
  </si>
  <si>
    <t>cg06756919</t>
  </si>
  <si>
    <t>cg06757662</t>
  </si>
  <si>
    <t>cg06759417</t>
  </si>
  <si>
    <t>cg06761850</t>
  </si>
  <si>
    <t>cg06774974</t>
  </si>
  <si>
    <t>cg06775869</t>
  </si>
  <si>
    <t>cg06780657</t>
  </si>
  <si>
    <t>cg06783197</t>
  </si>
  <si>
    <t>cg06787316</t>
  </si>
  <si>
    <t>cg06793679</t>
  </si>
  <si>
    <t>cg06798092</t>
  </si>
  <si>
    <t>cg06799735</t>
  </si>
  <si>
    <t>cg06806969</t>
  </si>
  <si>
    <t>cg06807383</t>
  </si>
  <si>
    <t>cg06808498</t>
  </si>
  <si>
    <t>cg06813260</t>
  </si>
  <si>
    <t>cg06819357</t>
  </si>
  <si>
    <t>cg06821183</t>
  </si>
  <si>
    <t>cg06821999</t>
  </si>
  <si>
    <t>cg06826878</t>
  </si>
  <si>
    <t>cg06830500</t>
  </si>
  <si>
    <t>cg06832262</t>
  </si>
  <si>
    <t>cg06834875</t>
  </si>
  <si>
    <t>cg06839388</t>
  </si>
  <si>
    <t>cg06839449</t>
  </si>
  <si>
    <t>cg06842537</t>
  </si>
  <si>
    <t>cg06846458</t>
  </si>
  <si>
    <t>cg06849428</t>
  </si>
  <si>
    <t>cg06850312</t>
  </si>
  <si>
    <t>cg06858555</t>
  </si>
  <si>
    <t>cg06861200</t>
  </si>
  <si>
    <t>cg06863619</t>
  </si>
  <si>
    <t>cg06864079</t>
  </si>
  <si>
    <t>cg06866686</t>
  </si>
  <si>
    <t>cg06867916</t>
  </si>
  <si>
    <t>cg06873880</t>
  </si>
  <si>
    <t>cg06880664</t>
  </si>
  <si>
    <t>cg06880857</t>
  </si>
  <si>
    <t>cg06881432</t>
  </si>
  <si>
    <t>cg06884495</t>
  </si>
  <si>
    <t>cg06888698</t>
  </si>
  <si>
    <t>cg06889350</t>
  </si>
  <si>
    <t>cg06889454</t>
  </si>
  <si>
    <t>cg06889607</t>
  </si>
  <si>
    <t>cg06894011</t>
  </si>
  <si>
    <t>cg06894612</t>
  </si>
  <si>
    <t>cg06900311</t>
  </si>
  <si>
    <t>cg06903818</t>
  </si>
  <si>
    <t>cg06908401</t>
  </si>
  <si>
    <t>cg06916463</t>
  </si>
  <si>
    <t>cg06917265</t>
  </si>
  <si>
    <t>cg06918804</t>
  </si>
  <si>
    <t>cg06920136</t>
  </si>
  <si>
    <t>cg06920667</t>
  </si>
  <si>
    <t>cg06929324</t>
  </si>
  <si>
    <t>cg06934265</t>
  </si>
  <si>
    <t>cg06934523</t>
  </si>
  <si>
    <t>cg06934680</t>
  </si>
  <si>
    <t>cg06937357</t>
  </si>
  <si>
    <t>cg06937653</t>
  </si>
  <si>
    <t>cg06946814</t>
  </si>
  <si>
    <t>cg06955998</t>
  </si>
  <si>
    <t>cg06956646</t>
  </si>
  <si>
    <t>cg06959340</t>
  </si>
  <si>
    <t>cg06961429</t>
  </si>
  <si>
    <t>cg06965504</t>
  </si>
  <si>
    <t>cg06969206</t>
  </si>
  <si>
    <t>cg06971503</t>
  </si>
  <si>
    <t>cg06996081</t>
  </si>
  <si>
    <t>cg06998145</t>
  </si>
  <si>
    <t>cg06998765</t>
  </si>
  <si>
    <t>cg07001414</t>
  </si>
  <si>
    <t>cg07004075</t>
  </si>
  <si>
    <t>cg07004386</t>
  </si>
  <si>
    <t>cg07004727</t>
  </si>
  <si>
    <t>cg07007986</t>
  </si>
  <si>
    <t>cg07009895</t>
  </si>
  <si>
    <t>cg07010028</t>
  </si>
  <si>
    <t>cg07015014</t>
  </si>
  <si>
    <t>cg07015591</t>
  </si>
  <si>
    <t>cg07019315</t>
  </si>
  <si>
    <t>cg07022494</t>
  </si>
  <si>
    <t>cg07022764</t>
  </si>
  <si>
    <t>cg07025343</t>
  </si>
  <si>
    <t>cg07026636</t>
  </si>
  <si>
    <t>cg07031352</t>
  </si>
  <si>
    <t>cg07031872</t>
  </si>
  <si>
    <t>cg07033549</t>
  </si>
  <si>
    <t>cg07036035</t>
  </si>
  <si>
    <t>cg07036991</t>
  </si>
  <si>
    <t>cg07037750</t>
  </si>
  <si>
    <t>cg07039469</t>
  </si>
  <si>
    <t>cg07040024</t>
  </si>
  <si>
    <t>cg07042014</t>
  </si>
  <si>
    <t>cg07042827</t>
  </si>
  <si>
    <t>cg07046849</t>
  </si>
  <si>
    <t>cg07049929</t>
  </si>
  <si>
    <t>cg07050525</t>
  </si>
  <si>
    <t>cg07051178</t>
  </si>
  <si>
    <t>cg07052387</t>
  </si>
  <si>
    <t>cg07055769</t>
  </si>
  <si>
    <t>cg07060739</t>
  </si>
  <si>
    <t>cg07061975</t>
  </si>
  <si>
    <t>cg07062130</t>
  </si>
  <si>
    <t>cg07065217</t>
  </si>
  <si>
    <t>cg07065737</t>
  </si>
  <si>
    <t>cg07066794</t>
  </si>
  <si>
    <t>cg07068674</t>
  </si>
  <si>
    <t>cg07071690</t>
  </si>
  <si>
    <t>cg07076845</t>
  </si>
  <si>
    <t>cg07077507</t>
  </si>
  <si>
    <t>cg07084930</t>
  </si>
  <si>
    <t>cg07087646</t>
  </si>
  <si>
    <t>cg07093825</t>
  </si>
  <si>
    <t>cg07093953</t>
  </si>
  <si>
    <t>cg07096443</t>
  </si>
  <si>
    <t>cg07100798</t>
  </si>
  <si>
    <t>cg07102072</t>
  </si>
  <si>
    <t>cg07102210</t>
  </si>
  <si>
    <t>cg07102397</t>
  </si>
  <si>
    <t>cg07103329</t>
  </si>
  <si>
    <t>cg07103895</t>
  </si>
  <si>
    <t>cg07110232</t>
  </si>
  <si>
    <t>cg07112604</t>
  </si>
  <si>
    <t>cg07119168</t>
  </si>
  <si>
    <t>cg07121176</t>
  </si>
  <si>
    <t>cg07121421</t>
  </si>
  <si>
    <t>cg07123022</t>
  </si>
  <si>
    <t>cg07125017</t>
  </si>
  <si>
    <t>cg07125412</t>
  </si>
  <si>
    <t>cg07126399</t>
  </si>
  <si>
    <t>cg07129288</t>
  </si>
  <si>
    <t>cg07131116</t>
  </si>
  <si>
    <t>cg07138217</t>
  </si>
  <si>
    <t>cg07138686</t>
  </si>
  <si>
    <t>cg07138962</t>
  </si>
  <si>
    <t>cg07145366</t>
  </si>
  <si>
    <t>cg07147443</t>
  </si>
  <si>
    <t>cg07150445</t>
  </si>
  <si>
    <t>cg07150719</t>
  </si>
  <si>
    <t>cg07153150</t>
  </si>
  <si>
    <t>cg07154944</t>
  </si>
  <si>
    <t>cg07155724</t>
  </si>
  <si>
    <t>cg07157230</t>
  </si>
  <si>
    <t>cg07159858</t>
  </si>
  <si>
    <t>cg07162820</t>
  </si>
  <si>
    <t>cg07163845</t>
  </si>
  <si>
    <t>cg07164388</t>
  </si>
  <si>
    <t>cg07166546</t>
  </si>
  <si>
    <t>cg07170533</t>
  </si>
  <si>
    <t>cg07177395</t>
  </si>
  <si>
    <t>cg07179556</t>
  </si>
  <si>
    <t>cg07182753</t>
  </si>
  <si>
    <t>cg07186199</t>
  </si>
  <si>
    <t>cg07190885</t>
  </si>
  <si>
    <t>cg07197059</t>
  </si>
  <si>
    <t>cg07218192</t>
  </si>
  <si>
    <t>cg07231787</t>
  </si>
  <si>
    <t>cg07258507</t>
  </si>
  <si>
    <t>cg07279318</t>
  </si>
  <si>
    <t>cg07280807</t>
  </si>
  <si>
    <t>cg07285995</t>
  </si>
  <si>
    <t>cg07296772</t>
  </si>
  <si>
    <t>cg07311759</t>
  </si>
  <si>
    <t>cg07386952</t>
  </si>
  <si>
    <t>cg07401901</t>
  </si>
  <si>
    <t>cg07410086</t>
  </si>
  <si>
    <t>cg07414384</t>
  </si>
  <si>
    <t>cg07420680</t>
  </si>
  <si>
    <t>cg07429629</t>
  </si>
  <si>
    <t>cg07430085</t>
  </si>
  <si>
    <t>cg07436208</t>
  </si>
  <si>
    <t>cg07438888</t>
  </si>
  <si>
    <t>cg07440398</t>
  </si>
  <si>
    <t>cg07442409</t>
  </si>
  <si>
    <t>cg07448584</t>
  </si>
  <si>
    <t>cg07449091</t>
  </si>
  <si>
    <t>cg07449447</t>
  </si>
  <si>
    <t>cg07450030</t>
  </si>
  <si>
    <t>cg07453227</t>
  </si>
  <si>
    <t>cg07460838</t>
  </si>
  <si>
    <t>cg07464201</t>
  </si>
  <si>
    <t>cg07468777</t>
  </si>
  <si>
    <t>cg07471209</t>
  </si>
  <si>
    <t>cg07471943</t>
  </si>
  <si>
    <t>cg07471962</t>
  </si>
  <si>
    <t>cg07481194</t>
  </si>
  <si>
    <t>cg07488154</t>
  </si>
  <si>
    <t>cg07488987</t>
  </si>
  <si>
    <t>cg07490283</t>
  </si>
  <si>
    <t>cg07493232</t>
  </si>
  <si>
    <t>cg07494420</t>
  </si>
  <si>
    <t>cg07502782</t>
  </si>
  <si>
    <t>cg07508588</t>
  </si>
  <si>
    <t>cg07509161</t>
  </si>
  <si>
    <t>cg07511201</t>
  </si>
  <si>
    <t>cg07511317</t>
  </si>
  <si>
    <t>cg07514618</t>
  </si>
  <si>
    <t>cg07516252</t>
  </si>
  <si>
    <t>cg07519495</t>
  </si>
  <si>
    <t>cg07519822</t>
  </si>
  <si>
    <t>cg07521618</t>
  </si>
  <si>
    <t>cg07521789</t>
  </si>
  <si>
    <t>cg07526883</t>
  </si>
  <si>
    <t>cg07527324</t>
  </si>
  <si>
    <t>cg07527955</t>
  </si>
  <si>
    <t>cg07532965</t>
  </si>
  <si>
    <t>cg07535928</t>
  </si>
  <si>
    <t>cg07546062</t>
  </si>
  <si>
    <t>cg07548372</t>
  </si>
  <si>
    <t>cg07552068</t>
  </si>
  <si>
    <t>cg07567326</t>
  </si>
  <si>
    <t>cg07570069</t>
  </si>
  <si>
    <t>cg07570570</t>
  </si>
  <si>
    <t>cg07574163</t>
  </si>
  <si>
    <t>cg07575518</t>
  </si>
  <si>
    <t>cg07579884</t>
  </si>
  <si>
    <t>cg07581257</t>
  </si>
  <si>
    <t>cg07588128</t>
  </si>
  <si>
    <t>cg07591622</t>
  </si>
  <si>
    <t>cg07602026</t>
  </si>
  <si>
    <t>cg07606234</t>
  </si>
  <si>
    <t>cg07608290</t>
  </si>
  <si>
    <t>cg07612928</t>
  </si>
  <si>
    <t>cg07628705</t>
  </si>
  <si>
    <t>cg07631919</t>
  </si>
  <si>
    <t>cg07649646</t>
  </si>
  <si>
    <t>cg07667295</t>
  </si>
  <si>
    <t>cg07669002</t>
  </si>
  <si>
    <t>cg07674153</t>
  </si>
  <si>
    <t>cg07675477</t>
  </si>
  <si>
    <t>cg07682083</t>
  </si>
  <si>
    <t>cg07688213</t>
  </si>
  <si>
    <t>cg07734106</t>
  </si>
  <si>
    <t>cg07738439</t>
  </si>
  <si>
    <t>cg07749194</t>
  </si>
  <si>
    <t>cg07760773</t>
  </si>
  <si>
    <t>cg07783220</t>
  </si>
  <si>
    <t>cg07785447</t>
  </si>
  <si>
    <t>cg07795487</t>
  </si>
  <si>
    <t>cg07840472</t>
  </si>
  <si>
    <t>cg07850604</t>
  </si>
  <si>
    <t>cg07861258</t>
  </si>
  <si>
    <t>cg07862488</t>
  </si>
  <si>
    <t>cg07864297</t>
  </si>
  <si>
    <t>cg07865517</t>
  </si>
  <si>
    <t>cg07906495</t>
  </si>
  <si>
    <t>cg07918453</t>
  </si>
  <si>
    <t>cg07921759</t>
  </si>
  <si>
    <t>cg07922154</t>
  </si>
  <si>
    <t>cg07932290</t>
  </si>
  <si>
    <t>cg07932479</t>
  </si>
  <si>
    <t>cg07941108</t>
  </si>
  <si>
    <t>cg07942500</t>
  </si>
  <si>
    <t>cg07945433</t>
  </si>
  <si>
    <t>cg07951135</t>
  </si>
  <si>
    <t>cg07952815</t>
  </si>
  <si>
    <t>cg07960693</t>
  </si>
  <si>
    <t>cg07965566</t>
  </si>
  <si>
    <t>cg07965823</t>
  </si>
  <si>
    <t>cg07971753</t>
  </si>
  <si>
    <t>cg07974473</t>
  </si>
  <si>
    <t>cg07989514</t>
  </si>
  <si>
    <t>cg08001559</t>
  </si>
  <si>
    <t>cg08015762</t>
  </si>
  <si>
    <t>cg08016929</t>
  </si>
  <si>
    <t>cg08027943</t>
  </si>
  <si>
    <t>cg08033838</t>
  </si>
  <si>
    <t>cg08033845</t>
  </si>
  <si>
    <t>cg08036899</t>
  </si>
  <si>
    <t>cg08044789</t>
  </si>
  <si>
    <t>cg08048720</t>
  </si>
  <si>
    <t>cg08050305</t>
  </si>
  <si>
    <t>cg08050748</t>
  </si>
  <si>
    <t>cg08051604</t>
  </si>
  <si>
    <t>cg08051713</t>
  </si>
  <si>
    <t>cg08056903</t>
  </si>
  <si>
    <t>cg08064672</t>
  </si>
  <si>
    <t>cg08066673</t>
  </si>
  <si>
    <t>cg08066755</t>
  </si>
  <si>
    <t>cg08067969</t>
  </si>
  <si>
    <t>cg08069902</t>
  </si>
  <si>
    <t>cg08072202</t>
  </si>
  <si>
    <t>cg08074084</t>
  </si>
  <si>
    <t>cg08075719</t>
  </si>
  <si>
    <t>cg08079330</t>
  </si>
  <si>
    <t>cg08082788</t>
  </si>
  <si>
    <t>cg08082810</t>
  </si>
  <si>
    <t>cg08083700</t>
  </si>
  <si>
    <t>cg08086809</t>
  </si>
  <si>
    <t>cg08087268</t>
  </si>
  <si>
    <t>cg08092680</t>
  </si>
  <si>
    <t>cg08095475</t>
  </si>
  <si>
    <t>cg08103072</t>
  </si>
  <si>
    <t>cg08104568</t>
  </si>
  <si>
    <t>cg08105005</t>
  </si>
  <si>
    <t>cg08106190</t>
  </si>
  <si>
    <t>cg08107017</t>
  </si>
  <si>
    <t>cg08108315</t>
  </si>
  <si>
    <t>cg08108868</t>
  </si>
  <si>
    <t>cg08111832</t>
  </si>
  <si>
    <t>cg08111922</t>
  </si>
  <si>
    <t>cg08112616</t>
  </si>
  <si>
    <t>cg08113034</t>
  </si>
  <si>
    <t>cg08120263</t>
  </si>
  <si>
    <t>cg08121025</t>
  </si>
  <si>
    <t>cg08122140</t>
  </si>
  <si>
    <t>cg08122234</t>
  </si>
  <si>
    <t>cg08124634</t>
  </si>
  <si>
    <t>cg08127876</t>
  </si>
  <si>
    <t>cg08129129</t>
  </si>
  <si>
    <t>cg08130912</t>
  </si>
  <si>
    <t>cg08132837</t>
  </si>
  <si>
    <t>cg08136169</t>
  </si>
  <si>
    <t>cg08138379</t>
  </si>
  <si>
    <t>cg08140459</t>
  </si>
  <si>
    <t>cg08141928</t>
  </si>
  <si>
    <t>cg08143688</t>
  </si>
  <si>
    <t>cg08146372</t>
  </si>
  <si>
    <t>cg08149459</t>
  </si>
  <si>
    <t>cg08155439</t>
  </si>
  <si>
    <t>cg08157620</t>
  </si>
  <si>
    <t>cg08164191</t>
  </si>
  <si>
    <t>cg08165558</t>
  </si>
  <si>
    <t>cg08172927</t>
  </si>
  <si>
    <t>cg08180525</t>
  </si>
  <si>
    <t>cg08184640</t>
  </si>
  <si>
    <t>cg08188886</t>
  </si>
  <si>
    <t>cg08188903</t>
  </si>
  <si>
    <t>cg08189043</t>
  </si>
  <si>
    <t>cg08189139</t>
  </si>
  <si>
    <t>cg08189843</t>
  </si>
  <si>
    <t>cg08196032</t>
  </si>
  <si>
    <t>cg08196307</t>
  </si>
  <si>
    <t>cg08198430</t>
  </si>
  <si>
    <t>cg08200043</t>
  </si>
  <si>
    <t>cg08200546</t>
  </si>
  <si>
    <t>cg08207660</t>
  </si>
  <si>
    <t>cg08210871</t>
  </si>
  <si>
    <t>cg08211413</t>
  </si>
  <si>
    <t>cg08211972</t>
  </si>
  <si>
    <t>cg08220084</t>
  </si>
  <si>
    <t>cg08221136</t>
  </si>
  <si>
    <t>cg08221175</t>
  </si>
  <si>
    <t>cg08222609</t>
  </si>
  <si>
    <t>cg08226873</t>
  </si>
  <si>
    <t>cg08227290</t>
  </si>
  <si>
    <t>cg08231274</t>
  </si>
  <si>
    <t>cg08231350</t>
  </si>
  <si>
    <t>cg08231664</t>
  </si>
  <si>
    <t>cg08233448</t>
  </si>
  <si>
    <t>cg08234878</t>
  </si>
  <si>
    <t>cg08238265</t>
  </si>
  <si>
    <t>cg08241321</t>
  </si>
  <si>
    <t>cg08244382</t>
  </si>
  <si>
    <t>cg08244750</t>
  </si>
  <si>
    <t>cg08247587</t>
  </si>
  <si>
    <t>cg08248849</t>
  </si>
  <si>
    <t>cg08253808</t>
  </si>
  <si>
    <t>cg08257009</t>
  </si>
  <si>
    <t>cg08258506</t>
  </si>
  <si>
    <t>cg08258922</t>
  </si>
  <si>
    <t>cg08261716</t>
  </si>
  <si>
    <t>cg08263561</t>
  </si>
  <si>
    <t>cg08264519</t>
  </si>
  <si>
    <t>cg08274139</t>
  </si>
  <si>
    <t>cg08276171</t>
  </si>
  <si>
    <t>cg08277921</t>
  </si>
  <si>
    <t>cg08279035</t>
  </si>
  <si>
    <t>cg08281071</t>
  </si>
  <si>
    <t>cg08282145</t>
  </si>
  <si>
    <t>cg08292050</t>
  </si>
  <si>
    <t>cg08292104</t>
  </si>
  <si>
    <t>cg08295608</t>
  </si>
  <si>
    <t>cg08297686</t>
  </si>
  <si>
    <t>cg08299089</t>
  </si>
  <si>
    <t>cg08301307</t>
  </si>
  <si>
    <t>cg08302868</t>
  </si>
  <si>
    <t>cg08309775</t>
  </si>
  <si>
    <t>cg08311250</t>
  </si>
  <si>
    <t>cg08321366</t>
  </si>
  <si>
    <t>cg08322580</t>
  </si>
  <si>
    <t>cg08328671</t>
  </si>
  <si>
    <t>cg08335662</t>
  </si>
  <si>
    <t>cg08341924</t>
  </si>
  <si>
    <t>cg08380284</t>
  </si>
  <si>
    <t>cg08393828</t>
  </si>
  <si>
    <t>cg08423052</t>
  </si>
  <si>
    <t>cg08426384</t>
  </si>
  <si>
    <t>cg08464897</t>
  </si>
  <si>
    <t>cg08465183</t>
  </si>
  <si>
    <t>cg08495878</t>
  </si>
  <si>
    <t>cg08504659</t>
  </si>
  <si>
    <t>cg08505473</t>
  </si>
  <si>
    <t>cg08509270</t>
  </si>
  <si>
    <t>cg08516083</t>
  </si>
  <si>
    <t>cg08528519</t>
  </si>
  <si>
    <t>cg08555460</t>
  </si>
  <si>
    <t>cg08568075</t>
  </si>
  <si>
    <t>cg08593009</t>
  </si>
  <si>
    <t>cg08608974</t>
  </si>
  <si>
    <t>cg08615333</t>
  </si>
  <si>
    <t>cg08625335</t>
  </si>
  <si>
    <t>cg08675585</t>
  </si>
  <si>
    <t>cg08698721</t>
  </si>
  <si>
    <t>cg08703971</t>
  </si>
  <si>
    <t>cg08727193</t>
  </si>
  <si>
    <t>cg08737421</t>
  </si>
  <si>
    <t>cg08754456</t>
  </si>
  <si>
    <t>cg08762734</t>
  </si>
  <si>
    <t>cg08765301</t>
  </si>
  <si>
    <t>cg08766149</t>
  </si>
  <si>
    <t>cg08796342</t>
  </si>
  <si>
    <t>cg08802167</t>
  </si>
  <si>
    <t>cg08810065</t>
  </si>
  <si>
    <t>cg08816248</t>
  </si>
  <si>
    <t>cg08825816</t>
  </si>
  <si>
    <t>cg08826251</t>
  </si>
  <si>
    <t>cg08837308</t>
  </si>
  <si>
    <t>cg08859352</t>
  </si>
  <si>
    <t>cg08933517</t>
  </si>
  <si>
    <t>cg08939481</t>
  </si>
  <si>
    <t>cg08957360</t>
  </si>
  <si>
    <t>cg08969094</t>
  </si>
  <si>
    <t>cg09000804</t>
  </si>
  <si>
    <t>cg09002455</t>
  </si>
  <si>
    <t>cg09003057</t>
  </si>
  <si>
    <t>cg09030848</t>
  </si>
  <si>
    <t>cg09044738</t>
  </si>
  <si>
    <t>cg09061632</t>
  </si>
  <si>
    <t>cg09076337</t>
  </si>
  <si>
    <t>cg09121269</t>
  </si>
  <si>
    <t>cg09131529</t>
  </si>
  <si>
    <t>cg09133026</t>
  </si>
  <si>
    <t>cg09155219</t>
  </si>
  <si>
    <t>cg09191574</t>
  </si>
  <si>
    <t>cg09194436</t>
  </si>
  <si>
    <t>cg09195920</t>
  </si>
  <si>
    <t>cg09196146</t>
  </si>
  <si>
    <t>cg09197968</t>
  </si>
  <si>
    <t>cg09203490</t>
  </si>
  <si>
    <t>cg09208628</t>
  </si>
  <si>
    <t>cg09212014</t>
  </si>
  <si>
    <t>cg09213451</t>
  </si>
  <si>
    <t>cg09216001</t>
  </si>
  <si>
    <t>cg09217565</t>
  </si>
  <si>
    <t>cg09225388</t>
  </si>
  <si>
    <t>cg09225424</t>
  </si>
  <si>
    <t>cg09226596</t>
  </si>
  <si>
    <t>cg09226756</t>
  </si>
  <si>
    <t>cg09229893</t>
  </si>
  <si>
    <t>cg09232358</t>
  </si>
  <si>
    <t>cg09237515</t>
  </si>
  <si>
    <t>cg09241267</t>
  </si>
  <si>
    <t>cg09242311</t>
  </si>
  <si>
    <t>cg09246043</t>
  </si>
  <si>
    <t>cg09247020</t>
  </si>
  <si>
    <t>cg09247392</t>
  </si>
  <si>
    <t>cg09250367</t>
  </si>
  <si>
    <t>cg09251317</t>
  </si>
  <si>
    <t>cg09254101</t>
  </si>
  <si>
    <t>cg09255034</t>
  </si>
  <si>
    <t>cg09255505</t>
  </si>
  <si>
    <t>cg09257914</t>
  </si>
  <si>
    <t>cg09260206</t>
  </si>
  <si>
    <t>cg09262100</t>
  </si>
  <si>
    <t>cg09262217</t>
  </si>
  <si>
    <t>cg09266144</t>
  </si>
  <si>
    <t>cg09268338</t>
  </si>
  <si>
    <t>cg09268963</t>
  </si>
  <si>
    <t>cg09270255</t>
  </si>
  <si>
    <t>cg09271279</t>
  </si>
  <si>
    <t>cg09274091</t>
  </si>
  <si>
    <t>cg09274864</t>
  </si>
  <si>
    <t>cg09277256</t>
  </si>
  <si>
    <t>cg09278107</t>
  </si>
  <si>
    <t>cg09279394</t>
  </si>
  <si>
    <t>cg09279803</t>
  </si>
  <si>
    <t>cg09280976</t>
  </si>
  <si>
    <t>cg09284655</t>
  </si>
  <si>
    <t>cg09285543</t>
  </si>
  <si>
    <t>cg09285771</t>
  </si>
  <si>
    <t>cg09289459</t>
  </si>
  <si>
    <t>cg09292377</t>
  </si>
  <si>
    <t>cg09293533</t>
  </si>
  <si>
    <t>cg09294072</t>
  </si>
  <si>
    <t>cg09298014</t>
  </si>
  <si>
    <t>cg09304272</t>
  </si>
  <si>
    <t>cg09307564</t>
  </si>
  <si>
    <t>cg09309891</t>
  </si>
  <si>
    <t>cg09310065</t>
  </si>
  <si>
    <t>cg09313445</t>
  </si>
  <si>
    <t>cg09317403</t>
  </si>
  <si>
    <t>cg09317728</t>
  </si>
  <si>
    <t>cg09319475</t>
  </si>
  <si>
    <t>cg09324951</t>
  </si>
  <si>
    <t>cg09328362</t>
  </si>
  <si>
    <t>cg09329564</t>
  </si>
  <si>
    <t>cg09331879</t>
  </si>
  <si>
    <t>cg09333325</t>
  </si>
  <si>
    <t>cg09334636</t>
  </si>
  <si>
    <t>cg09337069</t>
  </si>
  <si>
    <t>cg09337121</t>
  </si>
  <si>
    <t>cg09341423</t>
  </si>
  <si>
    <t>cg09344740</t>
  </si>
  <si>
    <t>cg09345825</t>
  </si>
  <si>
    <t>cg09349933</t>
  </si>
  <si>
    <t>cg09351176</t>
  </si>
  <si>
    <t>cg09353400</t>
  </si>
  <si>
    <t>cg09357740</t>
  </si>
  <si>
    <t>cg09357761</t>
  </si>
  <si>
    <t>cg09358751</t>
  </si>
  <si>
    <t>cg09363076</t>
  </si>
  <si>
    <t>cg09367901</t>
  </si>
  <si>
    <t>cg09372750</t>
  </si>
  <si>
    <t>cg09372778</t>
  </si>
  <si>
    <t>cg09374627</t>
  </si>
  <si>
    <t>cg09378756</t>
  </si>
  <si>
    <t>cg09380594</t>
  </si>
  <si>
    <t>cg09380688</t>
  </si>
  <si>
    <t>cg09387844</t>
  </si>
  <si>
    <t>cg09388160</t>
  </si>
  <si>
    <t>cg09390594</t>
  </si>
  <si>
    <t>cg09391419</t>
  </si>
  <si>
    <t>cg09393551</t>
  </si>
  <si>
    <t>cg09395085</t>
  </si>
  <si>
    <t>cg09397716</t>
  </si>
  <si>
    <t>cg09399371</t>
  </si>
  <si>
    <t>cg09400985</t>
  </si>
  <si>
    <t>cg09401639</t>
  </si>
  <si>
    <t>cg09430689</t>
  </si>
  <si>
    <t>cg09443039</t>
  </si>
  <si>
    <t>cg09448946</t>
  </si>
  <si>
    <t>cg09487167</t>
  </si>
  <si>
    <t>cg09528111</t>
  </si>
  <si>
    <t>cg09535072</t>
  </si>
  <si>
    <t>cg09546345</t>
  </si>
  <si>
    <t>cg09556292</t>
  </si>
  <si>
    <t>cg09578794</t>
  </si>
  <si>
    <t>cg09594708</t>
  </si>
  <si>
    <t>cg09594873</t>
  </si>
  <si>
    <t>cg09600096</t>
  </si>
  <si>
    <t>cg09616556</t>
  </si>
  <si>
    <t>cg09631475</t>
  </si>
  <si>
    <t>cg09636214</t>
  </si>
  <si>
    <t>cg09643186</t>
  </si>
  <si>
    <t>cg09655116</t>
  </si>
  <si>
    <t>cg09721659</t>
  </si>
  <si>
    <t>cg09759521</t>
  </si>
  <si>
    <t>cg09788003</t>
  </si>
  <si>
    <t>cg09790137</t>
  </si>
  <si>
    <t>cg09791182</t>
  </si>
  <si>
    <t>cg09794680</t>
  </si>
  <si>
    <t>cg09796640</t>
  </si>
  <si>
    <t>cg09814127</t>
  </si>
  <si>
    <t>cg09814975</t>
  </si>
  <si>
    <t>cg09816693</t>
  </si>
  <si>
    <t>cg09819656</t>
  </si>
  <si>
    <t>cg09822192</t>
  </si>
  <si>
    <t>cg09824615</t>
  </si>
  <si>
    <t>cg09826629</t>
  </si>
  <si>
    <t>cg09834049</t>
  </si>
  <si>
    <t>cg09835220</t>
  </si>
  <si>
    <t>cg09835878</t>
  </si>
  <si>
    <t>cg09837298</t>
  </si>
  <si>
    <t>cg09837935</t>
  </si>
  <si>
    <t>cg09840645</t>
  </si>
  <si>
    <t>cg09847626</t>
  </si>
  <si>
    <t>cg09849246</t>
  </si>
  <si>
    <t>cg09852209</t>
  </si>
  <si>
    <t>cg09855728</t>
  </si>
  <si>
    <t>cg09857247</t>
  </si>
  <si>
    <t>cg09858392</t>
  </si>
  <si>
    <t>cg09858674</t>
  </si>
  <si>
    <t>cg09860530</t>
  </si>
  <si>
    <t>cg09863266</t>
  </si>
  <si>
    <t>cg09865386</t>
  </si>
  <si>
    <t>cg09866283</t>
  </si>
  <si>
    <t>cg09869130</t>
  </si>
  <si>
    <t>cg09871885</t>
  </si>
  <si>
    <t>cg09877136</t>
  </si>
  <si>
    <t>cg09878415</t>
  </si>
  <si>
    <t>cg09889850</t>
  </si>
  <si>
    <t>cg09895822</t>
  </si>
  <si>
    <t>cg09906941</t>
  </si>
  <si>
    <t>cg09907883</t>
  </si>
  <si>
    <t>cg09915984</t>
  </si>
  <si>
    <t>cg09918077</t>
  </si>
  <si>
    <t>cg09922085</t>
  </si>
  <si>
    <t>cg09926364</t>
  </si>
  <si>
    <t>cg09926418</t>
  </si>
  <si>
    <t>cg09926669</t>
  </si>
  <si>
    <t>cg09927198</t>
  </si>
  <si>
    <t>cg09936895</t>
  </si>
  <si>
    <t>cg09939191</t>
  </si>
  <si>
    <t>cg09940677</t>
  </si>
  <si>
    <t>cg09943560</t>
  </si>
  <si>
    <t>cg09945147</t>
  </si>
  <si>
    <t>cg09945151</t>
  </si>
  <si>
    <t>cg09950309</t>
  </si>
  <si>
    <t>cg09950812</t>
  </si>
  <si>
    <t>cg09954698</t>
  </si>
  <si>
    <t>cg09959585</t>
  </si>
  <si>
    <t>cg09968361</t>
  </si>
  <si>
    <t>cg09975804</t>
  </si>
  <si>
    <t>cg09982347</t>
  </si>
  <si>
    <t>cg09985192</t>
  </si>
  <si>
    <t>cg09985481</t>
  </si>
  <si>
    <t>cg09987231</t>
  </si>
  <si>
    <t>cg09987240</t>
  </si>
  <si>
    <t>cg09988995</t>
  </si>
  <si>
    <t>cg09989251</t>
  </si>
  <si>
    <t>cg09990194</t>
  </si>
  <si>
    <t>cg09998078</t>
  </si>
  <si>
    <t>cg09998189</t>
  </si>
  <si>
    <t>cg09999876</t>
  </si>
  <si>
    <t>cg10005947</t>
  </si>
  <si>
    <t>cg10006887</t>
  </si>
  <si>
    <t>cg10008636</t>
  </si>
  <si>
    <t>cg10008953</t>
  </si>
  <si>
    <t>cg10014563</t>
  </si>
  <si>
    <t>cg10015444</t>
  </si>
  <si>
    <t>cg10023469</t>
  </si>
  <si>
    <t>cg10024505</t>
  </si>
  <si>
    <t>cg10025865</t>
  </si>
  <si>
    <t>cg10030963</t>
  </si>
  <si>
    <t>cg10031516</t>
  </si>
  <si>
    <t>cg10035432</t>
  </si>
  <si>
    <t>cg10039281</t>
  </si>
  <si>
    <t>cg10039444</t>
  </si>
  <si>
    <t>cg10043718</t>
  </si>
  <si>
    <t>cg10044470</t>
  </si>
  <si>
    <t>cg10046893</t>
  </si>
  <si>
    <t>cg10050318</t>
  </si>
  <si>
    <t>cg10052017</t>
  </si>
  <si>
    <t>cg10052285</t>
  </si>
  <si>
    <t>cg10052704</t>
  </si>
  <si>
    <t>cg10053540</t>
  </si>
  <si>
    <t>cg10057904</t>
  </si>
  <si>
    <t>cg10061492</t>
  </si>
  <si>
    <t>cg10062874</t>
  </si>
  <si>
    <t>cg10065153</t>
  </si>
  <si>
    <t>cg10065809</t>
  </si>
  <si>
    <t>cg10066332</t>
  </si>
  <si>
    <t>cg10074290</t>
  </si>
  <si>
    <t>cg10075405</t>
  </si>
  <si>
    <t>cg10076968</t>
  </si>
  <si>
    <t>cg10078898</t>
  </si>
  <si>
    <t>cg10079327</t>
  </si>
  <si>
    <t>cg10081469</t>
  </si>
  <si>
    <t>cg10081604</t>
  </si>
  <si>
    <t>cg10082525</t>
  </si>
  <si>
    <t>cg10090326</t>
  </si>
  <si>
    <t>cg10091299</t>
  </si>
  <si>
    <t>cg10095084</t>
  </si>
  <si>
    <t>cg10097313</t>
  </si>
  <si>
    <t>cg10097651</t>
  </si>
  <si>
    <t>cg10098787</t>
  </si>
  <si>
    <t>cg10108710</t>
  </si>
  <si>
    <t>cg10109590</t>
  </si>
  <si>
    <t>cg10113212</t>
  </si>
  <si>
    <t>cg10123352</t>
  </si>
  <si>
    <t>cg10124993</t>
  </si>
  <si>
    <t>cg10126234</t>
  </si>
  <si>
    <t>cg10128164</t>
  </si>
  <si>
    <t>cg10130021</t>
  </si>
  <si>
    <t>cg10133125</t>
  </si>
  <si>
    <t>cg10134156</t>
  </si>
  <si>
    <t>cg10137253</t>
  </si>
  <si>
    <t>cg10139508</t>
  </si>
  <si>
    <t>cg10145369</t>
  </si>
  <si>
    <t>cg10145926</t>
  </si>
  <si>
    <t>cg10148273</t>
  </si>
  <si>
    <t>cg10149582</t>
  </si>
  <si>
    <t>cg10149976</t>
  </si>
  <si>
    <t>cg10157936</t>
  </si>
  <si>
    <t>cg10158093</t>
  </si>
  <si>
    <t>cg10160975</t>
  </si>
  <si>
    <t>cg10163998</t>
  </si>
  <si>
    <t>cg10166151</t>
  </si>
  <si>
    <t>cg10167235</t>
  </si>
  <si>
    <t>cg10169449</t>
  </si>
  <si>
    <t>cg10169539</t>
  </si>
  <si>
    <t>cg10170654</t>
  </si>
  <si>
    <t>cg10170678</t>
  </si>
  <si>
    <t>cg10172979</t>
  </si>
  <si>
    <t>cg10177827</t>
  </si>
  <si>
    <t>cg10178917</t>
  </si>
  <si>
    <t>cg10179669</t>
  </si>
  <si>
    <t>cg10180127</t>
  </si>
  <si>
    <t>cg10183405</t>
  </si>
  <si>
    <t>cg10184292</t>
  </si>
  <si>
    <t>cg10189261</t>
  </si>
  <si>
    <t>cg10191005</t>
  </si>
  <si>
    <t>cg10195619</t>
  </si>
  <si>
    <t>cg10195687</t>
  </si>
  <si>
    <t>cg10197238</t>
  </si>
  <si>
    <t>cg10200334</t>
  </si>
  <si>
    <t>cg10204195</t>
  </si>
  <si>
    <t>cg10204629</t>
  </si>
  <si>
    <t>cg10204652</t>
  </si>
  <si>
    <t>cg10204692</t>
  </si>
  <si>
    <t>cg10207355</t>
  </si>
  <si>
    <t>cg10213488</t>
  </si>
  <si>
    <t>cg10214581</t>
  </si>
  <si>
    <t>cg10216832</t>
  </si>
  <si>
    <t>cg10217202</t>
  </si>
  <si>
    <t>cg10222038</t>
  </si>
  <si>
    <t>cg10224939</t>
  </si>
  <si>
    <t>cg10226073</t>
  </si>
  <si>
    <t>cg10228706</t>
  </si>
  <si>
    <t>cg10240148</t>
  </si>
  <si>
    <t>cg10242170</t>
  </si>
  <si>
    <t>cg10247358</t>
  </si>
  <si>
    <t>cg10249213</t>
  </si>
  <si>
    <t>cg10249246</t>
  </si>
  <si>
    <t>cg10250651</t>
  </si>
  <si>
    <t>cg10250660</t>
  </si>
  <si>
    <t>cg10251973</t>
  </si>
  <si>
    <t>cg10258505</t>
  </si>
  <si>
    <t>cg10264529</t>
  </si>
  <si>
    <t>cg10264791</t>
  </si>
  <si>
    <t>cg10266394</t>
  </si>
  <si>
    <t>cg10271880</t>
  </si>
  <si>
    <t>cg10276623</t>
  </si>
  <si>
    <t>cg10277523</t>
  </si>
  <si>
    <t>cg10277781</t>
  </si>
  <si>
    <t>cg10281502</t>
  </si>
  <si>
    <t>cg10284755</t>
  </si>
  <si>
    <t>cg10285606</t>
  </si>
  <si>
    <t>cg10289074</t>
  </si>
  <si>
    <t>cg10289790</t>
  </si>
  <si>
    <t>cg10294240</t>
  </si>
  <si>
    <t>cg10294797</t>
  </si>
  <si>
    <t>cg10298855</t>
  </si>
  <si>
    <t>cg10300255</t>
  </si>
  <si>
    <t>cg10300684</t>
  </si>
  <si>
    <t>cg10300864</t>
  </si>
  <si>
    <t>cg10305667</t>
  </si>
  <si>
    <t>cg10307145</t>
  </si>
  <si>
    <t>cg10314752</t>
  </si>
  <si>
    <t>cg10317198</t>
  </si>
  <si>
    <t>cg10318063</t>
  </si>
  <si>
    <t>cg10318258</t>
  </si>
  <si>
    <t>cg10318744</t>
  </si>
  <si>
    <t>cg10319640</t>
  </si>
  <si>
    <t>cg10321973</t>
  </si>
  <si>
    <t>cg10322443</t>
  </si>
  <si>
    <t>cg10322573</t>
  </si>
  <si>
    <t>cg10323697</t>
  </si>
  <si>
    <t>cg10325668</t>
  </si>
  <si>
    <t>cg10326904</t>
  </si>
  <si>
    <t>cg10327400</t>
  </si>
  <si>
    <t>cg10327980</t>
  </si>
  <si>
    <t>cg10328157</t>
  </si>
  <si>
    <t>cg10332787</t>
  </si>
  <si>
    <t>cg10333051</t>
  </si>
  <si>
    <t>cg10334927</t>
  </si>
  <si>
    <t>cg10335860</t>
  </si>
  <si>
    <t>cg10337819</t>
  </si>
  <si>
    <t>cg10339295</t>
  </si>
  <si>
    <t>cg10347949</t>
  </si>
  <si>
    <t>cg10348920</t>
  </si>
  <si>
    <t>cg10352719</t>
  </si>
  <si>
    <t>cg10355965</t>
  </si>
  <si>
    <t>cg10359332</t>
  </si>
  <si>
    <t>cg10360121</t>
  </si>
  <si>
    <t>cg10361060</t>
  </si>
  <si>
    <t>cg10366261</t>
  </si>
  <si>
    <t>cg10373779</t>
  </si>
  <si>
    <t>cg10374258</t>
  </si>
  <si>
    <t>cg10375775</t>
  </si>
  <si>
    <t>cg10376476</t>
  </si>
  <si>
    <t>cg10378244</t>
  </si>
  <si>
    <t>cg10380165</t>
  </si>
  <si>
    <t>cg10383933</t>
  </si>
  <si>
    <t>cg10384064</t>
  </si>
  <si>
    <t>cg10385303</t>
  </si>
  <si>
    <t>cg10385379</t>
  </si>
  <si>
    <t>cg10395868</t>
  </si>
  <si>
    <t>cg10397819</t>
  </si>
  <si>
    <t>cg10401541</t>
  </si>
  <si>
    <t>cg10402804</t>
  </si>
  <si>
    <t>cg10413281</t>
  </si>
  <si>
    <t>cg10415171</t>
  </si>
  <si>
    <t>cg10415607</t>
  </si>
  <si>
    <t>cg10418289</t>
  </si>
  <si>
    <t>cg10418357</t>
  </si>
  <si>
    <t>cg10426658</t>
  </si>
  <si>
    <t>cg10444281</t>
  </si>
  <si>
    <t>cg10454568</t>
  </si>
  <si>
    <t>cg10460377</t>
  </si>
  <si>
    <t>cg10474755</t>
  </si>
  <si>
    <t>cg10477079</t>
  </si>
  <si>
    <t>cg10493075</t>
  </si>
  <si>
    <t>cg10493855</t>
  </si>
  <si>
    <t>cg10494773</t>
  </si>
  <si>
    <t>cg10495270</t>
  </si>
  <si>
    <t>cg10498703</t>
  </si>
  <si>
    <t>cg10502170</t>
  </si>
  <si>
    <t>cg10502508</t>
  </si>
  <si>
    <t>cg10506402</t>
  </si>
  <si>
    <t>cg10509607</t>
  </si>
  <si>
    <t>cg10515315</t>
  </si>
  <si>
    <t>cg10516683</t>
  </si>
  <si>
    <t>cg10518000</t>
  </si>
  <si>
    <t>cg10522641</t>
  </si>
  <si>
    <t>cg10528989</t>
  </si>
  <si>
    <t>cg10529613</t>
  </si>
  <si>
    <t>cg10530793</t>
  </si>
  <si>
    <t>cg10534873</t>
  </si>
  <si>
    <t>cg10534904</t>
  </si>
  <si>
    <t>cg10537269</t>
  </si>
  <si>
    <t>cg10540302</t>
  </si>
  <si>
    <t>cg10541843</t>
  </si>
  <si>
    <t>cg10544386</t>
  </si>
  <si>
    <t>cg10544627</t>
  </si>
  <si>
    <t>cg10547927</t>
  </si>
  <si>
    <t>cg10548805</t>
  </si>
  <si>
    <t>cg10549933</t>
  </si>
  <si>
    <t>cg10556316</t>
  </si>
  <si>
    <t>cg10557552</t>
  </si>
  <si>
    <t>cg10560038</t>
  </si>
  <si>
    <t>cg10561835</t>
  </si>
  <si>
    <t>cg10565512</t>
  </si>
  <si>
    <t>cg10573403</t>
  </si>
  <si>
    <t>cg10574863</t>
  </si>
  <si>
    <t>cg10599444</t>
  </si>
  <si>
    <t>cg10644361</t>
  </si>
  <si>
    <t>cg10686044</t>
  </si>
  <si>
    <t>cg10686916</t>
  </si>
  <si>
    <t>cg10696199</t>
  </si>
  <si>
    <t>cg10724086</t>
  </si>
  <si>
    <t>cg10728902</t>
  </si>
  <si>
    <t>cg10731281</t>
  </si>
  <si>
    <t>cg10733249</t>
  </si>
  <si>
    <t>cg10734581</t>
  </si>
  <si>
    <t>cg10735633</t>
  </si>
  <si>
    <t>cg10740670</t>
  </si>
  <si>
    <t>cg10745988</t>
  </si>
  <si>
    <t>cg10746542</t>
  </si>
  <si>
    <t>cg10749808</t>
  </si>
  <si>
    <t>cg10750828</t>
  </si>
  <si>
    <t>cg10761141</t>
  </si>
  <si>
    <t>cg10761412</t>
  </si>
  <si>
    <t>cg10762199</t>
  </si>
  <si>
    <t>cg10764891</t>
  </si>
  <si>
    <t>cg10766546</t>
  </si>
  <si>
    <t>cg10775991</t>
  </si>
  <si>
    <t>cg10780002</t>
  </si>
  <si>
    <t>cg10780160</t>
  </si>
  <si>
    <t>cg10780525</t>
  </si>
  <si>
    <t>cg10784821</t>
  </si>
  <si>
    <t>cg10788139</t>
  </si>
  <si>
    <t>cg10793244</t>
  </si>
  <si>
    <t>cg10794502</t>
  </si>
  <si>
    <t>cg10794733</t>
  </si>
  <si>
    <t>cg10797387</t>
  </si>
  <si>
    <t>cg10797850</t>
  </si>
  <si>
    <t>cg10806197</t>
  </si>
  <si>
    <t>cg10824725</t>
  </si>
  <si>
    <t>cg10825257</t>
  </si>
  <si>
    <t>cg10828337</t>
  </si>
  <si>
    <t>cg10832639</t>
  </si>
  <si>
    <t>cg10833014</t>
  </si>
  <si>
    <t>cg10835712</t>
  </si>
  <si>
    <t>cg10835893</t>
  </si>
  <si>
    <t>cg10835914</t>
  </si>
  <si>
    <t>cg10836125</t>
  </si>
  <si>
    <t>cg10837806</t>
  </si>
  <si>
    <t>cg10837846</t>
  </si>
  <si>
    <t>cg10839546</t>
  </si>
  <si>
    <t>cg10841540</t>
  </si>
  <si>
    <t>cg10843707</t>
  </si>
  <si>
    <t>cg10845171</t>
  </si>
  <si>
    <t>cg10852511</t>
  </si>
  <si>
    <t>cg10855746</t>
  </si>
  <si>
    <t>cg10861390</t>
  </si>
  <si>
    <t>cg10871863</t>
  </si>
  <si>
    <t>cg10872774</t>
  </si>
  <si>
    <t>cg10876207</t>
  </si>
  <si>
    <t>cg10878444</t>
  </si>
  <si>
    <t>cg10880459</t>
  </si>
  <si>
    <t>cg10883375</t>
  </si>
  <si>
    <t>cg10886293</t>
  </si>
  <si>
    <t>cg10888242</t>
  </si>
  <si>
    <t>cg10904856</t>
  </si>
  <si>
    <t>cg10907582</t>
  </si>
  <si>
    <t>cg10910286</t>
  </si>
  <si>
    <t>cg10910545</t>
  </si>
  <si>
    <t>cg10911990</t>
  </si>
  <si>
    <t>cg10912240</t>
  </si>
  <si>
    <t>cg10915099</t>
  </si>
  <si>
    <t>cg10919522</t>
  </si>
  <si>
    <t>cg10921922</t>
  </si>
  <si>
    <t>cg10924374</t>
  </si>
  <si>
    <t>cg10926857</t>
  </si>
  <si>
    <t>cg10929299</t>
  </si>
  <si>
    <t>cg10932242</t>
  </si>
  <si>
    <t>cg10937593</t>
  </si>
  <si>
    <t>cg10940210</t>
  </si>
  <si>
    <t>cg10940251</t>
  </si>
  <si>
    <t>cg10948070</t>
  </si>
  <si>
    <t>cg10949499</t>
  </si>
  <si>
    <t>cg10952171</t>
  </si>
  <si>
    <t>cg10952804</t>
  </si>
  <si>
    <t>cg10953436</t>
  </si>
  <si>
    <t>cg10967532</t>
  </si>
  <si>
    <t>cg10968631</t>
  </si>
  <si>
    <t>cg10970484</t>
  </si>
  <si>
    <t>cg10971750</t>
  </si>
  <si>
    <t>cg10974463</t>
  </si>
  <si>
    <t>cg10974632</t>
  </si>
  <si>
    <t>cg10979020</t>
  </si>
  <si>
    <t>cg10979891</t>
  </si>
  <si>
    <t>cg10981009</t>
  </si>
  <si>
    <t>cg10988573</t>
  </si>
  <si>
    <t>cg10990665</t>
  </si>
  <si>
    <t>cg10991578</t>
  </si>
  <si>
    <t>cg10991637</t>
  </si>
  <si>
    <t>cg10995297</t>
  </si>
  <si>
    <t>cg11003725</t>
  </si>
  <si>
    <t>cg11013415</t>
  </si>
  <si>
    <t>cg11017318</t>
  </si>
  <si>
    <t>cg11021810</t>
  </si>
  <si>
    <t>cg11022340</t>
  </si>
  <si>
    <t>cg11028291</t>
  </si>
  <si>
    <t>cg11033654</t>
  </si>
  <si>
    <t>cg11035122</t>
  </si>
  <si>
    <t>cg11035687</t>
  </si>
  <si>
    <t>cg11035933</t>
  </si>
  <si>
    <t>cg11036936</t>
  </si>
  <si>
    <t>cg11047500</t>
  </si>
  <si>
    <t>cg11057824</t>
  </si>
  <si>
    <t>cg11059483</t>
  </si>
  <si>
    <t>cg11064915</t>
  </si>
  <si>
    <t>cg11065694</t>
  </si>
  <si>
    <t>cg11068517</t>
  </si>
  <si>
    <t>cg11068520</t>
  </si>
  <si>
    <t>cg11070000</t>
  </si>
  <si>
    <t>cg11070590</t>
  </si>
  <si>
    <t>cg11070881</t>
  </si>
  <si>
    <t>cg11080456</t>
  </si>
  <si>
    <t>cg11080643</t>
  </si>
  <si>
    <t>cg11083967</t>
  </si>
  <si>
    <t>cg11086312</t>
  </si>
  <si>
    <t>cg11087049</t>
  </si>
  <si>
    <t>cg11089489</t>
  </si>
  <si>
    <t>cg11090529</t>
  </si>
  <si>
    <t>cg11091113</t>
  </si>
  <si>
    <t>cg11092157</t>
  </si>
  <si>
    <t>cg11095277</t>
  </si>
  <si>
    <t>cg11095315</t>
  </si>
  <si>
    <t>cg11097954</t>
  </si>
  <si>
    <t>cg11097968</t>
  </si>
  <si>
    <t>cg11100216</t>
  </si>
  <si>
    <t>cg11107966</t>
  </si>
  <si>
    <t>cg11114503</t>
  </si>
  <si>
    <t>cg11116300</t>
  </si>
  <si>
    <t>cg11118922</t>
  </si>
  <si>
    <t>cg11120049</t>
  </si>
  <si>
    <t>cg11120364</t>
  </si>
  <si>
    <t>cg11120865</t>
  </si>
  <si>
    <t>cg11121935</t>
  </si>
  <si>
    <t>cg11124677</t>
  </si>
  <si>
    <t>cg11126215</t>
  </si>
  <si>
    <t>cg11126767</t>
  </si>
  <si>
    <t>cg11134052</t>
  </si>
  <si>
    <t>cg11134801</t>
  </si>
  <si>
    <t>cg11135937</t>
  </si>
  <si>
    <t>cg11137697</t>
  </si>
  <si>
    <t>cg11138227</t>
  </si>
  <si>
    <t>cg11138679</t>
  </si>
  <si>
    <t>cg11143091</t>
  </si>
  <si>
    <t>cg11145643</t>
  </si>
  <si>
    <t>cg11150191</t>
  </si>
  <si>
    <t>cg11152302</t>
  </si>
  <si>
    <t>cg11154970</t>
  </si>
  <si>
    <t>cg11157486</t>
  </si>
  <si>
    <t>cg11166287</t>
  </si>
  <si>
    <t>cg11172299</t>
  </si>
  <si>
    <t>cg11176135</t>
  </si>
  <si>
    <t>cg11182381</t>
  </si>
  <si>
    <t>cg11184439</t>
  </si>
  <si>
    <t>cg11185452</t>
  </si>
  <si>
    <t>cg11185653</t>
  </si>
  <si>
    <t>cg11189107</t>
  </si>
  <si>
    <t>cg11189854</t>
  </si>
  <si>
    <t>cg11192192</t>
  </si>
  <si>
    <t>cg11193041</t>
  </si>
  <si>
    <t>cg11195733</t>
  </si>
  <si>
    <t>cg11195909</t>
  </si>
  <si>
    <t>cg11204152</t>
  </si>
  <si>
    <t>cg11204974</t>
  </si>
  <si>
    <t>cg11205335</t>
  </si>
  <si>
    <t>cg11225573</t>
  </si>
  <si>
    <t>cg11248049</t>
  </si>
  <si>
    <t>cg11260422</t>
  </si>
  <si>
    <t>cg11287888</t>
  </si>
  <si>
    <t>cg11290775</t>
  </si>
  <si>
    <t>cg11294692</t>
  </si>
  <si>
    <t>cg11304524</t>
  </si>
  <si>
    <t>cg11328875</t>
  </si>
  <si>
    <t>cg11346901</t>
  </si>
  <si>
    <t>cg11375079</t>
  </si>
  <si>
    <t>cg11384750</t>
  </si>
  <si>
    <t>cg11396473</t>
  </si>
  <si>
    <t>cg11445579</t>
  </si>
  <si>
    <t>cg11466094</t>
  </si>
  <si>
    <t>cg11468522</t>
  </si>
  <si>
    <t>cg11474075</t>
  </si>
  <si>
    <t>cg11476758</t>
  </si>
  <si>
    <t>cg11498740</t>
  </si>
  <si>
    <t>cg11508373</t>
  </si>
  <si>
    <t>cg11511713</t>
  </si>
  <si>
    <t>cg11525285</t>
  </si>
  <si>
    <t>cg11528307</t>
  </si>
  <si>
    <t>cg11566194</t>
  </si>
  <si>
    <t>cg11571563</t>
  </si>
  <si>
    <t>cg11574970</t>
  </si>
  <si>
    <t>cg11597832</t>
  </si>
  <si>
    <t>cg11613415</t>
  </si>
  <si>
    <t>cg11636151</t>
  </si>
  <si>
    <t>cg11646704</t>
  </si>
  <si>
    <t>cg11653789</t>
  </si>
  <si>
    <t>cg11665562</t>
  </si>
  <si>
    <t>cg11700584</t>
  </si>
  <si>
    <t>cg11701094</t>
  </si>
  <si>
    <t>cg11717738</t>
  </si>
  <si>
    <t>cg11718443</t>
  </si>
  <si>
    <t>cg11726507</t>
  </si>
  <si>
    <t>cg11731031</t>
  </si>
  <si>
    <t>cg11736740</t>
  </si>
  <si>
    <t>cg11736942</t>
  </si>
  <si>
    <t>cg11737413</t>
  </si>
  <si>
    <t>cg11739297</t>
  </si>
  <si>
    <t>cg11740921</t>
  </si>
  <si>
    <t>cg11748936</t>
  </si>
  <si>
    <t>cg11755405</t>
  </si>
  <si>
    <t>cg11756777</t>
  </si>
  <si>
    <t>cg11762031</t>
  </si>
  <si>
    <t>cg11763800</t>
  </si>
  <si>
    <t>cg11772801</t>
  </si>
  <si>
    <t>cg11773456</t>
  </si>
  <si>
    <t>cg11780042</t>
  </si>
  <si>
    <t>cg11783089</t>
  </si>
  <si>
    <t>cg11787167</t>
  </si>
  <si>
    <t>cg11787176</t>
  </si>
  <si>
    <t>cg11789185</t>
  </si>
  <si>
    <t>cg11789371</t>
  </si>
  <si>
    <t>cg11790074</t>
  </si>
  <si>
    <t>cg11792874</t>
  </si>
  <si>
    <t>cg11796345</t>
  </si>
  <si>
    <t>cg11798182</t>
  </si>
  <si>
    <t>cg11802326</t>
  </si>
  <si>
    <t>cg11802553</t>
  </si>
  <si>
    <t>cg11810906</t>
  </si>
  <si>
    <t>cg11813489</t>
  </si>
  <si>
    <t>cg11820833</t>
  </si>
  <si>
    <t>cg11820913</t>
  </si>
  <si>
    <t>cg11821536</t>
  </si>
  <si>
    <t>cg11821824</t>
  </si>
  <si>
    <t>cg11822076</t>
  </si>
  <si>
    <t>cg11828669</t>
  </si>
  <si>
    <t>cg11828983</t>
  </si>
  <si>
    <t>cg11829203</t>
  </si>
  <si>
    <t>cg11830346</t>
  </si>
  <si>
    <t>cg11834744</t>
  </si>
  <si>
    <t>cg11835657</t>
  </si>
  <si>
    <t>cg11839334</t>
  </si>
  <si>
    <t>cg11843050</t>
  </si>
  <si>
    <t>cg11846618</t>
  </si>
  <si>
    <t>cg11847459</t>
  </si>
  <si>
    <t>cg11848324</t>
  </si>
  <si>
    <t>cg11853267</t>
  </si>
  <si>
    <t>cg11856036</t>
  </si>
  <si>
    <t>cg11866719</t>
  </si>
  <si>
    <t>cg11869269</t>
  </si>
  <si>
    <t>cg11873613</t>
  </si>
  <si>
    <t>cg11877726</t>
  </si>
  <si>
    <t>cg11877773</t>
  </si>
  <si>
    <t>cg11878319</t>
  </si>
  <si>
    <t>cg11881702</t>
  </si>
  <si>
    <t>cg11884316</t>
  </si>
  <si>
    <t>cg11887864</t>
  </si>
  <si>
    <t>cg11891504</t>
  </si>
  <si>
    <t>cg11951910</t>
  </si>
  <si>
    <t>cg11965365</t>
  </si>
  <si>
    <t>cg11983233</t>
  </si>
  <si>
    <t>cg11985277</t>
  </si>
  <si>
    <t>cg11989422</t>
  </si>
  <si>
    <t>cg11991859</t>
  </si>
  <si>
    <t>cg12011267</t>
  </si>
  <si>
    <t>cg12020437</t>
  </si>
  <si>
    <t>cg12025137</t>
  </si>
  <si>
    <t>cg12025832</t>
  </si>
  <si>
    <t>cg12032377</t>
  </si>
  <si>
    <t>cg12036389</t>
  </si>
  <si>
    <t>cg12037994</t>
  </si>
  <si>
    <t>cg12043200</t>
  </si>
  <si>
    <t>cg12044862</t>
  </si>
  <si>
    <t>cg12046056</t>
  </si>
  <si>
    <t>cg12049236</t>
  </si>
  <si>
    <t>cg12051980</t>
  </si>
  <si>
    <t>cg12055302</t>
  </si>
  <si>
    <t>cg12059104</t>
  </si>
  <si>
    <t>cg12059866</t>
  </si>
  <si>
    <t>cg12061886</t>
  </si>
  <si>
    <t>cg12062492</t>
  </si>
  <si>
    <t>cg12063688</t>
  </si>
  <si>
    <t>cg12066864</t>
  </si>
  <si>
    <t>cg12067604</t>
  </si>
  <si>
    <t>cg12073440</t>
  </si>
  <si>
    <t>cg12075442</t>
  </si>
  <si>
    <t>cg12080751</t>
  </si>
  <si>
    <t>cg12084631</t>
  </si>
  <si>
    <t>cg12087695</t>
  </si>
  <si>
    <t>cg12090942</t>
  </si>
  <si>
    <t>cg12092005</t>
  </si>
  <si>
    <t>cg12094892</t>
  </si>
  <si>
    <t>cg12095533</t>
  </si>
  <si>
    <t>cg12095807</t>
  </si>
  <si>
    <t>cg12096759</t>
  </si>
  <si>
    <t>cg12102016</t>
  </si>
  <si>
    <t>cg12103197</t>
  </si>
  <si>
    <t>cg12106761</t>
  </si>
  <si>
    <t>cg12108273</t>
  </si>
  <si>
    <t>cg12109963</t>
  </si>
  <si>
    <t>cg12110634</t>
  </si>
  <si>
    <t>cg12117827</t>
  </si>
  <si>
    <t>cg12120359</t>
  </si>
  <si>
    <t>cg12123733</t>
  </si>
  <si>
    <t>cg12123983</t>
  </si>
  <si>
    <t>cg12125567</t>
  </si>
  <si>
    <t>cg12126038</t>
  </si>
  <si>
    <t>cg12127149</t>
  </si>
  <si>
    <t>cg12138450</t>
  </si>
  <si>
    <t>cg12140470</t>
  </si>
  <si>
    <t>cg12140749</t>
  </si>
  <si>
    <t>cg12141611</t>
  </si>
  <si>
    <t>cg12142424</t>
  </si>
  <si>
    <t>cg12145085</t>
  </si>
  <si>
    <t>cg12152002</t>
  </si>
  <si>
    <t>cg12152256</t>
  </si>
  <si>
    <t>cg12153422</t>
  </si>
  <si>
    <t>cg12155356</t>
  </si>
  <si>
    <t>cg12157619</t>
  </si>
  <si>
    <t>cg12159314</t>
  </si>
  <si>
    <t>cg12159330</t>
  </si>
  <si>
    <t>cg12160741</t>
  </si>
  <si>
    <t>cg12162778</t>
  </si>
  <si>
    <t>cg12166570</t>
  </si>
  <si>
    <t>cg12173661</t>
  </si>
  <si>
    <t>cg12177001</t>
  </si>
  <si>
    <t>cg12180984</t>
  </si>
  <si>
    <t>cg12182408</t>
  </si>
  <si>
    <t>cg12183467</t>
  </si>
  <si>
    <t>cg12191970</t>
  </si>
  <si>
    <t>cg12193817</t>
  </si>
  <si>
    <t>cg12194055</t>
  </si>
  <si>
    <t>cg12197579</t>
  </si>
  <si>
    <t>cg12199198</t>
  </si>
  <si>
    <t>cg12200478</t>
  </si>
  <si>
    <t>cg12202949</t>
  </si>
  <si>
    <t>cg12203852</t>
  </si>
  <si>
    <t>cg12210378</t>
  </si>
  <si>
    <t>cg12212555</t>
  </si>
  <si>
    <t>cg12212620</t>
  </si>
  <si>
    <t>cg12214614</t>
  </si>
  <si>
    <t>cg12220493</t>
  </si>
  <si>
    <t>cg12227762</t>
  </si>
  <si>
    <t>cg12241299</t>
  </si>
  <si>
    <t>cg12242174</t>
  </si>
  <si>
    <t>cg12249575</t>
  </si>
  <si>
    <t>cg12265829</t>
  </si>
  <si>
    <t>cg12269343</t>
  </si>
  <si>
    <t>cg12326934</t>
  </si>
  <si>
    <t>cg12345724</t>
  </si>
  <si>
    <t>cg12407844</t>
  </si>
  <si>
    <t>cg12422968</t>
  </si>
  <si>
    <t>cg12425861</t>
  </si>
  <si>
    <t>cg12431977</t>
  </si>
  <si>
    <t>cg12444840</t>
  </si>
  <si>
    <t>cg12451007</t>
  </si>
  <si>
    <t>cg12454814</t>
  </si>
  <si>
    <t>cg12488111</t>
  </si>
  <si>
    <t>cg12491765</t>
  </si>
  <si>
    <t>cg12517796</t>
  </si>
  <si>
    <t>cg12563839</t>
  </si>
  <si>
    <t>cg12573499</t>
  </si>
  <si>
    <t>cg12582607</t>
  </si>
  <si>
    <t>cg12590010</t>
  </si>
  <si>
    <t>cg12606485</t>
  </si>
  <si>
    <t>cg12615951</t>
  </si>
  <si>
    <t>cg12623422</t>
  </si>
  <si>
    <t>cg12648263</t>
  </si>
  <si>
    <t>cg12671336</t>
  </si>
  <si>
    <t>cg12675800</t>
  </si>
  <si>
    <t>cg12686842</t>
  </si>
  <si>
    <t>cg12720152</t>
  </si>
  <si>
    <t>cg12720459</t>
  </si>
  <si>
    <t>cg12730424</t>
  </si>
  <si>
    <t>cg12743470</t>
  </si>
  <si>
    <t>cg12773498</t>
  </si>
  <si>
    <t>cg12774429</t>
  </si>
  <si>
    <t>cg12774845</t>
  </si>
  <si>
    <t>cg12779438</t>
  </si>
  <si>
    <t>cg12782524</t>
  </si>
  <si>
    <t>cg12783693</t>
  </si>
  <si>
    <t>cg12784990</t>
  </si>
  <si>
    <t>cg12785276</t>
  </si>
  <si>
    <t>cg12785573</t>
  </si>
  <si>
    <t>cg12790424</t>
  </si>
  <si>
    <t>cg12792931</t>
  </si>
  <si>
    <t>cg12797492</t>
  </si>
  <si>
    <t>cg12798675</t>
  </si>
  <si>
    <t>cg12814141</t>
  </si>
  <si>
    <t>cg12814480</t>
  </si>
  <si>
    <t>cg12815987</t>
  </si>
  <si>
    <t>cg12816876</t>
  </si>
  <si>
    <t>cg12818596</t>
  </si>
  <si>
    <t>cg12820006</t>
  </si>
  <si>
    <t>cg12829597</t>
  </si>
  <si>
    <t>cg12830829</t>
  </si>
  <si>
    <t>cg12831208</t>
  </si>
  <si>
    <t>cg12833168</t>
  </si>
  <si>
    <t>cg12833465</t>
  </si>
  <si>
    <t>cg12837173</t>
  </si>
  <si>
    <t>cg12841020</t>
  </si>
  <si>
    <t>cg12842722</t>
  </si>
  <si>
    <t>cg12847429</t>
  </si>
  <si>
    <t>cg12848118</t>
  </si>
  <si>
    <t>cg12848614</t>
  </si>
  <si>
    <t>cg12851793</t>
  </si>
  <si>
    <t>cg12854032</t>
  </si>
  <si>
    <t>cg12857945</t>
  </si>
  <si>
    <t>cg12867068</t>
  </si>
  <si>
    <t>cg12873941</t>
  </si>
  <si>
    <t>cg12874204</t>
  </si>
  <si>
    <t>cg12879727</t>
  </si>
  <si>
    <t>cg12882389</t>
  </si>
  <si>
    <t>cg12890903</t>
  </si>
  <si>
    <t>cg12913122</t>
  </si>
  <si>
    <t>cg12913832</t>
  </si>
  <si>
    <t>cg12917475</t>
  </si>
  <si>
    <t>cg12919976</t>
  </si>
  <si>
    <t>cg12921795</t>
  </si>
  <si>
    <t>cg12928081</t>
  </si>
  <si>
    <t>cg12929364</t>
  </si>
  <si>
    <t>cg12937580</t>
  </si>
  <si>
    <t>cg12940991</t>
  </si>
  <si>
    <t>cg12940993</t>
  </si>
  <si>
    <t>cg12943115</t>
  </si>
  <si>
    <t>cg12944183</t>
  </si>
  <si>
    <t>cg12944343</t>
  </si>
  <si>
    <t>cg12948771</t>
  </si>
  <si>
    <t>cg12950030</t>
  </si>
  <si>
    <t>cg12952552</t>
  </si>
  <si>
    <t>cg12952568</t>
  </si>
  <si>
    <t>cg12956091</t>
  </si>
  <si>
    <t>cg12960729</t>
  </si>
  <si>
    <t>cg12963168</t>
  </si>
  <si>
    <t>cg12967319</t>
  </si>
  <si>
    <t>cg12967666</t>
  </si>
  <si>
    <t>cg13004429</t>
  </si>
  <si>
    <t>cg13007580</t>
  </si>
  <si>
    <t>cg13007843</t>
  </si>
  <si>
    <t>cg13012868</t>
  </si>
  <si>
    <t>cg13013965</t>
  </si>
  <si>
    <t>cg13016115</t>
  </si>
  <si>
    <t>cg13020457</t>
  </si>
  <si>
    <t>cg13023701</t>
  </si>
  <si>
    <t>cg13026754</t>
  </si>
  <si>
    <t>cg13026782</t>
  </si>
  <si>
    <t>cg13027206</t>
  </si>
  <si>
    <t>cg13029731</t>
  </si>
  <si>
    <t>cg13031449</t>
  </si>
  <si>
    <t>cg13034810</t>
  </si>
  <si>
    <t>cg13036549</t>
  </si>
  <si>
    <t>cg13037201</t>
  </si>
  <si>
    <t>cg13042487</t>
  </si>
  <si>
    <t>cg13043117</t>
  </si>
  <si>
    <t>cg13048437</t>
  </si>
  <si>
    <t>cg13049261</t>
  </si>
  <si>
    <t>cg13050104</t>
  </si>
  <si>
    <t>cg13050240</t>
  </si>
  <si>
    <t>cg13052453</t>
  </si>
  <si>
    <t>cg13054881</t>
  </si>
  <si>
    <t>cg13057167</t>
  </si>
  <si>
    <t>cg13057576</t>
  </si>
  <si>
    <t>cg13061910</t>
  </si>
  <si>
    <t>cg13067221</t>
  </si>
  <si>
    <t>cg13067714</t>
  </si>
  <si>
    <t>cg13075942</t>
  </si>
  <si>
    <t>cg13076468</t>
  </si>
  <si>
    <t>cg13079247</t>
  </si>
  <si>
    <t>cg13093389</t>
  </si>
  <si>
    <t>cg13094313</t>
  </si>
  <si>
    <t>cg13097090</t>
  </si>
  <si>
    <t>cg13098319</t>
  </si>
  <si>
    <t>cg13101330</t>
  </si>
  <si>
    <t>cg13105904</t>
  </si>
  <si>
    <t>cg13106215</t>
  </si>
  <si>
    <t>cg13109045</t>
  </si>
  <si>
    <t>cg13119884</t>
  </si>
  <si>
    <t>cg13121428</t>
  </si>
  <si>
    <t>cg13130319</t>
  </si>
  <si>
    <t>cg13132016</t>
  </si>
  <si>
    <t>cg13135121</t>
  </si>
  <si>
    <t>cg13141363</t>
  </si>
  <si>
    <t>cg13144594</t>
  </si>
  <si>
    <t>cg13146484</t>
  </si>
  <si>
    <t>cg13149281</t>
  </si>
  <si>
    <t>cg13150061</t>
  </si>
  <si>
    <t>cg13150564</t>
  </si>
  <si>
    <t>cg13150765</t>
  </si>
  <si>
    <t>cg13152651</t>
  </si>
  <si>
    <t>cg13152690</t>
  </si>
  <si>
    <t>cg13155292</t>
  </si>
  <si>
    <t>cg13155549</t>
  </si>
  <si>
    <t>cg13163770</t>
  </si>
  <si>
    <t>cg13164814</t>
  </si>
  <si>
    <t>cg13165928</t>
  </si>
  <si>
    <t>cg13166888</t>
  </si>
  <si>
    <t>cg13167816</t>
  </si>
  <si>
    <t>cg13169011</t>
  </si>
  <si>
    <t>cg13170031</t>
  </si>
  <si>
    <t>cg13170179</t>
  </si>
  <si>
    <t>cg13172637</t>
  </si>
  <si>
    <t>cg13182599</t>
  </si>
  <si>
    <t>cg13185218</t>
  </si>
  <si>
    <t>cg13192714</t>
  </si>
  <si>
    <t>cg13192788</t>
  </si>
  <si>
    <t>cg13192938</t>
  </si>
  <si>
    <t>cg13197255</t>
  </si>
  <si>
    <t>cg13200933</t>
  </si>
  <si>
    <t>cg13200990</t>
  </si>
  <si>
    <t>cg13209572</t>
  </si>
  <si>
    <t>cg13210403</t>
  </si>
  <si>
    <t>cg13212080</t>
  </si>
  <si>
    <t>cg13213799</t>
  </si>
  <si>
    <t>cg13214185</t>
  </si>
  <si>
    <t>cg13222081</t>
  </si>
  <si>
    <t>cg13225427</t>
  </si>
  <si>
    <t>cg13244312</t>
  </si>
  <si>
    <t>cg13244432</t>
  </si>
  <si>
    <t>cg13250209</t>
  </si>
  <si>
    <t>cg13251292</t>
  </si>
  <si>
    <t>cg13251484</t>
  </si>
  <si>
    <t>cg13252307</t>
  </si>
  <si>
    <t>cg13252730</t>
  </si>
  <si>
    <t>cg13258190</t>
  </si>
  <si>
    <t>cg13263087</t>
  </si>
  <si>
    <t>cg13267298</t>
  </si>
  <si>
    <t>cg13273789</t>
  </si>
  <si>
    <t>cg13274014</t>
  </si>
  <si>
    <t>cg13275724</t>
  </si>
  <si>
    <t>cg13277940</t>
  </si>
  <si>
    <t>cg13278105</t>
  </si>
  <si>
    <t>cg13278441</t>
  </si>
  <si>
    <t>cg13332088</t>
  </si>
  <si>
    <t>cg13354810</t>
  </si>
  <si>
    <t>cg13364038</t>
  </si>
  <si>
    <t>cg13381629</t>
  </si>
  <si>
    <t>cg13383425</t>
  </si>
  <si>
    <t>cg13386234</t>
  </si>
  <si>
    <t>cg13402779</t>
  </si>
  <si>
    <t>cg13408636</t>
  </si>
  <si>
    <t>cg13411015</t>
  </si>
  <si>
    <t>cg13416283</t>
  </si>
  <si>
    <t>cg13438944</t>
  </si>
  <si>
    <t>cg13451153</t>
  </si>
  <si>
    <t>cg13481335</t>
  </si>
  <si>
    <t>cg13486584</t>
  </si>
  <si>
    <t>cg13487102</t>
  </si>
  <si>
    <t>cg13487992</t>
  </si>
  <si>
    <t>cg13489528</t>
  </si>
  <si>
    <t>cg13490729</t>
  </si>
  <si>
    <t>cg13492164</t>
  </si>
  <si>
    <t>cg13493526</t>
  </si>
  <si>
    <t>cg13497903</t>
  </si>
  <si>
    <t>cg13502346</t>
  </si>
  <si>
    <t>cg13508672</t>
  </si>
  <si>
    <t>cg13509849</t>
  </si>
  <si>
    <t>cg13510050</t>
  </si>
  <si>
    <t>cg13511324</t>
  </si>
  <si>
    <t>cg13516541</t>
  </si>
  <si>
    <t>cg13521842</t>
  </si>
  <si>
    <t>cg13526007</t>
  </si>
  <si>
    <t>cg13526689</t>
  </si>
  <si>
    <t>cg13526915</t>
  </si>
  <si>
    <t>cg13529217</t>
  </si>
  <si>
    <t>cg13536265</t>
  </si>
  <si>
    <t>cg13540480</t>
  </si>
  <si>
    <t>cg13543273</t>
  </si>
  <si>
    <t>cg13543355</t>
  </si>
  <si>
    <t>cg13545642</t>
  </si>
  <si>
    <t>cg13551098</t>
  </si>
  <si>
    <t>cg13551137</t>
  </si>
  <si>
    <t>cg13551450</t>
  </si>
  <si>
    <t>cg13552742</t>
  </si>
  <si>
    <t>cg13552999</t>
  </si>
  <si>
    <t>cg13555351</t>
  </si>
  <si>
    <t>cg13555543</t>
  </si>
  <si>
    <t>cg13564658</t>
  </si>
  <si>
    <t>cg13569868</t>
  </si>
  <si>
    <t>cg13572596</t>
  </si>
  <si>
    <t>cg13573626</t>
  </si>
  <si>
    <t>cg13577778</t>
  </si>
  <si>
    <t>cg13577810</t>
  </si>
  <si>
    <t>cg13578353</t>
  </si>
  <si>
    <t>cg13581362</t>
  </si>
  <si>
    <t>cg13583230</t>
  </si>
  <si>
    <t>cg13586608</t>
  </si>
  <si>
    <t>cg13590876</t>
  </si>
  <si>
    <t>cg13594432</t>
  </si>
  <si>
    <t>cg13594869</t>
  </si>
  <si>
    <t>cg13606495</t>
  </si>
  <si>
    <t>cg13607316</t>
  </si>
  <si>
    <t>cg13619988</t>
  </si>
  <si>
    <t>cg13620526</t>
  </si>
  <si>
    <t>cg13624406</t>
  </si>
  <si>
    <t>cg13624964</t>
  </si>
  <si>
    <t>cg13627097</t>
  </si>
  <si>
    <t>cg13629586</t>
  </si>
  <si>
    <t>cg13632328</t>
  </si>
  <si>
    <t>cg13636887</t>
  </si>
  <si>
    <t>cg13637893</t>
  </si>
  <si>
    <t>cg13643339</t>
  </si>
  <si>
    <t>cg13643452</t>
  </si>
  <si>
    <t>cg13652892</t>
  </si>
  <si>
    <t>cg13662173</t>
  </si>
  <si>
    <t>cg13663292</t>
  </si>
  <si>
    <t>cg13666041</t>
  </si>
  <si>
    <t>cg13667739</t>
  </si>
  <si>
    <t>cg13671754</t>
  </si>
  <si>
    <t>cg13677859</t>
  </si>
  <si>
    <t>cg13679478</t>
  </si>
  <si>
    <t>cg13679772</t>
  </si>
  <si>
    <t>cg13684553</t>
  </si>
  <si>
    <t>cg13688202</t>
  </si>
  <si>
    <t>cg13692765</t>
  </si>
  <si>
    <t>cg13693582</t>
  </si>
  <si>
    <t>cg13695075</t>
  </si>
  <si>
    <t>cg13696957</t>
  </si>
  <si>
    <t>cg13697735</t>
  </si>
  <si>
    <t>cg13702181</t>
  </si>
  <si>
    <t>cg13707025</t>
  </si>
  <si>
    <t>cg13708497</t>
  </si>
  <si>
    <t>cg13710937</t>
  </si>
  <si>
    <t>cg13718960</t>
  </si>
  <si>
    <t>cg13726644</t>
  </si>
  <si>
    <t>cg13728308</t>
  </si>
  <si>
    <t>cg13737408</t>
  </si>
  <si>
    <t>cg13739066</t>
  </si>
  <si>
    <t>cg13743052</t>
  </si>
  <si>
    <t>cg13745946</t>
  </si>
  <si>
    <t>cg13751012</t>
  </si>
  <si>
    <t>cg13753460</t>
  </si>
  <si>
    <t>cg13754877</t>
  </si>
  <si>
    <t>cg13762464</t>
  </si>
  <si>
    <t>cg13765417</t>
  </si>
  <si>
    <t>cg13768304</t>
  </si>
  <si>
    <t>cg13769672</t>
  </si>
  <si>
    <t>cg13774825</t>
  </si>
  <si>
    <t>cg13777668</t>
  </si>
  <si>
    <t>cg13781510</t>
  </si>
  <si>
    <t>cg13783444</t>
  </si>
  <si>
    <t>cg13784080</t>
  </si>
  <si>
    <t>cg13784382</t>
  </si>
  <si>
    <t>cg13784460</t>
  </si>
  <si>
    <t>cg13784763</t>
  </si>
  <si>
    <t>cg13785718</t>
  </si>
  <si>
    <t>cg13785779</t>
  </si>
  <si>
    <t>cg13787135</t>
  </si>
  <si>
    <t>cg13796246</t>
  </si>
  <si>
    <t>cg13796295</t>
  </si>
  <si>
    <t>cg13797779</t>
  </si>
  <si>
    <t>cg13800228</t>
  </si>
  <si>
    <t>cg13803234</t>
  </si>
  <si>
    <t>cg13804788</t>
  </si>
  <si>
    <t>cg13805262</t>
  </si>
  <si>
    <t>cg13808183</t>
  </si>
  <si>
    <t>cg13810457</t>
  </si>
  <si>
    <t>cg13819869</t>
  </si>
  <si>
    <t>cg13823411</t>
  </si>
  <si>
    <t>cg13823621</t>
  </si>
  <si>
    <t>cg13826345</t>
  </si>
  <si>
    <t>cg13827970</t>
  </si>
  <si>
    <t>cg13834500</t>
  </si>
  <si>
    <t>cg13835029</t>
  </si>
  <si>
    <t>cg13836474</t>
  </si>
  <si>
    <t>cg13836687</t>
  </si>
  <si>
    <t>cg13838074</t>
  </si>
  <si>
    <t>cg13840968</t>
  </si>
  <si>
    <t>cg13842154</t>
  </si>
  <si>
    <t>cg13846682</t>
  </si>
  <si>
    <t>cg13891978</t>
  </si>
  <si>
    <t>cg13892015</t>
  </si>
  <si>
    <t>cg13912060</t>
  </si>
  <si>
    <t>cg13950903</t>
  </si>
  <si>
    <t>cg13961709</t>
  </si>
  <si>
    <t>cg13965707</t>
  </si>
  <si>
    <t>cg13972423</t>
  </si>
  <si>
    <t>cg13974427</t>
  </si>
  <si>
    <t>cg13979394</t>
  </si>
  <si>
    <t>cg13981078</t>
  </si>
  <si>
    <t>cg13981132</t>
  </si>
  <si>
    <t>cg13986355</t>
  </si>
  <si>
    <t>cg13987489</t>
  </si>
  <si>
    <t>cg13993469</t>
  </si>
  <si>
    <t>cg13999606</t>
  </si>
  <si>
    <t>cg14001486</t>
  </si>
  <si>
    <t>cg14002714</t>
  </si>
  <si>
    <t>cg14007559</t>
  </si>
  <si>
    <t>cg14007871</t>
  </si>
  <si>
    <t>cg14008119</t>
  </si>
  <si>
    <t>cg14008679</t>
  </si>
  <si>
    <t>cg14011368</t>
  </si>
  <si>
    <t>cg14019523</t>
  </si>
  <si>
    <t>cg14021286</t>
  </si>
  <si>
    <t>cg14022322</t>
  </si>
  <si>
    <t>cg14023350</t>
  </si>
  <si>
    <t>cg14024126</t>
  </si>
  <si>
    <t>cg14030359</t>
  </si>
  <si>
    <t>cg14030388</t>
  </si>
  <si>
    <t>cg14030940</t>
  </si>
  <si>
    <t>cg14032667</t>
  </si>
  <si>
    <t>cg14034270</t>
  </si>
  <si>
    <t>cg14037354</t>
  </si>
  <si>
    <t>cg14040945</t>
  </si>
  <si>
    <t>cg14041452</t>
  </si>
  <si>
    <t>cg14043411</t>
  </si>
  <si>
    <t>cg14047321</t>
  </si>
  <si>
    <t>cg14051236</t>
  </si>
  <si>
    <t>cg14053657</t>
  </si>
  <si>
    <t>cg14053764</t>
  </si>
  <si>
    <t>cg14057961</t>
  </si>
  <si>
    <t>cg14058432</t>
  </si>
  <si>
    <t>cg14058736</t>
  </si>
  <si>
    <t>cg14063129</t>
  </si>
  <si>
    <t>cg14064024</t>
  </si>
  <si>
    <t>cg14075413</t>
  </si>
  <si>
    <t>cg14076024</t>
  </si>
  <si>
    <t>cg14077301</t>
  </si>
  <si>
    <t>cg14079333</t>
  </si>
  <si>
    <t>cg14083376</t>
  </si>
  <si>
    <t>cg14084312</t>
  </si>
  <si>
    <t>cg14084609</t>
  </si>
  <si>
    <t>cg14088628</t>
  </si>
  <si>
    <t>cg14089045</t>
  </si>
  <si>
    <t>cg14094999</t>
  </si>
  <si>
    <t>cg14097171</t>
  </si>
  <si>
    <t>cg14097440</t>
  </si>
  <si>
    <t>cg14098132</t>
  </si>
  <si>
    <t>cg14098847</t>
  </si>
  <si>
    <t>cg14100748</t>
  </si>
  <si>
    <t>cg14102005</t>
  </si>
  <si>
    <t>cg14102251</t>
  </si>
  <si>
    <t>cg14102576</t>
  </si>
  <si>
    <t>cg14112075</t>
  </si>
  <si>
    <t>cg14114804</t>
  </si>
  <si>
    <t>cg14117643</t>
  </si>
  <si>
    <t>cg14118226</t>
  </si>
  <si>
    <t>cg14118465</t>
  </si>
  <si>
    <t>cg14120984</t>
  </si>
  <si>
    <t>cg14122300</t>
  </si>
  <si>
    <t>cg14123427</t>
  </si>
  <si>
    <t>cg14125013</t>
  </si>
  <si>
    <t>cg14125604</t>
  </si>
  <si>
    <t>cg14127927</t>
  </si>
  <si>
    <t>cg14129790</t>
  </si>
  <si>
    <t>cg14130696</t>
  </si>
  <si>
    <t>cg14137698</t>
  </si>
  <si>
    <t>cg14138235</t>
  </si>
  <si>
    <t>cg14143323</t>
  </si>
  <si>
    <t>cg14145947</t>
  </si>
  <si>
    <t>cg14147832</t>
  </si>
  <si>
    <t>cg14150354</t>
  </si>
  <si>
    <t>cg14152306</t>
  </si>
  <si>
    <t>cg14159901</t>
  </si>
  <si>
    <t>cg14165308</t>
  </si>
  <si>
    <t>cg14166313</t>
  </si>
  <si>
    <t>cg14171478</t>
  </si>
  <si>
    <t>cg14172849</t>
  </si>
  <si>
    <t>cg14174378</t>
  </si>
  <si>
    <t>cg14178837</t>
  </si>
  <si>
    <t>cg14179763</t>
  </si>
  <si>
    <t>cg14181527</t>
  </si>
  <si>
    <t>cg14181956</t>
  </si>
  <si>
    <t>cg14183184</t>
  </si>
  <si>
    <t>cg14183602</t>
  </si>
  <si>
    <t>cg14184786</t>
  </si>
  <si>
    <t>cg14186618</t>
  </si>
  <si>
    <t>cg14210632</t>
  </si>
  <si>
    <t>cg14212996</t>
  </si>
  <si>
    <t>cg14214797</t>
  </si>
  <si>
    <t>cg14217091</t>
  </si>
  <si>
    <t>cg14227762</t>
  </si>
  <si>
    <t>cg14228272</t>
  </si>
  <si>
    <t>cg14228933</t>
  </si>
  <si>
    <t>cg14233720</t>
  </si>
  <si>
    <t>cg14238615</t>
  </si>
  <si>
    <t>cg14238662</t>
  </si>
  <si>
    <t>cg14242696</t>
  </si>
  <si>
    <t>cg14245199</t>
  </si>
  <si>
    <t>cg14250846</t>
  </si>
  <si>
    <t>cg14251173</t>
  </si>
  <si>
    <t>cg14252569</t>
  </si>
  <si>
    <t>cg14253899</t>
  </si>
  <si>
    <t>cg14256180</t>
  </si>
  <si>
    <t>cg14258675</t>
  </si>
  <si>
    <t>cg14260355</t>
  </si>
  <si>
    <t>cg14266859</t>
  </si>
  <si>
    <t>cg14269807</t>
  </si>
  <si>
    <t>cg14270581</t>
  </si>
  <si>
    <t>cg14271729</t>
  </si>
  <si>
    <t>cg14279205</t>
  </si>
  <si>
    <t>cg14281756</t>
  </si>
  <si>
    <t>cg14282508</t>
  </si>
  <si>
    <t>cg14282941</t>
  </si>
  <si>
    <t>cg14284050</t>
  </si>
  <si>
    <t>cg14285447</t>
  </si>
  <si>
    <t>cg14286208</t>
  </si>
  <si>
    <t>cg14286928</t>
  </si>
  <si>
    <t>cg14289469</t>
  </si>
  <si>
    <t>cg14290450</t>
  </si>
  <si>
    <t>cg14290904</t>
  </si>
  <si>
    <t>cg14291751</t>
  </si>
  <si>
    <t>cg14296446</t>
  </si>
  <si>
    <t>cg14315912</t>
  </si>
  <si>
    <t>cg14317639</t>
  </si>
  <si>
    <t>cg14327296</t>
  </si>
  <si>
    <t>cg14332524</t>
  </si>
  <si>
    <t>cg14334310</t>
  </si>
  <si>
    <t>cg14334338</t>
  </si>
  <si>
    <t>cg14335434</t>
  </si>
  <si>
    <t>cg14335579</t>
  </si>
  <si>
    <t>cg14340889</t>
  </si>
  <si>
    <t>cg14342528</t>
  </si>
  <si>
    <t>cg14342714</t>
  </si>
  <si>
    <t>cg14352119</t>
  </si>
  <si>
    <t>cg14352715</t>
  </si>
  <si>
    <t>cg14353162</t>
  </si>
  <si>
    <t>cg14356262</t>
  </si>
  <si>
    <t>cg14357226</t>
  </si>
  <si>
    <t>cg14358448</t>
  </si>
  <si>
    <t>cg14359680</t>
  </si>
  <si>
    <t>cg14359896</t>
  </si>
  <si>
    <t>cg14369329</t>
  </si>
  <si>
    <t>cg14371292</t>
  </si>
  <si>
    <t>cg14377923</t>
  </si>
  <si>
    <t>cg14380774</t>
  </si>
  <si>
    <t>cg14387626</t>
  </si>
  <si>
    <t>cg14389425</t>
  </si>
  <si>
    <t>cg14397166</t>
  </si>
  <si>
    <t>cg14401320</t>
  </si>
  <si>
    <t>cg14401454</t>
  </si>
  <si>
    <t>cg14404842</t>
  </si>
  <si>
    <t>cg14408059</t>
  </si>
  <si>
    <t>cg14410227</t>
  </si>
  <si>
    <t>cg14411221</t>
  </si>
  <si>
    <t>cg14411612</t>
  </si>
  <si>
    <t>cg14412857</t>
  </si>
  <si>
    <t>cg14415066</t>
  </si>
  <si>
    <t>cg14415844</t>
  </si>
  <si>
    <t>cg14421288</t>
  </si>
  <si>
    <t>cg14422899</t>
  </si>
  <si>
    <t>cg14424070</t>
  </si>
  <si>
    <t>cg14426084</t>
  </si>
  <si>
    <t>cg14431528</t>
  </si>
  <si>
    <t>cg14438213</t>
  </si>
  <si>
    <t>cg14438609</t>
  </si>
  <si>
    <t>cg14442746</t>
  </si>
  <si>
    <t>cg14448215</t>
  </si>
  <si>
    <t>cg14454278</t>
  </si>
  <si>
    <t>cg14460816</t>
  </si>
  <si>
    <t>cg14461273</t>
  </si>
  <si>
    <t>cg14462835</t>
  </si>
  <si>
    <t>cg14465355</t>
  </si>
  <si>
    <t>cg14466269</t>
  </si>
  <si>
    <t>cg14469280</t>
  </si>
  <si>
    <t>cg14469749</t>
  </si>
  <si>
    <t>cg14471244</t>
  </si>
  <si>
    <t>cg14473145</t>
  </si>
  <si>
    <t>cg14474150</t>
  </si>
  <si>
    <t>cg14478663</t>
  </si>
  <si>
    <t>cg14479910</t>
  </si>
  <si>
    <t>cg14480449</t>
  </si>
  <si>
    <t>cg14480831</t>
  </si>
  <si>
    <t>cg14495359</t>
  </si>
  <si>
    <t>cg14501119</t>
  </si>
  <si>
    <t>cg14503987</t>
  </si>
  <si>
    <t>cg14506667</t>
  </si>
  <si>
    <t>cg14511698</t>
  </si>
  <si>
    <t>cg14512008</t>
  </si>
  <si>
    <t>cg14514987</t>
  </si>
  <si>
    <t>cg14515803</t>
  </si>
  <si>
    <t>cg14516213</t>
  </si>
  <si>
    <t>cg14517721</t>
  </si>
  <si>
    <t>cg14519717</t>
  </si>
  <si>
    <t>cg14521318</t>
  </si>
  <si>
    <t>cg14525390</t>
  </si>
  <si>
    <t>cg14532541</t>
  </si>
  <si>
    <t>cg14532720</t>
  </si>
  <si>
    <t>cg14536194</t>
  </si>
  <si>
    <t>cg14539393</t>
  </si>
  <si>
    <t>cg14541311</t>
  </si>
  <si>
    <t>cg14541653</t>
  </si>
  <si>
    <t>cg14542590</t>
  </si>
  <si>
    <t>cg14542968</t>
  </si>
  <si>
    <t>cg14543285</t>
  </si>
  <si>
    <t>cg14543730</t>
  </si>
  <si>
    <t>cg14552379</t>
  </si>
  <si>
    <t>cg14554101</t>
  </si>
  <si>
    <t>cg14585852</t>
  </si>
  <si>
    <t>cg14611174</t>
  </si>
  <si>
    <t>cg14650559</t>
  </si>
  <si>
    <t>cg14685339</t>
  </si>
  <si>
    <t>cg14685575</t>
  </si>
  <si>
    <t>cg14693893</t>
  </si>
  <si>
    <t>cg14702655</t>
  </si>
  <si>
    <t>cg14723799</t>
  </si>
  <si>
    <t>cg14729455</t>
  </si>
  <si>
    <t>cg14836555</t>
  </si>
  <si>
    <t>cg14837974</t>
  </si>
  <si>
    <t>cg14839386</t>
  </si>
  <si>
    <t>cg14840966</t>
  </si>
  <si>
    <t>cg14846499</t>
  </si>
  <si>
    <t>cg14846617</t>
  </si>
  <si>
    <t>cg14851485</t>
  </si>
  <si>
    <t>cg14851496</t>
  </si>
  <si>
    <t>cg14855607</t>
  </si>
  <si>
    <t>cg14856684</t>
  </si>
  <si>
    <t>cg14859350</t>
  </si>
  <si>
    <t>cg14866339</t>
  </si>
  <si>
    <t>cg14866387</t>
  </si>
  <si>
    <t>cg14871588</t>
  </si>
  <si>
    <t>cg14874703</t>
  </si>
  <si>
    <t>cg14875498</t>
  </si>
  <si>
    <t>cg14876708</t>
  </si>
  <si>
    <t>cg14877461</t>
  </si>
  <si>
    <t>cg14878471</t>
  </si>
  <si>
    <t>cg14879065</t>
  </si>
  <si>
    <t>cg14881305</t>
  </si>
  <si>
    <t>cg14883106</t>
  </si>
  <si>
    <t>cg14886849</t>
  </si>
  <si>
    <t>cg14886850</t>
  </si>
  <si>
    <t>cg14887142</t>
  </si>
  <si>
    <t>cg14893857</t>
  </si>
  <si>
    <t>cg14898151</t>
  </si>
  <si>
    <t>cg14899303</t>
  </si>
  <si>
    <t>cg14905514</t>
  </si>
  <si>
    <t>cg14910227</t>
  </si>
  <si>
    <t>cg14911242</t>
  </si>
  <si>
    <t>cg14912575</t>
  </si>
  <si>
    <t>cg14917378</t>
  </si>
  <si>
    <t>cg14918743</t>
  </si>
  <si>
    <t>cg14928991</t>
  </si>
  <si>
    <t>cg14929883</t>
  </si>
  <si>
    <t>cg14930268</t>
  </si>
  <si>
    <t>cg14932313</t>
  </si>
  <si>
    <t>cg14936008</t>
  </si>
  <si>
    <t>cg14939652</t>
  </si>
  <si>
    <t>cg14943113</t>
  </si>
  <si>
    <t>cg14944269</t>
  </si>
  <si>
    <t>cg14947787</t>
  </si>
  <si>
    <t>cg14947955</t>
  </si>
  <si>
    <t>cg14951038</t>
  </si>
  <si>
    <t>cg14952247</t>
  </si>
  <si>
    <t>cg14956197</t>
  </si>
  <si>
    <t>cg14956593</t>
  </si>
  <si>
    <t>cg14959554</t>
  </si>
  <si>
    <t>cg14969899</t>
  </si>
  <si>
    <t>cg14975700</t>
  </si>
  <si>
    <t>cg14977938</t>
  </si>
  <si>
    <t>cg14985973</t>
  </si>
  <si>
    <t>cg14986500</t>
  </si>
  <si>
    <t>cg14987799</t>
  </si>
  <si>
    <t>cg15034599</t>
  </si>
  <si>
    <t>cg15065139</t>
  </si>
  <si>
    <t>cg15067018</t>
  </si>
  <si>
    <t>cg15070897</t>
  </si>
  <si>
    <t>cg15089111</t>
  </si>
  <si>
    <t>cg15101633</t>
  </si>
  <si>
    <t>cg15104723</t>
  </si>
  <si>
    <t>cg15137232</t>
  </si>
  <si>
    <t>cg15144068</t>
  </si>
  <si>
    <t>cg15171962</t>
  </si>
  <si>
    <t>cg15178202</t>
  </si>
  <si>
    <t>cg15186869</t>
  </si>
  <si>
    <t>cg15203597</t>
  </si>
  <si>
    <t>cg15229027</t>
  </si>
  <si>
    <t>cg15238382</t>
  </si>
  <si>
    <t>cg15239123</t>
  </si>
  <si>
    <t>cg15310872</t>
  </si>
  <si>
    <t>cg15314212</t>
  </si>
  <si>
    <t>cg15314827</t>
  </si>
  <si>
    <t>cg15319522</t>
  </si>
  <si>
    <t>cg15324973</t>
  </si>
  <si>
    <t>cg15332441</t>
  </si>
  <si>
    <t>cg15337055</t>
  </si>
  <si>
    <t>cg15345769</t>
  </si>
  <si>
    <t>cg15347348</t>
  </si>
  <si>
    <t>cg15349304</t>
  </si>
  <si>
    <t>cg15351214</t>
  </si>
  <si>
    <t>cg15353061</t>
  </si>
  <si>
    <t>cg15356780</t>
  </si>
  <si>
    <t>cg15360378</t>
  </si>
  <si>
    <t>cg15364509</t>
  </si>
  <si>
    <t>cg15364618</t>
  </si>
  <si>
    <t>cg15364784</t>
  </si>
  <si>
    <t>cg15365950</t>
  </si>
  <si>
    <t>cg15369751</t>
  </si>
  <si>
    <t>cg15373285</t>
  </si>
  <si>
    <t>cg15377871</t>
  </si>
  <si>
    <t>cg15378219</t>
  </si>
  <si>
    <t>cg15381162</t>
  </si>
  <si>
    <t>cg15383338</t>
  </si>
  <si>
    <t>cg15383574</t>
  </si>
  <si>
    <t>cg15388804</t>
  </si>
  <si>
    <t>cg15388974</t>
  </si>
  <si>
    <t>cg15390365</t>
  </si>
  <si>
    <t>cg15393565</t>
  </si>
  <si>
    <t>cg15394200</t>
  </si>
  <si>
    <t>cg15397725</t>
  </si>
  <si>
    <t>cg15400703</t>
  </si>
  <si>
    <t>cg15407900</t>
  </si>
  <si>
    <t>cg15413025</t>
  </si>
  <si>
    <t>cg15413271</t>
  </si>
  <si>
    <t>cg15415462</t>
  </si>
  <si>
    <t>cg15416442</t>
  </si>
  <si>
    <t>cg15418593</t>
  </si>
  <si>
    <t>cg15421520</t>
  </si>
  <si>
    <t>cg15427567</t>
  </si>
  <si>
    <t>cg15432414</t>
  </si>
  <si>
    <t>cg15436129</t>
  </si>
  <si>
    <t>cg15440973</t>
  </si>
  <si>
    <t>cg15441731</t>
  </si>
  <si>
    <t>cg15442728</t>
  </si>
  <si>
    <t>cg15444358</t>
  </si>
  <si>
    <t>cg15444978</t>
  </si>
  <si>
    <t>cg15450734</t>
  </si>
  <si>
    <t>cg15452479</t>
  </si>
  <si>
    <t>cg15453599</t>
  </si>
  <si>
    <t>cg15453821</t>
  </si>
  <si>
    <t>cg15456082</t>
  </si>
  <si>
    <t>cg15456551</t>
  </si>
  <si>
    <t>cg15457745</t>
  </si>
  <si>
    <t>cg15462530</t>
  </si>
  <si>
    <t>cg15471702</t>
  </si>
  <si>
    <t>cg15471786</t>
  </si>
  <si>
    <t>cg15480367</t>
  </si>
  <si>
    <t>cg15484244</t>
  </si>
  <si>
    <t>cg15484406</t>
  </si>
  <si>
    <t>cg15489228</t>
  </si>
  <si>
    <t>cg15491047</t>
  </si>
  <si>
    <t>cg15491967</t>
  </si>
  <si>
    <t>cg15492104</t>
  </si>
  <si>
    <t>cg15493607</t>
  </si>
  <si>
    <t>cg15498121</t>
  </si>
  <si>
    <t>cg15499560</t>
  </si>
  <si>
    <t>cg15501381</t>
  </si>
  <si>
    <t>cg15503076</t>
  </si>
  <si>
    <t>cg15508280</t>
  </si>
  <si>
    <t>cg15509705</t>
  </si>
  <si>
    <t>cg15513227</t>
  </si>
  <si>
    <t>cg15513657</t>
  </si>
  <si>
    <t>cg15516314</t>
  </si>
  <si>
    <t>cg15519508</t>
  </si>
  <si>
    <t>cg15524516</t>
  </si>
  <si>
    <t>cg15524567</t>
  </si>
  <si>
    <t>cg15526035</t>
  </si>
  <si>
    <t>cg15530112</t>
  </si>
  <si>
    <t>cg15532667</t>
  </si>
  <si>
    <t>cg15533227</t>
  </si>
  <si>
    <t>cg15534482</t>
  </si>
  <si>
    <t>cg15540096</t>
  </si>
  <si>
    <t>cg15540558</t>
  </si>
  <si>
    <t>cg15540602</t>
  </si>
  <si>
    <t>cg15558971</t>
  </si>
  <si>
    <t>cg15561986</t>
  </si>
  <si>
    <t>cg15569512</t>
  </si>
  <si>
    <t>cg15594750</t>
  </si>
  <si>
    <t>cg15616173</t>
  </si>
  <si>
    <t>cg15629948</t>
  </si>
  <si>
    <t>cg15657857</t>
  </si>
  <si>
    <t>cg15677132</t>
  </si>
  <si>
    <t>cg15685144</t>
  </si>
  <si>
    <t>cg15691199</t>
  </si>
  <si>
    <t>cg15698066</t>
  </si>
  <si>
    <t>cg15724184</t>
  </si>
  <si>
    <t>cg15729423</t>
  </si>
  <si>
    <t>cg15731816</t>
  </si>
  <si>
    <t>cg15740492</t>
  </si>
  <si>
    <t>cg15742858</t>
  </si>
  <si>
    <t>cg15765813</t>
  </si>
  <si>
    <t>cg15801891</t>
  </si>
  <si>
    <t>cg15802091</t>
  </si>
  <si>
    <t>cg15811904</t>
  </si>
  <si>
    <t>cg15813570</t>
  </si>
  <si>
    <t>cg15816911</t>
  </si>
  <si>
    <t>cg15817440</t>
  </si>
  <si>
    <t>cg15817482</t>
  </si>
  <si>
    <t>cg15822712</t>
  </si>
  <si>
    <t>cg15823642</t>
  </si>
  <si>
    <t>cg15825293</t>
  </si>
  <si>
    <t>cg15826485</t>
  </si>
  <si>
    <t>cg15843401</t>
  </si>
  <si>
    <t>cg15857051</t>
  </si>
  <si>
    <t>cg15859416</t>
  </si>
  <si>
    <t>cg15859632</t>
  </si>
  <si>
    <t>cg15859864</t>
  </si>
  <si>
    <t>cg15861806</t>
  </si>
  <si>
    <t>cg15862128</t>
  </si>
  <si>
    <t>cg15862394</t>
  </si>
  <si>
    <t>cg15862841</t>
  </si>
  <si>
    <t>cg15867125</t>
  </si>
  <si>
    <t>cg15867698</t>
  </si>
  <si>
    <t>cg15868425</t>
  </si>
  <si>
    <t>cg15874903</t>
  </si>
  <si>
    <t>cg15875340</t>
  </si>
  <si>
    <t>cg15880113</t>
  </si>
  <si>
    <t>cg15889106</t>
  </si>
  <si>
    <t>cg15889847</t>
  </si>
  <si>
    <t>cg15890469</t>
  </si>
  <si>
    <t>cg15892963</t>
  </si>
  <si>
    <t>cg15893035</t>
  </si>
  <si>
    <t>cg15895505</t>
  </si>
  <si>
    <t>cg15895690</t>
  </si>
  <si>
    <t>cg15896447</t>
  </si>
  <si>
    <t>cg15897368</t>
  </si>
  <si>
    <t>cg15897899</t>
  </si>
  <si>
    <t>cg15899743</t>
  </si>
  <si>
    <t>cg15910301</t>
  </si>
  <si>
    <t>cg15911612</t>
  </si>
  <si>
    <t>cg15911806</t>
  </si>
  <si>
    <t>cg15912778</t>
  </si>
  <si>
    <t>cg15919258</t>
  </si>
  <si>
    <t>cg15920561</t>
  </si>
  <si>
    <t>cg15921911</t>
  </si>
  <si>
    <t>cg15927878</t>
  </si>
  <si>
    <t>cg15935770</t>
  </si>
  <si>
    <t>cg15937081</t>
  </si>
  <si>
    <t>cg15944026</t>
  </si>
  <si>
    <t>cg15949845</t>
  </si>
  <si>
    <t>cg15950273</t>
  </si>
  <si>
    <t>cg15953461</t>
  </si>
  <si>
    <t>cg15957959</t>
  </si>
  <si>
    <t>cg15959205</t>
  </si>
  <si>
    <t>cg15963913</t>
  </si>
  <si>
    <t>cg15964212</t>
  </si>
  <si>
    <t>cg15971826</t>
  </si>
  <si>
    <t>cg15973528</t>
  </si>
  <si>
    <t>cg15975513</t>
  </si>
  <si>
    <t>cg15977246</t>
  </si>
  <si>
    <t>cg15979035</t>
  </si>
  <si>
    <t>cg15981604</t>
  </si>
  <si>
    <t>cg15983585</t>
  </si>
  <si>
    <t>cg15984516</t>
  </si>
  <si>
    <t>cg15984596</t>
  </si>
  <si>
    <t>cg15990211</t>
  </si>
  <si>
    <t>cg15990800</t>
  </si>
  <si>
    <t>cg15991553</t>
  </si>
  <si>
    <t>cg15996947</t>
  </si>
  <si>
    <t>cg16000077</t>
  </si>
  <si>
    <t>cg16007772</t>
  </si>
  <si>
    <t>cg16012919</t>
  </si>
  <si>
    <t>cg16022304</t>
  </si>
  <si>
    <t>cg16024377</t>
  </si>
  <si>
    <t>cg16024886</t>
  </si>
  <si>
    <t>cg16030261</t>
  </si>
  <si>
    <t>cg16040094</t>
  </si>
  <si>
    <t>cg16041798</t>
  </si>
  <si>
    <t>cg16045731</t>
  </si>
  <si>
    <t>cg16050333</t>
  </si>
  <si>
    <t>cg16051558</t>
  </si>
  <si>
    <t>cg16057408</t>
  </si>
  <si>
    <t>cg16058274</t>
  </si>
  <si>
    <t>cg16063115</t>
  </si>
  <si>
    <t>cg16063716</t>
  </si>
  <si>
    <t>cg16066272</t>
  </si>
  <si>
    <t>cg16072427</t>
  </si>
  <si>
    <t>cg16074383</t>
  </si>
  <si>
    <t>cg16076804</t>
  </si>
  <si>
    <t>cg16077929</t>
  </si>
  <si>
    <t>cg16079358</t>
  </si>
  <si>
    <t>cg16082737</t>
  </si>
  <si>
    <t>cg16086588</t>
  </si>
  <si>
    <t>cg16091920</t>
  </si>
  <si>
    <t>cg16092330</t>
  </si>
  <si>
    <t>cg16094352</t>
  </si>
  <si>
    <t>cg16097532</t>
  </si>
  <si>
    <t>cg16106068</t>
  </si>
  <si>
    <t>cg16110087</t>
  </si>
  <si>
    <t>cg16110645</t>
  </si>
  <si>
    <t>cg16112467</t>
  </si>
  <si>
    <t>cg16112904</t>
  </si>
  <si>
    <t>cg16113347</t>
  </si>
  <si>
    <t>cg16116080</t>
  </si>
  <si>
    <t>cg16117334</t>
  </si>
  <si>
    <t>cg16118426</t>
  </si>
  <si>
    <t>cg16119835</t>
  </si>
  <si>
    <t>cg16123211</t>
  </si>
  <si>
    <t>cg16124934</t>
  </si>
  <si>
    <t>cg16126178</t>
  </si>
  <si>
    <t>cg16126665</t>
  </si>
  <si>
    <t>cg16127554</t>
  </si>
  <si>
    <t>cg16130238</t>
  </si>
  <si>
    <t>cg16139785</t>
  </si>
  <si>
    <t>cg16141690</t>
  </si>
  <si>
    <t>cg16146794</t>
  </si>
  <si>
    <t>cg16146810</t>
  </si>
  <si>
    <t>cg16147063</t>
  </si>
  <si>
    <t>cg16149164</t>
  </si>
  <si>
    <t>cg16150677</t>
  </si>
  <si>
    <t>cg16154372</t>
  </si>
  <si>
    <t>cg16154578</t>
  </si>
  <si>
    <t>cg16157895</t>
  </si>
  <si>
    <t>cg16176568</t>
  </si>
  <si>
    <t>cg16184930</t>
  </si>
  <si>
    <t>cg16190266</t>
  </si>
  <si>
    <t>cg16199879</t>
  </si>
  <si>
    <t>cg16204357</t>
  </si>
  <si>
    <t>cg16207263</t>
  </si>
  <si>
    <t>cg16209310</t>
  </si>
  <si>
    <t>cg16212145</t>
  </si>
  <si>
    <t>cg16225011</t>
  </si>
  <si>
    <t>cg16229875</t>
  </si>
  <si>
    <t>cg16230999</t>
  </si>
  <si>
    <t>cg16234726</t>
  </si>
  <si>
    <t>cg16235995</t>
  </si>
  <si>
    <t>cg16237635</t>
  </si>
  <si>
    <t>cg16244889</t>
  </si>
  <si>
    <t>cg16251255</t>
  </si>
  <si>
    <t>cg16254394</t>
  </si>
  <si>
    <t>cg16257101</t>
  </si>
  <si>
    <t>cg16258702</t>
  </si>
  <si>
    <t>cg16259494</t>
  </si>
  <si>
    <t>cg16267322</t>
  </si>
  <si>
    <t>cg16268863</t>
  </si>
  <si>
    <t>cg16277510</t>
  </si>
  <si>
    <t>cg16280499</t>
  </si>
  <si>
    <t>cg16284395</t>
  </si>
  <si>
    <t>cg16284524</t>
  </si>
  <si>
    <t>cg16288101</t>
  </si>
  <si>
    <t>cg16290006</t>
  </si>
  <si>
    <t>cg16290737</t>
  </si>
  <si>
    <t>cg16292972</t>
  </si>
  <si>
    <t>cg16296017</t>
  </si>
  <si>
    <t>cg16297271</t>
  </si>
  <si>
    <t>cg16299455</t>
  </si>
  <si>
    <t>cg16310077</t>
  </si>
  <si>
    <t>cg16313343</t>
  </si>
  <si>
    <t>cg16317295</t>
  </si>
  <si>
    <t>cg16319578</t>
  </si>
  <si>
    <t>cg16321048</t>
  </si>
  <si>
    <t>cg16322262</t>
  </si>
  <si>
    <t>cg16324314</t>
  </si>
  <si>
    <t>cg16324934</t>
  </si>
  <si>
    <t>cg16328400</t>
  </si>
  <si>
    <t>cg16328540</t>
  </si>
  <si>
    <t>cg16331632</t>
  </si>
  <si>
    <t>cg16333156</t>
  </si>
  <si>
    <t>cg16336066</t>
  </si>
  <si>
    <t>cg16339264</t>
  </si>
  <si>
    <t>cg16340136</t>
  </si>
  <si>
    <t>cg16340767</t>
  </si>
  <si>
    <t>cg16341690</t>
  </si>
  <si>
    <t>cg16341979</t>
  </si>
  <si>
    <t>cg16344215</t>
  </si>
  <si>
    <t>cg16358843</t>
  </si>
  <si>
    <t>cg16359316</t>
  </si>
  <si>
    <t>cg16361168</t>
  </si>
  <si>
    <t>cg16370660</t>
  </si>
  <si>
    <t>cg16371956</t>
  </si>
  <si>
    <t>cg16372520</t>
  </si>
  <si>
    <t>cg16372595</t>
  </si>
  <si>
    <t>cg16378015</t>
  </si>
  <si>
    <t>cg16379283</t>
  </si>
  <si>
    <t>cg16379910</t>
  </si>
  <si>
    <t>cg16381321</t>
  </si>
  <si>
    <t>cg16385448</t>
  </si>
  <si>
    <t>cg16387401</t>
  </si>
  <si>
    <t>cg16388896</t>
  </si>
  <si>
    <t>cg16391347</t>
  </si>
  <si>
    <t>cg16398105</t>
  </si>
  <si>
    <t>cg16398956</t>
  </si>
  <si>
    <t>cg16399625</t>
  </si>
  <si>
    <t>cg16399833</t>
  </si>
  <si>
    <t>cg16400017</t>
  </si>
  <si>
    <t>cg16402286</t>
  </si>
  <si>
    <t>cg16402766</t>
  </si>
  <si>
    <t>cg16404157</t>
  </si>
  <si>
    <t>cg16404250</t>
  </si>
  <si>
    <t>cg16405432</t>
  </si>
  <si>
    <t>cg16406141</t>
  </si>
  <si>
    <t>cg16408528</t>
  </si>
  <si>
    <t>cg16409452</t>
  </si>
  <si>
    <t>cg16410171</t>
  </si>
  <si>
    <t>cg16412573</t>
  </si>
  <si>
    <t>cg16419054</t>
  </si>
  <si>
    <t>cg16420308</t>
  </si>
  <si>
    <t>cg16420801</t>
  </si>
  <si>
    <t>cg16430404</t>
  </si>
  <si>
    <t>cg16431961</t>
  </si>
  <si>
    <t>cg16438210</t>
  </si>
  <si>
    <t>cg16441238</t>
  </si>
  <si>
    <t>cg16460157</t>
  </si>
  <si>
    <t>cg16461729</t>
  </si>
  <si>
    <t>cg16462006</t>
  </si>
  <si>
    <t>cg16465430</t>
  </si>
  <si>
    <t>cg16466870</t>
  </si>
  <si>
    <t>cg16467105</t>
  </si>
  <si>
    <t>cg16473141</t>
  </si>
  <si>
    <t>cg16478719</t>
  </si>
  <si>
    <t>cg16478977</t>
  </si>
  <si>
    <t>cg16480199</t>
  </si>
  <si>
    <t>cg16481365</t>
  </si>
  <si>
    <t>cg16486653</t>
  </si>
  <si>
    <t>cg16487097</t>
  </si>
  <si>
    <t>cg16488974</t>
  </si>
  <si>
    <t>cg16489586</t>
  </si>
  <si>
    <t>cg16490015</t>
  </si>
  <si>
    <t>cg16502747</t>
  </si>
  <si>
    <t>cg16505891</t>
  </si>
  <si>
    <t>cg16506185</t>
  </si>
  <si>
    <t>cg16507511</t>
  </si>
  <si>
    <t>cg16507522</t>
  </si>
  <si>
    <t>cg16518861</t>
  </si>
  <si>
    <t>cg16522484</t>
  </si>
  <si>
    <t>cg16522491</t>
  </si>
  <si>
    <t>cg16523645</t>
  </si>
  <si>
    <t>cg16527339</t>
  </si>
  <si>
    <t>cg16529034</t>
  </si>
  <si>
    <t>cg16535598</t>
  </si>
  <si>
    <t>cg16536610</t>
  </si>
  <si>
    <t>cg16537350</t>
  </si>
  <si>
    <t>cg16539629</t>
  </si>
  <si>
    <t>cg16539957</t>
  </si>
  <si>
    <t>cg16540134</t>
  </si>
  <si>
    <t>cg16541653</t>
  </si>
  <si>
    <t>cg16543876</t>
  </si>
  <si>
    <t>cg16544010</t>
  </si>
  <si>
    <t>cg16560137</t>
  </si>
  <si>
    <t>cg16560272</t>
  </si>
  <si>
    <t>cg16560313</t>
  </si>
  <si>
    <t>cg16562127</t>
  </si>
  <si>
    <t>cg16565031</t>
  </si>
  <si>
    <t>cg16567044</t>
  </si>
  <si>
    <t>cg16568120</t>
  </si>
  <si>
    <t>cg16575409</t>
  </si>
  <si>
    <t>cg16576049</t>
  </si>
  <si>
    <t>cg16577789</t>
  </si>
  <si>
    <t>cg16578355</t>
  </si>
  <si>
    <t>cg16579351</t>
  </si>
  <si>
    <t>cg16579429</t>
  </si>
  <si>
    <t>cg16579908</t>
  </si>
  <si>
    <t>cg16582779</t>
  </si>
  <si>
    <t>cg16583315</t>
  </si>
  <si>
    <t>cg16585306</t>
  </si>
  <si>
    <t>cg16585972</t>
  </si>
  <si>
    <t>cg16586200</t>
  </si>
  <si>
    <t>cg16595667</t>
  </si>
  <si>
    <t>cg16600934</t>
  </si>
  <si>
    <t>cg16608593</t>
  </si>
  <si>
    <t>cg16627949</t>
  </si>
  <si>
    <t>cg16690972</t>
  </si>
  <si>
    <t>cg16695570</t>
  </si>
  <si>
    <t>cg16696021</t>
  </si>
  <si>
    <t>cg16696727</t>
  </si>
  <si>
    <t>cg16701133</t>
  </si>
  <si>
    <t>cg16701547</t>
  </si>
  <si>
    <t>cg16702313</t>
  </si>
  <si>
    <t>cg16703420</t>
  </si>
  <si>
    <t>cg16705138</t>
  </si>
  <si>
    <t>cg16711857</t>
  </si>
  <si>
    <t>cg16713889</t>
  </si>
  <si>
    <t>cg16715127</t>
  </si>
  <si>
    <t>cg16717191</t>
  </si>
  <si>
    <t>cg16718942</t>
  </si>
  <si>
    <t>cg16722816</t>
  </si>
  <si>
    <t>cg16727416</t>
  </si>
  <si>
    <t>cg16730509</t>
  </si>
  <si>
    <t>cg16736080</t>
  </si>
  <si>
    <t>cg16737018</t>
  </si>
  <si>
    <t>cg16738180</t>
  </si>
  <si>
    <t>cg16746355</t>
  </si>
  <si>
    <t>cg16747567</t>
  </si>
  <si>
    <t>cg16751098</t>
  </si>
  <si>
    <t>cg16755214</t>
  </si>
  <si>
    <t>cg16757332</t>
  </si>
  <si>
    <t>cg16759100</t>
  </si>
  <si>
    <t>cg16759787</t>
  </si>
  <si>
    <t>cg16760485</t>
  </si>
  <si>
    <t>cg16761581</t>
  </si>
  <si>
    <t>cg16762843</t>
  </si>
  <si>
    <t>cg16764848</t>
  </si>
  <si>
    <t>cg16765663</t>
  </si>
  <si>
    <t>cg16769376</t>
  </si>
  <si>
    <t>cg16770832</t>
  </si>
  <si>
    <t>cg16774084</t>
  </si>
  <si>
    <t>cg16774528</t>
  </si>
  <si>
    <t>cg16775224</t>
  </si>
  <si>
    <t>cg16777317</t>
  </si>
  <si>
    <t>cg16779295</t>
  </si>
  <si>
    <t>cg16780078</t>
  </si>
  <si>
    <t>cg16782184</t>
  </si>
  <si>
    <t>cg16783572</t>
  </si>
  <si>
    <t>cg16783764</t>
  </si>
  <si>
    <t>cg16787352</t>
  </si>
  <si>
    <t>cg16790794</t>
  </si>
  <si>
    <t>cg16791173</t>
  </si>
  <si>
    <t>cg16792632</t>
  </si>
  <si>
    <t>cg16793370</t>
  </si>
  <si>
    <t>cg16797808</t>
  </si>
  <si>
    <t>cg16799926</t>
  </si>
  <si>
    <t>cg16800111</t>
  </si>
  <si>
    <t>cg16800165</t>
  </si>
  <si>
    <t>cg16800939</t>
  </si>
  <si>
    <t>cg16804892</t>
  </si>
  <si>
    <t>cg16812621</t>
  </si>
  <si>
    <t>cg16831461</t>
  </si>
  <si>
    <t>cg16874095</t>
  </si>
  <si>
    <t>cg16920242</t>
  </si>
  <si>
    <t>cg16937611</t>
  </si>
  <si>
    <t>cg16966992</t>
  </si>
  <si>
    <t>cg16990505</t>
  </si>
  <si>
    <t>cg16991671</t>
  </si>
  <si>
    <t>cg16996574</t>
  </si>
  <si>
    <t>cg17002091</t>
  </si>
  <si>
    <t>cg17002328</t>
  </si>
  <si>
    <t>cg17003143</t>
  </si>
  <si>
    <t>cg17008318</t>
  </si>
  <si>
    <t>cg17009813</t>
  </si>
  <si>
    <t>cg17010835</t>
  </si>
  <si>
    <t>cg17071536</t>
  </si>
  <si>
    <t>cg17076012</t>
  </si>
  <si>
    <t>cg17080180</t>
  </si>
  <si>
    <t>cg17099683</t>
  </si>
  <si>
    <t>cg17107073</t>
  </si>
  <si>
    <t>cg17109273</t>
  </si>
  <si>
    <t>cg17199325</t>
  </si>
  <si>
    <t>cg17205316</t>
  </si>
  <si>
    <t>cg17205324</t>
  </si>
  <si>
    <t>cg17275781</t>
  </si>
  <si>
    <t>cg17291001</t>
  </si>
  <si>
    <t>cg17306116</t>
  </si>
  <si>
    <t>cg17308758</t>
  </si>
  <si>
    <t>cg17309003</t>
  </si>
  <si>
    <t>cg17311063</t>
  </si>
  <si>
    <t>cg17313577</t>
  </si>
  <si>
    <t>cg17315426</t>
  </si>
  <si>
    <t>cg17316346</t>
  </si>
  <si>
    <t>cg17316862</t>
  </si>
  <si>
    <t>cg17318645</t>
  </si>
  <si>
    <t>cg17319795</t>
  </si>
  <si>
    <t>cg17323045</t>
  </si>
  <si>
    <t>cg17330983</t>
  </si>
  <si>
    <t>cg17333109</t>
  </si>
  <si>
    <t>cg17335494</t>
  </si>
  <si>
    <t>cg17341844</t>
  </si>
  <si>
    <t>cg17345741</t>
  </si>
  <si>
    <t>cg17346022</t>
  </si>
  <si>
    <t>cg17346237</t>
  </si>
  <si>
    <t>cg17347389</t>
  </si>
  <si>
    <t>cg17349064</t>
  </si>
  <si>
    <t>cg17349151</t>
  </si>
  <si>
    <t>cg17391929</t>
  </si>
  <si>
    <t>cg17397259</t>
  </si>
  <si>
    <t>cg17403875</t>
  </si>
  <si>
    <t>cg17454920</t>
  </si>
  <si>
    <t>cg17460095</t>
  </si>
  <si>
    <t>cg17489562</t>
  </si>
  <si>
    <t>cg17498102</t>
  </si>
  <si>
    <t>cg17498523</t>
  </si>
  <si>
    <t>cg17504464</t>
  </si>
  <si>
    <t>cg17525102</t>
  </si>
  <si>
    <t>cg17568841</t>
  </si>
  <si>
    <t>cg17591270</t>
  </si>
  <si>
    <t>cg17598875</t>
  </si>
  <si>
    <t>cg17606785</t>
  </si>
  <si>
    <t>cg17644867</t>
  </si>
  <si>
    <t>cg17661928</t>
  </si>
  <si>
    <t>cg17685628</t>
  </si>
  <si>
    <t>cg17692753</t>
  </si>
  <si>
    <t>cg17705681</t>
  </si>
  <si>
    <t>cg17717124</t>
  </si>
  <si>
    <t>cg17773636</t>
  </si>
  <si>
    <t>cg17813891</t>
  </si>
  <si>
    <t>cg17818900</t>
  </si>
  <si>
    <t>cg17856915</t>
  </si>
  <si>
    <t>cg17871910</t>
  </si>
  <si>
    <t>cg17907583</t>
  </si>
  <si>
    <t>cg17913451</t>
  </si>
  <si>
    <t>cg17919186</t>
  </si>
  <si>
    <t>cg17919599</t>
  </si>
  <si>
    <t>cg17920820</t>
  </si>
  <si>
    <t>cg17922283</t>
  </si>
  <si>
    <t>cg17925308</t>
  </si>
  <si>
    <t>cg17925329</t>
  </si>
  <si>
    <t>cg17926678</t>
  </si>
  <si>
    <t>cg17926940</t>
  </si>
  <si>
    <t>cg17928876</t>
  </si>
  <si>
    <t>cg17929459</t>
  </si>
  <si>
    <t>cg17944603</t>
  </si>
  <si>
    <t>cg17984022</t>
  </si>
  <si>
    <t>cg17989886</t>
  </si>
  <si>
    <t>cg18050213</t>
  </si>
  <si>
    <t>cg18079881</t>
  </si>
  <si>
    <t>cg18081258</t>
  </si>
  <si>
    <t>cg18081515</t>
  </si>
  <si>
    <t>cg18083863</t>
  </si>
  <si>
    <t>cg18086416</t>
  </si>
  <si>
    <t>cg18088032</t>
  </si>
  <si>
    <t>cg18089145</t>
  </si>
  <si>
    <t>cg18091385</t>
  </si>
  <si>
    <t>cg18092353</t>
  </si>
  <si>
    <t>cg18096939</t>
  </si>
  <si>
    <t>cg18098534</t>
  </si>
  <si>
    <t>cg18101488</t>
  </si>
  <si>
    <t>cg18102098</t>
  </si>
  <si>
    <t>cg18105665</t>
  </si>
  <si>
    <t>cg18107290</t>
  </si>
  <si>
    <t>cg18115064</t>
  </si>
  <si>
    <t>cg18115481</t>
  </si>
  <si>
    <t>cg18115757</t>
  </si>
  <si>
    <t>cg18116486</t>
  </si>
  <si>
    <t>cg18118198</t>
  </si>
  <si>
    <t>cg18118490</t>
  </si>
  <si>
    <t>cg18121862</t>
  </si>
  <si>
    <t>cg18122215</t>
  </si>
  <si>
    <t>cg18127966</t>
  </si>
  <si>
    <t>cg18132624</t>
  </si>
  <si>
    <t>cg18137036</t>
  </si>
  <si>
    <t>cg18139174</t>
  </si>
  <si>
    <t>cg18141891</t>
  </si>
  <si>
    <t>cg18146001</t>
  </si>
  <si>
    <t>cg18161803</t>
  </si>
  <si>
    <t>cg18163364</t>
  </si>
  <si>
    <t>cg18164942</t>
  </si>
  <si>
    <t>cg18172833</t>
  </si>
  <si>
    <t>cg18174099</t>
  </si>
  <si>
    <t>cg18174881</t>
  </si>
  <si>
    <t>cg18184107</t>
  </si>
  <si>
    <t>cg18185554</t>
  </si>
  <si>
    <t>cg18186343</t>
  </si>
  <si>
    <t>cg18195228</t>
  </si>
  <si>
    <t>cg18195500</t>
  </si>
  <si>
    <t>cg18200143</t>
  </si>
  <si>
    <t>cg18202861</t>
  </si>
  <si>
    <t>cg18204120</t>
  </si>
  <si>
    <t>cg18204200</t>
  </si>
  <si>
    <t>cg18207011</t>
  </si>
  <si>
    <t>cg18207699</t>
  </si>
  <si>
    <t>cg18207950</t>
  </si>
  <si>
    <t>cg18211157</t>
  </si>
  <si>
    <t>cg18211447</t>
  </si>
  <si>
    <t>cg18212924</t>
  </si>
  <si>
    <t>cg18226525</t>
  </si>
  <si>
    <t>cg18228531</t>
  </si>
  <si>
    <t>cg18234542</t>
  </si>
  <si>
    <t>cg18238340</t>
  </si>
  <si>
    <t>cg18239942</t>
  </si>
  <si>
    <t>cg18242103</t>
  </si>
  <si>
    <t>cg18255426</t>
  </si>
  <si>
    <t>cg18256432</t>
  </si>
  <si>
    <t>cg18258620</t>
  </si>
  <si>
    <t>cg18259271</t>
  </si>
  <si>
    <t>cg18259504</t>
  </si>
  <si>
    <t>cg18261657</t>
  </si>
  <si>
    <t>cg18263030</t>
  </si>
  <si>
    <t>cg18268041</t>
  </si>
  <si>
    <t>cg18269382</t>
  </si>
  <si>
    <t>cg18271256</t>
  </si>
  <si>
    <t>cg18279455</t>
  </si>
  <si>
    <t>cg18279536</t>
  </si>
  <si>
    <t>cg18282456</t>
  </si>
  <si>
    <t>cg18284070</t>
  </si>
  <si>
    <t>cg18284523</t>
  </si>
  <si>
    <t>cg18285722</t>
  </si>
  <si>
    <t>cg18288069</t>
  </si>
  <si>
    <t>cg18289581</t>
  </si>
  <si>
    <t>cg18290775</t>
  </si>
  <si>
    <t>cg18292763</t>
  </si>
  <si>
    <t>cg18295923</t>
  </si>
  <si>
    <t>cg18296189</t>
  </si>
  <si>
    <t>cg18297442</t>
  </si>
  <si>
    <t>cg18298494</t>
  </si>
  <si>
    <t>cg18299578</t>
  </si>
  <si>
    <t>cg18301703</t>
  </si>
  <si>
    <t>cg18302334</t>
  </si>
  <si>
    <t>cg18302605</t>
  </si>
  <si>
    <t>cg18304280</t>
  </si>
  <si>
    <t>cg18304813</t>
  </si>
  <si>
    <t>cg18306625</t>
  </si>
  <si>
    <t>cg18309674</t>
  </si>
  <si>
    <t>cg18309776</t>
  </si>
  <si>
    <t>cg18316528</t>
  </si>
  <si>
    <t>cg18319790</t>
  </si>
  <si>
    <t>cg18321533</t>
  </si>
  <si>
    <t>cg18322546</t>
  </si>
  <si>
    <t>cg18324576</t>
  </si>
  <si>
    <t>cg18331348</t>
  </si>
  <si>
    <t>cg18331880</t>
  </si>
  <si>
    <t>cg18337855</t>
  </si>
  <si>
    <t>cg18338142</t>
  </si>
  <si>
    <t>cg18340059</t>
  </si>
  <si>
    <t>cg18350895</t>
  </si>
  <si>
    <t>cg18353837</t>
  </si>
  <si>
    <t>cg18359618</t>
  </si>
  <si>
    <t>cg18364858</t>
  </si>
  <si>
    <t>cg18368116</t>
  </si>
  <si>
    <t>cg18368807</t>
  </si>
  <si>
    <t>cg18369034</t>
  </si>
  <si>
    <t>cg18369397</t>
  </si>
  <si>
    <t>cg18371102</t>
  </si>
  <si>
    <t>cg18373317</t>
  </si>
  <si>
    <t>cg18374755</t>
  </si>
  <si>
    <t>cg18379780</t>
  </si>
  <si>
    <t>cg18383160</t>
  </si>
  <si>
    <t>cg18384960</t>
  </si>
  <si>
    <t>cg18388431</t>
  </si>
  <si>
    <t>cg18389810</t>
  </si>
  <si>
    <t>cg18389933</t>
  </si>
  <si>
    <t>cg18396317</t>
  </si>
  <si>
    <t>cg18396865</t>
  </si>
  <si>
    <t>cg18397314</t>
  </si>
  <si>
    <t>cg18397517</t>
  </si>
  <si>
    <t>cg18397726</t>
  </si>
  <si>
    <t>cg18400454</t>
  </si>
  <si>
    <t>cg18413710</t>
  </si>
  <si>
    <t>cg18415147</t>
  </si>
  <si>
    <t>cg18415686</t>
  </si>
  <si>
    <t>cg18416503</t>
  </si>
  <si>
    <t>cg18417061</t>
  </si>
  <si>
    <t>cg18421748</t>
  </si>
  <si>
    <t>cg18426863</t>
  </si>
  <si>
    <t>cg18432639</t>
  </si>
  <si>
    <t>cg18436128</t>
  </si>
  <si>
    <t>cg18438546</t>
  </si>
  <si>
    <t>cg18440069</t>
  </si>
  <si>
    <t>cg18446701</t>
  </si>
  <si>
    <t>cg18446708</t>
  </si>
  <si>
    <t>cg18449024</t>
  </si>
  <si>
    <t>cg18449389</t>
  </si>
  <si>
    <t>cg18450130</t>
  </si>
  <si>
    <t>cg18450500</t>
  </si>
  <si>
    <t>cg18453481</t>
  </si>
  <si>
    <t>cg18455364</t>
  </si>
  <si>
    <t>cg18456481</t>
  </si>
  <si>
    <t>cg18457249</t>
  </si>
  <si>
    <t>cg18459449</t>
  </si>
  <si>
    <t>cg18459806</t>
  </si>
  <si>
    <t>cg18460373</t>
  </si>
  <si>
    <t>cg18461649</t>
  </si>
  <si>
    <t>cg18463820</t>
  </si>
  <si>
    <t>cg18468176</t>
  </si>
  <si>
    <t>cg18477315</t>
  </si>
  <si>
    <t>cg18480127</t>
  </si>
  <si>
    <t>cg18484220</t>
  </si>
  <si>
    <t>cg18484488</t>
  </si>
  <si>
    <t>cg18485627</t>
  </si>
  <si>
    <t>cg18485877</t>
  </si>
  <si>
    <t>cg18486590</t>
  </si>
  <si>
    <t>cg18486902</t>
  </si>
  <si>
    <t>cg18489434</t>
  </si>
  <si>
    <t>cg18489614</t>
  </si>
  <si>
    <t>cg18492208</t>
  </si>
  <si>
    <t>cg18492804</t>
  </si>
  <si>
    <t>cg18493314</t>
  </si>
  <si>
    <t>cg18497238</t>
  </si>
  <si>
    <t>cg18497502</t>
  </si>
  <si>
    <t>cg18498263</t>
  </si>
  <si>
    <t>cg18498871</t>
  </si>
  <si>
    <t>cg18499294</t>
  </si>
  <si>
    <t>cg18499667</t>
  </si>
  <si>
    <t>cg18500714</t>
  </si>
  <si>
    <t>cg18504358</t>
  </si>
  <si>
    <t>cg18505004</t>
  </si>
  <si>
    <t>cg18505837</t>
  </si>
  <si>
    <t>cg18512901</t>
  </si>
  <si>
    <t>cg18512948</t>
  </si>
  <si>
    <t>cg18514850</t>
  </si>
  <si>
    <t>cg18516195</t>
  </si>
  <si>
    <t>cg18518804</t>
  </si>
  <si>
    <t>cg18526140</t>
  </si>
  <si>
    <t>cg18529846</t>
  </si>
  <si>
    <t>cg18533943</t>
  </si>
  <si>
    <t>cg18541581</t>
  </si>
  <si>
    <t>cg18543242</t>
  </si>
  <si>
    <t>cg18549882</t>
  </si>
  <si>
    <t>cg18550847</t>
  </si>
  <si>
    <t>cg18552380</t>
  </si>
  <si>
    <t>cg18555117</t>
  </si>
  <si>
    <t>cg18555206</t>
  </si>
  <si>
    <t>cg18563133</t>
  </si>
  <si>
    <t>cg18563888</t>
  </si>
  <si>
    <t>cg18567504</t>
  </si>
  <si>
    <t>cg18568534</t>
  </si>
  <si>
    <t>cg18569623</t>
  </si>
  <si>
    <t>cg18569885</t>
  </si>
  <si>
    <t>cg18575221</t>
  </si>
  <si>
    <t>cg18583329</t>
  </si>
  <si>
    <t>cg18585512</t>
  </si>
  <si>
    <t>cg18588794</t>
  </si>
  <si>
    <t>cg18591945</t>
  </si>
  <si>
    <t>cg18597188</t>
  </si>
  <si>
    <t>cg18598861</t>
  </si>
  <si>
    <t>cg18598877</t>
  </si>
  <si>
    <t>cg18599124</t>
  </si>
  <si>
    <t>cg18599750</t>
  </si>
  <si>
    <t>cg18600211</t>
  </si>
  <si>
    <t>cg18600331</t>
  </si>
  <si>
    <t>cg18603483</t>
  </si>
  <si>
    <t>cg18614139</t>
  </si>
  <si>
    <t>cg18616862</t>
  </si>
  <si>
    <t>cg18625804</t>
  </si>
  <si>
    <t>cg18628787</t>
  </si>
  <si>
    <t>cg18629527</t>
  </si>
  <si>
    <t>cg18633154</t>
  </si>
  <si>
    <t>cg18634538</t>
  </si>
  <si>
    <t>cg18635207</t>
  </si>
  <si>
    <t>cg18639180</t>
  </si>
  <si>
    <t>cg18642567</t>
  </si>
  <si>
    <t>cg18649737</t>
  </si>
  <si>
    <t>cg18653195</t>
  </si>
  <si>
    <t>cg18653282</t>
  </si>
  <si>
    <t>cg18657988</t>
  </si>
  <si>
    <t>cg18662613</t>
  </si>
  <si>
    <t>cg18664866</t>
  </si>
  <si>
    <t>cg18668382</t>
  </si>
  <si>
    <t>cg18671037</t>
  </si>
  <si>
    <t>cg18671554</t>
  </si>
  <si>
    <t>cg18678107</t>
  </si>
  <si>
    <t>cg18681014</t>
  </si>
  <si>
    <t>cg18684879</t>
  </si>
  <si>
    <t>cg18686155</t>
  </si>
  <si>
    <t>cg18693479</t>
  </si>
  <si>
    <t>cg18693531</t>
  </si>
  <si>
    <t>cg18700813</t>
  </si>
  <si>
    <t>cg18703243</t>
  </si>
  <si>
    <t>cg18704869</t>
  </si>
  <si>
    <t>cg18707489</t>
  </si>
  <si>
    <t>cg18709313</t>
  </si>
  <si>
    <t>cg18712199</t>
  </si>
  <si>
    <t>cg18712352</t>
  </si>
  <si>
    <t>cg18713221</t>
  </si>
  <si>
    <t>cg18717355</t>
  </si>
  <si>
    <t>cg18727637</t>
  </si>
  <si>
    <t>cg18731460</t>
  </si>
  <si>
    <t>cg18732546</t>
  </si>
  <si>
    <t>cg18733798</t>
  </si>
  <si>
    <t>cg18737667</t>
  </si>
  <si>
    <t>cg18754389</t>
  </si>
  <si>
    <t>cg18755078</t>
  </si>
  <si>
    <t>cg18764513</t>
  </si>
  <si>
    <t>cg18771300</t>
  </si>
  <si>
    <t>cg18786126</t>
  </si>
  <si>
    <t>cg18801292</t>
  </si>
  <si>
    <t>cg18804680</t>
  </si>
  <si>
    <t>cg18807466</t>
  </si>
  <si>
    <t>cg18815018</t>
  </si>
  <si>
    <t>cg18816426</t>
  </si>
  <si>
    <t>cg18818993</t>
  </si>
  <si>
    <t>cg18819791</t>
  </si>
  <si>
    <t>cg18821098</t>
  </si>
  <si>
    <t>cg18823637</t>
  </si>
  <si>
    <t>cg18824027</t>
  </si>
  <si>
    <t>cg18824840</t>
  </si>
  <si>
    <t>cg18828619</t>
  </si>
  <si>
    <t>cg18829186</t>
  </si>
  <si>
    <t>cg18832407</t>
  </si>
  <si>
    <t>cg18835656</t>
  </si>
  <si>
    <t>cg18836689</t>
  </si>
  <si>
    <t>cg18837429</t>
  </si>
  <si>
    <t>cg18844229</t>
  </si>
  <si>
    <t>cg18846074</t>
  </si>
  <si>
    <t>cg18846889</t>
  </si>
  <si>
    <t>cg18849583</t>
  </si>
  <si>
    <t>cg18852633</t>
  </si>
  <si>
    <t>cg18856581</t>
  </si>
  <si>
    <t>cg18857369</t>
  </si>
  <si>
    <t>cg18862502</t>
  </si>
  <si>
    <t>cg18863119</t>
  </si>
  <si>
    <t>cg18866817</t>
  </si>
  <si>
    <t>cg18875371</t>
  </si>
  <si>
    <t>cg18883807</t>
  </si>
  <si>
    <t>cg18885372</t>
  </si>
  <si>
    <t>cg18885766</t>
  </si>
  <si>
    <t>cg18887839</t>
  </si>
  <si>
    <t>cg18894552</t>
  </si>
  <si>
    <t>cg18894781</t>
  </si>
  <si>
    <t>cg18899667</t>
  </si>
  <si>
    <t>cg18899758</t>
  </si>
  <si>
    <t>cg18905039</t>
  </si>
  <si>
    <t>cg18905633</t>
  </si>
  <si>
    <t>cg18907180</t>
  </si>
  <si>
    <t>cg18907363</t>
  </si>
  <si>
    <t>cg18908845</t>
  </si>
  <si>
    <t>cg18910298</t>
  </si>
  <si>
    <t>cg18912541</t>
  </si>
  <si>
    <t>cg18914023</t>
  </si>
  <si>
    <t>cg18915856</t>
  </si>
  <si>
    <t>cg18919660</t>
  </si>
  <si>
    <t>cg18920658</t>
  </si>
  <si>
    <t>cg18922874</t>
  </si>
  <si>
    <t>cg18923105</t>
  </si>
  <si>
    <t>cg18924331</t>
  </si>
  <si>
    <t>cg18927077</t>
  </si>
  <si>
    <t>cg18928362</t>
  </si>
  <si>
    <t>cg18935937</t>
  </si>
  <si>
    <t>cg18950693</t>
  </si>
  <si>
    <t>cg18951977</t>
  </si>
  <si>
    <t>cg18960218</t>
  </si>
  <si>
    <t>cg18961788</t>
  </si>
  <si>
    <t>cg18963596</t>
  </si>
  <si>
    <t>cg18969171</t>
  </si>
  <si>
    <t>cg18970434</t>
  </si>
  <si>
    <t>cg18974224</t>
  </si>
  <si>
    <t>cg18975638</t>
  </si>
  <si>
    <t>cg18977434</t>
  </si>
  <si>
    <t>cg18981338</t>
  </si>
  <si>
    <t>cg18982384</t>
  </si>
  <si>
    <t>cg18983979</t>
  </si>
  <si>
    <t>cg18990667</t>
  </si>
  <si>
    <t>cg18991417</t>
  </si>
  <si>
    <t>cg18991449</t>
  </si>
  <si>
    <t>cg18993047</t>
  </si>
  <si>
    <t>cg18994566</t>
  </si>
  <si>
    <t>cg19001023</t>
  </si>
  <si>
    <t>cg19042947</t>
  </si>
  <si>
    <t>cg19043042</t>
  </si>
  <si>
    <t>cg19070873</t>
  </si>
  <si>
    <t>cg19091403</t>
  </si>
  <si>
    <t>cg19168631</t>
  </si>
  <si>
    <t>cg19181162</t>
  </si>
  <si>
    <t>cg19194924</t>
  </si>
  <si>
    <t>cg19211827</t>
  </si>
  <si>
    <t>cg19373199</t>
  </si>
  <si>
    <t>cg19416032</t>
  </si>
  <si>
    <t>cg19426827</t>
  </si>
  <si>
    <t>cg19427686</t>
  </si>
  <si>
    <t>cg19434303</t>
  </si>
  <si>
    <t>cg19448596</t>
  </si>
  <si>
    <t>cg19449738</t>
  </si>
  <si>
    <t>cg19450111</t>
  </si>
  <si>
    <t>cg19451021</t>
  </si>
  <si>
    <t>cg19452315</t>
  </si>
  <si>
    <t>cg19453686</t>
  </si>
  <si>
    <t>cg19455171</t>
  </si>
  <si>
    <t>cg19459349</t>
  </si>
  <si>
    <t>cg19461252</t>
  </si>
  <si>
    <t>cg19463228</t>
  </si>
  <si>
    <t>cg19465605</t>
  </si>
  <si>
    <t>cg19470812</t>
  </si>
  <si>
    <t>cg19470843</t>
  </si>
  <si>
    <t>cg19475658</t>
  </si>
  <si>
    <t>cg19476426</t>
  </si>
  <si>
    <t>cg19477689</t>
  </si>
  <si>
    <t>cg19478371</t>
  </si>
  <si>
    <t>cg19479481</t>
  </si>
  <si>
    <t>cg19490868</t>
  </si>
  <si>
    <t>cg19502457</t>
  </si>
  <si>
    <t>cg19504005</t>
  </si>
  <si>
    <t>cg19507498</t>
  </si>
  <si>
    <t>cg19509303</t>
  </si>
  <si>
    <t>cg19511435</t>
  </si>
  <si>
    <t>cg19512848</t>
  </si>
  <si>
    <t>cg19512969</t>
  </si>
  <si>
    <t>cg19513903</t>
  </si>
  <si>
    <t>cg19517135</t>
  </si>
  <si>
    <t>cg19531536</t>
  </si>
  <si>
    <t>cg19540080</t>
  </si>
  <si>
    <t>cg19543484</t>
  </si>
  <si>
    <t>cg19544707</t>
  </si>
  <si>
    <t>cg19545232</t>
  </si>
  <si>
    <t>cg19546207</t>
  </si>
  <si>
    <t>cg19548119</t>
  </si>
  <si>
    <t>cg19548652</t>
  </si>
  <si>
    <t>cg19549731</t>
  </si>
  <si>
    <t>cg19554565</t>
  </si>
  <si>
    <t>cg19555988</t>
  </si>
  <si>
    <t>cg19556208</t>
  </si>
  <si>
    <t>cg19558628</t>
  </si>
  <si>
    <t>cg19563107</t>
  </si>
  <si>
    <t>cg19563130</t>
  </si>
  <si>
    <t>cg19564637</t>
  </si>
  <si>
    <t>cg19573166</t>
  </si>
  <si>
    <t>cg19577365</t>
  </si>
  <si>
    <t>cg19582115</t>
  </si>
  <si>
    <t>cg19583967</t>
  </si>
  <si>
    <t>cg19584823</t>
  </si>
  <si>
    <t>cg19585100</t>
  </si>
  <si>
    <t>cg19589358</t>
  </si>
  <si>
    <t>cg19590140</t>
  </si>
  <si>
    <t>cg19591003</t>
  </si>
  <si>
    <t>cg19596655</t>
  </si>
  <si>
    <t>cg19600328</t>
  </si>
  <si>
    <t>cg19602614</t>
  </si>
  <si>
    <t>cg19603100</t>
  </si>
  <si>
    <t>cg19605500</t>
  </si>
  <si>
    <t>cg19610615</t>
  </si>
  <si>
    <t>cg19612114</t>
  </si>
  <si>
    <t>cg19615721</t>
  </si>
  <si>
    <t>cg19622874</t>
  </si>
  <si>
    <t>cg19628497</t>
  </si>
  <si>
    <t>cg19630689</t>
  </si>
  <si>
    <t>cg19635995</t>
  </si>
  <si>
    <t>cg19637116</t>
  </si>
  <si>
    <t>cg19640500</t>
  </si>
  <si>
    <t>cg19641841</t>
  </si>
  <si>
    <t>cg19643803</t>
  </si>
  <si>
    <t>cg19645221</t>
  </si>
  <si>
    <t>cg19645788</t>
  </si>
  <si>
    <t>cg19646759</t>
  </si>
  <si>
    <t>cg19648967</t>
  </si>
  <si>
    <t>cg19652475</t>
  </si>
  <si>
    <t>cg19655950</t>
  </si>
  <si>
    <t>cg19662895</t>
  </si>
  <si>
    <t>cg19666687</t>
  </si>
  <si>
    <t>cg19667559</t>
  </si>
  <si>
    <t>cg19676553</t>
  </si>
  <si>
    <t>cg19677166</t>
  </si>
  <si>
    <t>cg19677281</t>
  </si>
  <si>
    <t>cg19678259</t>
  </si>
  <si>
    <t>cg19682870</t>
  </si>
  <si>
    <t>cg19684990</t>
  </si>
  <si>
    <t>cg19686372</t>
  </si>
  <si>
    <t>cg19688403</t>
  </si>
  <si>
    <t>cg19689151</t>
  </si>
  <si>
    <t>cg19691267</t>
  </si>
  <si>
    <t>cg19700328</t>
  </si>
  <si>
    <t>cg19700955</t>
  </si>
  <si>
    <t>cg19705215</t>
  </si>
  <si>
    <t>cg19705564</t>
  </si>
  <si>
    <t>cg19707326</t>
  </si>
  <si>
    <t>cg19711268</t>
  </si>
  <si>
    <t>cg19714132</t>
  </si>
  <si>
    <t>cg19721094</t>
  </si>
  <si>
    <t>cg19722382</t>
  </si>
  <si>
    <t>cg19724680</t>
  </si>
  <si>
    <t>cg19725972</t>
  </si>
  <si>
    <t>cg19726128</t>
  </si>
  <si>
    <t>cg19730801</t>
  </si>
  <si>
    <t>cg19731259</t>
  </si>
  <si>
    <t>cg19733938</t>
  </si>
  <si>
    <t>cg19738882</t>
  </si>
  <si>
    <t>cg19739482</t>
  </si>
  <si>
    <t>cg19740240</t>
  </si>
  <si>
    <t>cg19740964</t>
  </si>
  <si>
    <t>cg19744211</t>
  </si>
  <si>
    <t>cg19744398</t>
  </si>
  <si>
    <t>cg19756786</t>
  </si>
  <si>
    <t>cg19757309</t>
  </si>
  <si>
    <t>cg19764096</t>
  </si>
  <si>
    <t>cg19764143</t>
  </si>
  <si>
    <t>cg19764854</t>
  </si>
  <si>
    <t>cg19768143</t>
  </si>
  <si>
    <t>cg19779166</t>
  </si>
  <si>
    <t>cg19782190</t>
  </si>
  <si>
    <t>cg19786627</t>
  </si>
  <si>
    <t>cg19787727</t>
  </si>
  <si>
    <t>cg19788202</t>
  </si>
  <si>
    <t>cg19791627</t>
  </si>
  <si>
    <t>cg19794706</t>
  </si>
  <si>
    <t>cg19798224</t>
  </si>
  <si>
    <t>cg19800856</t>
  </si>
  <si>
    <t>cg19802929</t>
  </si>
  <si>
    <t>cg19805785</t>
  </si>
  <si>
    <t>cg19806923</t>
  </si>
  <si>
    <t>cg19815139</t>
  </si>
  <si>
    <t>cg19821124</t>
  </si>
  <si>
    <t>cg19827511</t>
  </si>
  <si>
    <t>cg19828516</t>
  </si>
  <si>
    <t>cg19828748</t>
  </si>
  <si>
    <t>cg19834855</t>
  </si>
  <si>
    <t>cg19838043</t>
  </si>
  <si>
    <t>cg19840494</t>
  </si>
  <si>
    <t>cg19840859</t>
  </si>
  <si>
    <t>cg19842026</t>
  </si>
  <si>
    <t>cg19854437</t>
  </si>
  <si>
    <t>cg19857227</t>
  </si>
  <si>
    <t>cg19868364</t>
  </si>
  <si>
    <t>cg19872681</t>
  </si>
  <si>
    <t>cg19872936</t>
  </si>
  <si>
    <t>cg19874145</t>
  </si>
  <si>
    <t>cg19874726</t>
  </si>
  <si>
    <t>cg19879772</t>
  </si>
  <si>
    <t>cg19883293</t>
  </si>
  <si>
    <t>cg19885388</t>
  </si>
  <si>
    <t>cg19885786</t>
  </si>
  <si>
    <t>cg19886565</t>
  </si>
  <si>
    <t>cg19886777</t>
  </si>
  <si>
    <t>cg19889500</t>
  </si>
  <si>
    <t>cg19891001</t>
  </si>
  <si>
    <t>cg19895185</t>
  </si>
  <si>
    <t>cg19899223</t>
  </si>
  <si>
    <t>cg19899505</t>
  </si>
  <si>
    <t>cg19906760</t>
  </si>
  <si>
    <t>cg19907607</t>
  </si>
  <si>
    <t>cg19910802</t>
  </si>
  <si>
    <t>cg19924714</t>
  </si>
  <si>
    <t>cg19930885</t>
  </si>
  <si>
    <t>cg19937039</t>
  </si>
  <si>
    <t>cg19937288</t>
  </si>
  <si>
    <t>cg19940437</t>
  </si>
  <si>
    <t>cg19945937</t>
  </si>
  <si>
    <t>cg19952651</t>
  </si>
  <si>
    <t>cg19958389</t>
  </si>
  <si>
    <t>cg19959591</t>
  </si>
  <si>
    <t>cg19965031</t>
  </si>
  <si>
    <t>cg19967023</t>
  </si>
  <si>
    <t>cg19968228</t>
  </si>
  <si>
    <t>cg19969431</t>
  </si>
  <si>
    <t>cg19973647</t>
  </si>
  <si>
    <t>cg19977501</t>
  </si>
  <si>
    <t>cg19990723</t>
  </si>
  <si>
    <t>cg19991689</t>
  </si>
  <si>
    <t>cg20000047</t>
  </si>
  <si>
    <t>cg20000562</t>
  </si>
  <si>
    <t>cg20000940</t>
  </si>
  <si>
    <t>cg20009671</t>
  </si>
  <si>
    <t>cg20010054</t>
  </si>
  <si>
    <t>cg20011974</t>
  </si>
  <si>
    <t>cg20014585</t>
  </si>
  <si>
    <t>cg20016914</t>
  </si>
  <si>
    <t>cg20018253</t>
  </si>
  <si>
    <t>cg20018660</t>
  </si>
  <si>
    <t>cg20019356</t>
  </si>
  <si>
    <t>cg20021513</t>
  </si>
  <si>
    <t>cg20023538</t>
  </si>
  <si>
    <t>cg20029311</t>
  </si>
  <si>
    <t>cg20030294</t>
  </si>
  <si>
    <t>cg20031457</t>
  </si>
  <si>
    <t>cg20033070</t>
  </si>
  <si>
    <t>cg20036770</t>
  </si>
  <si>
    <t>cg20054703</t>
  </si>
  <si>
    <t>cg20056076</t>
  </si>
  <si>
    <t>cg20056212</t>
  </si>
  <si>
    <t>cg20060632</t>
  </si>
  <si>
    <t>cg20064422</t>
  </si>
  <si>
    <t>cg20065520</t>
  </si>
  <si>
    <t>cg20066488</t>
  </si>
  <si>
    <t>cg20067418</t>
  </si>
  <si>
    <t>cg20067612</t>
  </si>
  <si>
    <t>cg20068027</t>
  </si>
  <si>
    <t>cg20068496</t>
  </si>
  <si>
    <t>cg20073893</t>
  </si>
  <si>
    <t>cg20075114</t>
  </si>
  <si>
    <t>cg20076659</t>
  </si>
  <si>
    <t>cg20083989</t>
  </si>
  <si>
    <t>cg20087917</t>
  </si>
  <si>
    <t>cg20093457</t>
  </si>
  <si>
    <t>cg20096365</t>
  </si>
  <si>
    <t>cg20096775</t>
  </si>
  <si>
    <t>cg20141916</t>
  </si>
  <si>
    <t>cg20145009</t>
  </si>
  <si>
    <t>cg20161089</t>
  </si>
  <si>
    <t>cg20250651</t>
  </si>
  <si>
    <t>cg20252067</t>
  </si>
  <si>
    <t>cg20257096</t>
  </si>
  <si>
    <t>cg20262021</t>
  </si>
  <si>
    <t>cg20265748</t>
  </si>
  <si>
    <t>cg20267408</t>
  </si>
  <si>
    <t>cg20267521</t>
  </si>
  <si>
    <t>cg20267932</t>
  </si>
  <si>
    <t>cg20283449</t>
  </si>
  <si>
    <t>cg20284440</t>
  </si>
  <si>
    <t>cg20285470</t>
  </si>
  <si>
    <t>cg20286114</t>
  </si>
  <si>
    <t>cg20290001</t>
  </si>
  <si>
    <t>cg20290527</t>
  </si>
  <si>
    <t>cg20290672</t>
  </si>
  <si>
    <t>cg20297199</t>
  </si>
  <si>
    <t>cg20312971</t>
  </si>
  <si>
    <t>cg20322003</t>
  </si>
  <si>
    <t>cg20323874</t>
  </si>
  <si>
    <t>cg20328328</t>
  </si>
  <si>
    <t>cg20337305</t>
  </si>
  <si>
    <t>cg20368904</t>
  </si>
  <si>
    <t>cg20375122</t>
  </si>
  <si>
    <t>cg20409590</t>
  </si>
  <si>
    <t>cg20435474</t>
  </si>
  <si>
    <t>cg20447654</t>
  </si>
  <si>
    <t>cg20451705</t>
  </si>
  <si>
    <t>cg20457147</t>
  </si>
  <si>
    <t>cg20458668</t>
  </si>
  <si>
    <t>cg20466124</t>
  </si>
  <si>
    <t>cg20468462</t>
  </si>
  <si>
    <t>cg20469764</t>
  </si>
  <si>
    <t>cg20475221</t>
  </si>
  <si>
    <t>cg20477070</t>
  </si>
  <si>
    <t>cg20478089</t>
  </si>
  <si>
    <t>cg20481032</t>
  </si>
  <si>
    <t>cg20482113</t>
  </si>
  <si>
    <t>cg20483016</t>
  </si>
  <si>
    <t>cg20485781</t>
  </si>
  <si>
    <t>cg20498872</t>
  </si>
  <si>
    <t>cg20505457</t>
  </si>
  <si>
    <t>cg20512669</t>
  </si>
  <si>
    <t>cg20517697</t>
  </si>
  <si>
    <t>cg20521345</t>
  </si>
  <si>
    <t>cg20544406</t>
  </si>
  <si>
    <t>cg20547131</t>
  </si>
  <si>
    <t>cg20547455</t>
  </si>
  <si>
    <t>cg20548175</t>
  </si>
  <si>
    <t>cg20548765</t>
  </si>
  <si>
    <t>cg20548888</t>
  </si>
  <si>
    <t>cg20550520</t>
  </si>
  <si>
    <t>cg20553470</t>
  </si>
  <si>
    <t>cg20568408</t>
  </si>
  <si>
    <t>cg20568725</t>
  </si>
  <si>
    <t>cg20576153</t>
  </si>
  <si>
    <t>cg20576264</t>
  </si>
  <si>
    <t>cg20577572</t>
  </si>
  <si>
    <t>cg20580673</t>
  </si>
  <si>
    <t>cg20582976</t>
  </si>
  <si>
    <t>cg20586607</t>
  </si>
  <si>
    <t>cg20586611</t>
  </si>
  <si>
    <t>cg20593274</t>
  </si>
  <si>
    <t>cg20595846</t>
  </si>
  <si>
    <t>cg20599748</t>
  </si>
  <si>
    <t>cg20600205</t>
  </si>
  <si>
    <t>cg20600338</t>
  </si>
  <si>
    <t>cg20603609</t>
  </si>
  <si>
    <t>cg20639263</t>
  </si>
  <si>
    <t>cg20648149</t>
  </si>
  <si>
    <t>cg20664017</t>
  </si>
  <si>
    <t>cg20686551</t>
  </si>
  <si>
    <t>cg20692059</t>
  </si>
  <si>
    <t>cg20710709</t>
  </si>
  <si>
    <t>cg20715824</t>
  </si>
  <si>
    <t>cg20764656</t>
  </si>
  <si>
    <t>cg20782689</t>
  </si>
  <si>
    <t>cg20804555</t>
  </si>
  <si>
    <t>cg20820982</t>
  </si>
  <si>
    <t>cg20822579</t>
  </si>
  <si>
    <t>cg20851097</t>
  </si>
  <si>
    <t>cg20862309</t>
  </si>
  <si>
    <t>cg20868898</t>
  </si>
  <si>
    <t>cg20870298</t>
  </si>
  <si>
    <t>cg20880339</t>
  </si>
  <si>
    <t>cg20881054</t>
  </si>
  <si>
    <t>cg20895058</t>
  </si>
  <si>
    <t>cg20896439</t>
  </si>
  <si>
    <t>cg20897949</t>
  </si>
  <si>
    <t>cg20898283</t>
  </si>
  <si>
    <t>cg20899382</t>
  </si>
  <si>
    <t>cg20900312</t>
  </si>
  <si>
    <t>cg20900540</t>
  </si>
  <si>
    <t>cg20901044</t>
  </si>
  <si>
    <t>cg20901874</t>
  </si>
  <si>
    <t>cg20902104</t>
  </si>
  <si>
    <t>cg20902783</t>
  </si>
  <si>
    <t>cg20904024</t>
  </si>
  <si>
    <t>cg20908993</t>
  </si>
  <si>
    <t>cg20911718</t>
  </si>
  <si>
    <t>cg20919143</t>
  </si>
  <si>
    <t>cg20921221</t>
  </si>
  <si>
    <t>cg20928824</t>
  </si>
  <si>
    <t>cg20929849</t>
  </si>
  <si>
    <t>cg20930514</t>
  </si>
  <si>
    <t>cg20933109</t>
  </si>
  <si>
    <t>cg20933586</t>
  </si>
  <si>
    <t>cg20934105</t>
  </si>
  <si>
    <t>cg20934265</t>
  </si>
  <si>
    <t>cg20935025</t>
  </si>
  <si>
    <t>cg20937296</t>
  </si>
  <si>
    <t>cg20944521</t>
  </si>
  <si>
    <t>cg20945463</t>
  </si>
  <si>
    <t>cg20945491</t>
  </si>
  <si>
    <t>cg20948841</t>
  </si>
  <si>
    <t>cg20951054</t>
  </si>
  <si>
    <t>cg20952105</t>
  </si>
  <si>
    <t>cg20956390</t>
  </si>
  <si>
    <t>cg20961943</t>
  </si>
  <si>
    <t>cg20968821</t>
  </si>
  <si>
    <t>cg20972216</t>
  </si>
  <si>
    <t>cg20972553</t>
  </si>
  <si>
    <t>cg20981219</t>
  </si>
  <si>
    <t>cg20996579</t>
  </si>
  <si>
    <t>cg21007342</t>
  </si>
  <si>
    <t>cg21007645</t>
  </si>
  <si>
    <t>cg21007691</t>
  </si>
  <si>
    <t>cg21010031</t>
  </si>
  <si>
    <t>cg21011425</t>
  </si>
  <si>
    <t>cg21024422</t>
  </si>
  <si>
    <t>cg21026566</t>
  </si>
  <si>
    <t>cg21030500</t>
  </si>
  <si>
    <t>cg21032058</t>
  </si>
  <si>
    <t>cg21032623</t>
  </si>
  <si>
    <t>cg21034405</t>
  </si>
  <si>
    <t>cg21036854</t>
  </si>
  <si>
    <t>cg21037784</t>
  </si>
  <si>
    <t>cg21038461</t>
  </si>
  <si>
    <t>cg21042179</t>
  </si>
  <si>
    <t>cg21043328</t>
  </si>
  <si>
    <t>cg21048162</t>
  </si>
  <si>
    <t>cg21049809</t>
  </si>
  <si>
    <t>cg21050667</t>
  </si>
  <si>
    <t>cg21054473</t>
  </si>
  <si>
    <t>cg21056684</t>
  </si>
  <si>
    <t>cg21057323</t>
  </si>
  <si>
    <t>cg21068392</t>
  </si>
  <si>
    <t>cg21068522</t>
  </si>
  <si>
    <t>cg21071540</t>
  </si>
  <si>
    <t>cg21071844</t>
  </si>
  <si>
    <t>cg21074797</t>
  </si>
  <si>
    <t>cg21075986</t>
  </si>
  <si>
    <t>cg21076271</t>
  </si>
  <si>
    <t>cg21077684</t>
  </si>
  <si>
    <t>cg21083556</t>
  </si>
  <si>
    <t>cg21086878</t>
  </si>
  <si>
    <t>cg21089789</t>
  </si>
  <si>
    <t>cg21091128</t>
  </si>
  <si>
    <t>cg21091197</t>
  </si>
  <si>
    <t>cg21092008</t>
  </si>
  <si>
    <t>cg21092041</t>
  </si>
  <si>
    <t>cg21096548</t>
  </si>
  <si>
    <t>cg21096966</t>
  </si>
  <si>
    <t>cg21102746</t>
  </si>
  <si>
    <t>cg21103170</t>
  </si>
  <si>
    <t>cg21103400</t>
  </si>
  <si>
    <t>cg21104155</t>
  </si>
  <si>
    <t>cg21106407</t>
  </si>
  <si>
    <t>cg21113318</t>
  </si>
  <si>
    <t>cg21115727</t>
  </si>
  <si>
    <t>cg21116657</t>
  </si>
  <si>
    <t>cg21119293</t>
  </si>
  <si>
    <t>cg21126487</t>
  </si>
  <si>
    <t>cg21129253</t>
  </si>
  <si>
    <t>cg21136005</t>
  </si>
  <si>
    <t>cg21140981</t>
  </si>
  <si>
    <t>cg21142224</t>
  </si>
  <si>
    <t>cg21143587</t>
  </si>
  <si>
    <t>cg21148594</t>
  </si>
  <si>
    <t>cg21155767</t>
  </si>
  <si>
    <t>cg21158631</t>
  </si>
  <si>
    <t>cg21164005</t>
  </si>
  <si>
    <t>cg21165519</t>
  </si>
  <si>
    <t>cg21166544</t>
  </si>
  <si>
    <t>cg21169762</t>
  </si>
  <si>
    <t>cg21170836</t>
  </si>
  <si>
    <t>cg21175326</t>
  </si>
  <si>
    <t>cg21176597</t>
  </si>
  <si>
    <t>cg21176875</t>
  </si>
  <si>
    <t>cg21178618</t>
  </si>
  <si>
    <t>cg21184441</t>
  </si>
  <si>
    <t>cg21190363</t>
  </si>
  <si>
    <t>cg21193577</t>
  </si>
  <si>
    <t>cg21195762</t>
  </si>
  <si>
    <t>cg21198603</t>
  </si>
  <si>
    <t>cg21199629</t>
  </si>
  <si>
    <t>cg21203438</t>
  </si>
  <si>
    <t>cg21203643</t>
  </si>
  <si>
    <t>cg21206949</t>
  </si>
  <si>
    <t>cg21207436</t>
  </si>
  <si>
    <t>cg21207665</t>
  </si>
  <si>
    <t>cg21209020</t>
  </si>
  <si>
    <t>cg21209876</t>
  </si>
  <si>
    <t>cg21217911</t>
  </si>
  <si>
    <t>cg21218561</t>
  </si>
  <si>
    <t>cg21219398</t>
  </si>
  <si>
    <t>cg21220927</t>
  </si>
  <si>
    <t>cg21221767</t>
  </si>
  <si>
    <t>cg21228500</t>
  </si>
  <si>
    <t>cg21230021</t>
  </si>
  <si>
    <t>cg21231141</t>
  </si>
  <si>
    <t>cg21235823</t>
  </si>
  <si>
    <t>cg21235874</t>
  </si>
  <si>
    <t>cg21237959</t>
  </si>
  <si>
    <t>cg21238221</t>
  </si>
  <si>
    <t>cg21242212</t>
  </si>
  <si>
    <t>cg21245092</t>
  </si>
  <si>
    <t>cg21246665</t>
  </si>
  <si>
    <t>cg21263122</t>
  </si>
  <si>
    <t>cg21291347</t>
  </si>
  <si>
    <t>cg21301148</t>
  </si>
  <si>
    <t>cg21310173</t>
  </si>
  <si>
    <t>cg21337430</t>
  </si>
  <si>
    <t>cg21339926</t>
  </si>
  <si>
    <t>cg21350283</t>
  </si>
  <si>
    <t>cg21379309</t>
  </si>
  <si>
    <t>cg21405705</t>
  </si>
  <si>
    <t>cg21418076</t>
  </si>
  <si>
    <t>cg21487950</t>
  </si>
  <si>
    <t>cg21500456</t>
  </si>
  <si>
    <t>cg21501241</t>
  </si>
  <si>
    <t>cg21502482</t>
  </si>
  <si>
    <t>cg21509551</t>
  </si>
  <si>
    <t>cg21511816</t>
  </si>
  <si>
    <t>cg21513316</t>
  </si>
  <si>
    <t>cg21513751</t>
  </si>
  <si>
    <t>cg21515844</t>
  </si>
  <si>
    <t>cg21515956</t>
  </si>
  <si>
    <t>cg21520055</t>
  </si>
  <si>
    <t>cg21520131</t>
  </si>
  <si>
    <t>cg21525413</t>
  </si>
  <si>
    <t>cg21526209</t>
  </si>
  <si>
    <t>cg21526847</t>
  </si>
  <si>
    <t>cg21529778</t>
  </si>
  <si>
    <t>cg21531300</t>
  </si>
  <si>
    <t>cg21541272</t>
  </si>
  <si>
    <t>cg21543897</t>
  </si>
  <si>
    <t>cg21548038</t>
  </si>
  <si>
    <t>cg21566635</t>
  </si>
  <si>
    <t>cg21567958</t>
  </si>
  <si>
    <t>cg21569854</t>
  </si>
  <si>
    <t>cg21571665</t>
  </si>
  <si>
    <t>cg21571793</t>
  </si>
  <si>
    <t>cg21574293</t>
  </si>
  <si>
    <t>cg21575295</t>
  </si>
  <si>
    <t>cg21603806</t>
  </si>
  <si>
    <t>cg21657780</t>
  </si>
  <si>
    <t>cg21660424</t>
  </si>
  <si>
    <t>cg21690282</t>
  </si>
  <si>
    <t>cg21700166</t>
  </si>
  <si>
    <t>cg21731375</t>
  </si>
  <si>
    <t>cg21761204</t>
  </si>
  <si>
    <t>cg21796528</t>
  </si>
  <si>
    <t>cg21807215</t>
  </si>
  <si>
    <t>cg21807262</t>
  </si>
  <si>
    <t>cg21807594</t>
  </si>
  <si>
    <t>cg21809913</t>
  </si>
  <si>
    <t>cg21820394</t>
  </si>
  <si>
    <t>cg21829921</t>
  </si>
  <si>
    <t>cg21834684</t>
  </si>
  <si>
    <t>cg21836117</t>
  </si>
  <si>
    <t>cg21840121</t>
  </si>
  <si>
    <t>cg21841409</t>
  </si>
  <si>
    <t>cg21842967</t>
  </si>
  <si>
    <t>cg21846009</t>
  </si>
  <si>
    <t>cg21853587</t>
  </si>
  <si>
    <t>cg21853693</t>
  </si>
  <si>
    <t>cg21856645</t>
  </si>
  <si>
    <t>cg21861211</t>
  </si>
  <si>
    <t>cg21862081</t>
  </si>
  <si>
    <t>cg21876626</t>
  </si>
  <si>
    <t>cg21876806</t>
  </si>
  <si>
    <t>cg21877355</t>
  </si>
  <si>
    <t>cg21878890</t>
  </si>
  <si>
    <t>cg21879240</t>
  </si>
  <si>
    <t>cg21880128</t>
  </si>
  <si>
    <t>cg21881652</t>
  </si>
  <si>
    <t>cg21882238</t>
  </si>
  <si>
    <t>cg21882356</t>
  </si>
  <si>
    <t>cg21886367</t>
  </si>
  <si>
    <t>cg21894762</t>
  </si>
  <si>
    <t>cg21899542</t>
  </si>
  <si>
    <t>cg21899942</t>
  </si>
  <si>
    <t>cg21902461</t>
  </si>
  <si>
    <t>cg21905139</t>
  </si>
  <si>
    <t>cg21906866</t>
  </si>
  <si>
    <t>cg21922369</t>
  </si>
  <si>
    <t>cg21923619</t>
  </si>
  <si>
    <t>cg21926698</t>
  </si>
  <si>
    <t>cg21929473</t>
  </si>
  <si>
    <t>cg21931174</t>
  </si>
  <si>
    <t>cg21931972</t>
  </si>
  <si>
    <t>cg21954263</t>
  </si>
  <si>
    <t>cg21973800</t>
  </si>
  <si>
    <t>cg21974996</t>
  </si>
  <si>
    <t>cg22013966</t>
  </si>
  <si>
    <t>cg22020558</t>
  </si>
  <si>
    <t>cg22036233</t>
  </si>
  <si>
    <t>cg22043361</t>
  </si>
  <si>
    <t>cg22070177</t>
  </si>
  <si>
    <t>cg22072935</t>
  </si>
  <si>
    <t>cg22090592</t>
  </si>
  <si>
    <t>cg22143352</t>
  </si>
  <si>
    <t>cg22228205</t>
  </si>
  <si>
    <t>cg22247240</t>
  </si>
  <si>
    <t>cg22272716</t>
  </si>
  <si>
    <t>cg22273182</t>
  </si>
  <si>
    <t>cg22353818</t>
  </si>
  <si>
    <t>cg22388943</t>
  </si>
  <si>
    <t>cg22413938</t>
  </si>
  <si>
    <t>cg22430790</t>
  </si>
  <si>
    <t>cg22438324</t>
  </si>
  <si>
    <t>cg22454119</t>
  </si>
  <si>
    <t>cg22454744</t>
  </si>
  <si>
    <t>cg22474507</t>
  </si>
  <si>
    <t>cg22496859</t>
  </si>
  <si>
    <t>cg22516105</t>
  </si>
  <si>
    <t>cg22518208</t>
  </si>
  <si>
    <t>cg22542859</t>
  </si>
  <si>
    <t>cg22544688</t>
  </si>
  <si>
    <t>cg22556036</t>
  </si>
  <si>
    <t>cg22576489</t>
  </si>
  <si>
    <t>cg22634689</t>
  </si>
  <si>
    <t>cg22638491</t>
  </si>
  <si>
    <t>cg22669058</t>
  </si>
  <si>
    <t>cg22777433</t>
  </si>
  <si>
    <t>cg22778790</t>
  </si>
  <si>
    <t>cg22783308</t>
  </si>
  <si>
    <t>cg22784589</t>
  </si>
  <si>
    <t>cg22787141</t>
  </si>
  <si>
    <t>cg22790934</t>
  </si>
  <si>
    <t>cg22795192</t>
  </si>
  <si>
    <t>cg22797773</t>
  </si>
  <si>
    <t>cg22797944</t>
  </si>
  <si>
    <t>cg22799420</t>
  </si>
  <si>
    <t>cg22799691</t>
  </si>
  <si>
    <t>cg22805381</t>
  </si>
  <si>
    <t>cg22805491</t>
  </si>
  <si>
    <t>cg22811647</t>
  </si>
  <si>
    <t>cg22812178</t>
  </si>
  <si>
    <t>cg22820364</t>
  </si>
  <si>
    <t>cg22820500</t>
  </si>
  <si>
    <t>cg22821834</t>
  </si>
  <si>
    <t>cg22823273</t>
  </si>
  <si>
    <t>cg22823821</t>
  </si>
  <si>
    <t>cg22824265</t>
  </si>
  <si>
    <t>cg22825202</t>
  </si>
  <si>
    <t>cg22827001</t>
  </si>
  <si>
    <t>cg22831335</t>
  </si>
  <si>
    <t>cg22831425</t>
  </si>
  <si>
    <t>cg22833375</t>
  </si>
  <si>
    <t>cg22840852</t>
  </si>
  <si>
    <t>cg22862526</t>
  </si>
  <si>
    <t>cg22867629</t>
  </si>
  <si>
    <t>cg22871002</t>
  </si>
  <si>
    <t>cg22871298</t>
  </si>
  <si>
    <t>cg22878414</t>
  </si>
  <si>
    <t>cg22892860</t>
  </si>
  <si>
    <t>cg22897193</t>
  </si>
  <si>
    <t>cg22897701</t>
  </si>
  <si>
    <t>cg22899163</t>
  </si>
  <si>
    <t>cg22901098</t>
  </si>
  <si>
    <t>cg22903365</t>
  </si>
  <si>
    <t>cg22907891</t>
  </si>
  <si>
    <t>cg22908679</t>
  </si>
  <si>
    <t>cg22908922</t>
  </si>
  <si>
    <t>cg22909759</t>
  </si>
  <si>
    <t>cg22912331</t>
  </si>
  <si>
    <t>cg22916215</t>
  </si>
  <si>
    <t>cg22918700</t>
  </si>
  <si>
    <t>cg22921703</t>
  </si>
  <si>
    <t>cg22921760</t>
  </si>
  <si>
    <t>cg22922761</t>
  </si>
  <si>
    <t>cg22924765</t>
  </si>
  <si>
    <t>cg22925274</t>
  </si>
  <si>
    <t>cg22926923</t>
  </si>
  <si>
    <t>cg22930549</t>
  </si>
  <si>
    <t>cg22930859</t>
  </si>
  <si>
    <t>cg22935207</t>
  </si>
  <si>
    <t>cg22935317</t>
  </si>
  <si>
    <t>cg22940816</t>
  </si>
  <si>
    <t>cg22945387</t>
  </si>
  <si>
    <t>cg22945462</t>
  </si>
  <si>
    <t>cg22947124</t>
  </si>
  <si>
    <t>cg22948275</t>
  </si>
  <si>
    <t>cg22963414</t>
  </si>
  <si>
    <t>cg22971029</t>
  </si>
  <si>
    <t>cg22971594</t>
  </si>
  <si>
    <t>cg22973974</t>
  </si>
  <si>
    <t>cg22974151</t>
  </si>
  <si>
    <t>cg22976533</t>
  </si>
  <si>
    <t>cg22977320</t>
  </si>
  <si>
    <t>cg22979624</t>
  </si>
  <si>
    <t>cg22981198</t>
  </si>
  <si>
    <t>cg22981461</t>
  </si>
  <si>
    <t>cg22982273</t>
  </si>
  <si>
    <t>cg22991163</t>
  </si>
  <si>
    <t>cg22991506</t>
  </si>
  <si>
    <t>cg22994272</t>
  </si>
  <si>
    <t>cg22995449</t>
  </si>
  <si>
    <t>cg22999830</t>
  </si>
  <si>
    <t>cg23004043</t>
  </si>
  <si>
    <t>cg23004066</t>
  </si>
  <si>
    <t>cg23005405</t>
  </si>
  <si>
    <t>cg23005481</t>
  </si>
  <si>
    <t>cg23009263</t>
  </si>
  <si>
    <t>cg23014794</t>
  </si>
  <si>
    <t>cg23015155</t>
  </si>
  <si>
    <t>cg23020657</t>
  </si>
  <si>
    <t>cg23020857</t>
  </si>
  <si>
    <t>cg23029159</t>
  </si>
  <si>
    <t>cg23029292</t>
  </si>
  <si>
    <t>cg23032032</t>
  </si>
  <si>
    <t>cg23034818</t>
  </si>
  <si>
    <t>cg23038074</t>
  </si>
  <si>
    <t>cg23038560</t>
  </si>
  <si>
    <t>cg23047397</t>
  </si>
  <si>
    <t>cg23047920</t>
  </si>
  <si>
    <t>cg23048656</t>
  </si>
  <si>
    <t>cg23051632</t>
  </si>
  <si>
    <t>cg23052861</t>
  </si>
  <si>
    <t>cg23052930</t>
  </si>
  <si>
    <t>cg23058435</t>
  </si>
  <si>
    <t>cg23058863</t>
  </si>
  <si>
    <t>cg23067281</t>
  </si>
  <si>
    <t>cg23068124</t>
  </si>
  <si>
    <t>cg23068717</t>
  </si>
  <si>
    <t>cg23074992</t>
  </si>
  <si>
    <t>cg23076361</t>
  </si>
  <si>
    <t>cg23080287</t>
  </si>
  <si>
    <t>cg23080559</t>
  </si>
  <si>
    <t>cg23083894</t>
  </si>
  <si>
    <t>cg23086519</t>
  </si>
  <si>
    <t>cg23088567</t>
  </si>
  <si>
    <t>cg23090046</t>
  </si>
  <si>
    <t>cg23092040</t>
  </si>
  <si>
    <t>cg23095243</t>
  </si>
  <si>
    <t>cg23100591</t>
  </si>
  <si>
    <t>cg23100841</t>
  </si>
  <si>
    <t>cg23104439</t>
  </si>
  <si>
    <t>cg23104823</t>
  </si>
  <si>
    <t>cg23108559</t>
  </si>
  <si>
    <t>cg23109041</t>
  </si>
  <si>
    <t>cg23112188</t>
  </si>
  <si>
    <t>cg23114311</t>
  </si>
  <si>
    <t>cg23116670</t>
  </si>
  <si>
    <t>cg23117999</t>
  </si>
  <si>
    <t>cg23118730</t>
  </si>
  <si>
    <t>cg23121301</t>
  </si>
  <si>
    <t>cg23123148</t>
  </si>
  <si>
    <t>cg23123918</t>
  </si>
  <si>
    <t>cg23123972</t>
  </si>
  <si>
    <t>cg23137569</t>
  </si>
  <si>
    <t>cg23139887</t>
  </si>
  <si>
    <t>cg23142004</t>
  </si>
  <si>
    <t>cg23142890</t>
  </si>
  <si>
    <t>cg23143104</t>
  </si>
  <si>
    <t>cg23149072</t>
  </si>
  <si>
    <t>cg23155785</t>
  </si>
  <si>
    <t>cg23168000</t>
  </si>
  <si>
    <t>cg23168192</t>
  </si>
  <si>
    <t>cg23172898</t>
  </si>
  <si>
    <t>cg23176399</t>
  </si>
  <si>
    <t>cg23176663</t>
  </si>
  <si>
    <t>cg23182766</t>
  </si>
  <si>
    <t>cg23193616</t>
  </si>
  <si>
    <t>cg23198262</t>
  </si>
  <si>
    <t>cg23203809</t>
  </si>
  <si>
    <t>cg23222160</t>
  </si>
  <si>
    <t>cg23224293</t>
  </si>
  <si>
    <t>cg23225221</t>
  </si>
  <si>
    <t>cg23232719</t>
  </si>
  <si>
    <t>cg23234261</t>
  </si>
  <si>
    <t>cg23234607</t>
  </si>
  <si>
    <t>cg23236908</t>
  </si>
  <si>
    <t>cg23237276</t>
  </si>
  <si>
    <t>cg23237418</t>
  </si>
  <si>
    <t>cg23240617</t>
  </si>
  <si>
    <t>cg23248842</t>
  </si>
  <si>
    <t>cg23251057</t>
  </si>
  <si>
    <t>cg23254031</t>
  </si>
  <si>
    <t>cg23254184</t>
  </si>
  <si>
    <t>cg23259001</t>
  </si>
  <si>
    <t>cg23260500</t>
  </si>
  <si>
    <t>cg23260578</t>
  </si>
  <si>
    <t>cg23263802</t>
  </si>
  <si>
    <t>cg23266204</t>
  </si>
  <si>
    <t>cg23266968</t>
  </si>
  <si>
    <t>cg23270924</t>
  </si>
  <si>
    <t>cg23275158</t>
  </si>
  <si>
    <t>cg23276399</t>
  </si>
  <si>
    <t>cg23280155</t>
  </si>
  <si>
    <t>cg23288059</t>
  </si>
  <si>
    <t>cg23288563</t>
  </si>
  <si>
    <t>cg23289024</t>
  </si>
  <si>
    <t>cg23290739</t>
  </si>
  <si>
    <t>cg23296325</t>
  </si>
  <si>
    <t>cg23296408</t>
  </si>
  <si>
    <t>cg23297230</t>
  </si>
  <si>
    <t>cg23301925</t>
  </si>
  <si>
    <t>cg23305229</t>
  </si>
  <si>
    <t>cg23307798</t>
  </si>
  <si>
    <t>cg23309512</t>
  </si>
  <si>
    <t>cg23309527</t>
  </si>
  <si>
    <t>cg23310549</t>
  </si>
  <si>
    <t>cg23313644</t>
  </si>
  <si>
    <t>cg23314200</t>
  </si>
  <si>
    <t>cg23314514</t>
  </si>
  <si>
    <t>cg23315518</t>
  </si>
  <si>
    <t>cg23315932</t>
  </si>
  <si>
    <t>cg23316449</t>
  </si>
  <si>
    <t>cg23316987</t>
  </si>
  <si>
    <t>cg23318560</t>
  </si>
  <si>
    <t>cg23323891</t>
  </si>
  <si>
    <t>cg23324086</t>
  </si>
  <si>
    <t>cg23327851</t>
  </si>
  <si>
    <t>cg23332678</t>
  </si>
  <si>
    <t>cg23335146</t>
  </si>
  <si>
    <t>cg23338408</t>
  </si>
  <si>
    <t>cg23343291</t>
  </si>
  <si>
    <t>cg23347250</t>
  </si>
  <si>
    <t>cg23356302</t>
  </si>
  <si>
    <t>cg23356831</t>
  </si>
  <si>
    <t>cg23356944</t>
  </si>
  <si>
    <t>cg23358740</t>
  </si>
  <si>
    <t>cg23360111</t>
  </si>
  <si>
    <t>cg23367119</t>
  </si>
  <si>
    <t>cg23368458</t>
  </si>
  <si>
    <t>cg23369670</t>
  </si>
  <si>
    <t>cg23373640</t>
  </si>
  <si>
    <t>cg23374863</t>
  </si>
  <si>
    <t>cg23376012</t>
  </si>
  <si>
    <t>cg23381116</t>
  </si>
  <si>
    <t>cg23383149</t>
  </si>
  <si>
    <t>cg23383372</t>
  </si>
  <si>
    <t>cg23385208</t>
  </si>
  <si>
    <t>cg23385732</t>
  </si>
  <si>
    <t>cg23388490</t>
  </si>
  <si>
    <t>cg23389061</t>
  </si>
  <si>
    <t>cg23390762</t>
  </si>
  <si>
    <t>cg23391891</t>
  </si>
  <si>
    <t>cg23396177</t>
  </si>
  <si>
    <t>cg23399279</t>
  </si>
  <si>
    <t>cg23399577</t>
  </si>
  <si>
    <t>cg23404711</t>
  </si>
  <si>
    <t>cg23404776</t>
  </si>
  <si>
    <t>cg23408104</t>
  </si>
  <si>
    <t>cg23411529</t>
  </si>
  <si>
    <t>cg23413396</t>
  </si>
  <si>
    <t>cg23413464</t>
  </si>
  <si>
    <t>cg23422263</t>
  </si>
  <si>
    <t>cg23429749</t>
  </si>
  <si>
    <t>cg23436960</t>
  </si>
  <si>
    <t>cg23439621</t>
  </si>
  <si>
    <t>cg23447841</t>
  </si>
  <si>
    <t>cg23450882</t>
  </si>
  <si>
    <t>cg23452119</t>
  </si>
  <si>
    <t>cg23457258</t>
  </si>
  <si>
    <t>cg23461800</t>
  </si>
  <si>
    <t>cg23462152</t>
  </si>
  <si>
    <t>cg23470139</t>
  </si>
  <si>
    <t>cg23470598</t>
  </si>
  <si>
    <t>cg23475035</t>
  </si>
  <si>
    <t>cg23480730</t>
  </si>
  <si>
    <t>cg23481748</t>
  </si>
  <si>
    <t>cg23484159</t>
  </si>
  <si>
    <t>cg23484454</t>
  </si>
  <si>
    <t>cg23488509</t>
  </si>
  <si>
    <t>cg23488578</t>
  </si>
  <si>
    <t>cg23488816</t>
  </si>
  <si>
    <t>cg23492249</t>
  </si>
  <si>
    <t>cg23493031</t>
  </si>
  <si>
    <t>cg23494015</t>
  </si>
  <si>
    <t>cg23499616</t>
  </si>
  <si>
    <t>cg23501836</t>
  </si>
  <si>
    <t>cg23505344</t>
  </si>
  <si>
    <t>cg23511824</t>
  </si>
  <si>
    <t>cg23512360</t>
  </si>
  <si>
    <t>cg23512654</t>
  </si>
  <si>
    <t>cg23515460</t>
  </si>
  <si>
    <t>cg23519812</t>
  </si>
  <si>
    <t>cg23524537</t>
  </si>
  <si>
    <t>cg23525541</t>
  </si>
  <si>
    <t>cg23525708</t>
  </si>
  <si>
    <t>cg23526087</t>
  </si>
  <si>
    <t>cg23532454</t>
  </si>
  <si>
    <t>cg23533073</t>
  </si>
  <si>
    <t>cg23537867</t>
  </si>
  <si>
    <t>cg23538773</t>
  </si>
  <si>
    <t>cg23542308</t>
  </si>
  <si>
    <t>cg23542436</t>
  </si>
  <si>
    <t>cg23542968</t>
  </si>
  <si>
    <t>cg23543760</t>
  </si>
  <si>
    <t>cg23546343</t>
  </si>
  <si>
    <t>cg23547892</t>
  </si>
  <si>
    <t>cg23550082</t>
  </si>
  <si>
    <t>cg23551132</t>
  </si>
  <si>
    <t>cg23561766</t>
  </si>
  <si>
    <t>cg23574802</t>
  </si>
  <si>
    <t>cg23575320</t>
  </si>
  <si>
    <t>cg23581698</t>
  </si>
  <si>
    <t>cg23584308</t>
  </si>
  <si>
    <t>cg23584554</t>
  </si>
  <si>
    <t>cg23584871</t>
  </si>
  <si>
    <t>cg23585420</t>
  </si>
  <si>
    <t>cg23593295</t>
  </si>
  <si>
    <t>cg23595621</t>
  </si>
  <si>
    <t>cg23601271</t>
  </si>
  <si>
    <t>cg23609375</t>
  </si>
  <si>
    <t>cg23609821</t>
  </si>
  <si>
    <t>cg23610575</t>
  </si>
  <si>
    <t>cg23612492</t>
  </si>
  <si>
    <t>cg23613857</t>
  </si>
  <si>
    <t>cg23623486</t>
  </si>
  <si>
    <t>cg23628478</t>
  </si>
  <si>
    <t>cg23629393</t>
  </si>
  <si>
    <t>cg23629415</t>
  </si>
  <si>
    <t>cg23632528</t>
  </si>
  <si>
    <t>cg23640703</t>
  </si>
  <si>
    <t>cg23641237</t>
  </si>
  <si>
    <t>cg23641964</t>
  </si>
  <si>
    <t>cg23651502</t>
  </si>
  <si>
    <t>cg23655970</t>
  </si>
  <si>
    <t>cg23656050</t>
  </si>
  <si>
    <t>cg23657558</t>
  </si>
  <si>
    <t>cg23659015</t>
  </si>
  <si>
    <t>cg23662713</t>
  </si>
  <si>
    <t>cg23664361</t>
  </si>
  <si>
    <t>cg23665065</t>
  </si>
  <si>
    <t>cg23667868</t>
  </si>
  <si>
    <t>cg23670766</t>
  </si>
  <si>
    <t>cg23674791</t>
  </si>
  <si>
    <t>cg23676577</t>
  </si>
  <si>
    <t>cg23680787</t>
  </si>
  <si>
    <t>cg23681213</t>
  </si>
  <si>
    <t>cg23682215</t>
  </si>
  <si>
    <t>cg23683254</t>
  </si>
  <si>
    <t>cg23684139</t>
  </si>
  <si>
    <t>cg23690380</t>
  </si>
  <si>
    <t>cg23691492</t>
  </si>
  <si>
    <t>cg23692500</t>
  </si>
  <si>
    <t>cg23693907</t>
  </si>
  <si>
    <t>cg23696550</t>
  </si>
  <si>
    <t>cg23699041</t>
  </si>
  <si>
    <t>cg23702848</t>
  </si>
  <si>
    <t>cg23703427</t>
  </si>
  <si>
    <t>cg23706441</t>
  </si>
  <si>
    <t>cg23708133</t>
  </si>
  <si>
    <t>cg23709121</t>
  </si>
  <si>
    <t>cg23709172</t>
  </si>
  <si>
    <t>cg23712530</t>
  </si>
  <si>
    <t>cg23712970</t>
  </si>
  <si>
    <t>cg23714481</t>
  </si>
  <si>
    <t>cg23715407</t>
  </si>
  <si>
    <t>cg23716101</t>
  </si>
  <si>
    <t>cg23733753</t>
  </si>
  <si>
    <t>cg23749163</t>
  </si>
  <si>
    <t>cg23815900</t>
  </si>
  <si>
    <t>cg23831110</t>
  </si>
  <si>
    <t>cg23861457</t>
  </si>
  <si>
    <t>cg23862792</t>
  </si>
  <si>
    <t>cg23868143</t>
  </si>
  <si>
    <t>cg23870378</t>
  </si>
  <si>
    <t>cg23870587</t>
  </si>
  <si>
    <t>cg23871248</t>
  </si>
  <si>
    <t>cg23874008</t>
  </si>
  <si>
    <t>cg23875821</t>
  </si>
  <si>
    <t>cg23878730</t>
  </si>
  <si>
    <t>cg23879435</t>
  </si>
  <si>
    <t>cg23886216</t>
  </si>
  <si>
    <t>cg23889414</t>
  </si>
  <si>
    <t>cg23889730</t>
  </si>
  <si>
    <t>cg23895155</t>
  </si>
  <si>
    <t>cg23897302</t>
  </si>
  <si>
    <t>cg23908015</t>
  </si>
  <si>
    <t>cg23909173</t>
  </si>
  <si>
    <t>cg23911465</t>
  </si>
  <si>
    <t>cg23919111</t>
  </si>
  <si>
    <t>cg23919140</t>
  </si>
  <si>
    <t>cg23920975</t>
  </si>
  <si>
    <t>cg23925650</t>
  </si>
  <si>
    <t>cg23930114</t>
  </si>
  <si>
    <t>cg23930311</t>
  </si>
  <si>
    <t>cg23930763</t>
  </si>
  <si>
    <t>cg23939166</t>
  </si>
  <si>
    <t>cg23940023</t>
  </si>
  <si>
    <t>cg23947828</t>
  </si>
  <si>
    <t>cg23954066</t>
  </si>
  <si>
    <t>cg23955431</t>
  </si>
  <si>
    <t>cg23957920</t>
  </si>
  <si>
    <t>cg23962018</t>
  </si>
  <si>
    <t>cg23965459</t>
  </si>
  <si>
    <t>cg23966157</t>
  </si>
  <si>
    <t>cg23972915</t>
  </si>
  <si>
    <t>cg23976487</t>
  </si>
  <si>
    <t>cg23979677</t>
  </si>
  <si>
    <t>cg23991368</t>
  </si>
  <si>
    <t>cg23997365</t>
  </si>
  <si>
    <t>cg23997871</t>
  </si>
  <si>
    <t>cg23998240</t>
  </si>
  <si>
    <t>cg24003028</t>
  </si>
  <si>
    <t>cg24006305</t>
  </si>
  <si>
    <t>cg24009250</t>
  </si>
  <si>
    <t>cg24010952</t>
  </si>
  <si>
    <t>cg24013741</t>
  </si>
  <si>
    <t>cg24014795</t>
  </si>
  <si>
    <t>cg24016360</t>
  </si>
  <si>
    <t>cg24020215</t>
  </si>
  <si>
    <t>cg24023606</t>
  </si>
  <si>
    <t>cg24027061</t>
  </si>
  <si>
    <t>cg24032252</t>
  </si>
  <si>
    <t>cg24034277</t>
  </si>
  <si>
    <t>cg24035043</t>
  </si>
  <si>
    <t>cg24035598</t>
  </si>
  <si>
    <t>cg24036116</t>
  </si>
  <si>
    <t>cg24036523</t>
  </si>
  <si>
    <t>cg24038454</t>
  </si>
  <si>
    <t>cg24040299</t>
  </si>
  <si>
    <t>cg24041822</t>
  </si>
  <si>
    <t>cg24043861</t>
  </si>
  <si>
    <t>cg24044049</t>
  </si>
  <si>
    <t>cg24044238</t>
  </si>
  <si>
    <t>cg24044426</t>
  </si>
  <si>
    <t>cg24045841</t>
  </si>
  <si>
    <t>cg24053811</t>
  </si>
  <si>
    <t>cg24058132</t>
  </si>
  <si>
    <t>cg24066045</t>
  </si>
  <si>
    <t>cg24066316</t>
  </si>
  <si>
    <t>cg24068815</t>
  </si>
  <si>
    <t>cg24073131</t>
  </si>
  <si>
    <t>cg24077584</t>
  </si>
  <si>
    <t>cg24082368</t>
  </si>
  <si>
    <t>cg24084836</t>
  </si>
  <si>
    <t>cg24089209</t>
  </si>
  <si>
    <t>cg24089932</t>
  </si>
  <si>
    <t>cg24091990</t>
  </si>
  <si>
    <t>cg24092282</t>
  </si>
  <si>
    <t>cg24092773</t>
  </si>
  <si>
    <t>cg24095353</t>
  </si>
  <si>
    <t>cg24096323</t>
  </si>
  <si>
    <t>cg24099605</t>
  </si>
  <si>
    <t>cg24107732</t>
  </si>
  <si>
    <t>cg24111516</t>
  </si>
  <si>
    <t>cg24112454</t>
  </si>
  <si>
    <t>cg24112713</t>
  </si>
  <si>
    <t>cg24114545</t>
  </si>
  <si>
    <t>cg24121436</t>
  </si>
  <si>
    <t>cg24126847</t>
  </si>
  <si>
    <t>cg24126941</t>
  </si>
  <si>
    <t>cg24128130</t>
  </si>
  <si>
    <t>cg24129115</t>
  </si>
  <si>
    <t>cg24135211</t>
  </si>
  <si>
    <t>cg24138604</t>
  </si>
  <si>
    <t>cg24141378</t>
  </si>
  <si>
    <t>cg24149191</t>
  </si>
  <si>
    <t>cg24149590</t>
  </si>
  <si>
    <t>cg24154777</t>
  </si>
  <si>
    <t>cg24162251</t>
  </si>
  <si>
    <t>cg24162270</t>
  </si>
  <si>
    <t>cg24162377</t>
  </si>
  <si>
    <t>cg24164786</t>
  </si>
  <si>
    <t>cg24173769</t>
  </si>
  <si>
    <t>cg24178897</t>
  </si>
  <si>
    <t>cg24181216</t>
  </si>
  <si>
    <t>cg24182681</t>
  </si>
  <si>
    <t>cg24183098</t>
  </si>
  <si>
    <t>cg24191847</t>
  </si>
  <si>
    <t>cg24195486</t>
  </si>
  <si>
    <t>cg24197470</t>
  </si>
  <si>
    <t>cg24230355</t>
  </si>
  <si>
    <t>cg24276491</t>
  </si>
  <si>
    <t>cg24281191</t>
  </si>
  <si>
    <t>cg24292703</t>
  </si>
  <si>
    <t>cg24348707</t>
  </si>
  <si>
    <t>cg24383902</t>
  </si>
  <si>
    <t>cg24384676</t>
  </si>
  <si>
    <t>cg24387101</t>
  </si>
  <si>
    <t>cg24389606</t>
  </si>
  <si>
    <t>cg24404909</t>
  </si>
  <si>
    <t>cg24411302</t>
  </si>
  <si>
    <t>cg24461412</t>
  </si>
  <si>
    <t>cg24478145</t>
  </si>
  <si>
    <t>cg24520070</t>
  </si>
  <si>
    <t>cg24526899</t>
  </si>
  <si>
    <t>cg24528297</t>
  </si>
  <si>
    <t>cg24530460</t>
  </si>
  <si>
    <t>cg24570624</t>
  </si>
  <si>
    <t>cg24621042</t>
  </si>
  <si>
    <t>cg24633648</t>
  </si>
  <si>
    <t>cg24642523</t>
  </si>
  <si>
    <t>cg24663636</t>
  </si>
  <si>
    <t>cg24665000</t>
  </si>
  <si>
    <t>cg24671666</t>
  </si>
  <si>
    <t>cg24673101</t>
  </si>
  <si>
    <t>cg24673600</t>
  </si>
  <si>
    <t>cg24675483</t>
  </si>
  <si>
    <t>cg24682159</t>
  </si>
  <si>
    <t>cg24683041</t>
  </si>
  <si>
    <t>cg24684346</t>
  </si>
  <si>
    <t>cg24699266</t>
  </si>
  <si>
    <t>cg24701725</t>
  </si>
  <si>
    <t>cg24706981</t>
  </si>
  <si>
    <t>cg24708056</t>
  </si>
  <si>
    <t>cg24720399</t>
  </si>
  <si>
    <t>cg24725246</t>
  </si>
  <si>
    <t>cg24726668</t>
  </si>
  <si>
    <t>cg24727433</t>
  </si>
  <si>
    <t>cg24730612</t>
  </si>
  <si>
    <t>cg24733298</t>
  </si>
  <si>
    <t>cg24733384</t>
  </si>
  <si>
    <t>cg24733475</t>
  </si>
  <si>
    <t>cg24734069</t>
  </si>
  <si>
    <t>cg24736764</t>
  </si>
  <si>
    <t>cg24736989</t>
  </si>
  <si>
    <t>cg24740404</t>
  </si>
  <si>
    <t>cg24744468</t>
  </si>
  <si>
    <t>cg24751284</t>
  </si>
  <si>
    <t>cg24751707</t>
  </si>
  <si>
    <t>cg24753988</t>
  </si>
  <si>
    <t>cg24754598</t>
  </si>
  <si>
    <t>cg24765602</t>
  </si>
  <si>
    <t>cg24767519</t>
  </si>
  <si>
    <t>cg24768094</t>
  </si>
  <si>
    <t>cg24770927</t>
  </si>
  <si>
    <t>cg24774357</t>
  </si>
  <si>
    <t>cg24775496</t>
  </si>
  <si>
    <t>cg24777065</t>
  </si>
  <si>
    <t>cg24777950</t>
  </si>
  <si>
    <t>cg24826118</t>
  </si>
  <si>
    <t>cg24857117</t>
  </si>
  <si>
    <t>cg24902557</t>
  </si>
  <si>
    <t>cg24943514</t>
  </si>
  <si>
    <t>cg24963307</t>
  </si>
  <si>
    <t>cg24970558</t>
  </si>
  <si>
    <t>cg24974509</t>
  </si>
  <si>
    <t>cg24975244</t>
  </si>
  <si>
    <t>cg24979161</t>
  </si>
  <si>
    <t>cg24987170</t>
  </si>
  <si>
    <t>cg24995083</t>
  </si>
  <si>
    <t>cg24997703</t>
  </si>
  <si>
    <t>cg24998815</t>
  </si>
  <si>
    <t>cg25001845</t>
  </si>
  <si>
    <t>cg25003922</t>
  </si>
  <si>
    <t>cg25006823</t>
  </si>
  <si>
    <t>cg25015038</t>
  </si>
  <si>
    <t>cg25015465</t>
  </si>
  <si>
    <t>cg25017342</t>
  </si>
  <si>
    <t>cg25017837</t>
  </si>
  <si>
    <t>cg25017988</t>
  </si>
  <si>
    <t>cg25024579</t>
  </si>
  <si>
    <t>cg25026981</t>
  </si>
  <si>
    <t>cg25027885</t>
  </si>
  <si>
    <t>cg25030802</t>
  </si>
  <si>
    <t>cg25037730</t>
  </si>
  <si>
    <t>cg25039966</t>
  </si>
  <si>
    <t>cg25040562</t>
  </si>
  <si>
    <t>cg25041262</t>
  </si>
  <si>
    <t>cg25042671</t>
  </si>
  <si>
    <t>cg25050246</t>
  </si>
  <si>
    <t>cg25050859</t>
  </si>
  <si>
    <t>cg25053413</t>
  </si>
  <si>
    <t>cg25054390</t>
  </si>
  <si>
    <t>cg25055403</t>
  </si>
  <si>
    <t>cg25056332</t>
  </si>
  <si>
    <t>cg25060339</t>
  </si>
  <si>
    <t>cg25061304</t>
  </si>
  <si>
    <t>cg25062251</t>
  </si>
  <si>
    <t>cg25063505</t>
  </si>
  <si>
    <t>cg25066772</t>
  </si>
  <si>
    <t>cg25066972</t>
  </si>
  <si>
    <t>cg25069907</t>
  </si>
  <si>
    <t>cg25072466</t>
  </si>
  <si>
    <t>cg25077389</t>
  </si>
  <si>
    <t>cg25078442</t>
  </si>
  <si>
    <t>cg25094467</t>
  </si>
  <si>
    <t>cg25095171</t>
  </si>
  <si>
    <t>cg25095848</t>
  </si>
  <si>
    <t>cg25096615</t>
  </si>
  <si>
    <t>cg25099490</t>
  </si>
  <si>
    <t>cg25103979</t>
  </si>
  <si>
    <t>cg25104430</t>
  </si>
  <si>
    <t>cg25105633</t>
  </si>
  <si>
    <t>cg25106461</t>
  </si>
  <si>
    <t>cg25108743</t>
  </si>
  <si>
    <t>cg25109719</t>
  </si>
  <si>
    <t>cg25110757</t>
  </si>
  <si>
    <t>cg25112002</t>
  </si>
  <si>
    <t>cg25114781</t>
  </si>
  <si>
    <t>cg25117975</t>
  </si>
  <si>
    <t>cg25123670</t>
  </si>
  <si>
    <t>cg25127896</t>
  </si>
  <si>
    <t>cg25131771</t>
  </si>
  <si>
    <t>cg25132241</t>
  </si>
  <si>
    <t>cg25140501</t>
  </si>
  <si>
    <t>cg25149155</t>
  </si>
  <si>
    <t>cg25268718</t>
  </si>
  <si>
    <t>cg25293251</t>
  </si>
  <si>
    <t>cg25304860</t>
  </si>
  <si>
    <t>cg25307074</t>
  </si>
  <si>
    <t>cg25327013</t>
  </si>
  <si>
    <t>cg25346972</t>
  </si>
  <si>
    <t>cg25398949</t>
  </si>
  <si>
    <t>cg25423111</t>
  </si>
  <si>
    <t>cg25463831</t>
  </si>
  <si>
    <t>cg25465634</t>
  </si>
  <si>
    <t>cg25487438</t>
  </si>
  <si>
    <t>cg25555279</t>
  </si>
  <si>
    <t>cg25557739</t>
  </si>
  <si>
    <t>cg25561904</t>
  </si>
  <si>
    <t>cg25562834</t>
  </si>
  <si>
    <t>cg25562958</t>
  </si>
  <si>
    <t>cg25563516</t>
  </si>
  <si>
    <t>cg25567054</t>
  </si>
  <si>
    <t>cg25568561</t>
  </si>
  <si>
    <t>cg25569300</t>
  </si>
  <si>
    <t>cg25573640</t>
  </si>
  <si>
    <t>cg25574647</t>
  </si>
  <si>
    <t>cg25576711</t>
  </si>
  <si>
    <t>cg25579356</t>
  </si>
  <si>
    <t>cg25579675</t>
  </si>
  <si>
    <t>cg25594106</t>
  </si>
  <si>
    <t>cg25594542</t>
  </si>
  <si>
    <t>cg25598083</t>
  </si>
  <si>
    <t>cg25599521</t>
  </si>
  <si>
    <t>cg25608069</t>
  </si>
  <si>
    <t>cg25610294</t>
  </si>
  <si>
    <t>cg25611736</t>
  </si>
  <si>
    <t>cg25611750</t>
  </si>
  <si>
    <t>cg25617340</t>
  </si>
  <si>
    <t>cg25682097</t>
  </si>
  <si>
    <t>cg25685519</t>
  </si>
  <si>
    <t>cg25729068</t>
  </si>
  <si>
    <t>cg25730441</t>
  </si>
  <si>
    <t>cg25755261</t>
  </si>
  <si>
    <t>cg25775449</t>
  </si>
  <si>
    <t>cg25803423</t>
  </si>
  <si>
    <t>cg25820524</t>
  </si>
  <si>
    <t>cg25832796</t>
  </si>
  <si>
    <t>cg25836301</t>
  </si>
  <si>
    <t>cg25854797</t>
  </si>
  <si>
    <t>cg25874421</t>
  </si>
  <si>
    <t>cg25906332</t>
  </si>
  <si>
    <t>cg25917609</t>
  </si>
  <si>
    <t>cg25938647</t>
  </si>
  <si>
    <t>cg25939213</t>
  </si>
  <si>
    <t>cg25946790</t>
  </si>
  <si>
    <t>cg25952596</t>
  </si>
  <si>
    <t>cg25953341</t>
  </si>
  <si>
    <t>cg25954705</t>
  </si>
  <si>
    <t>cg25959752</t>
  </si>
  <si>
    <t>cg25964908</t>
  </si>
  <si>
    <t>cg25968219</t>
  </si>
  <si>
    <t>cg25974764</t>
  </si>
  <si>
    <t>cg25990848</t>
  </si>
  <si>
    <t>cg25992382</t>
  </si>
  <si>
    <t>cg26002259</t>
  </si>
  <si>
    <t>cg26002632</t>
  </si>
  <si>
    <t>cg26011692</t>
  </si>
  <si>
    <t>cg26015115</t>
  </si>
  <si>
    <t>cg26021714</t>
  </si>
  <si>
    <t>cg26023228</t>
  </si>
  <si>
    <t>cg26024566</t>
  </si>
  <si>
    <t>cg26030063</t>
  </si>
  <si>
    <t>cg26033127</t>
  </si>
  <si>
    <t>cg26033932</t>
  </si>
  <si>
    <t>cg26034481</t>
  </si>
  <si>
    <t>cg26034811</t>
  </si>
  <si>
    <t>cg26038700</t>
  </si>
  <si>
    <t>cg26048690</t>
  </si>
  <si>
    <t>cg26053975</t>
  </si>
  <si>
    <t>cg26055840</t>
  </si>
  <si>
    <t>cg26066433</t>
  </si>
  <si>
    <t>cg26066724</t>
  </si>
  <si>
    <t>cg26068595</t>
  </si>
  <si>
    <t>cg26071823</t>
  </si>
  <si>
    <t>cg26071934</t>
  </si>
  <si>
    <t>cg26072939</t>
  </si>
  <si>
    <t>cg26074025</t>
  </si>
  <si>
    <t>cg26074552</t>
  </si>
  <si>
    <t>cg26076119</t>
  </si>
  <si>
    <t>cg26077454</t>
  </si>
  <si>
    <t>cg26078793</t>
  </si>
  <si>
    <t>cg26082320</t>
  </si>
  <si>
    <t>cg26082757</t>
  </si>
  <si>
    <t>cg26082856</t>
  </si>
  <si>
    <t>cg26083141</t>
  </si>
  <si>
    <t>cg26084319</t>
  </si>
  <si>
    <t>cg26084949</t>
  </si>
  <si>
    <t>cg26087735</t>
  </si>
  <si>
    <t>cg26088680</t>
  </si>
  <si>
    <t>cg26090739</t>
  </si>
  <si>
    <t>cg26095296</t>
  </si>
  <si>
    <t>cg26096042</t>
  </si>
  <si>
    <t>cg26097271</t>
  </si>
  <si>
    <t>cg26104640</t>
  </si>
  <si>
    <t>cg26107597</t>
  </si>
  <si>
    <t>cg26108976</t>
  </si>
  <si>
    <t>cg26109393</t>
  </si>
  <si>
    <t>cg26118358</t>
  </si>
  <si>
    <t>cg26118906</t>
  </si>
  <si>
    <t>cg26120073</t>
  </si>
  <si>
    <t>cg26120279</t>
  </si>
  <si>
    <t>cg26121561</t>
  </si>
  <si>
    <t>cg26122402</t>
  </si>
  <si>
    <t>cg26122413</t>
  </si>
  <si>
    <t>cg26134147</t>
  </si>
  <si>
    <t>cg26136722</t>
  </si>
  <si>
    <t>cg26146988</t>
  </si>
  <si>
    <t>cg26155983</t>
  </si>
  <si>
    <t>cg26156085</t>
  </si>
  <si>
    <t>cg26157803</t>
  </si>
  <si>
    <t>cg26159832</t>
  </si>
  <si>
    <t>cg26161780</t>
  </si>
  <si>
    <t>cg26164269</t>
  </si>
  <si>
    <t>cg26169070</t>
  </si>
  <si>
    <t>cg26174398</t>
  </si>
  <si>
    <t>cg26174539</t>
  </si>
  <si>
    <t>cg26175287</t>
  </si>
  <si>
    <t>cg26179022</t>
  </si>
  <si>
    <t>cg26180015</t>
  </si>
  <si>
    <t>cg26180080</t>
  </si>
  <si>
    <t>cg26182406</t>
  </si>
  <si>
    <t>cg26188290</t>
  </si>
  <si>
    <t>cg26194477</t>
  </si>
  <si>
    <t>cg26203845</t>
  </si>
  <si>
    <t>cg26206396</t>
  </si>
  <si>
    <t>cg26210003</t>
  </si>
  <si>
    <t>cg26212352</t>
  </si>
  <si>
    <t>cg26215227</t>
  </si>
  <si>
    <t>cg26216433</t>
  </si>
  <si>
    <t>cg26217648</t>
  </si>
  <si>
    <t>cg26218646</t>
  </si>
  <si>
    <t>cg26219458</t>
  </si>
  <si>
    <t>cg26225496</t>
  </si>
  <si>
    <t>cg26229990</t>
  </si>
  <si>
    <t>cg26231272</t>
  </si>
  <si>
    <t>cg26232359</t>
  </si>
  <si>
    <t>cg26248586</t>
  </si>
  <si>
    <t>cg26249834</t>
  </si>
  <si>
    <t>cg26255254</t>
  </si>
  <si>
    <t>cg26255831</t>
  </si>
  <si>
    <t>cg26259944</t>
  </si>
  <si>
    <t>cg26266041</t>
  </si>
  <si>
    <t>cg26266528</t>
  </si>
  <si>
    <t>cg26267081</t>
  </si>
  <si>
    <t>cg26269286</t>
  </si>
  <si>
    <t>cg26270038</t>
  </si>
  <si>
    <t>cg26272477</t>
  </si>
  <si>
    <t>cg26274812</t>
  </si>
  <si>
    <t>cg26277008</t>
  </si>
  <si>
    <t>cg26279183</t>
  </si>
  <si>
    <t>cg26279372</t>
  </si>
  <si>
    <t>cg26286365</t>
  </si>
  <si>
    <t>cg26288577</t>
  </si>
  <si>
    <t>cg26290155</t>
  </si>
  <si>
    <t>cg26290716</t>
  </si>
  <si>
    <t>cg26297506</t>
  </si>
  <si>
    <t>cg26298099</t>
  </si>
  <si>
    <t>cg26303870</t>
  </si>
  <si>
    <t>cg26305756</t>
  </si>
  <si>
    <t>cg26310719</t>
  </si>
  <si>
    <t>cg26312888</t>
  </si>
  <si>
    <t>cg26318206</t>
  </si>
  <si>
    <t>cg26325174</t>
  </si>
  <si>
    <t>cg26327877</t>
  </si>
  <si>
    <t>cg26328893</t>
  </si>
  <si>
    <t>cg26329144</t>
  </si>
  <si>
    <t>cg26329538</t>
  </si>
  <si>
    <t>cg26333564</t>
  </si>
  <si>
    <t>cg26340050</t>
  </si>
  <si>
    <t>cg26343512</t>
  </si>
  <si>
    <t>cg26344619</t>
  </si>
  <si>
    <t>cg26345218</t>
  </si>
  <si>
    <t>cg26348259</t>
  </si>
  <si>
    <t>cg26348847</t>
  </si>
  <si>
    <t>cg26349299</t>
  </si>
  <si>
    <t>cg26353764</t>
  </si>
  <si>
    <t>cg26354439</t>
  </si>
  <si>
    <t>cg26357885</t>
  </si>
  <si>
    <t>cg26360402</t>
  </si>
  <si>
    <t>cg26362766</t>
  </si>
  <si>
    <t>cg26365066</t>
  </si>
  <si>
    <t>cg26375263</t>
  </si>
  <si>
    <t>cg26376566</t>
  </si>
  <si>
    <t>cg26376835</t>
  </si>
  <si>
    <t>cg26382173</t>
  </si>
  <si>
    <t>cg26390156</t>
  </si>
  <si>
    <t>cg26392005</t>
  </si>
  <si>
    <t>cg26393534</t>
  </si>
  <si>
    <t>cg26393629</t>
  </si>
  <si>
    <t>cg26396415</t>
  </si>
  <si>
    <t>cg26397019</t>
  </si>
  <si>
    <t>cg26398024</t>
  </si>
  <si>
    <t>cg26402555</t>
  </si>
  <si>
    <t>cg26402828</t>
  </si>
  <si>
    <t>cg26405841</t>
  </si>
  <si>
    <t>cg26407029</t>
  </si>
  <si>
    <t>cg26408003</t>
  </si>
  <si>
    <t>cg26408600</t>
  </si>
  <si>
    <t>cg26415394</t>
  </si>
  <si>
    <t>cg26421140</t>
  </si>
  <si>
    <t>cg26425132</t>
  </si>
  <si>
    <t>cg26428962</t>
  </si>
  <si>
    <t>cg26431018</t>
  </si>
  <si>
    <t>cg26433554</t>
  </si>
  <si>
    <t>cg26435617</t>
  </si>
  <si>
    <t>cg26435698</t>
  </si>
  <si>
    <t>cg26450769</t>
  </si>
  <si>
    <t>cg26514492</t>
  </si>
  <si>
    <t>cg26551843</t>
  </si>
  <si>
    <t>cg26620157</t>
  </si>
  <si>
    <t>cg26651233</t>
  </si>
  <si>
    <t>cg26661257</t>
  </si>
  <si>
    <t>cg26670674</t>
  </si>
  <si>
    <t>cg26672104</t>
  </si>
  <si>
    <t>cg26677958</t>
  </si>
  <si>
    <t>cg26681176</t>
  </si>
  <si>
    <t>cg26687098</t>
  </si>
  <si>
    <t>cg26692724</t>
  </si>
  <si>
    <t>cg26705574</t>
  </si>
  <si>
    <t>cg26751828</t>
  </si>
  <si>
    <t>cg26763365</t>
  </si>
  <si>
    <t>cg26780333</t>
  </si>
  <si>
    <t>cg26803566</t>
  </si>
  <si>
    <t>cg26834950</t>
  </si>
  <si>
    <t>cg26846476</t>
  </si>
  <si>
    <t>cg26850503</t>
  </si>
  <si>
    <t>cg26910205</t>
  </si>
  <si>
    <t>cg26917965</t>
  </si>
  <si>
    <t>cg26921187</t>
  </si>
  <si>
    <t>cg26922038</t>
  </si>
  <si>
    <t>cg26923779</t>
  </si>
  <si>
    <t>cg26925717</t>
  </si>
  <si>
    <t>cg26931307</t>
  </si>
  <si>
    <t>cg26931528</t>
  </si>
  <si>
    <t>cg26932226</t>
  </si>
  <si>
    <t>cg26937832</t>
  </si>
  <si>
    <t>cg26937852</t>
  </si>
  <si>
    <t>cg26938013</t>
  </si>
  <si>
    <t>cg26939767</t>
  </si>
  <si>
    <t>cg26947583</t>
  </si>
  <si>
    <t>cg26947773</t>
  </si>
  <si>
    <t>cg26948596</t>
  </si>
  <si>
    <t>cg26949796</t>
  </si>
  <si>
    <t>cg26951091</t>
  </si>
  <si>
    <t>cg26954101</t>
  </si>
  <si>
    <t>cg26957914</t>
  </si>
  <si>
    <t>cg26960224</t>
  </si>
  <si>
    <t>cg26960833</t>
  </si>
  <si>
    <t>cg26967167</t>
  </si>
  <si>
    <t>cg26979012</t>
  </si>
  <si>
    <t>cg26984049</t>
  </si>
  <si>
    <t>cg26985447</t>
  </si>
  <si>
    <t>cg26993848</t>
  </si>
  <si>
    <t>cg26997905</t>
  </si>
  <si>
    <t>cg26998529</t>
  </si>
  <si>
    <t>cg26999775</t>
  </si>
  <si>
    <t>cg27000534</t>
  </si>
  <si>
    <t>cg27006252</t>
  </si>
  <si>
    <t>cg27010214</t>
  </si>
  <si>
    <t>cg27017580</t>
  </si>
  <si>
    <t>cg27018464</t>
  </si>
  <si>
    <t>cg27018904</t>
  </si>
  <si>
    <t>cg27019158</t>
  </si>
  <si>
    <t>cg27020028</t>
  </si>
  <si>
    <t>cg27023727</t>
  </si>
  <si>
    <t>cg27026695</t>
  </si>
  <si>
    <t>cg27026909</t>
  </si>
  <si>
    <t>cg27031586</t>
  </si>
  <si>
    <t>cg27032353</t>
  </si>
  <si>
    <t>cg27033655</t>
  </si>
  <si>
    <t>cg27037305</t>
  </si>
  <si>
    <t>cg27041049</t>
  </si>
  <si>
    <t>cg27042278</t>
  </si>
  <si>
    <t>cg27050153</t>
  </si>
  <si>
    <t>cg27054308</t>
  </si>
  <si>
    <t>cg27055313</t>
  </si>
  <si>
    <t>cg27059530</t>
  </si>
  <si>
    <t>cg27065729</t>
  </si>
  <si>
    <t>cg27067760</t>
  </si>
  <si>
    <t>cg27074221</t>
  </si>
  <si>
    <t>cg27077033</t>
  </si>
  <si>
    <t>cg27088639</t>
  </si>
  <si>
    <t>cg27099726</t>
  </si>
  <si>
    <t>cg27108984</t>
  </si>
  <si>
    <t>cg27117476</t>
  </si>
  <si>
    <t>cg27118986</t>
  </si>
  <si>
    <t>cg27120999</t>
  </si>
  <si>
    <t>cg27123665</t>
  </si>
  <si>
    <t>cg27124170</t>
  </si>
  <si>
    <t>cg27126743</t>
  </si>
  <si>
    <t>cg27127643</t>
  </si>
  <si>
    <t>cg27127645</t>
  </si>
  <si>
    <t>cg27131955</t>
  </si>
  <si>
    <t>cg27131958</t>
  </si>
  <si>
    <t>cg27135692</t>
  </si>
  <si>
    <t>cg27142656</t>
  </si>
  <si>
    <t>cg27143664</t>
  </si>
  <si>
    <t>cg27144162</t>
  </si>
  <si>
    <t>cg27144368</t>
  </si>
  <si>
    <t>cg27165039</t>
  </si>
  <si>
    <t>cg27170985</t>
  </si>
  <si>
    <t>cg27172557</t>
  </si>
  <si>
    <t>cg27172568</t>
  </si>
  <si>
    <t>cg27175093</t>
  </si>
  <si>
    <t>cg27175788</t>
  </si>
  <si>
    <t>cg27177839</t>
  </si>
  <si>
    <t>cg27214652</t>
  </si>
  <si>
    <t>cg27265573</t>
  </si>
  <si>
    <t>cg27277577</t>
  </si>
  <si>
    <t>cg27286011</t>
  </si>
  <si>
    <t>cg27287745</t>
  </si>
  <si>
    <t>cg27294736</t>
  </si>
  <si>
    <t>cg27294983</t>
  </si>
  <si>
    <t>cg27297558</t>
  </si>
  <si>
    <t>cg27298662</t>
  </si>
  <si>
    <t>cg27302354</t>
  </si>
  <si>
    <t>cg27314336</t>
  </si>
  <si>
    <t>cg27348266</t>
  </si>
  <si>
    <t>cg27368011</t>
  </si>
  <si>
    <t>cg27394566</t>
  </si>
  <si>
    <t>cg27403778</t>
  </si>
  <si>
    <t>cg27417606</t>
  </si>
  <si>
    <t>cg27504299</t>
  </si>
  <si>
    <t>cg27508821</t>
  </si>
  <si>
    <t>cg27553433</t>
  </si>
  <si>
    <t>cg27563668</t>
  </si>
  <si>
    <t>cg27590397</t>
  </si>
  <si>
    <t>cg27599271</t>
  </si>
  <si>
    <t>cg27601516</t>
  </si>
  <si>
    <t>cg27634876</t>
  </si>
  <si>
    <t>cg27651218</t>
  </si>
  <si>
    <t>cg27654476</t>
  </si>
  <si>
    <t>cg27656184</t>
  </si>
  <si>
    <t>cg27659557</t>
  </si>
  <si>
    <t>ch.14.25380199R</t>
  </si>
  <si>
    <t>ch.14.25380211R</t>
  </si>
  <si>
    <t>ch.14.35531994F</t>
  </si>
  <si>
    <t>ch.14.39253217F</t>
  </si>
  <si>
    <t>ch.14.471449F</t>
  </si>
  <si>
    <t>ch.14.50884044F</t>
  </si>
  <si>
    <t>ch.14.52809496F</t>
  </si>
  <si>
    <t>ch.14.769589F</t>
  </si>
  <si>
    <t>ch.14.782543R</t>
  </si>
  <si>
    <t>ch.14.809850R</t>
  </si>
  <si>
    <t>ch.14.65485687R</t>
  </si>
  <si>
    <t>ch.14.955325R</t>
  </si>
  <si>
    <t>ch.14.1292508R</t>
  </si>
  <si>
    <t>ch.14.83852056F</t>
  </si>
  <si>
    <t>ch.14.1387929R</t>
  </si>
  <si>
    <t>ch.14.1499103R</t>
  </si>
  <si>
    <t>ch.14.93511233R</t>
  </si>
  <si>
    <t>ch.14.95739172F</t>
  </si>
  <si>
    <t>ch.14.96436874F</t>
  </si>
  <si>
    <t>ch.14.97331099F</t>
  </si>
  <si>
    <t>ch.14.1755952R</t>
  </si>
  <si>
    <t>ch.14.1823318F</t>
  </si>
  <si>
    <t>cg00003969</t>
  </si>
  <si>
    <t>cg00021783</t>
  </si>
  <si>
    <t>cg00024722</t>
  </si>
  <si>
    <t>cg00028013</t>
  </si>
  <si>
    <t>cg00028429</t>
  </si>
  <si>
    <t>cg00030774</t>
  </si>
  <si>
    <t>cg00033666</t>
  </si>
  <si>
    <t>cg00041636</t>
  </si>
  <si>
    <t>cg00046560</t>
  </si>
  <si>
    <t>cg00061860</t>
  </si>
  <si>
    <t>cg00070370</t>
  </si>
  <si>
    <t>cg00071887</t>
  </si>
  <si>
    <t>cg00083193</t>
  </si>
  <si>
    <t>cg00086113</t>
  </si>
  <si>
    <t>cg00089864</t>
  </si>
  <si>
    <t>cg00091596</t>
  </si>
  <si>
    <t>cg00098304</t>
  </si>
  <si>
    <t>cg00098718</t>
  </si>
  <si>
    <t>cg00098814</t>
  </si>
  <si>
    <t>cg00103299</t>
  </si>
  <si>
    <t>cg00105229</t>
  </si>
  <si>
    <t>cg00106501</t>
  </si>
  <si>
    <t>cg00107682</t>
  </si>
  <si>
    <t>cg00107890</t>
  </si>
  <si>
    <t>cg00110041</t>
  </si>
  <si>
    <t>cg00111677</t>
  </si>
  <si>
    <t>cg00117600</t>
  </si>
  <si>
    <t>cg00122362</t>
  </si>
  <si>
    <t>cg00126739</t>
  </si>
  <si>
    <t>cg00128530</t>
  </si>
  <si>
    <t>cg00133909</t>
  </si>
  <si>
    <t>cg00142735</t>
  </si>
  <si>
    <t>cg00143527</t>
  </si>
  <si>
    <t>cg00145079</t>
  </si>
  <si>
    <t>cg00149679</t>
  </si>
  <si>
    <t>cg00152322</t>
  </si>
  <si>
    <t>cg00153693</t>
  </si>
  <si>
    <t>cg00154119</t>
  </si>
  <si>
    <t>cg00154986</t>
  </si>
  <si>
    <t>cg00155622</t>
  </si>
  <si>
    <t>cg00165394</t>
  </si>
  <si>
    <t>cg00173785</t>
  </si>
  <si>
    <t>cg00184732</t>
  </si>
  <si>
    <t>cg00190321</t>
  </si>
  <si>
    <t>cg00192533</t>
  </si>
  <si>
    <t>cg00200755</t>
  </si>
  <si>
    <t>cg00202460</t>
  </si>
  <si>
    <t>cg00202829</t>
  </si>
  <si>
    <t>cg00203291</t>
  </si>
  <si>
    <t>cg00204049</t>
  </si>
  <si>
    <t>cg00206639</t>
  </si>
  <si>
    <t>cg00207731</t>
  </si>
  <si>
    <t>cg00207833</t>
  </si>
  <si>
    <t>cg00213301</t>
  </si>
  <si>
    <t>cg00218707</t>
  </si>
  <si>
    <t>cg00218792</t>
  </si>
  <si>
    <t>cg00220492</t>
  </si>
  <si>
    <t>cg00222341</t>
  </si>
  <si>
    <t>cg00223135</t>
  </si>
  <si>
    <t>cg00229508</t>
  </si>
  <si>
    <t>cg00235754</t>
  </si>
  <si>
    <t>cg00237475</t>
  </si>
  <si>
    <t>cg00250422</t>
  </si>
  <si>
    <t>cg00253065</t>
  </si>
  <si>
    <t>cg00260818</t>
  </si>
  <si>
    <t>cg00284551</t>
  </si>
  <si>
    <t>cg00288824</t>
  </si>
  <si>
    <t>cg00288957</t>
  </si>
  <si>
    <t>cg00289094</t>
  </si>
  <si>
    <t>cg00290340</t>
  </si>
  <si>
    <t>cg00291877</t>
  </si>
  <si>
    <t>cg00292947</t>
  </si>
  <si>
    <t>cg00299893</t>
  </si>
  <si>
    <t>cg00300908</t>
  </si>
  <si>
    <t>cg00302763</t>
  </si>
  <si>
    <t>cg00305639</t>
  </si>
  <si>
    <t>cg00305993</t>
  </si>
  <si>
    <t>cg00308697</t>
  </si>
  <si>
    <t>cg00309133</t>
  </si>
  <si>
    <t>cg00309873</t>
  </si>
  <si>
    <t>cg00310412</t>
  </si>
  <si>
    <t>cg00313401</t>
  </si>
  <si>
    <t>cg00316759</t>
  </si>
  <si>
    <t>cg00316803</t>
  </si>
  <si>
    <t>cg00317577</t>
  </si>
  <si>
    <t>cg00319686</t>
  </si>
  <si>
    <t>cg00323522</t>
  </si>
  <si>
    <t>cg00325866</t>
  </si>
  <si>
    <t>cg00329728</t>
  </si>
  <si>
    <t>cg00334691</t>
  </si>
  <si>
    <t>cg00339241</t>
  </si>
  <si>
    <t>cg00343217</t>
  </si>
  <si>
    <t>cg00347862</t>
  </si>
  <si>
    <t>cg00350432</t>
  </si>
  <si>
    <t>cg00352150</t>
  </si>
  <si>
    <t>cg00353112</t>
  </si>
  <si>
    <t>cg00357494</t>
  </si>
  <si>
    <t>cg00357543</t>
  </si>
  <si>
    <t>cg00360077</t>
  </si>
  <si>
    <t>cg00360866</t>
  </si>
  <si>
    <t>cg00361898</t>
  </si>
  <si>
    <t>cg00364325</t>
  </si>
  <si>
    <t>cg00364357</t>
  </si>
  <si>
    <t>cg00364615</t>
  </si>
  <si>
    <t>cg00366722</t>
  </si>
  <si>
    <t>cg00367497</t>
  </si>
  <si>
    <t>cg00376910</t>
  </si>
  <si>
    <t>cg00388154</t>
  </si>
  <si>
    <t>cg00396687</t>
  </si>
  <si>
    <t>cg00397575</t>
  </si>
  <si>
    <t>cg00398764</t>
  </si>
  <si>
    <t>cg00399378</t>
  </si>
  <si>
    <t>cg00400532</t>
  </si>
  <si>
    <t>cg00408026</t>
  </si>
  <si>
    <t>cg00410576</t>
  </si>
  <si>
    <t>cg00414898</t>
  </si>
  <si>
    <t>cg00415704</t>
  </si>
  <si>
    <t>cg00427086</t>
  </si>
  <si>
    <t>cg00435752</t>
  </si>
  <si>
    <t>cg00437411</t>
  </si>
  <si>
    <t>cg00439630</t>
  </si>
  <si>
    <t>cg00441382</t>
  </si>
  <si>
    <t>cg00445232</t>
  </si>
  <si>
    <t>cg00448889</t>
  </si>
  <si>
    <t>cg00450275</t>
  </si>
  <si>
    <t>cg00452400</t>
  </si>
  <si>
    <t>cg00455362</t>
  </si>
  <si>
    <t>cg00456672</t>
  </si>
  <si>
    <t>cg00459625</t>
  </si>
  <si>
    <t>cg00460286</t>
  </si>
  <si>
    <t>cg00461978</t>
  </si>
  <si>
    <t>cg00462559</t>
  </si>
  <si>
    <t>cg00463562</t>
  </si>
  <si>
    <t>cg00469015</t>
  </si>
  <si>
    <t>cg00470768</t>
  </si>
  <si>
    <t>cg00471903</t>
  </si>
  <si>
    <t>cg00474218</t>
  </si>
  <si>
    <t>cg00475883</t>
  </si>
  <si>
    <t>cg00476675</t>
  </si>
  <si>
    <t>cg00481600</t>
  </si>
  <si>
    <t>cg00484488</t>
  </si>
  <si>
    <t>cg00485707</t>
  </si>
  <si>
    <t>cg00486280</t>
  </si>
  <si>
    <t>cg00492003</t>
  </si>
  <si>
    <t>cg00493389</t>
  </si>
  <si>
    <t>cg00501006</t>
  </si>
  <si>
    <t>cg00507477</t>
  </si>
  <si>
    <t>cg00509616</t>
  </si>
  <si>
    <t>cg00512023</t>
  </si>
  <si>
    <t>cg00512459</t>
  </si>
  <si>
    <t>cg00512726</t>
  </si>
  <si>
    <t>cg00513316</t>
  </si>
  <si>
    <t>cg00516271</t>
  </si>
  <si>
    <t>cg00520135</t>
  </si>
  <si>
    <t>cg00526711</t>
  </si>
  <si>
    <t>cg00540400</t>
  </si>
  <si>
    <t>cg00544070</t>
  </si>
  <si>
    <t>cg00554352</t>
  </si>
  <si>
    <t>cg00557308</t>
  </si>
  <si>
    <t>cg00563495</t>
  </si>
  <si>
    <t>cg00564546</t>
  </si>
  <si>
    <t>cg00576773</t>
  </si>
  <si>
    <t>cg00576936</t>
  </si>
  <si>
    <t>cg00580860</t>
  </si>
  <si>
    <t>cg00587665</t>
  </si>
  <si>
    <t>cg00590134</t>
  </si>
  <si>
    <t>cg00604410</t>
  </si>
  <si>
    <t>cg00613399</t>
  </si>
  <si>
    <t>cg00614644</t>
  </si>
  <si>
    <t>cg00615746</t>
  </si>
  <si>
    <t>cg00619231</t>
  </si>
  <si>
    <t>cg00621838</t>
  </si>
  <si>
    <t>cg00622552</t>
  </si>
  <si>
    <t>cg00623200</t>
  </si>
  <si>
    <t>cg00625161</t>
  </si>
  <si>
    <t>cg00625443</t>
  </si>
  <si>
    <t>cg00628178</t>
  </si>
  <si>
    <t>cg00632486</t>
  </si>
  <si>
    <t>cg00638992</t>
  </si>
  <si>
    <t>cg00641177</t>
  </si>
  <si>
    <t>cg00643341</t>
  </si>
  <si>
    <t>cg00647810</t>
  </si>
  <si>
    <t>cg00655656</t>
  </si>
  <si>
    <t>cg00656860</t>
  </si>
  <si>
    <t>cg00662232</t>
  </si>
  <si>
    <t>cg00673286</t>
  </si>
  <si>
    <t>cg00679908</t>
  </si>
  <si>
    <t>cg00683665</t>
  </si>
  <si>
    <t>cg00690311</t>
  </si>
  <si>
    <t>cg00693344</t>
  </si>
  <si>
    <t>cg00718923</t>
  </si>
  <si>
    <t>cg00721086</t>
  </si>
  <si>
    <t>cg00723379</t>
  </si>
  <si>
    <t>cg00727663</t>
  </si>
  <si>
    <t>cg00734724</t>
  </si>
  <si>
    <t>cg00744413</t>
  </si>
  <si>
    <t>cg00745725</t>
  </si>
  <si>
    <t>cg00754989</t>
  </si>
  <si>
    <t>cg00756251</t>
  </si>
  <si>
    <t>cg00756450</t>
  </si>
  <si>
    <t>cg00756808</t>
  </si>
  <si>
    <t>cg00758797</t>
  </si>
  <si>
    <t>cg00758816</t>
  </si>
  <si>
    <t>cg00761327</t>
  </si>
  <si>
    <t>cg00767886</t>
  </si>
  <si>
    <t>cg00768409</t>
  </si>
  <si>
    <t>cg00771483</t>
  </si>
  <si>
    <t>cg00780810</t>
  </si>
  <si>
    <t>cg00780909</t>
  </si>
  <si>
    <t>cg00786657</t>
  </si>
  <si>
    <t>cg00790649</t>
  </si>
  <si>
    <t>cg00792740</t>
  </si>
  <si>
    <t>cg00792849</t>
  </si>
  <si>
    <t>cg00796569</t>
  </si>
  <si>
    <t>cg00797346</t>
  </si>
  <si>
    <t>cg00800365</t>
  </si>
  <si>
    <t>cg00801098</t>
  </si>
  <si>
    <t>cg00802617</t>
  </si>
  <si>
    <t>cg00810473</t>
  </si>
  <si>
    <t>cg00825047</t>
  </si>
  <si>
    <t>cg00834858</t>
  </si>
  <si>
    <t>cg00835429</t>
  </si>
  <si>
    <t>cg00836571</t>
  </si>
  <si>
    <t>cg00851050</t>
  </si>
  <si>
    <t>cg00854314</t>
  </si>
  <si>
    <t>cg00855398</t>
  </si>
  <si>
    <t>cg00860379</t>
  </si>
  <si>
    <t>cg00868766</t>
  </si>
  <si>
    <t>cg00877887</t>
  </si>
  <si>
    <t>cg00878374</t>
  </si>
  <si>
    <t>cg00881300</t>
  </si>
  <si>
    <t>cg00881378</t>
  </si>
  <si>
    <t>cg00884844</t>
  </si>
  <si>
    <t>cg00893045</t>
  </si>
  <si>
    <t>cg00910882</t>
  </si>
  <si>
    <t>cg00910893</t>
  </si>
  <si>
    <t>cg00918794</t>
  </si>
  <si>
    <t>cg00919857</t>
  </si>
  <si>
    <t>cg00925557</t>
  </si>
  <si>
    <t>cg00926162</t>
  </si>
  <si>
    <t>cg00927594</t>
  </si>
  <si>
    <t>cg00930873</t>
  </si>
  <si>
    <t>cg00934746</t>
  </si>
  <si>
    <t>cg00940007</t>
  </si>
  <si>
    <t>cg00944304</t>
  </si>
  <si>
    <t>cg00950621</t>
  </si>
  <si>
    <t>cg00955451</t>
  </si>
  <si>
    <t>cg00958451</t>
  </si>
  <si>
    <t>cg00964109</t>
  </si>
  <si>
    <t>cg00969893</t>
  </si>
  <si>
    <t>cg00970361</t>
  </si>
  <si>
    <t>cg00971508</t>
  </si>
  <si>
    <t>cg00975912</t>
  </si>
  <si>
    <t>cg00977301</t>
  </si>
  <si>
    <t>cg00982984</t>
  </si>
  <si>
    <t>cg00983485</t>
  </si>
  <si>
    <t>cg00988675</t>
  </si>
  <si>
    <t>cg01001286</t>
  </si>
  <si>
    <t>cg01019874</t>
  </si>
  <si>
    <t>cg01022667</t>
  </si>
  <si>
    <t>cg01024113</t>
  </si>
  <si>
    <t>cg01028364</t>
  </si>
  <si>
    <t>cg01028657</t>
  </si>
  <si>
    <t>cg01029238</t>
  </si>
  <si>
    <t>cg01034993</t>
  </si>
  <si>
    <t>cg01035422</t>
  </si>
  <si>
    <t>cg01036164</t>
  </si>
  <si>
    <t>cg01041256</t>
  </si>
  <si>
    <t>cg01044693</t>
  </si>
  <si>
    <t>cg01048253</t>
  </si>
  <si>
    <t>cg01050433</t>
  </si>
  <si>
    <t>cg01054354</t>
  </si>
  <si>
    <t>cg01058294</t>
  </si>
  <si>
    <t>cg01069804</t>
  </si>
  <si>
    <t>cg01070781</t>
  </si>
  <si>
    <t>cg01075805</t>
  </si>
  <si>
    <t>cg01081584</t>
  </si>
  <si>
    <t>cg01083040</t>
  </si>
  <si>
    <t>cg01089097</t>
  </si>
  <si>
    <t>cg01091565</t>
  </si>
  <si>
    <t>cg01109464</t>
  </si>
  <si>
    <t>cg01125329</t>
  </si>
  <si>
    <t>cg01138448</t>
  </si>
  <si>
    <t>cg01148276</t>
  </si>
  <si>
    <t>cg01152302</t>
  </si>
  <si>
    <t>cg01152374</t>
  </si>
  <si>
    <t>cg01153166</t>
  </si>
  <si>
    <t>cg01155076</t>
  </si>
  <si>
    <t>cg01155325</t>
  </si>
  <si>
    <t>cg01156302</t>
  </si>
  <si>
    <t>cg01156844</t>
  </si>
  <si>
    <t>cg01169981</t>
  </si>
  <si>
    <t>cg01171597</t>
  </si>
  <si>
    <t>cg01173291</t>
  </si>
  <si>
    <t>cg01177849</t>
  </si>
  <si>
    <t>cg01178494</t>
  </si>
  <si>
    <t>cg01180441</t>
  </si>
  <si>
    <t>cg01185080</t>
  </si>
  <si>
    <t>cg01185605</t>
  </si>
  <si>
    <t>cg01188235</t>
  </si>
  <si>
    <t>cg01192875</t>
  </si>
  <si>
    <t>cg01196531</t>
  </si>
  <si>
    <t>cg01204669</t>
  </si>
  <si>
    <t>cg01206705</t>
  </si>
  <si>
    <t>cg01207916</t>
  </si>
  <si>
    <t>cg01214573</t>
  </si>
  <si>
    <t>cg01218896</t>
  </si>
  <si>
    <t>cg01220746</t>
  </si>
  <si>
    <t>cg01222408</t>
  </si>
  <si>
    <t>cg01223193</t>
  </si>
  <si>
    <t>cg01226572</t>
  </si>
  <si>
    <t>cg01226740</t>
  </si>
  <si>
    <t>cg01228469</t>
  </si>
  <si>
    <t>cg01229658</t>
  </si>
  <si>
    <t>cg01229787</t>
  </si>
  <si>
    <t>cg01240823</t>
  </si>
  <si>
    <t>cg01244184</t>
  </si>
  <si>
    <t>cg01245667</t>
  </si>
  <si>
    <t>cg01247856</t>
  </si>
  <si>
    <t>cg01251603</t>
  </si>
  <si>
    <t>cg01254234</t>
  </si>
  <si>
    <t>cg01254644</t>
  </si>
  <si>
    <t>cg01254890</t>
  </si>
  <si>
    <t>cg01259637</t>
  </si>
  <si>
    <t>cg01273232</t>
  </si>
  <si>
    <t>cg01274878</t>
  </si>
  <si>
    <t>cg01281649</t>
  </si>
  <si>
    <t>cg01284721</t>
  </si>
  <si>
    <t>cg01287037</t>
  </si>
  <si>
    <t>cg01291474</t>
  </si>
  <si>
    <t>cg01295539</t>
  </si>
  <si>
    <t>cg01320211</t>
  </si>
  <si>
    <t>cg01323263</t>
  </si>
  <si>
    <t>cg01323862</t>
  </si>
  <si>
    <t>cg01323926</t>
  </si>
  <si>
    <t>cg01325029</t>
  </si>
  <si>
    <t>cg01325409</t>
  </si>
  <si>
    <t>cg01327313</t>
  </si>
  <si>
    <t>cg01329394</t>
  </si>
  <si>
    <t>cg01332711</t>
  </si>
  <si>
    <t>cg01336858</t>
  </si>
  <si>
    <t>cg01337439</t>
  </si>
  <si>
    <t>cg01338139</t>
  </si>
  <si>
    <t>cg01339008</t>
  </si>
  <si>
    <t>cg01340061</t>
  </si>
  <si>
    <t>cg01341130</t>
  </si>
  <si>
    <t>cg01344808</t>
  </si>
  <si>
    <t>cg01349856</t>
  </si>
  <si>
    <t>cg01350081</t>
  </si>
  <si>
    <t>cg01358406</t>
  </si>
  <si>
    <t>cg01359165</t>
  </si>
  <si>
    <t>cg01359532</t>
  </si>
  <si>
    <t>cg01362115</t>
  </si>
  <si>
    <t>cg01362581</t>
  </si>
  <si>
    <t>cg01363662</t>
  </si>
  <si>
    <t>cg01364202</t>
  </si>
  <si>
    <t>cg01370575</t>
  </si>
  <si>
    <t>cg01371498</t>
  </si>
  <si>
    <t>cg01372572</t>
  </si>
  <si>
    <t>cg01373151</t>
  </si>
  <si>
    <t>cg01374580</t>
  </si>
  <si>
    <t>cg01376665</t>
  </si>
  <si>
    <t>cg01378667</t>
  </si>
  <si>
    <t>cg01380319</t>
  </si>
  <si>
    <t>cg01380884</t>
  </si>
  <si>
    <t>cg01383890</t>
  </si>
  <si>
    <t>cg01390082</t>
  </si>
  <si>
    <t>cg01400900</t>
  </si>
  <si>
    <t>cg01401365</t>
  </si>
  <si>
    <t>cg01407341</t>
  </si>
  <si>
    <t>cg01412445</t>
  </si>
  <si>
    <t>cg01434025</t>
  </si>
  <si>
    <t>cg01443067</t>
  </si>
  <si>
    <t>cg01446731</t>
  </si>
  <si>
    <t>cg01447951</t>
  </si>
  <si>
    <t>cg01456243</t>
  </si>
  <si>
    <t>cg01456491</t>
  </si>
  <si>
    <t>cg01457418</t>
  </si>
  <si>
    <t>cg01470384</t>
  </si>
  <si>
    <t>cg01475346</t>
  </si>
  <si>
    <t>cg01479122</t>
  </si>
  <si>
    <t>cg01482407</t>
  </si>
  <si>
    <t>cg01505676</t>
  </si>
  <si>
    <t>cg01518357</t>
  </si>
  <si>
    <t>cg01549820</t>
  </si>
  <si>
    <t>cg01555369</t>
  </si>
  <si>
    <t>cg01556457</t>
  </si>
  <si>
    <t>cg01569660</t>
  </si>
  <si>
    <t>cg01570086</t>
  </si>
  <si>
    <t>cg01608635</t>
  </si>
  <si>
    <t>cg01612532</t>
  </si>
  <si>
    <t>cg01614564</t>
  </si>
  <si>
    <t>cg01615424</t>
  </si>
  <si>
    <t>cg01616440</t>
  </si>
  <si>
    <t>cg01620672</t>
  </si>
  <si>
    <t>cg01620701</t>
  </si>
  <si>
    <t>cg01624202</t>
  </si>
  <si>
    <t>cg01626493</t>
  </si>
  <si>
    <t>cg01626885</t>
  </si>
  <si>
    <t>cg01630150</t>
  </si>
  <si>
    <t>cg01631855</t>
  </si>
  <si>
    <t>cg01634423</t>
  </si>
  <si>
    <t>cg01641174</t>
  </si>
  <si>
    <t>cg01648088</t>
  </si>
  <si>
    <t>cg01648509</t>
  </si>
  <si>
    <t>cg01652927</t>
  </si>
  <si>
    <t>cg01663820</t>
  </si>
  <si>
    <t>cg01664094</t>
  </si>
  <si>
    <t>cg01665633</t>
  </si>
  <si>
    <t>cg01675238</t>
  </si>
  <si>
    <t>cg01676467</t>
  </si>
  <si>
    <t>cg01678091</t>
  </si>
  <si>
    <t>cg01678309</t>
  </si>
  <si>
    <t>cg01678634</t>
  </si>
  <si>
    <t>cg01690182</t>
  </si>
  <si>
    <t>cg01691639</t>
  </si>
  <si>
    <t>cg01694628</t>
  </si>
  <si>
    <t>cg01699028</t>
  </si>
  <si>
    <t>cg01703291</t>
  </si>
  <si>
    <t>cg01704947</t>
  </si>
  <si>
    <t>cg01704999</t>
  </si>
  <si>
    <t>cg01706824</t>
  </si>
  <si>
    <t>cg01710852</t>
  </si>
  <si>
    <t>cg01710857</t>
  </si>
  <si>
    <t>cg01710897</t>
  </si>
  <si>
    <t>cg01714418</t>
  </si>
  <si>
    <t>cg01718332</t>
  </si>
  <si>
    <t>cg01726065</t>
  </si>
  <si>
    <t>cg01727585</t>
  </si>
  <si>
    <t>cg01728884</t>
  </si>
  <si>
    <t>cg01735277</t>
  </si>
  <si>
    <t>cg01737828</t>
  </si>
  <si>
    <t>cg01738805</t>
  </si>
  <si>
    <t>cg01739845</t>
  </si>
  <si>
    <t>cg01741397</t>
  </si>
  <si>
    <t>cg01746522</t>
  </si>
  <si>
    <t>cg01763090</t>
  </si>
  <si>
    <t>cg01766718</t>
  </si>
  <si>
    <t>cg01767116</t>
  </si>
  <si>
    <t>cg01769428</t>
  </si>
  <si>
    <t>cg01770755</t>
  </si>
  <si>
    <t>cg01771462</t>
  </si>
  <si>
    <t>cg01772332</t>
  </si>
  <si>
    <t>cg01776903</t>
  </si>
  <si>
    <t>cg01787808</t>
  </si>
  <si>
    <t>cg01788205</t>
  </si>
  <si>
    <t>cg01789267</t>
  </si>
  <si>
    <t>cg01791121</t>
  </si>
  <si>
    <t>cg01803541</t>
  </si>
  <si>
    <t>cg01837492</t>
  </si>
  <si>
    <t>cg01837969</t>
  </si>
  <si>
    <t>cg01840419</t>
  </si>
  <si>
    <t>cg01852715</t>
  </si>
  <si>
    <t>cg01857019</t>
  </si>
  <si>
    <t>cg01859228</t>
  </si>
  <si>
    <t>cg01863596</t>
  </si>
  <si>
    <t>cg01869157</t>
  </si>
  <si>
    <t>cg01869288</t>
  </si>
  <si>
    <t>cg01869554</t>
  </si>
  <si>
    <t>cg01870976</t>
  </si>
  <si>
    <t>cg01871408</t>
  </si>
  <si>
    <t>cg01877814</t>
  </si>
  <si>
    <t>cg01886303</t>
  </si>
  <si>
    <t>cg01889899</t>
  </si>
  <si>
    <t>cg01890984</t>
  </si>
  <si>
    <t>cg01898225</t>
  </si>
  <si>
    <t>cg01904985</t>
  </si>
  <si>
    <t>cg01905809</t>
  </si>
  <si>
    <t>cg01908020</t>
  </si>
  <si>
    <t>cg01916610</t>
  </si>
  <si>
    <t>cg01921368</t>
  </si>
  <si>
    <t>cg01922580</t>
  </si>
  <si>
    <t>cg01923579</t>
  </si>
  <si>
    <t>cg01930518</t>
  </si>
  <si>
    <t>cg01932412</t>
  </si>
  <si>
    <t>cg01939479</t>
  </si>
  <si>
    <t>cg01940753</t>
  </si>
  <si>
    <t>cg01948825</t>
  </si>
  <si>
    <t>cg01952788</t>
  </si>
  <si>
    <t>cg01954438</t>
  </si>
  <si>
    <t>cg01955962</t>
  </si>
  <si>
    <t>cg01956614</t>
  </si>
  <si>
    <t>cg01957897</t>
  </si>
  <si>
    <t>cg01958086</t>
  </si>
  <si>
    <t>cg01965476</t>
  </si>
  <si>
    <t>cg01968002</t>
  </si>
  <si>
    <t>cg01969023</t>
  </si>
  <si>
    <t>cg01973394</t>
  </si>
  <si>
    <t>cg01986008</t>
  </si>
  <si>
    <t>cg01987202</t>
  </si>
  <si>
    <t>cg01989224</t>
  </si>
  <si>
    <t>cg01994513</t>
  </si>
  <si>
    <t>cg02010532</t>
  </si>
  <si>
    <t>cg02012853</t>
  </si>
  <si>
    <t>cg02018902</t>
  </si>
  <si>
    <t>cg02020296</t>
  </si>
  <si>
    <t>cg02028375</t>
  </si>
  <si>
    <t>cg02032449</t>
  </si>
  <si>
    <t>cg02034168</t>
  </si>
  <si>
    <t>cg02034497</t>
  </si>
  <si>
    <t>cg02035565</t>
  </si>
  <si>
    <t>cg02038233</t>
  </si>
  <si>
    <t>cg02039214</t>
  </si>
  <si>
    <t>cg02054724</t>
  </si>
  <si>
    <t>cg02059515</t>
  </si>
  <si>
    <t>cg02065795</t>
  </si>
  <si>
    <t>cg02069715</t>
  </si>
  <si>
    <t>cg02071305</t>
  </si>
  <si>
    <t>cg02072495</t>
  </si>
  <si>
    <t>cg02079584</t>
  </si>
  <si>
    <t>cg02081733</t>
  </si>
  <si>
    <t>cg02094232</t>
  </si>
  <si>
    <t>cg02102490</t>
  </si>
  <si>
    <t>cg02104648</t>
  </si>
  <si>
    <t>cg02105458</t>
  </si>
  <si>
    <t>cg02107844</t>
  </si>
  <si>
    <t>cg02109162</t>
  </si>
  <si>
    <t>cg02121749</t>
  </si>
  <si>
    <t>cg02126638</t>
  </si>
  <si>
    <t>cg02145220</t>
  </si>
  <si>
    <t>cg02155558</t>
  </si>
  <si>
    <t>cg02164516</t>
  </si>
  <si>
    <t>cg02168186</t>
  </si>
  <si>
    <t>cg02169278</t>
  </si>
  <si>
    <t>cg02169446</t>
  </si>
  <si>
    <t>cg02175578</t>
  </si>
  <si>
    <t>cg02177391</t>
  </si>
  <si>
    <t>cg02186782</t>
  </si>
  <si>
    <t>cg02196730</t>
  </si>
  <si>
    <t>cg02196734</t>
  </si>
  <si>
    <t>cg02206137</t>
  </si>
  <si>
    <t>cg02208308</t>
  </si>
  <si>
    <t>cg02236998</t>
  </si>
  <si>
    <t>cg02239565</t>
  </si>
  <si>
    <t>cg02239968</t>
  </si>
  <si>
    <t>cg02240539</t>
  </si>
  <si>
    <t>cg02240622</t>
  </si>
  <si>
    <t>cg02242989</t>
  </si>
  <si>
    <t>cg02247068</t>
  </si>
  <si>
    <t>cg02248826</t>
  </si>
  <si>
    <t>cg02250353</t>
  </si>
  <si>
    <t>cg02250900</t>
  </si>
  <si>
    <t>cg02257533</t>
  </si>
  <si>
    <t>cg02257883</t>
  </si>
  <si>
    <t>cg02259760</t>
  </si>
  <si>
    <t>cg02260353</t>
  </si>
  <si>
    <t>cg02262866</t>
  </si>
  <si>
    <t>cg02273903</t>
  </si>
  <si>
    <t>cg02274263</t>
  </si>
  <si>
    <t>cg02276263</t>
  </si>
  <si>
    <t>cg02276973</t>
  </si>
  <si>
    <t>cg02276974</t>
  </si>
  <si>
    <t>cg02278335</t>
  </si>
  <si>
    <t>cg02278499</t>
  </si>
  <si>
    <t>cg02278768</t>
  </si>
  <si>
    <t>cg02279625</t>
  </si>
  <si>
    <t>cg02287685</t>
  </si>
  <si>
    <t>cg02291532</t>
  </si>
  <si>
    <t>cg02299279</t>
  </si>
  <si>
    <t>cg02311540</t>
  </si>
  <si>
    <t>cg02311794</t>
  </si>
  <si>
    <t>cg02313495</t>
  </si>
  <si>
    <t>cg02313986</t>
  </si>
  <si>
    <t>cg02314348</t>
  </si>
  <si>
    <t>cg02318784</t>
  </si>
  <si>
    <t>cg02326224</t>
  </si>
  <si>
    <t>cg02329886</t>
  </si>
  <si>
    <t>cg02330683</t>
  </si>
  <si>
    <t>cg02343962</t>
  </si>
  <si>
    <t>cg02346043</t>
  </si>
  <si>
    <t>cg02346706</t>
  </si>
  <si>
    <t>cg02346713</t>
  </si>
  <si>
    <t>cg02349578</t>
  </si>
  <si>
    <t>cg02351761</t>
  </si>
  <si>
    <t>cg02352949</t>
  </si>
  <si>
    <t>cg02356600</t>
  </si>
  <si>
    <t>cg02357508</t>
  </si>
  <si>
    <t>cg02357637</t>
  </si>
  <si>
    <t>cg02357725</t>
  </si>
  <si>
    <t>cg02361459</t>
  </si>
  <si>
    <t>cg02361984</t>
  </si>
  <si>
    <t>cg02369052</t>
  </si>
  <si>
    <t>cg02369907</t>
  </si>
  <si>
    <t>cg02371363</t>
  </si>
  <si>
    <t>cg02374934</t>
  </si>
  <si>
    <t>cg02374944</t>
  </si>
  <si>
    <t>cg02375503</t>
  </si>
  <si>
    <t>cg02384859</t>
  </si>
  <si>
    <t>cg02393447</t>
  </si>
  <si>
    <t>cg02398629</t>
  </si>
  <si>
    <t>cg02400458</t>
  </si>
  <si>
    <t>cg02402565</t>
  </si>
  <si>
    <t>cg02406469</t>
  </si>
  <si>
    <t>cg02413627</t>
  </si>
  <si>
    <t>cg02414045</t>
  </si>
  <si>
    <t>cg02417553</t>
  </si>
  <si>
    <t>cg02420024</t>
  </si>
  <si>
    <t>cg02426940</t>
  </si>
  <si>
    <t>cg02430430</t>
  </si>
  <si>
    <t>cg02449892</t>
  </si>
  <si>
    <t>cg02453462</t>
  </si>
  <si>
    <t>cg02454476</t>
  </si>
  <si>
    <t>cg02454595</t>
  </si>
  <si>
    <t>cg02458602</t>
  </si>
  <si>
    <t>cg02460652</t>
  </si>
  <si>
    <t>cg02461011</t>
  </si>
  <si>
    <t>cg02462661</t>
  </si>
  <si>
    <t>cg02466440</t>
  </si>
  <si>
    <t>cg02471940</t>
  </si>
  <si>
    <t>cg02474567</t>
  </si>
  <si>
    <t>cg02476674</t>
  </si>
  <si>
    <t>cg02484562</t>
  </si>
  <si>
    <t>cg02527919</t>
  </si>
  <si>
    <t>cg02531067</t>
  </si>
  <si>
    <t>cg02532725</t>
  </si>
  <si>
    <t>cg02539274</t>
  </si>
  <si>
    <t>cg02546833</t>
  </si>
  <si>
    <t>cg02548606</t>
  </si>
  <si>
    <t>cg02550961</t>
  </si>
  <si>
    <t>cg02555807</t>
  </si>
  <si>
    <t>cg02556940</t>
  </si>
  <si>
    <t>cg02557652</t>
  </si>
  <si>
    <t>cg02557934</t>
  </si>
  <si>
    <t>cg02558162</t>
  </si>
  <si>
    <t>cg02562579</t>
  </si>
  <si>
    <t>cg02566978</t>
  </si>
  <si>
    <t>cg02569583</t>
  </si>
  <si>
    <t>cg02571534</t>
  </si>
  <si>
    <t>cg02583562</t>
  </si>
  <si>
    <t>cg02585142</t>
  </si>
  <si>
    <t>cg02585724</t>
  </si>
  <si>
    <t>cg02586712</t>
  </si>
  <si>
    <t>cg02587120</t>
  </si>
  <si>
    <t>cg02594498</t>
  </si>
  <si>
    <t>cg02598872</t>
  </si>
  <si>
    <t>cg02599385</t>
  </si>
  <si>
    <t>cg02613818</t>
  </si>
  <si>
    <t>cg02624051</t>
  </si>
  <si>
    <t>cg02625641</t>
  </si>
  <si>
    <t>cg02626646</t>
  </si>
  <si>
    <t>cg02628374</t>
  </si>
  <si>
    <t>cg02633609</t>
  </si>
  <si>
    <t>cg02638589</t>
  </si>
  <si>
    <t>cg02643343</t>
  </si>
  <si>
    <t>cg02658693</t>
  </si>
  <si>
    <t>cg02665317</t>
  </si>
  <si>
    <t>cg02670903</t>
  </si>
  <si>
    <t>cg02672737</t>
  </si>
  <si>
    <t>cg02694099</t>
  </si>
  <si>
    <t>cg02696790</t>
  </si>
  <si>
    <t>cg02701556</t>
  </si>
  <si>
    <t>cg02704931</t>
  </si>
  <si>
    <t>cg02705035</t>
  </si>
  <si>
    <t>cg02706205</t>
  </si>
  <si>
    <t>cg02708758</t>
  </si>
  <si>
    <t>cg02708969</t>
  </si>
  <si>
    <t>cg02710552</t>
  </si>
  <si>
    <t>cg02711188</t>
  </si>
  <si>
    <t>cg02711212</t>
  </si>
  <si>
    <t>cg02712545</t>
  </si>
  <si>
    <t>cg02713760</t>
  </si>
  <si>
    <t>cg02714356</t>
  </si>
  <si>
    <t>cg02714566</t>
  </si>
  <si>
    <t>cg02718650</t>
  </si>
  <si>
    <t>cg02726739</t>
  </si>
  <si>
    <t>cg02726943</t>
  </si>
  <si>
    <t>cg02734463</t>
  </si>
  <si>
    <t>cg02736313</t>
  </si>
  <si>
    <t>cg02741519</t>
  </si>
  <si>
    <t>cg02743050</t>
  </si>
  <si>
    <t>cg02744046</t>
  </si>
  <si>
    <t>cg02744888</t>
  </si>
  <si>
    <t>cg02746187</t>
  </si>
  <si>
    <t>cg02747950</t>
  </si>
  <si>
    <t>cg02753404</t>
  </si>
  <si>
    <t>cg02753834</t>
  </si>
  <si>
    <t>cg02754470</t>
  </si>
  <si>
    <t>cg02764055</t>
  </si>
  <si>
    <t>cg02779016</t>
  </si>
  <si>
    <t>cg02781660</t>
  </si>
  <si>
    <t>cg02783477</t>
  </si>
  <si>
    <t>cg02793162</t>
  </si>
  <si>
    <t>cg02794784</t>
  </si>
  <si>
    <t>cg02794990</t>
  </si>
  <si>
    <t>cg02796905</t>
  </si>
  <si>
    <t>cg02805106</t>
  </si>
  <si>
    <t>cg02806802</t>
  </si>
  <si>
    <t>cg02811712</t>
  </si>
  <si>
    <t>cg02818572</t>
  </si>
  <si>
    <t>cg02819808</t>
  </si>
  <si>
    <t>cg02823743</t>
  </si>
  <si>
    <t>cg02839273</t>
  </si>
  <si>
    <t>cg02846219</t>
  </si>
  <si>
    <t>cg02848039</t>
  </si>
  <si>
    <t>cg02848875</t>
  </si>
  <si>
    <t>cg02852421</t>
  </si>
  <si>
    <t>cg02860342</t>
  </si>
  <si>
    <t>cg02864248</t>
  </si>
  <si>
    <t>cg02879467</t>
  </si>
  <si>
    <t>cg02881430</t>
  </si>
  <si>
    <t>cg02883146</t>
  </si>
  <si>
    <t>cg02883230</t>
  </si>
  <si>
    <t>cg02888131</t>
  </si>
  <si>
    <t>cg02900766</t>
  </si>
  <si>
    <t>cg02904493</t>
  </si>
  <si>
    <t>cg02904657</t>
  </si>
  <si>
    <t>cg02912913</t>
  </si>
  <si>
    <t>cg02916899</t>
  </si>
  <si>
    <t>cg02917381</t>
  </si>
  <si>
    <t>cg02918577</t>
  </si>
  <si>
    <t>cg02919090</t>
  </si>
  <si>
    <t>cg02919448</t>
  </si>
  <si>
    <t>cg02920604</t>
  </si>
  <si>
    <t>cg02922247</t>
  </si>
  <si>
    <t>cg02922676</t>
  </si>
  <si>
    <t>cg02926110</t>
  </si>
  <si>
    <t>cg02927074</t>
  </si>
  <si>
    <t>cg02927098</t>
  </si>
  <si>
    <t>cg02952451</t>
  </si>
  <si>
    <t>cg02962630</t>
  </si>
  <si>
    <t>cg02963641</t>
  </si>
  <si>
    <t>cg02964434</t>
  </si>
  <si>
    <t>cg02966053</t>
  </si>
  <si>
    <t>cg02966574</t>
  </si>
  <si>
    <t>cg02966899</t>
  </si>
  <si>
    <t>cg02969408</t>
  </si>
  <si>
    <t>cg02971627</t>
  </si>
  <si>
    <t>cg02982734</t>
  </si>
  <si>
    <t>cg03013817</t>
  </si>
  <si>
    <t>cg03016097</t>
  </si>
  <si>
    <t>cg03025135</t>
  </si>
  <si>
    <t>cg03027244</t>
  </si>
  <si>
    <t>cg03029146</t>
  </si>
  <si>
    <t>cg03036214</t>
  </si>
  <si>
    <t>cg03038380</t>
  </si>
  <si>
    <t>cg03042149</t>
  </si>
  <si>
    <t>cg03049917</t>
  </si>
  <si>
    <t>cg03050810</t>
  </si>
  <si>
    <t>cg03053826</t>
  </si>
  <si>
    <t>cg03058520</t>
  </si>
  <si>
    <t>cg03073851</t>
  </si>
  <si>
    <t>cg03079549</t>
  </si>
  <si>
    <t>cg03080377</t>
  </si>
  <si>
    <t>cg03080639</t>
  </si>
  <si>
    <t>cg03082580</t>
  </si>
  <si>
    <t>cg03093806</t>
  </si>
  <si>
    <t>cg03094193</t>
  </si>
  <si>
    <t>cg03105663</t>
  </si>
  <si>
    <t>cg03146103</t>
  </si>
  <si>
    <t>cg03146503</t>
  </si>
  <si>
    <t>cg03148498</t>
  </si>
  <si>
    <t>cg03169739</t>
  </si>
  <si>
    <t>cg03177551</t>
  </si>
  <si>
    <t>cg03179496</t>
  </si>
  <si>
    <t>cg03180322</t>
  </si>
  <si>
    <t>cg03180980</t>
  </si>
  <si>
    <t>cg03184141</t>
  </si>
  <si>
    <t>cg03185863</t>
  </si>
  <si>
    <t>cg03196360</t>
  </si>
  <si>
    <t>cg03196381</t>
  </si>
  <si>
    <t>cg03206179</t>
  </si>
  <si>
    <t>cg03210257</t>
  </si>
  <si>
    <t>cg03224126</t>
  </si>
  <si>
    <t>cg03235353</t>
  </si>
  <si>
    <t>cg03236328</t>
  </si>
  <si>
    <t>cg03257179</t>
  </si>
  <si>
    <t>cg03264624</t>
  </si>
  <si>
    <t>cg03268007</t>
  </si>
  <si>
    <t>cg03283464</t>
  </si>
  <si>
    <t>cg03283990</t>
  </si>
  <si>
    <t>cg03286535</t>
  </si>
  <si>
    <t>cg03286783</t>
  </si>
  <si>
    <t>cg03289654</t>
  </si>
  <si>
    <t>cg03290522</t>
  </si>
  <si>
    <t>cg03291024</t>
  </si>
  <si>
    <t>cg03296810</t>
  </si>
  <si>
    <t>cg03302378</t>
  </si>
  <si>
    <t>cg03303355</t>
  </si>
  <si>
    <t>cg03312532</t>
  </si>
  <si>
    <t>cg03313752</t>
  </si>
  <si>
    <t>cg03321773</t>
  </si>
  <si>
    <t>cg03323895</t>
  </si>
  <si>
    <t>cg03325535</t>
  </si>
  <si>
    <t>cg03326689</t>
  </si>
  <si>
    <t>cg03328299</t>
  </si>
  <si>
    <t>cg03334077</t>
  </si>
  <si>
    <t>cg03340215</t>
  </si>
  <si>
    <t>cg03341413</t>
  </si>
  <si>
    <t>cg03344283</t>
  </si>
  <si>
    <t>cg03346271</t>
  </si>
  <si>
    <t>cg03346410</t>
  </si>
  <si>
    <t>cg03349935</t>
  </si>
  <si>
    <t>cg03350493</t>
  </si>
  <si>
    <t>cg03351248</t>
  </si>
  <si>
    <t>cg03355190</t>
  </si>
  <si>
    <t>cg03357077</t>
  </si>
  <si>
    <t>cg03361549</t>
  </si>
  <si>
    <t>cg03365496</t>
  </si>
  <si>
    <t>cg03380744</t>
  </si>
  <si>
    <t>cg03381111</t>
  </si>
  <si>
    <t>cg03382226</t>
  </si>
  <si>
    <t>cg03382910</t>
  </si>
  <si>
    <t>cg03387238</t>
  </si>
  <si>
    <t>cg03396151</t>
  </si>
  <si>
    <t>cg03396325</t>
  </si>
  <si>
    <t>cg03399905</t>
  </si>
  <si>
    <t>cg03406394</t>
  </si>
  <si>
    <t>cg03422129</t>
  </si>
  <si>
    <t>cg03429689</t>
  </si>
  <si>
    <t>cg03429816</t>
  </si>
  <si>
    <t>cg03433728</t>
  </si>
  <si>
    <t>cg03435384</t>
  </si>
  <si>
    <t>cg03441853</t>
  </si>
  <si>
    <t>cg03442734</t>
  </si>
  <si>
    <t>cg03448532</t>
  </si>
  <si>
    <t>cg03449379</t>
  </si>
  <si>
    <t>cg03453870</t>
  </si>
  <si>
    <t>cg03454017</t>
  </si>
  <si>
    <t>cg03454375</t>
  </si>
  <si>
    <t>cg03454639</t>
  </si>
  <si>
    <t>cg03454927</t>
  </si>
  <si>
    <t>cg03457338</t>
  </si>
  <si>
    <t>cg03461851</t>
  </si>
  <si>
    <t>cg03462348</t>
  </si>
  <si>
    <t>cg03462380</t>
  </si>
  <si>
    <t>cg03462733</t>
  </si>
  <si>
    <t>cg03462901</t>
  </si>
  <si>
    <t>cg03465028</t>
  </si>
  <si>
    <t>cg03465861</t>
  </si>
  <si>
    <t>cg03469456</t>
  </si>
  <si>
    <t>cg03470331</t>
  </si>
  <si>
    <t>cg03471122</t>
  </si>
  <si>
    <t>cg03475671</t>
  </si>
  <si>
    <t>cg03480583</t>
  </si>
  <si>
    <t>cg03480935</t>
  </si>
  <si>
    <t>cg03492092</t>
  </si>
  <si>
    <t>cg03492135</t>
  </si>
  <si>
    <t>cg03492603</t>
  </si>
  <si>
    <t>cg03492641</t>
  </si>
  <si>
    <t>cg03499581</t>
  </si>
  <si>
    <t>cg03506799</t>
  </si>
  <si>
    <t>cg03535663</t>
  </si>
  <si>
    <t>cg03536657</t>
  </si>
  <si>
    <t>cg03540781</t>
  </si>
  <si>
    <t>cg03543731</t>
  </si>
  <si>
    <t>cg03578041</t>
  </si>
  <si>
    <t>cg03578458</t>
  </si>
  <si>
    <t>cg03585447</t>
  </si>
  <si>
    <t>cg03599575</t>
  </si>
  <si>
    <t>cg03608502</t>
  </si>
  <si>
    <t>cg03617487</t>
  </si>
  <si>
    <t>cg03619840</t>
  </si>
  <si>
    <t>cg03622592</t>
  </si>
  <si>
    <t>cg03624415</t>
  </si>
  <si>
    <t>cg03628403</t>
  </si>
  <si>
    <t>cg03628719</t>
  </si>
  <si>
    <t>cg03643241</t>
  </si>
  <si>
    <t>cg03643709</t>
  </si>
  <si>
    <t>cg03649353</t>
  </si>
  <si>
    <t>cg03666205</t>
  </si>
  <si>
    <t>cg03678138</t>
  </si>
  <si>
    <t>cg03679734</t>
  </si>
  <si>
    <t>cg03682712</t>
  </si>
  <si>
    <t>cg03689324</t>
  </si>
  <si>
    <t>cg03698393</t>
  </si>
  <si>
    <t>cg03702533</t>
  </si>
  <si>
    <t>cg03706358</t>
  </si>
  <si>
    <t>cg03709297</t>
  </si>
  <si>
    <t>cg03710176</t>
  </si>
  <si>
    <t>cg03711182</t>
  </si>
  <si>
    <t>cg03717836</t>
  </si>
  <si>
    <t>cg03727732</t>
  </si>
  <si>
    <t>cg03758697</t>
  </si>
  <si>
    <t>cg03759236</t>
  </si>
  <si>
    <t>cg03760060</t>
  </si>
  <si>
    <t>cg03762349</t>
  </si>
  <si>
    <t>cg03770248</t>
  </si>
  <si>
    <t>cg03770787</t>
  </si>
  <si>
    <t>cg03780073</t>
  </si>
  <si>
    <t>cg03788666</t>
  </si>
  <si>
    <t>cg03790899</t>
  </si>
  <si>
    <t>cg03790974</t>
  </si>
  <si>
    <t>cg03794218</t>
  </si>
  <si>
    <t>cg03796381</t>
  </si>
  <si>
    <t>cg03798986</t>
  </si>
  <si>
    <t>cg03800648</t>
  </si>
  <si>
    <t>cg03822622</t>
  </si>
  <si>
    <t>cg03822754</t>
  </si>
  <si>
    <t>cg03835332</t>
  </si>
  <si>
    <t>cg03835824</t>
  </si>
  <si>
    <t>cg03839418</t>
  </si>
  <si>
    <t>cg03840073</t>
  </si>
  <si>
    <t>cg03840075</t>
  </si>
  <si>
    <t>cg03846288</t>
  </si>
  <si>
    <t>cg03850730</t>
  </si>
  <si>
    <t>cg03857502</t>
  </si>
  <si>
    <t>cg03878377</t>
  </si>
  <si>
    <t>cg03884132</t>
  </si>
  <si>
    <t>cg03895392</t>
  </si>
  <si>
    <t>cg03895857</t>
  </si>
  <si>
    <t>cg03905192</t>
  </si>
  <si>
    <t>cg03925327</t>
  </si>
  <si>
    <t>cg03927133</t>
  </si>
  <si>
    <t>cg03938525</t>
  </si>
  <si>
    <t>cg03943826</t>
  </si>
  <si>
    <t>cg03945400</t>
  </si>
  <si>
    <t>cg03947447</t>
  </si>
  <si>
    <t>cg03950590</t>
  </si>
  <si>
    <t>cg03951374</t>
  </si>
  <si>
    <t>cg03952578</t>
  </si>
  <si>
    <t>cg03954999</t>
  </si>
  <si>
    <t>cg03959527</t>
  </si>
  <si>
    <t>cg03959625</t>
  </si>
  <si>
    <t>cg03960279</t>
  </si>
  <si>
    <t>cg03961086</t>
  </si>
  <si>
    <t>cg03965827</t>
  </si>
  <si>
    <t>cg03968225</t>
  </si>
  <si>
    <t>cg03980226</t>
  </si>
  <si>
    <t>cg03986968</t>
  </si>
  <si>
    <t>cg03987813</t>
  </si>
  <si>
    <t>cg04001842</t>
  </si>
  <si>
    <t>cg04001880</t>
  </si>
  <si>
    <t>cg04003690</t>
  </si>
  <si>
    <t>cg04007302</t>
  </si>
  <si>
    <t>cg04009860</t>
  </si>
  <si>
    <t>cg04014609</t>
  </si>
  <si>
    <t>cg04014889</t>
  </si>
  <si>
    <t>cg04036182</t>
  </si>
  <si>
    <t>cg04048802</t>
  </si>
  <si>
    <t>cg04055913</t>
  </si>
  <si>
    <t>cg04061361</t>
  </si>
  <si>
    <t>cg04061411</t>
  </si>
  <si>
    <t>cg04090392</t>
  </si>
  <si>
    <t>cg04091325</t>
  </si>
  <si>
    <t>cg04093499</t>
  </si>
  <si>
    <t>cg04098270</t>
  </si>
  <si>
    <t>cg04099436</t>
  </si>
  <si>
    <t>cg04100227</t>
  </si>
  <si>
    <t>cg04105230</t>
  </si>
  <si>
    <t>cg04123157</t>
  </si>
  <si>
    <t>cg04124457</t>
  </si>
  <si>
    <t>cg04127894</t>
  </si>
  <si>
    <t>cg04137171</t>
  </si>
  <si>
    <t>cg04138492</t>
  </si>
  <si>
    <t>cg04139895</t>
  </si>
  <si>
    <t>cg04142988</t>
  </si>
  <si>
    <t>cg04147969</t>
  </si>
  <si>
    <t>cg04149424</t>
  </si>
  <si>
    <t>cg04164058</t>
  </si>
  <si>
    <t>cg04175957</t>
  </si>
  <si>
    <t>cg04181150</t>
  </si>
  <si>
    <t>cg04181528</t>
  </si>
  <si>
    <t>cg04184063</t>
  </si>
  <si>
    <t>cg04186599</t>
  </si>
  <si>
    <t>cg04189295</t>
  </si>
  <si>
    <t>cg04189320</t>
  </si>
  <si>
    <t>cg04193065</t>
  </si>
  <si>
    <t>cg04195855</t>
  </si>
  <si>
    <t>cg04195863</t>
  </si>
  <si>
    <t>cg04198210</t>
  </si>
  <si>
    <t>cg04198698</t>
  </si>
  <si>
    <t>cg04200765</t>
  </si>
  <si>
    <t>cg04216070</t>
  </si>
  <si>
    <t>cg04218209</t>
  </si>
  <si>
    <t>cg04223222</t>
  </si>
  <si>
    <t>cg04224340</t>
  </si>
  <si>
    <t>cg04231905</t>
  </si>
  <si>
    <t>cg04241858</t>
  </si>
  <si>
    <t>cg04249030</t>
  </si>
  <si>
    <t>cg04256898</t>
  </si>
  <si>
    <t>cg04256965</t>
  </si>
  <si>
    <t>cg04258811</t>
  </si>
  <si>
    <t>cg04264272</t>
  </si>
  <si>
    <t>cg04273745</t>
  </si>
  <si>
    <t>cg04278444</t>
  </si>
  <si>
    <t>cg04286377</t>
  </si>
  <si>
    <t>cg04289575</t>
  </si>
  <si>
    <t>cg04291025</t>
  </si>
  <si>
    <t>cg04294383</t>
  </si>
  <si>
    <t>cg04300298</t>
  </si>
  <si>
    <t>cg04305374</t>
  </si>
  <si>
    <t>cg04305879</t>
  </si>
  <si>
    <t>cg04310849</t>
  </si>
  <si>
    <t>cg04313941</t>
  </si>
  <si>
    <t>cg04315863</t>
  </si>
  <si>
    <t>cg04317051</t>
  </si>
  <si>
    <t>cg04318546</t>
  </si>
  <si>
    <t>cg04321088</t>
  </si>
  <si>
    <t>cg04326117</t>
  </si>
  <si>
    <t>cg04330628</t>
  </si>
  <si>
    <t>cg04336836</t>
  </si>
  <si>
    <t>cg04338556</t>
  </si>
  <si>
    <t>cg04344695</t>
  </si>
  <si>
    <t>cg04349117</t>
  </si>
  <si>
    <t>cg04384912</t>
  </si>
  <si>
    <t>cg04385934</t>
  </si>
  <si>
    <t>cg04417954</t>
  </si>
  <si>
    <t>cg04429431</t>
  </si>
  <si>
    <t>cg04431777</t>
  </si>
  <si>
    <t>cg04435632</t>
  </si>
  <si>
    <t>cg04435828</t>
  </si>
  <si>
    <t>cg04436755</t>
  </si>
  <si>
    <t>cg04439584</t>
  </si>
  <si>
    <t>cg04441780</t>
  </si>
  <si>
    <t>cg04482760</t>
  </si>
  <si>
    <t>cg04489887</t>
  </si>
  <si>
    <t>cg04496281</t>
  </si>
  <si>
    <t>cg04521583</t>
  </si>
  <si>
    <t>cg04523090</t>
  </si>
  <si>
    <t>cg04524239</t>
  </si>
  <si>
    <t>cg04537729</t>
  </si>
  <si>
    <t>cg04551155</t>
  </si>
  <si>
    <t>cg04572898</t>
  </si>
  <si>
    <t>cg04579211</t>
  </si>
  <si>
    <t>cg04612952</t>
  </si>
  <si>
    <t>cg04619450</t>
  </si>
  <si>
    <t>cg04620101</t>
  </si>
  <si>
    <t>cg04624362</t>
  </si>
  <si>
    <t>cg04625615</t>
  </si>
  <si>
    <t>cg04629595</t>
  </si>
  <si>
    <t>cg04630490</t>
  </si>
  <si>
    <t>cg04631994</t>
  </si>
  <si>
    <t>cg04634427</t>
  </si>
  <si>
    <t>cg04636748</t>
  </si>
  <si>
    <t>cg04643655</t>
  </si>
  <si>
    <t>cg04645160</t>
  </si>
  <si>
    <t>cg04645444</t>
  </si>
  <si>
    <t>cg04646282</t>
  </si>
  <si>
    <t>cg04652441</t>
  </si>
  <si>
    <t>cg04655365</t>
  </si>
  <si>
    <t>cg04656171</t>
  </si>
  <si>
    <t>cg04660984</t>
  </si>
  <si>
    <t>cg04662451</t>
  </si>
  <si>
    <t>cg04664328</t>
  </si>
  <si>
    <t>cg04666027</t>
  </si>
  <si>
    <t>cg04672495</t>
  </si>
  <si>
    <t>cg04673754</t>
  </si>
  <si>
    <t>cg04674357</t>
  </si>
  <si>
    <t>cg04675040</t>
  </si>
  <si>
    <t>cg04675922</t>
  </si>
  <si>
    <t>cg04678392</t>
  </si>
  <si>
    <t>cg04678936</t>
  </si>
  <si>
    <t>cg04679384</t>
  </si>
  <si>
    <t>cg04709931</t>
  </si>
  <si>
    <t>cg04723679</t>
  </si>
  <si>
    <t>cg04738379</t>
  </si>
  <si>
    <t>cg04744917</t>
  </si>
  <si>
    <t>cg04767484</t>
  </si>
  <si>
    <t>cg04774722</t>
  </si>
  <si>
    <t>cg04777312</t>
  </si>
  <si>
    <t>cg04779631</t>
  </si>
  <si>
    <t>cg04781080</t>
  </si>
  <si>
    <t>cg04781638</t>
  </si>
  <si>
    <t>cg04783210</t>
  </si>
  <si>
    <t>cg04785227</t>
  </si>
  <si>
    <t>cg04786043</t>
  </si>
  <si>
    <t>cg04787775</t>
  </si>
  <si>
    <t>cg04791080</t>
  </si>
  <si>
    <t>cg04793637</t>
  </si>
  <si>
    <t>cg04795318</t>
  </si>
  <si>
    <t>cg04799823</t>
  </si>
  <si>
    <t>cg04803686</t>
  </si>
  <si>
    <t>cg04806887</t>
  </si>
  <si>
    <t>cg04807004</t>
  </si>
  <si>
    <t>cg04809597</t>
  </si>
  <si>
    <t>cg04809948</t>
  </si>
  <si>
    <t>cg04812615</t>
  </si>
  <si>
    <t>cg04812760</t>
  </si>
  <si>
    <t>cg04813911</t>
  </si>
  <si>
    <t>cg04815973</t>
  </si>
  <si>
    <t>cg04818947</t>
  </si>
  <si>
    <t>cg04823738</t>
  </si>
  <si>
    <t>cg04825814</t>
  </si>
  <si>
    <t>cg04826883</t>
  </si>
  <si>
    <t>cg04829509</t>
  </si>
  <si>
    <t>cg04842787</t>
  </si>
  <si>
    <t>cg04844175</t>
  </si>
  <si>
    <t>cg04844971</t>
  </si>
  <si>
    <t>cg04847610</t>
  </si>
  <si>
    <t>cg04853284</t>
  </si>
  <si>
    <t>cg04857054</t>
  </si>
  <si>
    <t>cg04862906</t>
  </si>
  <si>
    <t>cg04865220</t>
  </si>
  <si>
    <t>cg04866639</t>
  </si>
  <si>
    <t>cg04868764</t>
  </si>
  <si>
    <t>cg04876454</t>
  </si>
  <si>
    <t>cg04877966</t>
  </si>
  <si>
    <t>cg04878701</t>
  </si>
  <si>
    <t>cg04880611</t>
  </si>
  <si>
    <t>cg04882995</t>
  </si>
  <si>
    <t>cg04884111</t>
  </si>
  <si>
    <t>cg04887080</t>
  </si>
  <si>
    <t>cg04889446</t>
  </si>
  <si>
    <t>cg04890851</t>
  </si>
  <si>
    <t>cg04891577</t>
  </si>
  <si>
    <t>cg04891611</t>
  </si>
  <si>
    <t>cg04891883</t>
  </si>
  <si>
    <t>cg04899656</t>
  </si>
  <si>
    <t>cg04914105</t>
  </si>
  <si>
    <t>cg04920649</t>
  </si>
  <si>
    <t>cg04923779</t>
  </si>
  <si>
    <t>cg04930919</t>
  </si>
  <si>
    <t>cg04943986</t>
  </si>
  <si>
    <t>cg04949308</t>
  </si>
  <si>
    <t>cg04952827</t>
  </si>
  <si>
    <t>cg04963153</t>
  </si>
  <si>
    <t>cg04963480</t>
  </si>
  <si>
    <t>cg04967982</t>
  </si>
  <si>
    <t>cg04968426</t>
  </si>
  <si>
    <t>cg04968473</t>
  </si>
  <si>
    <t>cg04969688</t>
  </si>
  <si>
    <t>cg04972384</t>
  </si>
  <si>
    <t>cg04973925</t>
  </si>
  <si>
    <t>cg04981203</t>
  </si>
  <si>
    <t>cg04998447</t>
  </si>
  <si>
    <t>cg04999036</t>
  </si>
  <si>
    <t>cg04999860</t>
  </si>
  <si>
    <t>cg05012158</t>
  </si>
  <si>
    <t>cg05012697</t>
  </si>
  <si>
    <t>cg05018280</t>
  </si>
  <si>
    <t>cg05030129</t>
  </si>
  <si>
    <t>cg05033924</t>
  </si>
  <si>
    <t>cg05038121</t>
  </si>
  <si>
    <t>cg05040724</t>
  </si>
  <si>
    <t>cg05042034</t>
  </si>
  <si>
    <t>cg05042492</t>
  </si>
  <si>
    <t>cg05043657</t>
  </si>
  <si>
    <t>cg05054468</t>
  </si>
  <si>
    <t>cg05059480</t>
  </si>
  <si>
    <t>cg05061769</t>
  </si>
  <si>
    <t>cg05085255</t>
  </si>
  <si>
    <t>cg05085749</t>
  </si>
  <si>
    <t>cg05099185</t>
  </si>
  <si>
    <t>cg05100650</t>
  </si>
  <si>
    <t>cg05103581</t>
  </si>
  <si>
    <t>cg05104639</t>
  </si>
  <si>
    <t>cg05111081</t>
  </si>
  <si>
    <t>cg05115375</t>
  </si>
  <si>
    <t>cg05118636</t>
  </si>
  <si>
    <t>cg05119141</t>
  </si>
  <si>
    <t>cg05120225</t>
  </si>
  <si>
    <t>cg05122887</t>
  </si>
  <si>
    <t>cg05129489</t>
  </si>
  <si>
    <t>cg05131334</t>
  </si>
  <si>
    <t>cg05131526</t>
  </si>
  <si>
    <t>cg05133437</t>
  </si>
  <si>
    <t>cg05143116</t>
  </si>
  <si>
    <t>cg05149284</t>
  </si>
  <si>
    <t>cg05150362</t>
  </si>
  <si>
    <t>cg05151360</t>
  </si>
  <si>
    <t>cg05152568</t>
  </si>
  <si>
    <t>cg05155965</t>
  </si>
  <si>
    <t>cg05156550</t>
  </si>
  <si>
    <t>cg05161074</t>
  </si>
  <si>
    <t>cg05163842</t>
  </si>
  <si>
    <t>cg05167782</t>
  </si>
  <si>
    <t>cg05168573</t>
  </si>
  <si>
    <t>cg05169756</t>
  </si>
  <si>
    <t>cg05169988</t>
  </si>
  <si>
    <t>cg05172655</t>
  </si>
  <si>
    <t>cg05175964</t>
  </si>
  <si>
    <t>cg05178734</t>
  </si>
  <si>
    <t>cg05179659</t>
  </si>
  <si>
    <t>cg05179880</t>
  </si>
  <si>
    <t>cg05180717</t>
  </si>
  <si>
    <t>cg05180856</t>
  </si>
  <si>
    <t>cg05194346</t>
  </si>
  <si>
    <t>cg05195452</t>
  </si>
  <si>
    <t>cg05195566</t>
  </si>
  <si>
    <t>cg05197447</t>
  </si>
  <si>
    <t>cg05200040</t>
  </si>
  <si>
    <t>cg05205601</t>
  </si>
  <si>
    <t>cg05208483</t>
  </si>
  <si>
    <t>cg05208662</t>
  </si>
  <si>
    <t>cg05216268</t>
  </si>
  <si>
    <t>cg05218035</t>
  </si>
  <si>
    <t>cg05230642</t>
  </si>
  <si>
    <t>cg05239308</t>
  </si>
  <si>
    <t>cg05241308</t>
  </si>
  <si>
    <t>cg05241470</t>
  </si>
  <si>
    <t>cg05243389</t>
  </si>
  <si>
    <t>cg05247341</t>
  </si>
  <si>
    <t>cg05264223</t>
  </si>
  <si>
    <t>cg05270119</t>
  </si>
  <si>
    <t>cg05271276</t>
  </si>
  <si>
    <t>cg05273006</t>
  </si>
  <si>
    <t>cg05274316</t>
  </si>
  <si>
    <t>cg05276753</t>
  </si>
  <si>
    <t>cg05279291</t>
  </si>
  <si>
    <t>cg05280133</t>
  </si>
  <si>
    <t>cg05281061</t>
  </si>
  <si>
    <t>cg05282249</t>
  </si>
  <si>
    <t>cg05293365</t>
  </si>
  <si>
    <t>cg05303280</t>
  </si>
  <si>
    <t>cg05308161</t>
  </si>
  <si>
    <t>cg05310882</t>
  </si>
  <si>
    <t>cg05312779</t>
  </si>
  <si>
    <t>cg05321275</t>
  </si>
  <si>
    <t>cg05327187</t>
  </si>
  <si>
    <t>cg05329798</t>
  </si>
  <si>
    <t>cg05330604</t>
  </si>
  <si>
    <t>cg05334119</t>
  </si>
  <si>
    <t>cg05334239</t>
  </si>
  <si>
    <t>cg05338167</t>
  </si>
  <si>
    <t>cg05340844</t>
  </si>
  <si>
    <t>cg05342906</t>
  </si>
  <si>
    <t>cg05352972</t>
  </si>
  <si>
    <t>cg05353131</t>
  </si>
  <si>
    <t>cg05355103</t>
  </si>
  <si>
    <t>cg05357347</t>
  </si>
  <si>
    <t>cg05362835</t>
  </si>
  <si>
    <t>cg05385397</t>
  </si>
  <si>
    <t>cg05387565</t>
  </si>
  <si>
    <t>cg05387996</t>
  </si>
  <si>
    <t>cg05390077</t>
  </si>
  <si>
    <t>cg05395353</t>
  </si>
  <si>
    <t>cg05404865</t>
  </si>
  <si>
    <t>cg05412396</t>
  </si>
  <si>
    <t>cg05418495</t>
  </si>
  <si>
    <t>cg05419425</t>
  </si>
  <si>
    <t>cg05421464</t>
  </si>
  <si>
    <t>cg05432213</t>
  </si>
  <si>
    <t>cg05438378</t>
  </si>
  <si>
    <t>cg05451359</t>
  </si>
  <si>
    <t>cg05454389</t>
  </si>
  <si>
    <t>cg05454635</t>
  </si>
  <si>
    <t>cg05469591</t>
  </si>
  <si>
    <t>cg05477174</t>
  </si>
  <si>
    <t>cg05477217</t>
  </si>
  <si>
    <t>cg05478330</t>
  </si>
  <si>
    <t>cg05478779</t>
  </si>
  <si>
    <t>cg05492657</t>
  </si>
  <si>
    <t>cg05492904</t>
  </si>
  <si>
    <t>cg05492974</t>
  </si>
  <si>
    <t>cg05495005</t>
  </si>
  <si>
    <t>cg05495653</t>
  </si>
  <si>
    <t>cg05501584</t>
  </si>
  <si>
    <t>cg05503062</t>
  </si>
  <si>
    <t>cg05505745</t>
  </si>
  <si>
    <t>cg05505872</t>
  </si>
  <si>
    <t>cg05506292</t>
  </si>
  <si>
    <t>cg05506600</t>
  </si>
  <si>
    <t>cg05508639</t>
  </si>
  <si>
    <t>cg05523085</t>
  </si>
  <si>
    <t>cg05525867</t>
  </si>
  <si>
    <t>cg05526487</t>
  </si>
  <si>
    <t>cg05527113</t>
  </si>
  <si>
    <t>cg05529500</t>
  </si>
  <si>
    <t>cg05533723</t>
  </si>
  <si>
    <t>cg05536286</t>
  </si>
  <si>
    <t>cg05537316</t>
  </si>
  <si>
    <t>cg05541329</t>
  </si>
  <si>
    <t>cg05541779</t>
  </si>
  <si>
    <t>cg05547902</t>
  </si>
  <si>
    <t>cg05562203</t>
  </si>
  <si>
    <t>cg05563287</t>
  </si>
  <si>
    <t>cg05564552</t>
  </si>
  <si>
    <t>cg05565697</t>
  </si>
  <si>
    <t>cg05574437</t>
  </si>
  <si>
    <t>cg05585263</t>
  </si>
  <si>
    <t>cg05614333</t>
  </si>
  <si>
    <t>cg05615464</t>
  </si>
  <si>
    <t>cg05617483</t>
  </si>
  <si>
    <t>cg05626259</t>
  </si>
  <si>
    <t>cg05627522</t>
  </si>
  <si>
    <t>cg05627765</t>
  </si>
  <si>
    <t>cg05631513</t>
  </si>
  <si>
    <t>cg05633660</t>
  </si>
  <si>
    <t>cg05637795</t>
  </si>
  <si>
    <t>cg05639203</t>
  </si>
  <si>
    <t>cg05641180</t>
  </si>
  <si>
    <t>cg05641961</t>
  </si>
  <si>
    <t>cg05697231</t>
  </si>
  <si>
    <t>cg05701204</t>
  </si>
  <si>
    <t>cg05716316</t>
  </si>
  <si>
    <t>cg05717833</t>
  </si>
  <si>
    <t>cg05718625</t>
  </si>
  <si>
    <t>cg05721790</t>
  </si>
  <si>
    <t>cg05723527</t>
  </si>
  <si>
    <t>cg05729827</t>
  </si>
  <si>
    <t>cg05739476</t>
  </si>
  <si>
    <t>cg05761032</t>
  </si>
  <si>
    <t>cg05764376</t>
  </si>
  <si>
    <t>cg05775517</t>
  </si>
  <si>
    <t>cg05789909</t>
  </si>
  <si>
    <t>cg05793288</t>
  </si>
  <si>
    <t>cg05804504</t>
  </si>
  <si>
    <t>cg05804598</t>
  </si>
  <si>
    <t>cg05835456</t>
  </si>
  <si>
    <t>cg05841809</t>
  </si>
  <si>
    <t>cg05841929</t>
  </si>
  <si>
    <t>cg05852824</t>
  </si>
  <si>
    <t>cg05854349</t>
  </si>
  <si>
    <t>cg05854892</t>
  </si>
  <si>
    <t>cg05855071</t>
  </si>
  <si>
    <t>cg05861661</t>
  </si>
  <si>
    <t>cg05867423</t>
  </si>
  <si>
    <t>cg05868469</t>
  </si>
  <si>
    <t>cg05869754</t>
  </si>
  <si>
    <t>cg05874476</t>
  </si>
  <si>
    <t>cg05875110</t>
  </si>
  <si>
    <t>cg05876623</t>
  </si>
  <si>
    <t>cg05878630</t>
  </si>
  <si>
    <t>cg05884392</t>
  </si>
  <si>
    <t>cg05884705</t>
  </si>
  <si>
    <t>cg05884870</t>
  </si>
  <si>
    <t>cg05886115</t>
  </si>
  <si>
    <t>cg05886626</t>
  </si>
  <si>
    <t>cg05888487</t>
  </si>
  <si>
    <t>cg05897699</t>
  </si>
  <si>
    <t>cg05899103</t>
  </si>
  <si>
    <t>cg05905876</t>
  </si>
  <si>
    <t>cg05908442</t>
  </si>
  <si>
    <t>cg05912053</t>
  </si>
  <si>
    <t>cg05919122</t>
  </si>
  <si>
    <t>cg05922437</t>
  </si>
  <si>
    <t>cg05924191</t>
  </si>
  <si>
    <t>cg05929469</t>
  </si>
  <si>
    <t>cg05933189</t>
  </si>
  <si>
    <t>cg05939380</t>
  </si>
  <si>
    <t>cg05939495</t>
  </si>
  <si>
    <t>cg05951351</t>
  </si>
  <si>
    <t>cg05954702</t>
  </si>
  <si>
    <t>cg05964373</t>
  </si>
  <si>
    <t>cg05971934</t>
  </si>
  <si>
    <t>cg05972503</t>
  </si>
  <si>
    <t>cg05988970</t>
  </si>
  <si>
    <t>cg05989312</t>
  </si>
  <si>
    <t>cg05990812</t>
  </si>
  <si>
    <t>cg05992085</t>
  </si>
  <si>
    <t>cg05994150</t>
  </si>
  <si>
    <t>cg05994244</t>
  </si>
  <si>
    <t>cg05996512</t>
  </si>
  <si>
    <t>cg05996818</t>
  </si>
  <si>
    <t>cg06000144</t>
  </si>
  <si>
    <t>cg06008511</t>
  </si>
  <si>
    <t>cg06012730</t>
  </si>
  <si>
    <t>cg06014092</t>
  </si>
  <si>
    <t>cg06014588</t>
  </si>
  <si>
    <t>cg06014892</t>
  </si>
  <si>
    <t>cg06018072</t>
  </si>
  <si>
    <t>cg06018514</t>
  </si>
  <si>
    <t>cg06020164</t>
  </si>
  <si>
    <t>cg06023039</t>
  </si>
  <si>
    <t>cg06023243</t>
  </si>
  <si>
    <t>cg06029792</t>
  </si>
  <si>
    <t>cg06030190</t>
  </si>
  <si>
    <t>cg06030689</t>
  </si>
  <si>
    <t>cg06032813</t>
  </si>
  <si>
    <t>cg06034792</t>
  </si>
  <si>
    <t>cg06035414</t>
  </si>
  <si>
    <t>cg06041677</t>
  </si>
  <si>
    <t>cg06043733</t>
  </si>
  <si>
    <t>cg06048973</t>
  </si>
  <si>
    <t>cg06049171</t>
  </si>
  <si>
    <t>cg06052353</t>
  </si>
  <si>
    <t>cg06054272</t>
  </si>
  <si>
    <t>cg06059069</t>
  </si>
  <si>
    <t>cg06059461</t>
  </si>
  <si>
    <t>cg06062102</t>
  </si>
  <si>
    <t>cg06064274</t>
  </si>
  <si>
    <t>cg06070324</t>
  </si>
  <si>
    <t>cg06071033</t>
  </si>
  <si>
    <t>cg06071334</t>
  </si>
  <si>
    <t>cg06084073</t>
  </si>
  <si>
    <t>cg06099188</t>
  </si>
  <si>
    <t>cg06100161</t>
  </si>
  <si>
    <t>cg06103331</t>
  </si>
  <si>
    <t>cg06120528</t>
  </si>
  <si>
    <t>cg06121469</t>
  </si>
  <si>
    <t>cg06122933</t>
  </si>
  <si>
    <t>cg06126413</t>
  </si>
  <si>
    <t>cg06127885</t>
  </si>
  <si>
    <t>cg06135060</t>
  </si>
  <si>
    <t>cg06136125</t>
  </si>
  <si>
    <t>cg06158227</t>
  </si>
  <si>
    <t>cg06184785</t>
  </si>
  <si>
    <t>cg06192883</t>
  </si>
  <si>
    <t>cg06207120</t>
  </si>
  <si>
    <t>cg06240173</t>
  </si>
  <si>
    <t>cg06243923</t>
  </si>
  <si>
    <t>cg06243989</t>
  </si>
  <si>
    <t>cg06246094</t>
  </si>
  <si>
    <t>cg06258672</t>
  </si>
  <si>
    <t>cg06263834</t>
  </si>
  <si>
    <t>cg06263843</t>
  </si>
  <si>
    <t>cg06264653</t>
  </si>
  <si>
    <t>cg06265277</t>
  </si>
  <si>
    <t>cg06267488</t>
  </si>
  <si>
    <t>cg06268478</t>
  </si>
  <si>
    <t>cg06270545</t>
  </si>
  <si>
    <t>cg06271561</t>
  </si>
  <si>
    <t>cg06272089</t>
  </si>
  <si>
    <t>cg06281425</t>
  </si>
  <si>
    <t>cg06283270</t>
  </si>
  <si>
    <t>cg06285340</t>
  </si>
  <si>
    <t>cg06290476</t>
  </si>
  <si>
    <t>cg06298896</t>
  </si>
  <si>
    <t>cg06307422</t>
  </si>
  <si>
    <t>cg06314568</t>
  </si>
  <si>
    <t>cg06314969</t>
  </si>
  <si>
    <t>cg06317803</t>
  </si>
  <si>
    <t>cg06321304</t>
  </si>
  <si>
    <t>cg06326914</t>
  </si>
  <si>
    <t>cg06327621</t>
  </si>
  <si>
    <t>cg06330618</t>
  </si>
  <si>
    <t>cg06331862</t>
  </si>
  <si>
    <t>cg06364757</t>
  </si>
  <si>
    <t>cg06371489</t>
  </si>
  <si>
    <t>cg06375967</t>
  </si>
  <si>
    <t>cg06375969</t>
  </si>
  <si>
    <t>cg06380007</t>
  </si>
  <si>
    <t>cg06419771</t>
  </si>
  <si>
    <t>cg06424894</t>
  </si>
  <si>
    <t>cg06451900</t>
  </si>
  <si>
    <t>cg06456512</t>
  </si>
  <si>
    <t>cg06474427</t>
  </si>
  <si>
    <t>cg06476228</t>
  </si>
  <si>
    <t>cg06478102</t>
  </si>
  <si>
    <t>cg06480138</t>
  </si>
  <si>
    <t>cg06481122</t>
  </si>
  <si>
    <t>cg06482648</t>
  </si>
  <si>
    <t>cg06483239</t>
  </si>
  <si>
    <t>cg06488655</t>
  </si>
  <si>
    <t>cg06511545</t>
  </si>
  <si>
    <t>cg06524120</t>
  </si>
  <si>
    <t>cg06527213</t>
  </si>
  <si>
    <t>cg06530883</t>
  </si>
  <si>
    <t>cg06534464</t>
  </si>
  <si>
    <t>cg06534553</t>
  </si>
  <si>
    <t>cg06540146</t>
  </si>
  <si>
    <t>cg06541093</t>
  </si>
  <si>
    <t>cg06554090</t>
  </si>
  <si>
    <t>cg06595693</t>
  </si>
  <si>
    <t>cg06604146</t>
  </si>
  <si>
    <t>cg06608378</t>
  </si>
  <si>
    <t>cg06611727</t>
  </si>
  <si>
    <t>cg06616081</t>
  </si>
  <si>
    <t>cg06618377</t>
  </si>
  <si>
    <t>cg06618490</t>
  </si>
  <si>
    <t>cg06620762</t>
  </si>
  <si>
    <t>cg06624337</t>
  </si>
  <si>
    <t>cg06625816</t>
  </si>
  <si>
    <t>cg06650067</t>
  </si>
  <si>
    <t>cg06651054</t>
  </si>
  <si>
    <t>cg06671623</t>
  </si>
  <si>
    <t>cg06683080</t>
  </si>
  <si>
    <t>cg06687489</t>
  </si>
  <si>
    <t>cg06706204</t>
  </si>
  <si>
    <t>cg06710742</t>
  </si>
  <si>
    <t>cg06717650</t>
  </si>
  <si>
    <t>cg06720578</t>
  </si>
  <si>
    <t>cg06721031</t>
  </si>
  <si>
    <t>cg06730438</t>
  </si>
  <si>
    <t>cg06731484</t>
  </si>
  <si>
    <t>cg06731942</t>
  </si>
  <si>
    <t>cg06733347</t>
  </si>
  <si>
    <t>cg06736148</t>
  </si>
  <si>
    <t>cg06738887</t>
  </si>
  <si>
    <t>cg06742159</t>
  </si>
  <si>
    <t>cg06743811</t>
  </si>
  <si>
    <t>cg06745507</t>
  </si>
  <si>
    <t>cg06746101</t>
  </si>
  <si>
    <t>cg06748476</t>
  </si>
  <si>
    <t>cg06752398</t>
  </si>
  <si>
    <t>cg06755825</t>
  </si>
  <si>
    <t>cg06757333</t>
  </si>
  <si>
    <t>cg06762398</t>
  </si>
  <si>
    <t>cg06764665</t>
  </si>
  <si>
    <t>cg06768138</t>
  </si>
  <si>
    <t>cg06777813</t>
  </si>
  <si>
    <t>cg06778713</t>
  </si>
  <si>
    <t>cg06780259</t>
  </si>
  <si>
    <t>cg06782350</t>
  </si>
  <si>
    <t>cg06787422</t>
  </si>
  <si>
    <t>cg06787622</t>
  </si>
  <si>
    <t>cg06790275</t>
  </si>
  <si>
    <t>cg06792126</t>
  </si>
  <si>
    <t>cg06794263</t>
  </si>
  <si>
    <t>cg06795649</t>
  </si>
  <si>
    <t>cg06797280</t>
  </si>
  <si>
    <t>cg06797389</t>
  </si>
  <si>
    <t>cg06813100</t>
  </si>
  <si>
    <t>cg06813578</t>
  </si>
  <si>
    <t>cg06819813</t>
  </si>
  <si>
    <t>cg06822193</t>
  </si>
  <si>
    <t>cg06823926</t>
  </si>
  <si>
    <t>cg06824013</t>
  </si>
  <si>
    <t>cg06824242</t>
  </si>
  <si>
    <t>cg06844939</t>
  </si>
  <si>
    <t>cg06846320</t>
  </si>
  <si>
    <t>cg06847558</t>
  </si>
  <si>
    <t>cg06849860</t>
  </si>
  <si>
    <t>cg06851936</t>
  </si>
  <si>
    <t>cg06854399</t>
  </si>
  <si>
    <t>cg06856840</t>
  </si>
  <si>
    <t>cg06856984</t>
  </si>
  <si>
    <t>cg06861115</t>
  </si>
  <si>
    <t>cg06863171</t>
  </si>
  <si>
    <t>cg06866395</t>
  </si>
  <si>
    <t>cg06869971</t>
  </si>
  <si>
    <t>cg06877762</t>
  </si>
  <si>
    <t>cg06889746</t>
  </si>
  <si>
    <t>cg06891458</t>
  </si>
  <si>
    <t>cg06899491</t>
  </si>
  <si>
    <t>cg06904403</t>
  </si>
  <si>
    <t>cg06904649</t>
  </si>
  <si>
    <t>cg06914505</t>
  </si>
  <si>
    <t>cg06916725</t>
  </si>
  <si>
    <t>cg06917727</t>
  </si>
  <si>
    <t>cg06924081</t>
  </si>
  <si>
    <t>cg06930095</t>
  </si>
  <si>
    <t>cg06933370</t>
  </si>
  <si>
    <t>cg06951969</t>
  </si>
  <si>
    <t>cg06952236</t>
  </si>
  <si>
    <t>cg06958102</t>
  </si>
  <si>
    <t>cg06958211</t>
  </si>
  <si>
    <t>cg06963233</t>
  </si>
  <si>
    <t>cg06991829</t>
  </si>
  <si>
    <t>cg06993413</t>
  </si>
  <si>
    <t>cg06996165</t>
  </si>
  <si>
    <t>cg06996940</t>
  </si>
  <si>
    <t>cg06999083</t>
  </si>
  <si>
    <t>cg06999762</t>
  </si>
  <si>
    <t>cg07000551</t>
  </si>
  <si>
    <t>cg07006564</t>
  </si>
  <si>
    <t>cg07009968</t>
  </si>
  <si>
    <t>cg07010088</t>
  </si>
  <si>
    <t>cg07013680</t>
  </si>
  <si>
    <t>cg07015354</t>
  </si>
  <si>
    <t>cg07015412</t>
  </si>
  <si>
    <t>cg07020176</t>
  </si>
  <si>
    <t>cg07021696</t>
  </si>
  <si>
    <t>cg07030277</t>
  </si>
  <si>
    <t>cg07031532</t>
  </si>
  <si>
    <t>cg07033292</t>
  </si>
  <si>
    <t>cg07035436</t>
  </si>
  <si>
    <t>cg07036561</t>
  </si>
  <si>
    <t>cg07037944</t>
  </si>
  <si>
    <t>cg07038187</t>
  </si>
  <si>
    <t>cg07042729</t>
  </si>
  <si>
    <t>cg07043952</t>
  </si>
  <si>
    <t>cg07045891</t>
  </si>
  <si>
    <t>cg07047589</t>
  </si>
  <si>
    <t>cg07051786</t>
  </si>
  <si>
    <t>cg07055681</t>
  </si>
  <si>
    <t>cg07055993</t>
  </si>
  <si>
    <t>cg07061145</t>
  </si>
  <si>
    <t>cg07061582</t>
  </si>
  <si>
    <t>cg07061707</t>
  </si>
  <si>
    <t>cg07063572</t>
  </si>
  <si>
    <t>cg07064720</t>
  </si>
  <si>
    <t>cg07069342</t>
  </si>
  <si>
    <t>cg07069934</t>
  </si>
  <si>
    <t>cg07076099</t>
  </si>
  <si>
    <t>cg07076836</t>
  </si>
  <si>
    <t>cg07080231</t>
  </si>
  <si>
    <t>cg07083172</t>
  </si>
  <si>
    <t>cg07083556</t>
  </si>
  <si>
    <t>cg07084709</t>
  </si>
  <si>
    <t>cg07091958</t>
  </si>
  <si>
    <t>cg07095945</t>
  </si>
  <si>
    <t>cg07097876</t>
  </si>
  <si>
    <t>cg07102368</t>
  </si>
  <si>
    <t>cg07109804</t>
  </si>
  <si>
    <t>cg07110488</t>
  </si>
  <si>
    <t>cg07116160</t>
  </si>
  <si>
    <t>cg07116693</t>
  </si>
  <si>
    <t>cg07121488</t>
  </si>
  <si>
    <t>cg07124372</t>
  </si>
  <si>
    <t>cg07125112</t>
  </si>
  <si>
    <t>cg07129439</t>
  </si>
  <si>
    <t>cg07138793</t>
  </si>
  <si>
    <t>cg07144689</t>
  </si>
  <si>
    <t>cg07146773</t>
  </si>
  <si>
    <t>cg07148207</t>
  </si>
  <si>
    <t>cg07148752</t>
  </si>
  <si>
    <t>cg07152259</t>
  </si>
  <si>
    <t>cg07157248</t>
  </si>
  <si>
    <t>cg07157825</t>
  </si>
  <si>
    <t>cg07158528</t>
  </si>
  <si>
    <t>cg07158808</t>
  </si>
  <si>
    <t>cg07161172</t>
  </si>
  <si>
    <t>cg07165120</t>
  </si>
  <si>
    <t>cg07167994</t>
  </si>
  <si>
    <t>cg07169046</t>
  </si>
  <si>
    <t>cg07177661</t>
  </si>
  <si>
    <t>cg07177867</t>
  </si>
  <si>
    <t>cg07179000</t>
  </si>
  <si>
    <t>cg07192821</t>
  </si>
  <si>
    <t>cg07193234</t>
  </si>
  <si>
    <t>cg07194551</t>
  </si>
  <si>
    <t>cg07199257</t>
  </si>
  <si>
    <t>cg07202353</t>
  </si>
  <si>
    <t>cg07212541</t>
  </si>
  <si>
    <t>cg07216112</t>
  </si>
  <si>
    <t>cg07220085</t>
  </si>
  <si>
    <t>cg07221204</t>
  </si>
  <si>
    <t>cg07229001</t>
  </si>
  <si>
    <t>cg07232475</t>
  </si>
  <si>
    <t>cg07243932</t>
  </si>
  <si>
    <t>cg07245921</t>
  </si>
  <si>
    <t>cg07248195</t>
  </si>
  <si>
    <t>cg07248455</t>
  </si>
  <si>
    <t>cg07249888</t>
  </si>
  <si>
    <t>cg07250036</t>
  </si>
  <si>
    <t>cg07251857</t>
  </si>
  <si>
    <t>cg07268058</t>
  </si>
  <si>
    <t>cg07277387</t>
  </si>
  <si>
    <t>cg07283630</t>
  </si>
  <si>
    <t>cg07284379</t>
  </si>
  <si>
    <t>cg07286436</t>
  </si>
  <si>
    <t>cg07288587</t>
  </si>
  <si>
    <t>cg07315755</t>
  </si>
  <si>
    <t>cg07316217</t>
  </si>
  <si>
    <t>cg07320850</t>
  </si>
  <si>
    <t>cg07326149</t>
  </si>
  <si>
    <t>cg07326768</t>
  </si>
  <si>
    <t>cg07335556</t>
  </si>
  <si>
    <t>cg07336426</t>
  </si>
  <si>
    <t>cg07340020</t>
  </si>
  <si>
    <t>cg07340423</t>
  </si>
  <si>
    <t>cg07342559</t>
  </si>
  <si>
    <t>cg07344355</t>
  </si>
  <si>
    <t>cg07345510</t>
  </si>
  <si>
    <t>cg07353895</t>
  </si>
  <si>
    <t>cg07355751</t>
  </si>
  <si>
    <t>cg07357716</t>
  </si>
  <si>
    <t>cg07359633</t>
  </si>
  <si>
    <t>cg07361154</t>
  </si>
  <si>
    <t>cg07364638</t>
  </si>
  <si>
    <t>cg07375840</t>
  </si>
  <si>
    <t>cg07382129</t>
  </si>
  <si>
    <t>cg07383950</t>
  </si>
  <si>
    <t>cg07398839</t>
  </si>
  <si>
    <t>cg07421682</t>
  </si>
  <si>
    <t>cg07431199</t>
  </si>
  <si>
    <t>cg07431522</t>
  </si>
  <si>
    <t>cg07435215</t>
  </si>
  <si>
    <t>cg07435359</t>
  </si>
  <si>
    <t>cg07466531</t>
  </si>
  <si>
    <t>cg07466582</t>
  </si>
  <si>
    <t>cg07469594</t>
  </si>
  <si>
    <t>cg07477282</t>
  </si>
  <si>
    <t>cg07483245</t>
  </si>
  <si>
    <t>cg07485916</t>
  </si>
  <si>
    <t>cg07488073</t>
  </si>
  <si>
    <t>cg07488506</t>
  </si>
  <si>
    <t>cg07491109</t>
  </si>
  <si>
    <t>cg07491676</t>
  </si>
  <si>
    <t>cg07512971</t>
  </si>
  <si>
    <t>cg07513768</t>
  </si>
  <si>
    <t>cg07515350</t>
  </si>
  <si>
    <t>cg07523089</t>
  </si>
  <si>
    <t>cg07525445</t>
  </si>
  <si>
    <t>cg07527032</t>
  </si>
  <si>
    <t>cg07528974</t>
  </si>
  <si>
    <t>cg07529087</t>
  </si>
  <si>
    <t>cg07544511</t>
  </si>
  <si>
    <t>cg07562821</t>
  </si>
  <si>
    <t>cg07562988</t>
  </si>
  <si>
    <t>cg07564793</t>
  </si>
  <si>
    <t>cg07566833</t>
  </si>
  <si>
    <t>cg07572579</t>
  </si>
  <si>
    <t>cg07576376</t>
  </si>
  <si>
    <t>cg07577267</t>
  </si>
  <si>
    <t>cg07584208</t>
  </si>
  <si>
    <t>cg07584237</t>
  </si>
  <si>
    <t>cg07598561</t>
  </si>
  <si>
    <t>cg07614371</t>
  </si>
  <si>
    <t>cg07616791</t>
  </si>
  <si>
    <t>cg07617246</t>
  </si>
  <si>
    <t>cg07618581</t>
  </si>
  <si>
    <t>cg07619672</t>
  </si>
  <si>
    <t>cg07621610</t>
  </si>
  <si>
    <t>cg07621749</t>
  </si>
  <si>
    <t>cg07625156</t>
  </si>
  <si>
    <t>cg07630255</t>
  </si>
  <si>
    <t>cg07639720</t>
  </si>
  <si>
    <t>cg07684353</t>
  </si>
  <si>
    <t>cg07688277</t>
  </si>
  <si>
    <t>cg07692473</t>
  </si>
  <si>
    <t>cg07695058</t>
  </si>
  <si>
    <t>cg07698384</t>
  </si>
  <si>
    <t>cg07699300</t>
  </si>
  <si>
    <t>cg07699440</t>
  </si>
  <si>
    <t>cg07716696</t>
  </si>
  <si>
    <t>cg07720646</t>
  </si>
  <si>
    <t>cg07725123</t>
  </si>
  <si>
    <t>cg07727170</t>
  </si>
  <si>
    <t>cg07730907</t>
  </si>
  <si>
    <t>cg07754143</t>
  </si>
  <si>
    <t>cg07756477</t>
  </si>
  <si>
    <t>cg07759162</t>
  </si>
  <si>
    <t>cg07760796</t>
  </si>
  <si>
    <t>cg07769332</t>
  </si>
  <si>
    <t>cg07769790</t>
  </si>
  <si>
    <t>cg07775813</t>
  </si>
  <si>
    <t>cg07808023</t>
  </si>
  <si>
    <t>cg07811054</t>
  </si>
  <si>
    <t>cg07813285</t>
  </si>
  <si>
    <t>cg07814318</t>
  </si>
  <si>
    <t>cg07814414</t>
  </si>
  <si>
    <t>cg07815238</t>
  </si>
  <si>
    <t>cg07866131</t>
  </si>
  <si>
    <t>cg07873251</t>
  </si>
  <si>
    <t>cg07881273</t>
  </si>
  <si>
    <t>cg07890839</t>
  </si>
  <si>
    <t>cg07890954</t>
  </si>
  <si>
    <t>cg07891271</t>
  </si>
  <si>
    <t>cg07891911</t>
  </si>
  <si>
    <t>cg07891971</t>
  </si>
  <si>
    <t>cg07894967</t>
  </si>
  <si>
    <t>cg07907534</t>
  </si>
  <si>
    <t>cg07911768</t>
  </si>
  <si>
    <t>cg07917269</t>
  </si>
  <si>
    <t>cg07921712</t>
  </si>
  <si>
    <t>cg07927984</t>
  </si>
  <si>
    <t>cg07930578</t>
  </si>
  <si>
    <t>cg07943548</t>
  </si>
  <si>
    <t>cg07944405</t>
  </si>
  <si>
    <t>cg07945925</t>
  </si>
  <si>
    <t>cg07956282</t>
  </si>
  <si>
    <t>cg07959104</t>
  </si>
  <si>
    <t>cg07959469</t>
  </si>
  <si>
    <t>cg07961715</t>
  </si>
  <si>
    <t>cg07965586</t>
  </si>
  <si>
    <t>cg07965839</t>
  </si>
  <si>
    <t>cg07966388</t>
  </si>
  <si>
    <t>cg07967254</t>
  </si>
  <si>
    <t>cg07973395</t>
  </si>
  <si>
    <t>cg07976408</t>
  </si>
  <si>
    <t>cg07979034</t>
  </si>
  <si>
    <t>cg07981370</t>
  </si>
  <si>
    <t>cg07983363</t>
  </si>
  <si>
    <t>cg07983955</t>
  </si>
  <si>
    <t>cg07985164</t>
  </si>
  <si>
    <t>cg07987890</t>
  </si>
  <si>
    <t>cg07989851</t>
  </si>
  <si>
    <t>cg08001256</t>
  </si>
  <si>
    <t>cg08007378</t>
  </si>
  <si>
    <t>cg08016383</t>
  </si>
  <si>
    <t>cg08017248</t>
  </si>
  <si>
    <t>cg08025786</t>
  </si>
  <si>
    <t>cg08027001</t>
  </si>
  <si>
    <t>cg08033551</t>
  </si>
  <si>
    <t>cg08036289</t>
  </si>
  <si>
    <t>cg08041140</t>
  </si>
  <si>
    <t>cg08060353</t>
  </si>
  <si>
    <t>cg08063317</t>
  </si>
  <si>
    <t>cg08064292</t>
  </si>
  <si>
    <t>cg08065048</t>
  </si>
  <si>
    <t>cg08065374</t>
  </si>
  <si>
    <t>cg08066123</t>
  </si>
  <si>
    <t>cg08069370</t>
  </si>
  <si>
    <t>cg08080024</t>
  </si>
  <si>
    <t>cg08080395</t>
  </si>
  <si>
    <t>cg08081036</t>
  </si>
  <si>
    <t>cg08094175</t>
  </si>
  <si>
    <t>cg08095532</t>
  </si>
  <si>
    <t>cg08096367</t>
  </si>
  <si>
    <t>cg08096582</t>
  </si>
  <si>
    <t>cg08099701</t>
  </si>
  <si>
    <t>cg08101192</t>
  </si>
  <si>
    <t>cg08106764</t>
  </si>
  <si>
    <t>cg08108750</t>
  </si>
  <si>
    <t>cg08117110</t>
  </si>
  <si>
    <t>cg08120141</t>
  </si>
  <si>
    <t>cg08121164</t>
  </si>
  <si>
    <t>cg08123816</t>
  </si>
  <si>
    <t>cg08131309</t>
  </si>
  <si>
    <t>cg08133919</t>
  </si>
  <si>
    <t>cg08148660</t>
  </si>
  <si>
    <t>cg08149251</t>
  </si>
  <si>
    <t>cg08151731</t>
  </si>
  <si>
    <t>cg08152065</t>
  </si>
  <si>
    <t>cg08155465</t>
  </si>
  <si>
    <t>cg08156016</t>
  </si>
  <si>
    <t>cg08156074</t>
  </si>
  <si>
    <t>cg08159447</t>
  </si>
  <si>
    <t>cg08163714</t>
  </si>
  <si>
    <t>cg08165794</t>
  </si>
  <si>
    <t>cg08170950</t>
  </si>
  <si>
    <t>cg08175536</t>
  </si>
  <si>
    <t>cg08177743</t>
  </si>
  <si>
    <t>cg08179428</t>
  </si>
  <si>
    <t>cg08180028</t>
  </si>
  <si>
    <t>cg08180032</t>
  </si>
  <si>
    <t>cg08181324</t>
  </si>
  <si>
    <t>cg08183300</t>
  </si>
  <si>
    <t>cg08183407</t>
  </si>
  <si>
    <t>cg08190298</t>
  </si>
  <si>
    <t>cg08191046</t>
  </si>
  <si>
    <t>cg08194505</t>
  </si>
  <si>
    <t>cg08194650</t>
  </si>
  <si>
    <t>cg08200404</t>
  </si>
  <si>
    <t>cg08203682</t>
  </si>
  <si>
    <t>cg08208917</t>
  </si>
  <si>
    <t>cg08211967</t>
  </si>
  <si>
    <t>cg08255105</t>
  </si>
  <si>
    <t>cg08263361</t>
  </si>
  <si>
    <t>cg08270539</t>
  </si>
  <si>
    <t>cg08271842</t>
  </si>
  <si>
    <t>cg08273635</t>
  </si>
  <si>
    <t>cg08276295</t>
  </si>
  <si>
    <t>cg08277836</t>
  </si>
  <si>
    <t>cg08278078</t>
  </si>
  <si>
    <t>cg08278440</t>
  </si>
  <si>
    <t>cg08278937</t>
  </si>
  <si>
    <t>cg08279304</t>
  </si>
  <si>
    <t>cg08281084</t>
  </si>
  <si>
    <t>cg08284758</t>
  </si>
  <si>
    <t>cg08285415</t>
  </si>
  <si>
    <t>cg08285677</t>
  </si>
  <si>
    <t>cg08289525</t>
  </si>
  <si>
    <t>cg08294267</t>
  </si>
  <si>
    <t>cg08302468</t>
  </si>
  <si>
    <t>cg08306365</t>
  </si>
  <si>
    <t>cg08307030</t>
  </si>
  <si>
    <t>cg08321268</t>
  </si>
  <si>
    <t>cg08334034</t>
  </si>
  <si>
    <t>cg08337773</t>
  </si>
  <si>
    <t>cg08342270</t>
  </si>
  <si>
    <t>cg08343671</t>
  </si>
  <si>
    <t>cg08345626</t>
  </si>
  <si>
    <t>cg08350173</t>
  </si>
  <si>
    <t>cg08353973</t>
  </si>
  <si>
    <t>cg08362102</t>
  </si>
  <si>
    <t>cg08362592</t>
  </si>
  <si>
    <t>cg08369013</t>
  </si>
  <si>
    <t>cg08370996</t>
  </si>
  <si>
    <t>cg08371852</t>
  </si>
  <si>
    <t>cg08371920</t>
  </si>
  <si>
    <t>cg08372668</t>
  </si>
  <si>
    <t>cg08404227</t>
  </si>
  <si>
    <t>cg08410039</t>
  </si>
  <si>
    <t>cg08417338</t>
  </si>
  <si>
    <t>cg08422793</t>
  </si>
  <si>
    <t>cg08423142</t>
  </si>
  <si>
    <t>cg08423682</t>
  </si>
  <si>
    <t>cg08428878</t>
  </si>
  <si>
    <t>cg08429308</t>
  </si>
  <si>
    <t>cg08433293</t>
  </si>
  <si>
    <t>cg08435157</t>
  </si>
  <si>
    <t>cg08441822</t>
  </si>
  <si>
    <t>cg08446692</t>
  </si>
  <si>
    <t>cg08447254</t>
  </si>
  <si>
    <t>cg08462545</t>
  </si>
  <si>
    <t>cg08463231</t>
  </si>
  <si>
    <t>cg08481732</t>
  </si>
  <si>
    <t>cg08483425</t>
  </si>
  <si>
    <t>cg08491013</t>
  </si>
  <si>
    <t>cg08513681</t>
  </si>
  <si>
    <t>cg08513881</t>
  </si>
  <si>
    <t>cg08551047</t>
  </si>
  <si>
    <t>cg08557649</t>
  </si>
  <si>
    <t>cg08559424</t>
  </si>
  <si>
    <t>cg08574592</t>
  </si>
  <si>
    <t>cg08583049</t>
  </si>
  <si>
    <t>cg08594043</t>
  </si>
  <si>
    <t>cg08595157</t>
  </si>
  <si>
    <t>cg08616234</t>
  </si>
  <si>
    <t>cg08618113</t>
  </si>
  <si>
    <t>cg08620558</t>
  </si>
  <si>
    <t>cg08623941</t>
  </si>
  <si>
    <t>cg08630080</t>
  </si>
  <si>
    <t>cg08631783</t>
  </si>
  <si>
    <t>cg08632767</t>
  </si>
  <si>
    <t>cg08637403</t>
  </si>
  <si>
    <t>cg08637583</t>
  </si>
  <si>
    <t>cg08641118</t>
  </si>
  <si>
    <t>cg08642016</t>
  </si>
  <si>
    <t>cg08642285</t>
  </si>
  <si>
    <t>cg08659539</t>
  </si>
  <si>
    <t>cg08661338</t>
  </si>
  <si>
    <t>cg08675869</t>
  </si>
  <si>
    <t>cg08678055</t>
  </si>
  <si>
    <t>cg08682475</t>
  </si>
  <si>
    <t>cg08688393</t>
  </si>
  <si>
    <t>cg08688512</t>
  </si>
  <si>
    <t>cg08688548</t>
  </si>
  <si>
    <t>cg08688592</t>
  </si>
  <si>
    <t>cg08692282</t>
  </si>
  <si>
    <t>cg08693997</t>
  </si>
  <si>
    <t>cg08695763</t>
  </si>
  <si>
    <t>cg08701566</t>
  </si>
  <si>
    <t>cg08703324</t>
  </si>
  <si>
    <t>cg08703540</t>
  </si>
  <si>
    <t>cg08703613</t>
  </si>
  <si>
    <t>cg08704172</t>
  </si>
  <si>
    <t>cg08704302</t>
  </si>
  <si>
    <t>cg08718071</t>
  </si>
  <si>
    <t>cg08724371</t>
  </si>
  <si>
    <t>cg08724901</t>
  </si>
  <si>
    <t>cg08732418</t>
  </si>
  <si>
    <t>cg08733315</t>
  </si>
  <si>
    <t>cg08746496</t>
  </si>
  <si>
    <t>cg08749443</t>
  </si>
  <si>
    <t>cg08749862</t>
  </si>
  <si>
    <t>cg08750547</t>
  </si>
  <si>
    <t>cg08757531</t>
  </si>
  <si>
    <t>cg08761208</t>
  </si>
  <si>
    <t>cg08762628</t>
  </si>
  <si>
    <t>cg08764761</t>
  </si>
  <si>
    <t>cg08766812</t>
  </si>
  <si>
    <t>cg08778287</t>
  </si>
  <si>
    <t>cg08783514</t>
  </si>
  <si>
    <t>cg08815652</t>
  </si>
  <si>
    <t>cg08817171</t>
  </si>
  <si>
    <t>cg08828594</t>
  </si>
  <si>
    <t>cg08839913</t>
  </si>
  <si>
    <t>cg08857201</t>
  </si>
  <si>
    <t>cg08867241</t>
  </si>
  <si>
    <t>cg08869031</t>
  </si>
  <si>
    <t>cg08880153</t>
  </si>
  <si>
    <t>cg08883074</t>
  </si>
  <si>
    <t>cg08884669</t>
  </si>
  <si>
    <t>cg08884974</t>
  </si>
  <si>
    <t>cg08885100</t>
  </si>
  <si>
    <t>cg08891110</t>
  </si>
  <si>
    <t>cg08893139</t>
  </si>
  <si>
    <t>cg08908089</t>
  </si>
  <si>
    <t>cg08910558</t>
  </si>
  <si>
    <t>cg08919359</t>
  </si>
  <si>
    <t>cg08932277</t>
  </si>
  <si>
    <t>cg08934372</t>
  </si>
  <si>
    <t>cg08935118</t>
  </si>
  <si>
    <t>cg08944390</t>
  </si>
  <si>
    <t>cg08947167</t>
  </si>
  <si>
    <t>cg08961287</t>
  </si>
  <si>
    <t>cg08996748</t>
  </si>
  <si>
    <t>cg09020461</t>
  </si>
  <si>
    <t>cg09038355</t>
  </si>
  <si>
    <t>cg09047513</t>
  </si>
  <si>
    <t>cg09068447</t>
  </si>
  <si>
    <t>cg09073799</t>
  </si>
  <si>
    <t>cg09077934</t>
  </si>
  <si>
    <t>cg09084885</t>
  </si>
  <si>
    <t>cg09086964</t>
  </si>
  <si>
    <t>cg09088153</t>
  </si>
  <si>
    <t>cg09088406</t>
  </si>
  <si>
    <t>cg09092052</t>
  </si>
  <si>
    <t>cg09112687</t>
  </si>
  <si>
    <t>cg09123188</t>
  </si>
  <si>
    <t>cg09126527</t>
  </si>
  <si>
    <t>cg09149294</t>
  </si>
  <si>
    <t>cg09153812</t>
  </si>
  <si>
    <t>cg09155362</t>
  </si>
  <si>
    <t>cg09156067</t>
  </si>
  <si>
    <t>cg09157272</t>
  </si>
  <si>
    <t>cg09160955</t>
  </si>
  <si>
    <t>cg09162949</t>
  </si>
  <si>
    <t>cg09166898</t>
  </si>
  <si>
    <t>cg09169335</t>
  </si>
  <si>
    <t>cg09169617</t>
  </si>
  <si>
    <t>cg09169633</t>
  </si>
  <si>
    <t>cg09169796</t>
  </si>
  <si>
    <t>cg09171565</t>
  </si>
  <si>
    <t>cg09175993</t>
  </si>
  <si>
    <t>cg09177277</t>
  </si>
  <si>
    <t>cg09180848</t>
  </si>
  <si>
    <t>cg09180926</t>
  </si>
  <si>
    <t>cg09182750</t>
  </si>
  <si>
    <t>cg09192711</t>
  </si>
  <si>
    <t>cg09200308</t>
  </si>
  <si>
    <t>cg09200774</t>
  </si>
  <si>
    <t>cg09204108</t>
  </si>
  <si>
    <t>cg09207718</t>
  </si>
  <si>
    <t>cg09208961</t>
  </si>
  <si>
    <t>cg09214412</t>
  </si>
  <si>
    <t>cg09214993</t>
  </si>
  <si>
    <t>cg09225537</t>
  </si>
  <si>
    <t>cg09240555</t>
  </si>
  <si>
    <t>cg09241174</t>
  </si>
  <si>
    <t>cg09242901</t>
  </si>
  <si>
    <t>cg09252315</t>
  </si>
  <si>
    <t>cg09257101</t>
  </si>
  <si>
    <t>cg09274392</t>
  </si>
  <si>
    <t>cg09277546</t>
  </si>
  <si>
    <t>cg09280095</t>
  </si>
  <si>
    <t>cg09281580</t>
  </si>
  <si>
    <t>cg09291474</t>
  </si>
  <si>
    <t>cg09297361</t>
  </si>
  <si>
    <t>cg09299055</t>
  </si>
  <si>
    <t>cg09325101</t>
  </si>
  <si>
    <t>cg09337653</t>
  </si>
  <si>
    <t>cg09345916</t>
  </si>
  <si>
    <t>cg09347959</t>
  </si>
  <si>
    <t>cg09353345</t>
  </si>
  <si>
    <t>cg09370277</t>
  </si>
  <si>
    <t>cg09370442</t>
  </si>
  <si>
    <t>cg09390001</t>
  </si>
  <si>
    <t>cg09393834</t>
  </si>
  <si>
    <t>cg09395718</t>
  </si>
  <si>
    <t>cg09398166</t>
  </si>
  <si>
    <t>cg09398200</t>
  </si>
  <si>
    <t>cg09399801</t>
  </si>
  <si>
    <t>cg09400152</t>
  </si>
  <si>
    <t>cg09406548</t>
  </si>
  <si>
    <t>cg09406887</t>
  </si>
  <si>
    <t>cg09407660</t>
  </si>
  <si>
    <t>cg09408937</t>
  </si>
  <si>
    <t>cg09418852</t>
  </si>
  <si>
    <t>cg09419297</t>
  </si>
  <si>
    <t>cg09427370</t>
  </si>
  <si>
    <t>cg09434536</t>
  </si>
  <si>
    <t>cg09434667</t>
  </si>
  <si>
    <t>cg09438605</t>
  </si>
  <si>
    <t>cg09439002</t>
  </si>
  <si>
    <t>cg09440268</t>
  </si>
  <si>
    <t>cg09444664</t>
  </si>
  <si>
    <t>cg09444979</t>
  </si>
  <si>
    <t>cg09454187</t>
  </si>
  <si>
    <t>cg09454882</t>
  </si>
  <si>
    <t>cg09455126</t>
  </si>
  <si>
    <t>cg09463814</t>
  </si>
  <si>
    <t>cg09465288</t>
  </si>
  <si>
    <t>cg09469610</t>
  </si>
  <si>
    <t>cg09472467</t>
  </si>
  <si>
    <t>cg09476611</t>
  </si>
  <si>
    <t>cg09484019</t>
  </si>
  <si>
    <t>cg09485853</t>
  </si>
  <si>
    <t>cg09489435</t>
  </si>
  <si>
    <t>cg09492074</t>
  </si>
  <si>
    <t>cg09493290</t>
  </si>
  <si>
    <t>cg09494705</t>
  </si>
  <si>
    <t>cg09497124</t>
  </si>
  <si>
    <t>cg09497644</t>
  </si>
  <si>
    <t>cg09500738</t>
  </si>
  <si>
    <t>cg09501314</t>
  </si>
  <si>
    <t>cg09503202</t>
  </si>
  <si>
    <t>cg09507185</t>
  </si>
  <si>
    <t>cg09514589</t>
  </si>
  <si>
    <t>cg09522251</t>
  </si>
  <si>
    <t>cg09528275</t>
  </si>
  <si>
    <t>cg09533293</t>
  </si>
  <si>
    <t>cg09537173</t>
  </si>
  <si>
    <t>cg09550097</t>
  </si>
  <si>
    <t>cg09553981</t>
  </si>
  <si>
    <t>cg09578018</t>
  </si>
  <si>
    <t>cg09587957</t>
  </si>
  <si>
    <t>cg09593286</t>
  </si>
  <si>
    <t>cg09610163</t>
  </si>
  <si>
    <t>cg09610601</t>
  </si>
  <si>
    <t>cg09616787</t>
  </si>
  <si>
    <t>cg09619786</t>
  </si>
  <si>
    <t>cg09625274</t>
  </si>
  <si>
    <t>cg09628216</t>
  </si>
  <si>
    <t>cg09634094</t>
  </si>
  <si>
    <t>cg09635662</t>
  </si>
  <si>
    <t>cg09638686</t>
  </si>
  <si>
    <t>cg09641578</t>
  </si>
  <si>
    <t>cg09656405</t>
  </si>
  <si>
    <t>cg09657114</t>
  </si>
  <si>
    <t>cg09663530</t>
  </si>
  <si>
    <t>cg09664357</t>
  </si>
  <si>
    <t>cg09667582</t>
  </si>
  <si>
    <t>cg09668570</t>
  </si>
  <si>
    <t>cg09670701</t>
  </si>
  <si>
    <t>cg09682213</t>
  </si>
  <si>
    <t>cg09690424</t>
  </si>
  <si>
    <t>cg09693508</t>
  </si>
  <si>
    <t>cg09695734</t>
  </si>
  <si>
    <t>cg09696121</t>
  </si>
  <si>
    <t>cg09696359</t>
  </si>
  <si>
    <t>cg09698655</t>
  </si>
  <si>
    <t>cg09704159</t>
  </si>
  <si>
    <t>cg09704544</t>
  </si>
  <si>
    <t>cg09706133</t>
  </si>
  <si>
    <t>cg09706277</t>
  </si>
  <si>
    <t>cg09706929</t>
  </si>
  <si>
    <t>cg09738906</t>
  </si>
  <si>
    <t>cg09740775</t>
  </si>
  <si>
    <t>cg09743375</t>
  </si>
  <si>
    <t>cg09744397</t>
  </si>
  <si>
    <t>cg09744966</t>
  </si>
  <si>
    <t>cg09746044</t>
  </si>
  <si>
    <t>cg09747445</t>
  </si>
  <si>
    <t>cg09750144</t>
  </si>
  <si>
    <t>cg09777506</t>
  </si>
  <si>
    <t>cg09778794</t>
  </si>
  <si>
    <t>cg09782034</t>
  </si>
  <si>
    <t>cg09782560</t>
  </si>
  <si>
    <t>cg09784307</t>
  </si>
  <si>
    <t>cg09785099</t>
  </si>
  <si>
    <t>cg09786269</t>
  </si>
  <si>
    <t>cg09788352</t>
  </si>
  <si>
    <t>cg09803904</t>
  </si>
  <si>
    <t>cg09819222</t>
  </si>
  <si>
    <t>cg09824558</t>
  </si>
  <si>
    <t>cg09825845</t>
  </si>
  <si>
    <t>cg09830575</t>
  </si>
  <si>
    <t>cg09832316</t>
  </si>
  <si>
    <t>cg09836324</t>
  </si>
  <si>
    <t>cg09837656</t>
  </si>
  <si>
    <t>cg09838956</t>
  </si>
  <si>
    <t>cg09844257</t>
  </si>
  <si>
    <t>cg09845145</t>
  </si>
  <si>
    <t>cg09848010</t>
  </si>
  <si>
    <t>cg09852187</t>
  </si>
  <si>
    <t>cg09856295</t>
  </si>
  <si>
    <t>cg09859112</t>
  </si>
  <si>
    <t>cg09859896</t>
  </si>
  <si>
    <t>cg09868640</t>
  </si>
  <si>
    <t>cg09870609</t>
  </si>
  <si>
    <t>cg09871666</t>
  </si>
  <si>
    <t>cg09872774</t>
  </si>
  <si>
    <t>cg09874600</t>
  </si>
  <si>
    <t>cg09874605</t>
  </si>
  <si>
    <t>cg09878473</t>
  </si>
  <si>
    <t>cg09882629</t>
  </si>
  <si>
    <t>cg09883851</t>
  </si>
  <si>
    <t>cg09884077</t>
  </si>
  <si>
    <t>cg09885735</t>
  </si>
  <si>
    <t>cg09886641</t>
  </si>
  <si>
    <t>cg09890891</t>
  </si>
  <si>
    <t>cg09893217</t>
  </si>
  <si>
    <t>cg09900371</t>
  </si>
  <si>
    <t>cg09912768</t>
  </si>
  <si>
    <t>cg09914542</t>
  </si>
  <si>
    <t>cg09916599</t>
  </si>
  <si>
    <t>cg09917562</t>
  </si>
  <si>
    <t>cg09918751</t>
  </si>
  <si>
    <t>cg09919743</t>
  </si>
  <si>
    <t>cg09925057</t>
  </si>
  <si>
    <t>cg09927805</t>
  </si>
  <si>
    <t>cg09934219</t>
  </si>
  <si>
    <t>cg09939229</t>
  </si>
  <si>
    <t>cg09939948</t>
  </si>
  <si>
    <t>cg09941712</t>
  </si>
  <si>
    <t>cg09947810</t>
  </si>
  <si>
    <t>cg09955491</t>
  </si>
  <si>
    <t>cg09956485</t>
  </si>
  <si>
    <t>cg09958402</t>
  </si>
  <si>
    <t>cg09965363</t>
  </si>
  <si>
    <t>cg09970194</t>
  </si>
  <si>
    <t>cg09970483</t>
  </si>
  <si>
    <t>cg09976282</t>
  </si>
  <si>
    <t>cg09976724</t>
  </si>
  <si>
    <t>cg09978546</t>
  </si>
  <si>
    <t>cg09982005</t>
  </si>
  <si>
    <t>cg09983243</t>
  </si>
  <si>
    <t>cg09983546</t>
  </si>
  <si>
    <t>cg09984339</t>
  </si>
  <si>
    <t>cg09985793</t>
  </si>
  <si>
    <t>cg09986456</t>
  </si>
  <si>
    <t>cg09998251</t>
  </si>
  <si>
    <t>cg10002133</t>
  </si>
  <si>
    <t>cg10004179</t>
  </si>
  <si>
    <t>cg10009577</t>
  </si>
  <si>
    <t>cg10040836</t>
  </si>
  <si>
    <t>cg10042437</t>
  </si>
  <si>
    <t>cg10067427</t>
  </si>
  <si>
    <t>cg10070260</t>
  </si>
  <si>
    <t>cg10070864</t>
  </si>
  <si>
    <t>cg10073794</t>
  </si>
  <si>
    <t>cg10074949</t>
  </si>
  <si>
    <t>cg10077410</t>
  </si>
  <si>
    <t>cg10078511</t>
  </si>
  <si>
    <t>cg10081086</t>
  </si>
  <si>
    <t>cg10081723</t>
  </si>
  <si>
    <t>cg10083643</t>
  </si>
  <si>
    <t>cg10084202</t>
  </si>
  <si>
    <t>cg10088491</t>
  </si>
  <si>
    <t>cg10088715</t>
  </si>
  <si>
    <t>cg10091775</t>
  </si>
  <si>
    <t>cg10092080</t>
  </si>
  <si>
    <t>cg10092935</t>
  </si>
  <si>
    <t>cg10098175</t>
  </si>
  <si>
    <t>cg10102736</t>
  </si>
  <si>
    <t>cg10107330</t>
  </si>
  <si>
    <t>cg10129938</t>
  </si>
  <si>
    <t>cg10130180</t>
  </si>
  <si>
    <t>cg10131088</t>
  </si>
  <si>
    <t>cg10133825</t>
  </si>
  <si>
    <t>cg10135178</t>
  </si>
  <si>
    <t>cg10135717</t>
  </si>
  <si>
    <t>cg10140153</t>
  </si>
  <si>
    <t>cg10142436</t>
  </si>
  <si>
    <t>cg10144474</t>
  </si>
  <si>
    <t>cg10146663</t>
  </si>
  <si>
    <t>cg10147044</t>
  </si>
  <si>
    <t>cg10151901</t>
  </si>
  <si>
    <t>cg10153019</t>
  </si>
  <si>
    <t>cg10157251</t>
  </si>
  <si>
    <t>cg10158715</t>
  </si>
  <si>
    <t>cg10162747</t>
  </si>
  <si>
    <t>cg10164738</t>
  </si>
  <si>
    <t>cg10170049</t>
  </si>
  <si>
    <t>cg10173075</t>
  </si>
  <si>
    <t>cg10173620</t>
  </si>
  <si>
    <t>cg10178905</t>
  </si>
  <si>
    <t>cg10186039</t>
  </si>
  <si>
    <t>cg10186733</t>
  </si>
  <si>
    <t>cg10190035</t>
  </si>
  <si>
    <t>cg10193091</t>
  </si>
  <si>
    <t>cg10195203</t>
  </si>
  <si>
    <t>cg10201668</t>
  </si>
  <si>
    <t>cg10209670</t>
  </si>
  <si>
    <t>cg10210369</t>
  </si>
  <si>
    <t>cg10213649</t>
  </si>
  <si>
    <t>cg10236962</t>
  </si>
  <si>
    <t>cg10243681</t>
  </si>
  <si>
    <t>cg10251550</t>
  </si>
  <si>
    <t>cg10253457</t>
  </si>
  <si>
    <t>cg10258860</t>
  </si>
  <si>
    <t>cg10266060</t>
  </si>
  <si>
    <t>cg10267614</t>
  </si>
  <si>
    <t>cg10271529</t>
  </si>
  <si>
    <t>cg10272336</t>
  </si>
  <si>
    <t>cg10273821</t>
  </si>
  <si>
    <t>cg10277500</t>
  </si>
  <si>
    <t>cg10280535</t>
  </si>
  <si>
    <t>cg10283707</t>
  </si>
  <si>
    <t>cg10307580</t>
  </si>
  <si>
    <t>cg10313109</t>
  </si>
  <si>
    <t>cg10316141</t>
  </si>
  <si>
    <t>cg10317111</t>
  </si>
  <si>
    <t>cg10318222</t>
  </si>
  <si>
    <t>cg10323051</t>
  </si>
  <si>
    <t>cg10327976</t>
  </si>
  <si>
    <t>cg10328844</t>
  </si>
  <si>
    <t>cg10336108</t>
  </si>
  <si>
    <t>cg10342908</t>
  </si>
  <si>
    <t>cg10344832</t>
  </si>
  <si>
    <t>cg10355997</t>
  </si>
  <si>
    <t>cg10377690</t>
  </si>
  <si>
    <t>cg10381488</t>
  </si>
  <si>
    <t>cg10391950</t>
  </si>
  <si>
    <t>cg10394898</t>
  </si>
  <si>
    <t>cg10398682</t>
  </si>
  <si>
    <t>cg10401733</t>
  </si>
  <si>
    <t>cg10402698</t>
  </si>
  <si>
    <t>cg10408410</t>
  </si>
  <si>
    <t>cg10413089</t>
  </si>
  <si>
    <t>cg10418862</t>
  </si>
  <si>
    <t>cg10421002</t>
  </si>
  <si>
    <t>cg10423031</t>
  </si>
  <si>
    <t>cg10430444</t>
  </si>
  <si>
    <t>cg10437265</t>
  </si>
  <si>
    <t>cg10437842</t>
  </si>
  <si>
    <t>cg10438282</t>
  </si>
  <si>
    <t>cg10451566</t>
  </si>
  <si>
    <t>cg10451977</t>
  </si>
  <si>
    <t>cg10453365</t>
  </si>
  <si>
    <t>cg10461560</t>
  </si>
  <si>
    <t>cg10462593</t>
  </si>
  <si>
    <t>cg10462820</t>
  </si>
  <si>
    <t>cg10464076</t>
  </si>
  <si>
    <t>cg10470524</t>
  </si>
  <si>
    <t>cg10473588</t>
  </si>
  <si>
    <t>cg10474377</t>
  </si>
  <si>
    <t>cg10481417</t>
  </si>
  <si>
    <t>cg10481534</t>
  </si>
  <si>
    <t>cg10483776</t>
  </si>
  <si>
    <t>cg10486488</t>
  </si>
  <si>
    <t>cg10507754</t>
  </si>
  <si>
    <t>cg10508022</t>
  </si>
  <si>
    <t>cg10533282</t>
  </si>
  <si>
    <t>cg10537277</t>
  </si>
  <si>
    <t>cg10537328</t>
  </si>
  <si>
    <t>cg10543953</t>
  </si>
  <si>
    <t>cg10545250</t>
  </si>
  <si>
    <t>cg10545768</t>
  </si>
  <si>
    <t>cg10547729</t>
  </si>
  <si>
    <t>cg10547908</t>
  </si>
  <si>
    <t>cg10548034</t>
  </si>
  <si>
    <t>cg10549480</t>
  </si>
  <si>
    <t>cg10586317</t>
  </si>
  <si>
    <t>cg10588696</t>
  </si>
  <si>
    <t>cg10589330</t>
  </si>
  <si>
    <t>cg10604168</t>
  </si>
  <si>
    <t>cg10610244</t>
  </si>
  <si>
    <t>cg10612060</t>
  </si>
  <si>
    <t>cg10614025</t>
  </si>
  <si>
    <t>cg10622236</t>
  </si>
  <si>
    <t>cg10623334</t>
  </si>
  <si>
    <t>cg10628489</t>
  </si>
  <si>
    <t>cg10633664</t>
  </si>
  <si>
    <t>cg10646962</t>
  </si>
  <si>
    <t>cg10651637</t>
  </si>
  <si>
    <t>cg10652646</t>
  </si>
  <si>
    <t>cg10652833</t>
  </si>
  <si>
    <t>cg10653465</t>
  </si>
  <si>
    <t>cg10654618</t>
  </si>
  <si>
    <t>cg10660367</t>
  </si>
  <si>
    <t>cg10665065</t>
  </si>
  <si>
    <t>cg10668512</t>
  </si>
  <si>
    <t>cg10669129</t>
  </si>
  <si>
    <t>cg10673307</t>
  </si>
  <si>
    <t>cg10678071</t>
  </si>
  <si>
    <t>cg10680940</t>
  </si>
  <si>
    <t>cg10682618</t>
  </si>
  <si>
    <t>cg10688328</t>
  </si>
  <si>
    <t>cg10698964</t>
  </si>
  <si>
    <t>cg10721812</t>
  </si>
  <si>
    <t>cg10724690</t>
  </si>
  <si>
    <t>cg10724947</t>
  </si>
  <si>
    <t>cg10737663</t>
  </si>
  <si>
    <t>cg10739344</t>
  </si>
  <si>
    <t>cg10758165</t>
  </si>
  <si>
    <t>cg10767818</t>
  </si>
  <si>
    <t>cg10777407</t>
  </si>
  <si>
    <t>cg10778736</t>
  </si>
  <si>
    <t>cg10780949</t>
  </si>
  <si>
    <t>cg10781048</t>
  </si>
  <si>
    <t>cg10781752</t>
  </si>
  <si>
    <t>cg10785927</t>
  </si>
  <si>
    <t>cg10819708</t>
  </si>
  <si>
    <t>cg10831324</t>
  </si>
  <si>
    <t>cg10832166</t>
  </si>
  <si>
    <t>cg10837312</t>
  </si>
  <si>
    <t>cg10839322</t>
  </si>
  <si>
    <t>cg10843046</t>
  </si>
  <si>
    <t>cg10845124</t>
  </si>
  <si>
    <t>cg10849092</t>
  </si>
  <si>
    <t>cg10850626</t>
  </si>
  <si>
    <t>cg10850722</t>
  </si>
  <si>
    <t>cg10850792</t>
  </si>
  <si>
    <t>cg10851251</t>
  </si>
  <si>
    <t>cg10852096</t>
  </si>
  <si>
    <t>cg10855425</t>
  </si>
  <si>
    <t>cg10858677</t>
  </si>
  <si>
    <t>cg10862018</t>
  </si>
  <si>
    <t>cg10891025</t>
  </si>
  <si>
    <t>cg10917153</t>
  </si>
  <si>
    <t>cg10936230</t>
  </si>
  <si>
    <t>cg10940549</t>
  </si>
  <si>
    <t>cg10941254</t>
  </si>
  <si>
    <t>cg10941749</t>
  </si>
  <si>
    <t>cg10942561</t>
  </si>
  <si>
    <t>cg10948657</t>
  </si>
  <si>
    <t>cg10949862</t>
  </si>
  <si>
    <t>cg10959198</t>
  </si>
  <si>
    <t>cg10963511</t>
  </si>
  <si>
    <t>cg10965478</t>
  </si>
  <si>
    <t>cg10967113</t>
  </si>
  <si>
    <t>cg10971510</t>
  </si>
  <si>
    <t>cg10976908</t>
  </si>
  <si>
    <t>cg10982231</t>
  </si>
  <si>
    <t>cg10982275</t>
  </si>
  <si>
    <t>cg10983484</t>
  </si>
  <si>
    <t>cg10986864</t>
  </si>
  <si>
    <t>cg10988513</t>
  </si>
  <si>
    <t>cg10988673</t>
  </si>
  <si>
    <t>cg11007423</t>
  </si>
  <si>
    <t>cg11007426</t>
  </si>
  <si>
    <t>cg11010575</t>
  </si>
  <si>
    <t>cg11014854</t>
  </si>
  <si>
    <t>cg11019923</t>
  </si>
  <si>
    <t>cg11028052</t>
  </si>
  <si>
    <t>cg11028091</t>
  </si>
  <si>
    <t>cg11028209</t>
  </si>
  <si>
    <t>cg11031564</t>
  </si>
  <si>
    <t>cg11031989</t>
  </si>
  <si>
    <t>cg11032707</t>
  </si>
  <si>
    <t>cg11039072</t>
  </si>
  <si>
    <t>cg11064521</t>
  </si>
  <si>
    <t>cg11074968</t>
  </si>
  <si>
    <t>cg11075029</t>
  </si>
  <si>
    <t>cg11075994</t>
  </si>
  <si>
    <t>cg11076668</t>
  </si>
  <si>
    <t>cg11078773</t>
  </si>
  <si>
    <t>cg11081251</t>
  </si>
  <si>
    <t>cg11084443</t>
  </si>
  <si>
    <t>cg11093760</t>
  </si>
  <si>
    <t>cg11099262</t>
  </si>
  <si>
    <t>cg11100640</t>
  </si>
  <si>
    <t>cg11103078</t>
  </si>
  <si>
    <t>cg11113931</t>
  </si>
  <si>
    <t>cg11116510</t>
  </si>
  <si>
    <t>cg11120450</t>
  </si>
  <si>
    <t>cg11132244</t>
  </si>
  <si>
    <t>cg11136251</t>
  </si>
  <si>
    <t>cg11143485</t>
  </si>
  <si>
    <t>cg11145826</t>
  </si>
  <si>
    <t>cg11147723</t>
  </si>
  <si>
    <t>cg11148364</t>
  </si>
  <si>
    <t>cg11152412</t>
  </si>
  <si>
    <t>cg11153876</t>
  </si>
  <si>
    <t>cg11155172</t>
  </si>
  <si>
    <t>cg11162637</t>
  </si>
  <si>
    <t>cg11163362</t>
  </si>
  <si>
    <t>cg11163383</t>
  </si>
  <si>
    <t>cg11164639</t>
  </si>
  <si>
    <t>cg11165422</t>
  </si>
  <si>
    <t>cg11178920</t>
  </si>
  <si>
    <t>cg11187807</t>
  </si>
  <si>
    <t>cg11195298</t>
  </si>
  <si>
    <t>cg11195689</t>
  </si>
  <si>
    <t>cg11199011</t>
  </si>
  <si>
    <t>cg11200462</t>
  </si>
  <si>
    <t>cg11200929</t>
  </si>
  <si>
    <t>cg11235741</t>
  </si>
  <si>
    <t>cg11262462</t>
  </si>
  <si>
    <t>cg11265941</t>
  </si>
  <si>
    <t>cg11273471</t>
  </si>
  <si>
    <t>cg11273947</t>
  </si>
  <si>
    <t>cg11286405</t>
  </si>
  <si>
    <t>cg11286436</t>
  </si>
  <si>
    <t>cg11293029</t>
  </si>
  <si>
    <t>cg11323828</t>
  </si>
  <si>
    <t>cg11324740</t>
  </si>
  <si>
    <t>cg11328405</t>
  </si>
  <si>
    <t>cg11330307</t>
  </si>
  <si>
    <t>cg11335960</t>
  </si>
  <si>
    <t>cg11339445</t>
  </si>
  <si>
    <t>cg11341157</t>
  </si>
  <si>
    <t>cg11342764</t>
  </si>
  <si>
    <t>cg11354991</t>
  </si>
  <si>
    <t>cg11357013</t>
  </si>
  <si>
    <t>cg11362080</t>
  </si>
  <si>
    <t>cg11362250</t>
  </si>
  <si>
    <t>cg11362604</t>
  </si>
  <si>
    <t>cg11363701</t>
  </si>
  <si>
    <t>cg11389960</t>
  </si>
  <si>
    <t>cg11391789</t>
  </si>
  <si>
    <t>cg11397301</t>
  </si>
  <si>
    <t>cg11399576</t>
  </si>
  <si>
    <t>cg11400729</t>
  </si>
  <si>
    <t>cg11401820</t>
  </si>
  <si>
    <t>cg11406300</t>
  </si>
  <si>
    <t>cg11412248</t>
  </si>
  <si>
    <t>cg11418007</t>
  </si>
  <si>
    <t>cg11420644</t>
  </si>
  <si>
    <t>cg11429664</t>
  </si>
  <si>
    <t>cg11431044</t>
  </si>
  <si>
    <t>cg11431346</t>
  </si>
  <si>
    <t>cg11433098</t>
  </si>
  <si>
    <t>cg11440679</t>
  </si>
  <si>
    <t>cg11441416</t>
  </si>
  <si>
    <t>cg11442608</t>
  </si>
  <si>
    <t>cg11442877</t>
  </si>
  <si>
    <t>cg11445542</t>
  </si>
  <si>
    <t>cg11447849</t>
  </si>
  <si>
    <t>cg11448015</t>
  </si>
  <si>
    <t>cg11461627</t>
  </si>
  <si>
    <t>cg11463428</t>
  </si>
  <si>
    <t>cg11464885</t>
  </si>
  <si>
    <t>cg11465404</t>
  </si>
  <si>
    <t>cg11468711</t>
  </si>
  <si>
    <t>cg11471939</t>
  </si>
  <si>
    <t>cg11473616</t>
  </si>
  <si>
    <t>cg11479035</t>
  </si>
  <si>
    <t>cg11479165</t>
  </si>
  <si>
    <t>cg11480800</t>
  </si>
  <si>
    <t>cg11480962</t>
  </si>
  <si>
    <t>cg11483887</t>
  </si>
  <si>
    <t>cg11484721</t>
  </si>
  <si>
    <t>cg11515196</t>
  </si>
  <si>
    <t>cg11517728</t>
  </si>
  <si>
    <t>cg11526943</t>
  </si>
  <si>
    <t>cg11530678</t>
  </si>
  <si>
    <t>cg11530995</t>
  </si>
  <si>
    <t>cg11533825</t>
  </si>
  <si>
    <t>cg11540416</t>
  </si>
  <si>
    <t>cg11540815</t>
  </si>
  <si>
    <t>cg11540997</t>
  </si>
  <si>
    <t>cg11542394</t>
  </si>
  <si>
    <t>cg11544522</t>
  </si>
  <si>
    <t>cg11552023</t>
  </si>
  <si>
    <t>cg11555471</t>
  </si>
  <si>
    <t>cg11557546</t>
  </si>
  <si>
    <t>cg11559571</t>
  </si>
  <si>
    <t>cg11582017</t>
  </si>
  <si>
    <t>cg11582484</t>
  </si>
  <si>
    <t>cg11594934</t>
  </si>
  <si>
    <t>cg11611600</t>
  </si>
  <si>
    <t>cg11661523</t>
  </si>
  <si>
    <t>cg11668148</t>
  </si>
  <si>
    <t>cg11669539</t>
  </si>
  <si>
    <t>cg11680605</t>
  </si>
  <si>
    <t>cg11684572</t>
  </si>
  <si>
    <t>cg11693709</t>
  </si>
  <si>
    <t>cg11694433</t>
  </si>
  <si>
    <t>cg11699912</t>
  </si>
  <si>
    <t>cg11700258</t>
  </si>
  <si>
    <t>cg11705722</t>
  </si>
  <si>
    <t>cg11706780</t>
  </si>
  <si>
    <t>cg11712458</t>
  </si>
  <si>
    <t>cg11736589</t>
  </si>
  <si>
    <t>cg11739051</t>
  </si>
  <si>
    <t>cg11739148</t>
  </si>
  <si>
    <t>cg11750300</t>
  </si>
  <si>
    <t>cg11763094</t>
  </si>
  <si>
    <t>cg11774232</t>
  </si>
  <si>
    <t>cg11776003</t>
  </si>
  <si>
    <t>cg11776038</t>
  </si>
  <si>
    <t>cg11781976</t>
  </si>
  <si>
    <t>cg11786657</t>
  </si>
  <si>
    <t>cg11787522</t>
  </si>
  <si>
    <t>cg11789681</t>
  </si>
  <si>
    <t>cg11789740</t>
  </si>
  <si>
    <t>cg11790217</t>
  </si>
  <si>
    <t>cg11797485</t>
  </si>
  <si>
    <t>cg11805463</t>
  </si>
  <si>
    <t>cg11806630</t>
  </si>
  <si>
    <t>cg11819497</t>
  </si>
  <si>
    <t>cg11821927</t>
  </si>
  <si>
    <t>cg11825020</t>
  </si>
  <si>
    <t>cg11826999</t>
  </si>
  <si>
    <t>cg11828966</t>
  </si>
  <si>
    <t>cg11829253</t>
  </si>
  <si>
    <t>cg11836585</t>
  </si>
  <si>
    <t>cg11841546</t>
  </si>
  <si>
    <t>cg11847442</t>
  </si>
  <si>
    <t>cg11848157</t>
  </si>
  <si>
    <t>cg11852671</t>
  </si>
  <si>
    <t>cg11858019</t>
  </si>
  <si>
    <t>cg11859489</t>
  </si>
  <si>
    <t>cg11862491</t>
  </si>
  <si>
    <t>cg11866422</t>
  </si>
  <si>
    <t>cg11869499</t>
  </si>
  <si>
    <t>cg11871128</t>
  </si>
  <si>
    <t>cg11871991</t>
  </si>
  <si>
    <t>cg11876919</t>
  </si>
  <si>
    <t>cg11924019</t>
  </si>
  <si>
    <t>cg11926610</t>
  </si>
  <si>
    <t>cg11933220</t>
  </si>
  <si>
    <t>cg11934304</t>
  </si>
  <si>
    <t>cg11935618</t>
  </si>
  <si>
    <t>cg11941300</t>
  </si>
  <si>
    <t>cg11942439</t>
  </si>
  <si>
    <t>cg11943255</t>
  </si>
  <si>
    <t>cg11945251</t>
  </si>
  <si>
    <t>cg11964030</t>
  </si>
  <si>
    <t>cg11970177</t>
  </si>
  <si>
    <t>cg11970192</t>
  </si>
  <si>
    <t>cg11977693</t>
  </si>
  <si>
    <t>cg11982718</t>
  </si>
  <si>
    <t>cg11983576</t>
  </si>
  <si>
    <t>cg11988928</t>
  </si>
  <si>
    <t>cg11992550</t>
  </si>
  <si>
    <t>cg11993991</t>
  </si>
  <si>
    <t>cg12001592</t>
  </si>
  <si>
    <t>cg12002820</t>
  </si>
  <si>
    <t>cg12004295</t>
  </si>
  <si>
    <t>cg12013685</t>
  </si>
  <si>
    <t>cg12019717</t>
  </si>
  <si>
    <t>cg12021220</t>
  </si>
  <si>
    <t>cg12021671</t>
  </si>
  <si>
    <t>cg12024304</t>
  </si>
  <si>
    <t>cg12028152</t>
  </si>
  <si>
    <t>cg12030298</t>
  </si>
  <si>
    <t>cg12032009</t>
  </si>
  <si>
    <t>cg12032620</t>
  </si>
  <si>
    <t>cg12034869</t>
  </si>
  <si>
    <t>cg12036633</t>
  </si>
  <si>
    <t>cg12042113</t>
  </si>
  <si>
    <t>cg12044210</t>
  </si>
  <si>
    <t>cg12044828</t>
  </si>
  <si>
    <t>cg12045881</t>
  </si>
  <si>
    <t>cg12052144</t>
  </si>
  <si>
    <t>cg12056138</t>
  </si>
  <si>
    <t>cg12056618</t>
  </si>
  <si>
    <t>cg12057576</t>
  </si>
  <si>
    <t>cg12058064</t>
  </si>
  <si>
    <t>cg12061118</t>
  </si>
  <si>
    <t>cg12067423</t>
  </si>
  <si>
    <t>cg12068969</t>
  </si>
  <si>
    <t>cg12069692</t>
  </si>
  <si>
    <t>cg12073016</t>
  </si>
  <si>
    <t>cg12074221</t>
  </si>
  <si>
    <t>cg12075901</t>
  </si>
  <si>
    <t>cg12078211</t>
  </si>
  <si>
    <t>cg12094029</t>
  </si>
  <si>
    <t>cg12098156</t>
  </si>
  <si>
    <t>cg12099546</t>
  </si>
  <si>
    <t>cg12109883</t>
  </si>
  <si>
    <t>cg12111618</t>
  </si>
  <si>
    <t>cg12113132</t>
  </si>
  <si>
    <t>cg12114114</t>
  </si>
  <si>
    <t>cg12115928</t>
  </si>
  <si>
    <t>cg12116697</t>
  </si>
  <si>
    <t>cg12119988</t>
  </si>
  <si>
    <t>cg12122631</t>
  </si>
  <si>
    <t>cg12129249</t>
  </si>
  <si>
    <t>cg12138102</t>
  </si>
  <si>
    <t>cg12139479</t>
  </si>
  <si>
    <t>cg12154418</t>
  </si>
  <si>
    <t>cg12163977</t>
  </si>
  <si>
    <t>cg12165943</t>
  </si>
  <si>
    <t>cg12166018</t>
  </si>
  <si>
    <t>cg12175311</t>
  </si>
  <si>
    <t>cg12175905</t>
  </si>
  <si>
    <t>cg12177023</t>
  </si>
  <si>
    <t>cg12178316</t>
  </si>
  <si>
    <t>cg12189880</t>
  </si>
  <si>
    <t>cg12195460</t>
  </si>
  <si>
    <t>cg12206103</t>
  </si>
  <si>
    <t>cg12218732</t>
  </si>
  <si>
    <t>cg12220058</t>
  </si>
  <si>
    <t>cg12220871</t>
  </si>
  <si>
    <t>cg12226635</t>
  </si>
  <si>
    <t>cg12227411</t>
  </si>
  <si>
    <t>cg12236880</t>
  </si>
  <si>
    <t>cg12237946</t>
  </si>
  <si>
    <t>cg12240002</t>
  </si>
  <si>
    <t>cg12241333</t>
  </si>
  <si>
    <t>cg12246527</t>
  </si>
  <si>
    <t>cg12250049</t>
  </si>
  <si>
    <t>cg12254845</t>
  </si>
  <si>
    <t>cg12279294</t>
  </si>
  <si>
    <t>cg12282777</t>
  </si>
  <si>
    <t>cg12283057</t>
  </si>
  <si>
    <t>cg12283695</t>
  </si>
  <si>
    <t>cg12284075</t>
  </si>
  <si>
    <t>cg12292492</t>
  </si>
  <si>
    <t>cg12302621</t>
  </si>
  <si>
    <t>cg12302829</t>
  </si>
  <si>
    <t>cg12306333</t>
  </si>
  <si>
    <t>cg12310189</t>
  </si>
  <si>
    <t>cg12311514</t>
  </si>
  <si>
    <t>cg12311651</t>
  </si>
  <si>
    <t>cg12312086</t>
  </si>
  <si>
    <t>cg12315995</t>
  </si>
  <si>
    <t>cg12324283</t>
  </si>
  <si>
    <t>cg12335136</t>
  </si>
  <si>
    <t>cg12338894</t>
  </si>
  <si>
    <t>cg12340271</t>
  </si>
  <si>
    <t>cg12340454</t>
  </si>
  <si>
    <t>cg12344004</t>
  </si>
  <si>
    <t>cg12354122</t>
  </si>
  <si>
    <t>cg12354566</t>
  </si>
  <si>
    <t>cg12356873</t>
  </si>
  <si>
    <t>cg12359077</t>
  </si>
  <si>
    <t>cg12360021</t>
  </si>
  <si>
    <t>cg12362060</t>
  </si>
  <si>
    <t>cg12364131</t>
  </si>
  <si>
    <t>cg12365396</t>
  </si>
  <si>
    <t>cg12366279</t>
  </si>
  <si>
    <t>cg12376086</t>
  </si>
  <si>
    <t>cg12382398</t>
  </si>
  <si>
    <t>cg12386646</t>
  </si>
  <si>
    <t>cg12390237</t>
  </si>
  <si>
    <t>cg12395299</t>
  </si>
  <si>
    <t>cg12397981</t>
  </si>
  <si>
    <t>cg12399687</t>
  </si>
  <si>
    <t>cg12400102</t>
  </si>
  <si>
    <t>cg12402129</t>
  </si>
  <si>
    <t>cg12419239</t>
  </si>
  <si>
    <t>cg12423473</t>
  </si>
  <si>
    <t>cg12426344</t>
  </si>
  <si>
    <t>cg12430467</t>
  </si>
  <si>
    <t>cg12432145</t>
  </si>
  <si>
    <t>cg12434747</t>
  </si>
  <si>
    <t>cg12434875</t>
  </si>
  <si>
    <t>cg12445786</t>
  </si>
  <si>
    <t>cg12446153</t>
  </si>
  <si>
    <t>cg12449813</t>
  </si>
  <si>
    <t>cg12449974</t>
  </si>
  <si>
    <t>cg12450255</t>
  </si>
  <si>
    <t>cg12452386</t>
  </si>
  <si>
    <t>cg12460541</t>
  </si>
  <si>
    <t>cg12467191</t>
  </si>
  <si>
    <t>cg12468647</t>
  </si>
  <si>
    <t>cg12476188</t>
  </si>
  <si>
    <t>cg12478809</t>
  </si>
  <si>
    <t>cg12484072</t>
  </si>
  <si>
    <t>cg12484393</t>
  </si>
  <si>
    <t>cg12485906</t>
  </si>
  <si>
    <t>cg12488274</t>
  </si>
  <si>
    <t>cg12492087</t>
  </si>
  <si>
    <t>cg12497142</t>
  </si>
  <si>
    <t>cg12499126</t>
  </si>
  <si>
    <t>cg12508451</t>
  </si>
  <si>
    <t>cg12515517</t>
  </si>
  <si>
    <t>cg12524179</t>
  </si>
  <si>
    <t>cg12530503</t>
  </si>
  <si>
    <t>cg12532169</t>
  </si>
  <si>
    <t>cg12539711</t>
  </si>
  <si>
    <t>cg12543748</t>
  </si>
  <si>
    <t>cg12544411</t>
  </si>
  <si>
    <t>cg12548985</t>
  </si>
  <si>
    <t>cg12555380</t>
  </si>
  <si>
    <t>cg12556555</t>
  </si>
  <si>
    <t>cg12556586</t>
  </si>
  <si>
    <t>cg12572011</t>
  </si>
  <si>
    <t>cg12581617</t>
  </si>
  <si>
    <t>cg12582965</t>
  </si>
  <si>
    <t>cg12584785</t>
  </si>
  <si>
    <t>cg12593296</t>
  </si>
  <si>
    <t>cg12593608</t>
  </si>
  <si>
    <t>cg12594244</t>
  </si>
  <si>
    <t>cg12595306</t>
  </si>
  <si>
    <t>cg12599673</t>
  </si>
  <si>
    <t>cg12600197</t>
  </si>
  <si>
    <t>cg12609829</t>
  </si>
  <si>
    <t>cg12614789</t>
  </si>
  <si>
    <t>cg12625496</t>
  </si>
  <si>
    <t>cg12626076</t>
  </si>
  <si>
    <t>cg12629254</t>
  </si>
  <si>
    <t>cg12629670</t>
  </si>
  <si>
    <t>cg12630038</t>
  </si>
  <si>
    <t>cg12637920</t>
  </si>
  <si>
    <t>cg12638558</t>
  </si>
  <si>
    <t>cg12651645</t>
  </si>
  <si>
    <t>cg12660445</t>
  </si>
  <si>
    <t>cg12665973</t>
  </si>
  <si>
    <t>cg12666899</t>
  </si>
  <si>
    <t>cg12667732</t>
  </si>
  <si>
    <t>cg12670903</t>
  </si>
  <si>
    <t>cg12682032</t>
  </si>
  <si>
    <t>cg12688597</t>
  </si>
  <si>
    <t>cg12689679</t>
  </si>
  <si>
    <t>cg12699599</t>
  </si>
  <si>
    <t>cg12699728</t>
  </si>
  <si>
    <t>cg12701188</t>
  </si>
  <si>
    <t>cg12703269</t>
  </si>
  <si>
    <t>cg12711059</t>
  </si>
  <si>
    <t>cg12716632</t>
  </si>
  <si>
    <t>cg12718793</t>
  </si>
  <si>
    <t>cg12728784</t>
  </si>
  <si>
    <t>cg12737574</t>
  </si>
  <si>
    <t>cg12743418</t>
  </si>
  <si>
    <t>cg12756504</t>
  </si>
  <si>
    <t>cg12762600</t>
  </si>
  <si>
    <t>cg12764689</t>
  </si>
  <si>
    <t>cg12784172</t>
  </si>
  <si>
    <t>cg12787209</t>
  </si>
  <si>
    <t>cg12789833</t>
  </si>
  <si>
    <t>cg12790698</t>
  </si>
  <si>
    <t>cg12791065</t>
  </si>
  <si>
    <t>cg12791555</t>
  </si>
  <si>
    <t>cg12822975</t>
  </si>
  <si>
    <t>cg12837642</t>
  </si>
  <si>
    <t>cg12856183</t>
  </si>
  <si>
    <t>cg12858014</t>
  </si>
  <si>
    <t>cg12860391</t>
  </si>
  <si>
    <t>cg12861771</t>
  </si>
  <si>
    <t>cg12861797</t>
  </si>
  <si>
    <t>cg12869688</t>
  </si>
  <si>
    <t>cg12878796</t>
  </si>
  <si>
    <t>cg12900489</t>
  </si>
  <si>
    <t>cg12901498</t>
  </si>
  <si>
    <t>cg12902039</t>
  </si>
  <si>
    <t>cg12903024</t>
  </si>
  <si>
    <t>cg12903574</t>
  </si>
  <si>
    <t>cg12904924</t>
  </si>
  <si>
    <t>cg12910936</t>
  </si>
  <si>
    <t>cg12916710</t>
  </si>
  <si>
    <t>cg12919388</t>
  </si>
  <si>
    <t>cg12923203</t>
  </si>
  <si>
    <t>cg12928346</t>
  </si>
  <si>
    <t>cg12929983</t>
  </si>
  <si>
    <t>cg12931523</t>
  </si>
  <si>
    <t>cg12932248</t>
  </si>
  <si>
    <t>cg12932613</t>
  </si>
  <si>
    <t>cg12934574</t>
  </si>
  <si>
    <t>cg12939464</t>
  </si>
  <si>
    <t>cg12950645</t>
  </si>
  <si>
    <t>cg12957265</t>
  </si>
  <si>
    <t>cg12978308</t>
  </si>
  <si>
    <t>cg12984356</t>
  </si>
  <si>
    <t>cg12984729</t>
  </si>
  <si>
    <t>cg13020870</t>
  </si>
  <si>
    <t>cg13021384</t>
  </si>
  <si>
    <t>cg13024538</t>
  </si>
  <si>
    <t>cg13026437</t>
  </si>
  <si>
    <t>cg13028335</t>
  </si>
  <si>
    <t>cg13035628</t>
  </si>
  <si>
    <t>cg13037971</t>
  </si>
  <si>
    <t>cg13038025</t>
  </si>
  <si>
    <t>cg13042808</t>
  </si>
  <si>
    <t>cg13046440</t>
  </si>
  <si>
    <t>cg13051058</t>
  </si>
  <si>
    <t>cg13061237</t>
  </si>
  <si>
    <t>cg13061976</t>
  </si>
  <si>
    <t>cg13063673</t>
  </si>
  <si>
    <t>cg13065206</t>
  </si>
  <si>
    <t>cg13065504</t>
  </si>
  <si>
    <t>cg13066104</t>
  </si>
  <si>
    <t>cg13070781</t>
  </si>
  <si>
    <t>cg13075322</t>
  </si>
  <si>
    <t>cg13077138</t>
  </si>
  <si>
    <t>cg13083260</t>
  </si>
  <si>
    <t>cg13084158</t>
  </si>
  <si>
    <t>cg13085627</t>
  </si>
  <si>
    <t>cg13086606</t>
  </si>
  <si>
    <t>cg13102348</t>
  </si>
  <si>
    <t>cg13107144</t>
  </si>
  <si>
    <t>cg13125884</t>
  </si>
  <si>
    <t>cg13130934</t>
  </si>
  <si>
    <t>cg13132497</t>
  </si>
  <si>
    <t>cg13140464</t>
  </si>
  <si>
    <t>cg13140465</t>
  </si>
  <si>
    <t>cg13141289</t>
  </si>
  <si>
    <t>cg13146553</t>
  </si>
  <si>
    <t>cg13147856</t>
  </si>
  <si>
    <t>cg13148921</t>
  </si>
  <si>
    <t>cg13149523</t>
  </si>
  <si>
    <t>cg13150977</t>
  </si>
  <si>
    <t>cg13159361</t>
  </si>
  <si>
    <t>cg13163919</t>
  </si>
  <si>
    <t>cg13164675</t>
  </si>
  <si>
    <t>cg13171904</t>
  </si>
  <si>
    <t>cg13171943</t>
  </si>
  <si>
    <t>cg13174229</t>
  </si>
  <si>
    <t>cg13174838</t>
  </si>
  <si>
    <t>cg13177758</t>
  </si>
  <si>
    <t>cg13180064</t>
  </si>
  <si>
    <t>cg13181164</t>
  </si>
  <si>
    <t>cg13182816</t>
  </si>
  <si>
    <t>cg13186404</t>
  </si>
  <si>
    <t>cg13187539</t>
  </si>
  <si>
    <t>cg13189086</t>
  </si>
  <si>
    <t>cg13191951</t>
  </si>
  <si>
    <t>cg13201644</t>
  </si>
  <si>
    <t>cg13206174</t>
  </si>
  <si>
    <t>cg13208438</t>
  </si>
  <si>
    <t>cg13210618</t>
  </si>
  <si>
    <t>cg13215555</t>
  </si>
  <si>
    <t>cg13215862</t>
  </si>
  <si>
    <t>cg13219190</t>
  </si>
  <si>
    <t>cg13224427</t>
  </si>
  <si>
    <t>cg13230197</t>
  </si>
  <si>
    <t>cg13242000</t>
  </si>
  <si>
    <t>cg13287523</t>
  </si>
  <si>
    <t>cg13287772</t>
  </si>
  <si>
    <t>cg13288195</t>
  </si>
  <si>
    <t>cg13289118</t>
  </si>
  <si>
    <t>cg13293650</t>
  </si>
  <si>
    <t>cg13295050</t>
  </si>
  <si>
    <t>cg13295549</t>
  </si>
  <si>
    <t>cg13300911</t>
  </si>
  <si>
    <t>cg13301933</t>
  </si>
  <si>
    <t>cg13302197</t>
  </si>
  <si>
    <t>cg13313487</t>
  </si>
  <si>
    <t>cg13318071</t>
  </si>
  <si>
    <t>cg13320837</t>
  </si>
  <si>
    <t>cg13324337</t>
  </si>
  <si>
    <t>cg13325208</t>
  </si>
  <si>
    <t>cg13327664</t>
  </si>
  <si>
    <t>cg13327846</t>
  </si>
  <si>
    <t>cg13330363</t>
  </si>
  <si>
    <t>cg13332064</t>
  </si>
  <si>
    <t>cg13333185</t>
  </si>
  <si>
    <t>cg13338022</t>
  </si>
  <si>
    <t>cg13343238</t>
  </si>
  <si>
    <t>cg13345130</t>
  </si>
  <si>
    <t>cg13345248</t>
  </si>
  <si>
    <t>cg13345817</t>
  </si>
  <si>
    <t>cg13356370</t>
  </si>
  <si>
    <t>cg13360562</t>
  </si>
  <si>
    <t>cg13361023</t>
  </si>
  <si>
    <t>cg13362574</t>
  </si>
  <si>
    <t>cg13366501</t>
  </si>
  <si>
    <t>cg13373706</t>
  </si>
  <si>
    <t>cg13382132</t>
  </si>
  <si>
    <t>cg13398806</t>
  </si>
  <si>
    <t>cg13399569</t>
  </si>
  <si>
    <t>cg13407464</t>
  </si>
  <si>
    <t>cg13408344</t>
  </si>
  <si>
    <t>cg13408966</t>
  </si>
  <si>
    <t>cg13410000</t>
  </si>
  <si>
    <t>cg13415073</t>
  </si>
  <si>
    <t>cg13415795</t>
  </si>
  <si>
    <t>cg13417485</t>
  </si>
  <si>
    <t>cg13420004</t>
  </si>
  <si>
    <t>cg13429675</t>
  </si>
  <si>
    <t>cg13433320</t>
  </si>
  <si>
    <t>cg13462576</t>
  </si>
  <si>
    <t>cg13463208</t>
  </si>
  <si>
    <t>cg13463731</t>
  </si>
  <si>
    <t>cg13474734</t>
  </si>
  <si>
    <t>cg13480902</t>
  </si>
  <si>
    <t>cg13482236</t>
  </si>
  <si>
    <t>cg13488556</t>
  </si>
  <si>
    <t>cg13489347</t>
  </si>
  <si>
    <t>cg13492826</t>
  </si>
  <si>
    <t>cg13494721</t>
  </si>
  <si>
    <t>cg13497475</t>
  </si>
  <si>
    <t>cg13498610</t>
  </si>
  <si>
    <t>cg13501507</t>
  </si>
  <si>
    <t>cg13502545</t>
  </si>
  <si>
    <t>cg13518339</t>
  </si>
  <si>
    <t>cg13518442</t>
  </si>
  <si>
    <t>cg13543254</t>
  </si>
  <si>
    <t>cg13547419</t>
  </si>
  <si>
    <t>cg13558568</t>
  </si>
  <si>
    <t>cg13562917</t>
  </si>
  <si>
    <t>cg13563395</t>
  </si>
  <si>
    <t>cg13563725</t>
  </si>
  <si>
    <t>cg13563959</t>
  </si>
  <si>
    <t>cg13568334</t>
  </si>
  <si>
    <t>cg13571707</t>
  </si>
  <si>
    <t>cg13574271</t>
  </si>
  <si>
    <t>cg13580002</t>
  </si>
  <si>
    <t>cg13582435</t>
  </si>
  <si>
    <t>cg13586160</t>
  </si>
  <si>
    <t>cg13586457</t>
  </si>
  <si>
    <t>cg13594465</t>
  </si>
  <si>
    <t>cg13594797</t>
  </si>
  <si>
    <t>cg13598528</t>
  </si>
  <si>
    <t>cg13601605</t>
  </si>
  <si>
    <t>cg13602438</t>
  </si>
  <si>
    <t>cg13614617</t>
  </si>
  <si>
    <t>cg13615402</t>
  </si>
  <si>
    <t>cg13618891</t>
  </si>
  <si>
    <t>cg13619458</t>
  </si>
  <si>
    <t>cg13627062</t>
  </si>
  <si>
    <t>cg13630878</t>
  </si>
  <si>
    <t>cg13634653</t>
  </si>
  <si>
    <t>cg13634678</t>
  </si>
  <si>
    <t>cg13634681</t>
  </si>
  <si>
    <t>cg13637733</t>
  </si>
  <si>
    <t>cg13641690</t>
  </si>
  <si>
    <t>cg13642872</t>
  </si>
  <si>
    <t>cg13643814</t>
  </si>
  <si>
    <t>cg13645296</t>
  </si>
  <si>
    <t>cg13682096</t>
  </si>
  <si>
    <t>cg13702629</t>
  </si>
  <si>
    <t>cg13704461</t>
  </si>
  <si>
    <t>cg13707514</t>
  </si>
  <si>
    <t>cg13747137</t>
  </si>
  <si>
    <t>cg13747794</t>
  </si>
  <si>
    <t>cg13748092</t>
  </si>
  <si>
    <t>cg13749815</t>
  </si>
  <si>
    <t>cg13754518</t>
  </si>
  <si>
    <t>cg13755159</t>
  </si>
  <si>
    <t>cg13757194</t>
  </si>
  <si>
    <t>cg13772742</t>
  </si>
  <si>
    <t>cg13773705</t>
  </si>
  <si>
    <t>cg13782957</t>
  </si>
  <si>
    <t>cg13785883</t>
  </si>
  <si>
    <t>cg13786165</t>
  </si>
  <si>
    <t>cg13786722</t>
  </si>
  <si>
    <t>cg13788479</t>
  </si>
  <si>
    <t>cg13790906</t>
  </si>
  <si>
    <t>cg13793048</t>
  </si>
  <si>
    <t>cg13794888</t>
  </si>
  <si>
    <t>cg13795321</t>
  </si>
  <si>
    <t>cg13796110</t>
  </si>
  <si>
    <t>cg13797914</t>
  </si>
  <si>
    <t>cg13799933</t>
  </si>
  <si>
    <t>cg13805518</t>
  </si>
  <si>
    <t>cg13809469</t>
  </si>
  <si>
    <t>cg13814747</t>
  </si>
  <si>
    <t>cg13816802</t>
  </si>
  <si>
    <t>cg13818302</t>
  </si>
  <si>
    <t>cg13821077</t>
  </si>
  <si>
    <t>cg13827582</t>
  </si>
  <si>
    <t>cg13828047</t>
  </si>
  <si>
    <t>cg13828758</t>
  </si>
  <si>
    <t>cg13836627</t>
  </si>
  <si>
    <t>cg13840520</t>
  </si>
  <si>
    <t>cg13852730</t>
  </si>
  <si>
    <t>cg13855408</t>
  </si>
  <si>
    <t>cg13856674</t>
  </si>
  <si>
    <t>cg13856711</t>
  </si>
  <si>
    <t>cg13858909</t>
  </si>
  <si>
    <t>cg13859847</t>
  </si>
  <si>
    <t>cg13860493</t>
  </si>
  <si>
    <t>cg13876833</t>
  </si>
  <si>
    <t>cg13877670</t>
  </si>
  <si>
    <t>cg13883633</t>
  </si>
  <si>
    <t>cg13883984</t>
  </si>
  <si>
    <t>cg13885043</t>
  </si>
  <si>
    <t>cg13888509</t>
  </si>
  <si>
    <t>cg13888600</t>
  </si>
  <si>
    <t>cg13892257</t>
  </si>
  <si>
    <t>cg13893221</t>
  </si>
  <si>
    <t>cg13902498</t>
  </si>
  <si>
    <t>cg13904560</t>
  </si>
  <si>
    <t>cg13912196</t>
  </si>
  <si>
    <t>cg13917619</t>
  </si>
  <si>
    <t>cg13920934</t>
  </si>
  <si>
    <t>cg13927290</t>
  </si>
  <si>
    <t>cg13931752</t>
  </si>
  <si>
    <t>cg13933279</t>
  </si>
  <si>
    <t>cg13934625</t>
  </si>
  <si>
    <t>cg13934722</t>
  </si>
  <si>
    <t>cg13934924</t>
  </si>
  <si>
    <t>cg13935876</t>
  </si>
  <si>
    <t>cg13936261</t>
  </si>
  <si>
    <t>cg13937040</t>
  </si>
  <si>
    <t>cg13938969</t>
  </si>
  <si>
    <t>cg13940929</t>
  </si>
  <si>
    <t>cg13941292</t>
  </si>
  <si>
    <t>cg13943052</t>
  </si>
  <si>
    <t>cg13943355</t>
  </si>
  <si>
    <t>cg13946127</t>
  </si>
  <si>
    <t>cg13946538</t>
  </si>
  <si>
    <t>cg13955984</t>
  </si>
  <si>
    <t>cg13956907</t>
  </si>
  <si>
    <t>cg13957413</t>
  </si>
  <si>
    <t>cg13961179</t>
  </si>
  <si>
    <t>cg13963891</t>
  </si>
  <si>
    <t>cg13974330</t>
  </si>
  <si>
    <t>cg13981360</t>
  </si>
  <si>
    <t>cg13981838</t>
  </si>
  <si>
    <t>cg13983566</t>
  </si>
  <si>
    <t>cg13984173</t>
  </si>
  <si>
    <t>cg13985132</t>
  </si>
  <si>
    <t>cg13989852</t>
  </si>
  <si>
    <t>cg13989854</t>
  </si>
  <si>
    <t>cg13990531</t>
  </si>
  <si>
    <t>cg13992109</t>
  </si>
  <si>
    <t>cg13994177</t>
  </si>
  <si>
    <t>cg14001748</t>
  </si>
  <si>
    <t>cg14002752</t>
  </si>
  <si>
    <t>cg14010373</t>
  </si>
  <si>
    <t>cg14021153</t>
  </si>
  <si>
    <t>cg14024252</t>
  </si>
  <si>
    <t>cg14025021</t>
  </si>
  <si>
    <t>cg14025299</t>
  </si>
  <si>
    <t>cg14032950</t>
  </si>
  <si>
    <t>cg14043546</t>
  </si>
  <si>
    <t>cg14056668</t>
  </si>
  <si>
    <t>cg14070108</t>
  </si>
  <si>
    <t>cg14074476</t>
  </si>
  <si>
    <t>cg14077270</t>
  </si>
  <si>
    <t>cg14080001</t>
  </si>
  <si>
    <t>cg14080982</t>
  </si>
  <si>
    <t>cg14082123</t>
  </si>
  <si>
    <t>cg14082893</t>
  </si>
  <si>
    <t>cg14093936</t>
  </si>
  <si>
    <t>cg14100211</t>
  </si>
  <si>
    <t>cg14101284</t>
  </si>
  <si>
    <t>cg14112958</t>
  </si>
  <si>
    <t>cg14119071</t>
  </si>
  <si>
    <t>cg14142186</t>
  </si>
  <si>
    <t>cg14153668</t>
  </si>
  <si>
    <t>cg14153919</t>
  </si>
  <si>
    <t>cg14154973</t>
  </si>
  <si>
    <t>cg14156529</t>
  </si>
  <si>
    <t>cg14157570</t>
  </si>
  <si>
    <t>cg14164044</t>
  </si>
  <si>
    <t>cg14164380</t>
  </si>
  <si>
    <t>cg14166756</t>
  </si>
  <si>
    <t>cg14167673</t>
  </si>
  <si>
    <t>cg14170609</t>
  </si>
  <si>
    <t>cg14172427</t>
  </si>
  <si>
    <t>cg14182588</t>
  </si>
  <si>
    <t>cg14182667</t>
  </si>
  <si>
    <t>cg14182820</t>
  </si>
  <si>
    <t>cg14184693</t>
  </si>
  <si>
    <t>cg14186349</t>
  </si>
  <si>
    <t>cg14188232</t>
  </si>
  <si>
    <t>cg14188650</t>
  </si>
  <si>
    <t>cg14195059</t>
  </si>
  <si>
    <t>cg14205524</t>
  </si>
  <si>
    <t>cg14205663</t>
  </si>
  <si>
    <t>cg14209569</t>
  </si>
  <si>
    <t>cg14210790</t>
  </si>
  <si>
    <t>cg14217069</t>
  </si>
  <si>
    <t>cg14224368</t>
  </si>
  <si>
    <t>cg14229071</t>
  </si>
  <si>
    <t>cg14229702</t>
  </si>
  <si>
    <t>cg14231966</t>
  </si>
  <si>
    <t>cg14232082</t>
  </si>
  <si>
    <t>cg14239346</t>
  </si>
  <si>
    <t>cg14255751</t>
  </si>
  <si>
    <t>cg14262570</t>
  </si>
  <si>
    <t>cg14265936</t>
  </si>
  <si>
    <t>cg14291650</t>
  </si>
  <si>
    <t>cg14295110</t>
  </si>
  <si>
    <t>cg14302904</t>
  </si>
  <si>
    <t>cg14306161</t>
  </si>
  <si>
    <t>cg14307157</t>
  </si>
  <si>
    <t>cg14312115</t>
  </si>
  <si>
    <t>cg14313443</t>
  </si>
  <si>
    <t>cg14323928</t>
  </si>
  <si>
    <t>cg14336112</t>
  </si>
  <si>
    <t>cg14343107</t>
  </si>
  <si>
    <t>cg14348191</t>
  </si>
  <si>
    <t>cg14349956</t>
  </si>
  <si>
    <t>cg14377152</t>
  </si>
  <si>
    <t>cg14384532</t>
  </si>
  <si>
    <t>cg14385245</t>
  </si>
  <si>
    <t>cg14390018</t>
  </si>
  <si>
    <t>cg14393148</t>
  </si>
  <si>
    <t>cg14397690</t>
  </si>
  <si>
    <t>cg14398295</t>
  </si>
  <si>
    <t>cg14401614</t>
  </si>
  <si>
    <t>cg14403327</t>
  </si>
  <si>
    <t>cg14410733</t>
  </si>
  <si>
    <t>cg14417157</t>
  </si>
  <si>
    <t>cg14417760</t>
  </si>
  <si>
    <t>cg14417896</t>
  </si>
  <si>
    <t>cg14422338</t>
  </si>
  <si>
    <t>cg14431573</t>
  </si>
  <si>
    <t>cg14432018</t>
  </si>
  <si>
    <t>cg14432910</t>
  </si>
  <si>
    <t>cg14434062</t>
  </si>
  <si>
    <t>cg14434745</t>
  </si>
  <si>
    <t>cg14435807</t>
  </si>
  <si>
    <t>cg14443380</t>
  </si>
  <si>
    <t>cg14471793</t>
  </si>
  <si>
    <t>cg14478815</t>
  </si>
  <si>
    <t>cg14482068</t>
  </si>
  <si>
    <t>cg14482322</t>
  </si>
  <si>
    <t>cg14482712</t>
  </si>
  <si>
    <t>cg14486894</t>
  </si>
  <si>
    <t>cg14489180</t>
  </si>
  <si>
    <t>cg14490250</t>
  </si>
  <si>
    <t>cg14492347</t>
  </si>
  <si>
    <t>cg14494620</t>
  </si>
  <si>
    <t>cg14508696</t>
  </si>
  <si>
    <t>cg14509196</t>
  </si>
  <si>
    <t>cg14511094</t>
  </si>
  <si>
    <t>cg14517390</t>
  </si>
  <si>
    <t>cg14519963</t>
  </si>
  <si>
    <t>cg14521552</t>
  </si>
  <si>
    <t>cg14532218</t>
  </si>
  <si>
    <t>cg14538319</t>
  </si>
  <si>
    <t>cg14540337</t>
  </si>
  <si>
    <t>cg14540387</t>
  </si>
  <si>
    <t>cg14541152</t>
  </si>
  <si>
    <t>cg14541372</t>
  </si>
  <si>
    <t>cg14543770</t>
  </si>
  <si>
    <t>cg14552404</t>
  </si>
  <si>
    <t>cg14556189</t>
  </si>
  <si>
    <t>cg14557390</t>
  </si>
  <si>
    <t>cg14559494</t>
  </si>
  <si>
    <t>cg14563921</t>
  </si>
  <si>
    <t>cg14568338</t>
  </si>
  <si>
    <t>cg14573810</t>
  </si>
  <si>
    <t>cg14580228</t>
  </si>
  <si>
    <t>cg14590214</t>
  </si>
  <si>
    <t>cg14592638</t>
  </si>
  <si>
    <t>cg14596939</t>
  </si>
  <si>
    <t>cg14601251</t>
  </si>
  <si>
    <t>cg14610746</t>
  </si>
  <si>
    <t>cg14622857</t>
  </si>
  <si>
    <t>cg14666972</t>
  </si>
  <si>
    <t>cg14696334</t>
  </si>
  <si>
    <t>cg14723566</t>
  </si>
  <si>
    <t>cg14730452</t>
  </si>
  <si>
    <t>cg14776168</t>
  </si>
  <si>
    <t>cg14776518</t>
  </si>
  <si>
    <t>cg14780883</t>
  </si>
  <si>
    <t>cg14780990</t>
  </si>
  <si>
    <t>cg14781383</t>
  </si>
  <si>
    <t>cg14784293</t>
  </si>
  <si>
    <t>cg14785018</t>
  </si>
  <si>
    <t>cg14790609</t>
  </si>
  <si>
    <t>cg14791054</t>
  </si>
  <si>
    <t>cg14792155</t>
  </si>
  <si>
    <t>cg14794445</t>
  </si>
  <si>
    <t>cg14798020</t>
  </si>
  <si>
    <t>cg14810638</t>
  </si>
  <si>
    <t>cg14819229</t>
  </si>
  <si>
    <t>cg14819942</t>
  </si>
  <si>
    <t>cg14823973</t>
  </si>
  <si>
    <t>cg14832223</t>
  </si>
  <si>
    <t>cg14833933</t>
  </si>
  <si>
    <t>cg14837148</t>
  </si>
  <si>
    <t>cg14837165</t>
  </si>
  <si>
    <t>cg14839440</t>
  </si>
  <si>
    <t>cg14839501</t>
  </si>
  <si>
    <t>cg14847483</t>
  </si>
  <si>
    <t>cg14852355</t>
  </si>
  <si>
    <t>cg14858469</t>
  </si>
  <si>
    <t>cg14860680</t>
  </si>
  <si>
    <t>cg14864519</t>
  </si>
  <si>
    <t>cg14890237</t>
  </si>
  <si>
    <t>cg14898768</t>
  </si>
  <si>
    <t>cg14907737</t>
  </si>
  <si>
    <t>cg14908024</t>
  </si>
  <si>
    <t>cg14908513</t>
  </si>
  <si>
    <t>cg14910265</t>
  </si>
  <si>
    <t>cg14914238</t>
  </si>
  <si>
    <t>cg14914908</t>
  </si>
  <si>
    <t>cg14924091</t>
  </si>
  <si>
    <t>cg14924473</t>
  </si>
  <si>
    <t>cg14924899</t>
  </si>
  <si>
    <t>cg14929317</t>
  </si>
  <si>
    <t>cg14930642</t>
  </si>
  <si>
    <t>cg14971325</t>
  </si>
  <si>
    <t>cg14984066</t>
  </si>
  <si>
    <t>cg14984684</t>
  </si>
  <si>
    <t>cg14986447</t>
  </si>
  <si>
    <t>cg15020726</t>
  </si>
  <si>
    <t>cg15021670</t>
  </si>
  <si>
    <t>cg15022598</t>
  </si>
  <si>
    <t>cg15029032</t>
  </si>
  <si>
    <t>cg15030631</t>
  </si>
  <si>
    <t>cg15031106</t>
  </si>
  <si>
    <t>cg15031976</t>
  </si>
  <si>
    <t>cg15032755</t>
  </si>
  <si>
    <t>cg15035033</t>
  </si>
  <si>
    <t>cg15038331</t>
  </si>
  <si>
    <t>cg15040157</t>
  </si>
  <si>
    <t>cg15042142</t>
  </si>
  <si>
    <t>cg15059511</t>
  </si>
  <si>
    <t>cg15085879</t>
  </si>
  <si>
    <t>cg15089487</t>
  </si>
  <si>
    <t>cg15096085</t>
  </si>
  <si>
    <t>cg15105703</t>
  </si>
  <si>
    <t>cg15125634</t>
  </si>
  <si>
    <t>cg15156078</t>
  </si>
  <si>
    <t>cg15159104</t>
  </si>
  <si>
    <t>cg15159661</t>
  </si>
  <si>
    <t>cg15166050</t>
  </si>
  <si>
    <t>cg15173190</t>
  </si>
  <si>
    <t>cg15174117</t>
  </si>
  <si>
    <t>cg15175581</t>
  </si>
  <si>
    <t>cg15179472</t>
  </si>
  <si>
    <t>cg15181676</t>
  </si>
  <si>
    <t>cg15188182</t>
  </si>
  <si>
    <t>cg15188623</t>
  </si>
  <si>
    <t>cg15189715</t>
  </si>
  <si>
    <t>cg15194100</t>
  </si>
  <si>
    <t>cg15197583</t>
  </si>
  <si>
    <t>cg15199800</t>
  </si>
  <si>
    <t>cg15228639</t>
  </si>
  <si>
    <t>cg15257765</t>
  </si>
  <si>
    <t>cg15268200</t>
  </si>
  <si>
    <t>cg15268244</t>
  </si>
  <si>
    <t>cg15275965</t>
  </si>
  <si>
    <t>cg15283164</t>
  </si>
  <si>
    <t>cg15287024</t>
  </si>
  <si>
    <t>cg15288010</t>
  </si>
  <si>
    <t>cg15288779</t>
  </si>
  <si>
    <t>cg15298173</t>
  </si>
  <si>
    <t>cg15307268</t>
  </si>
  <si>
    <t>cg15324185</t>
  </si>
  <si>
    <t>cg15334006</t>
  </si>
  <si>
    <t>cg15338449</t>
  </si>
  <si>
    <t>cg15339616</t>
  </si>
  <si>
    <t>cg15340431</t>
  </si>
  <si>
    <t>cg15345126</t>
  </si>
  <si>
    <t>cg15369601</t>
  </si>
  <si>
    <t>cg15375596</t>
  </si>
  <si>
    <t>cg15386293</t>
  </si>
  <si>
    <t>cg15395560</t>
  </si>
  <si>
    <t>cg15399174</t>
  </si>
  <si>
    <t>cg15431137</t>
  </si>
  <si>
    <t>cg15431821</t>
  </si>
  <si>
    <t>cg15432135</t>
  </si>
  <si>
    <t>cg15444566</t>
  </si>
  <si>
    <t>cg15444753</t>
  </si>
  <si>
    <t>cg15449850</t>
  </si>
  <si>
    <t>cg15453836</t>
  </si>
  <si>
    <t>cg15454857</t>
  </si>
  <si>
    <t>cg15477139</t>
  </si>
  <si>
    <t>cg15479427</t>
  </si>
  <si>
    <t>cg15486374</t>
  </si>
  <si>
    <t>cg15523238</t>
  </si>
  <si>
    <t>cg15529542</t>
  </si>
  <si>
    <t>cg15547629</t>
  </si>
  <si>
    <t>cg15549251</t>
  </si>
  <si>
    <t>cg15552853</t>
  </si>
  <si>
    <t>cg15554863</t>
  </si>
  <si>
    <t>cg15558558</t>
  </si>
  <si>
    <t>cg15558814</t>
  </si>
  <si>
    <t>cg15563355</t>
  </si>
  <si>
    <t>cg15563993</t>
  </si>
  <si>
    <t>cg15564547</t>
  </si>
  <si>
    <t>cg15566783</t>
  </si>
  <si>
    <t>cg15567297</t>
  </si>
  <si>
    <t>cg15583517</t>
  </si>
  <si>
    <t>cg15586420</t>
  </si>
  <si>
    <t>cg15590133</t>
  </si>
  <si>
    <t>cg15595742</t>
  </si>
  <si>
    <t>cg15604997</t>
  </si>
  <si>
    <t>cg15642412</t>
  </si>
  <si>
    <t>cg15647584</t>
  </si>
  <si>
    <t>cg15665646</t>
  </si>
  <si>
    <t>cg15683743</t>
  </si>
  <si>
    <t>cg15690441</t>
  </si>
  <si>
    <t>cg15721541</t>
  </si>
  <si>
    <t>cg15725939</t>
  </si>
  <si>
    <t>cg15736165</t>
  </si>
  <si>
    <t>cg15744692</t>
  </si>
  <si>
    <t>cg15747848</t>
  </si>
  <si>
    <t>cg15751117</t>
  </si>
  <si>
    <t>cg15754630</t>
  </si>
  <si>
    <t>cg15755265</t>
  </si>
  <si>
    <t>cg15769256</t>
  </si>
  <si>
    <t>cg15769724</t>
  </si>
  <si>
    <t>cg15775674</t>
  </si>
  <si>
    <t>cg15776028</t>
  </si>
  <si>
    <t>cg15787039</t>
  </si>
  <si>
    <t>cg15800012</t>
  </si>
  <si>
    <t>cg15801251</t>
  </si>
  <si>
    <t>cg15806158</t>
  </si>
  <si>
    <t>cg15808008</t>
  </si>
  <si>
    <t>cg15808604</t>
  </si>
  <si>
    <t>cg15808723</t>
  </si>
  <si>
    <t>cg15811902</t>
  </si>
  <si>
    <t>cg15822087</t>
  </si>
  <si>
    <t>cg15822222</t>
  </si>
  <si>
    <t>cg15822259</t>
  </si>
  <si>
    <t>cg15825617</t>
  </si>
  <si>
    <t>cg15829619</t>
  </si>
  <si>
    <t>cg15832314</t>
  </si>
  <si>
    <t>cg15837109</t>
  </si>
  <si>
    <t>cg15840638</t>
  </si>
  <si>
    <t>cg15841533</t>
  </si>
  <si>
    <t>cg15843691</t>
  </si>
  <si>
    <t>cg15844611</t>
  </si>
  <si>
    <t>cg15849864</t>
  </si>
  <si>
    <t>cg15850739</t>
  </si>
  <si>
    <t>cg15850918</t>
  </si>
  <si>
    <t>cg15851389</t>
  </si>
  <si>
    <t>cg15852446</t>
  </si>
  <si>
    <t>cg15867717</t>
  </si>
  <si>
    <t>cg15880348</t>
  </si>
  <si>
    <t>cg15882566</t>
  </si>
  <si>
    <t>cg15885043</t>
  </si>
  <si>
    <t>cg15894581</t>
  </si>
  <si>
    <t>cg15897496</t>
  </si>
  <si>
    <t>cg15898112</t>
  </si>
  <si>
    <t>cg15898874</t>
  </si>
  <si>
    <t>cg15902038</t>
  </si>
  <si>
    <t>cg15902774</t>
  </si>
  <si>
    <t>cg15903819</t>
  </si>
  <si>
    <t>cg15903956</t>
  </si>
  <si>
    <t>cg15916554</t>
  </si>
  <si>
    <t>cg15917645</t>
  </si>
  <si>
    <t>cg15939899</t>
  </si>
  <si>
    <t>cg15993873</t>
  </si>
  <si>
    <t>cg16003238</t>
  </si>
  <si>
    <t>cg16016951</t>
  </si>
  <si>
    <t>cg16029760</t>
  </si>
  <si>
    <t>cg16031270</t>
  </si>
  <si>
    <t>cg16034881</t>
  </si>
  <si>
    <t>cg16040341</t>
  </si>
  <si>
    <t>cg16043144</t>
  </si>
  <si>
    <t>cg16043879</t>
  </si>
  <si>
    <t>cg16046465</t>
  </si>
  <si>
    <t>cg16050237</t>
  </si>
  <si>
    <t>cg16051421</t>
  </si>
  <si>
    <t>cg16058105</t>
  </si>
  <si>
    <t>cg16058607</t>
  </si>
  <si>
    <t>cg16059991</t>
  </si>
  <si>
    <t>cg16064478</t>
  </si>
  <si>
    <t>cg16066797</t>
  </si>
  <si>
    <t>cg16067029</t>
  </si>
  <si>
    <t>cg16069079</t>
  </si>
  <si>
    <t>cg16075649</t>
  </si>
  <si>
    <t>cg16077257</t>
  </si>
  <si>
    <t>cg16077630</t>
  </si>
  <si>
    <t>cg16081426</t>
  </si>
  <si>
    <t>cg16085649</t>
  </si>
  <si>
    <t>cg16086109</t>
  </si>
  <si>
    <t>cg16087077</t>
  </si>
  <si>
    <t>cg16100244</t>
  </si>
  <si>
    <t>cg16100530</t>
  </si>
  <si>
    <t>cg16107331</t>
  </si>
  <si>
    <t>cg16110827</t>
  </si>
  <si>
    <t>cg16111239</t>
  </si>
  <si>
    <t>cg16119128</t>
  </si>
  <si>
    <t>cg16124434</t>
  </si>
  <si>
    <t>cg16148410</t>
  </si>
  <si>
    <t>cg16149919</t>
  </si>
  <si>
    <t>cg16150053</t>
  </si>
  <si>
    <t>cg16150571</t>
  </si>
  <si>
    <t>cg16154416</t>
  </si>
  <si>
    <t>cg16154462</t>
  </si>
  <si>
    <t>cg16177875</t>
  </si>
  <si>
    <t>cg16179521</t>
  </si>
  <si>
    <t>cg16182881</t>
  </si>
  <si>
    <t>cg16203863</t>
  </si>
  <si>
    <t>cg16205850</t>
  </si>
  <si>
    <t>cg16208258</t>
  </si>
  <si>
    <t>cg16208657</t>
  </si>
  <si>
    <t>cg16210621</t>
  </si>
  <si>
    <t>cg16217553</t>
  </si>
  <si>
    <t>cg16218980</t>
  </si>
  <si>
    <t>cg16220294</t>
  </si>
  <si>
    <t>cg16225947</t>
  </si>
  <si>
    <t>cg16226627</t>
  </si>
  <si>
    <t>cg16226745</t>
  </si>
  <si>
    <t>cg16232842</t>
  </si>
  <si>
    <t>cg16254374</t>
  </si>
  <si>
    <t>cg16263224</t>
  </si>
  <si>
    <t>cg16264249</t>
  </si>
  <si>
    <t>cg16270148</t>
  </si>
  <si>
    <t>cg16270633</t>
  </si>
  <si>
    <t>cg16273788</t>
  </si>
  <si>
    <t>cg16275172</t>
  </si>
  <si>
    <t>cg16279748</t>
  </si>
  <si>
    <t>cg16310262</t>
  </si>
  <si>
    <t>cg16312647</t>
  </si>
  <si>
    <t>cg16332610</t>
  </si>
  <si>
    <t>cg16358696</t>
  </si>
  <si>
    <t>cg16377368</t>
  </si>
  <si>
    <t>cg16377819</t>
  </si>
  <si>
    <t>cg16379311</t>
  </si>
  <si>
    <t>cg16379716</t>
  </si>
  <si>
    <t>cg16381449</t>
  </si>
  <si>
    <t>cg16383910</t>
  </si>
  <si>
    <t>cg16384136</t>
  </si>
  <si>
    <t>cg16386362</t>
  </si>
  <si>
    <t>cg16387834</t>
  </si>
  <si>
    <t>cg16390448</t>
  </si>
  <si>
    <t>cg16391783</t>
  </si>
  <si>
    <t>cg16391792</t>
  </si>
  <si>
    <t>cg16395892</t>
  </si>
  <si>
    <t>cg16398832</t>
  </si>
  <si>
    <t>cg16398976</t>
  </si>
  <si>
    <t>cg16406281</t>
  </si>
  <si>
    <t>cg16409367</t>
  </si>
  <si>
    <t>cg16410338</t>
  </si>
  <si>
    <t>cg16414568</t>
  </si>
  <si>
    <t>cg16417588</t>
  </si>
  <si>
    <t>cg16425858</t>
  </si>
  <si>
    <t>cg16439823</t>
  </si>
  <si>
    <t>cg16446045</t>
  </si>
  <si>
    <t>cg16447058</t>
  </si>
  <si>
    <t>cg16447823</t>
  </si>
  <si>
    <t>cg16455476</t>
  </si>
  <si>
    <t>cg16464483</t>
  </si>
  <si>
    <t>cg16466278</t>
  </si>
  <si>
    <t>cg16468082</t>
  </si>
  <si>
    <t>cg16468182</t>
  </si>
  <si>
    <t>cg16470140</t>
  </si>
  <si>
    <t>cg16495212</t>
  </si>
  <si>
    <t>cg16495696</t>
  </si>
  <si>
    <t>cg16512239</t>
  </si>
  <si>
    <t>cg16520191</t>
  </si>
  <si>
    <t>cg16520955</t>
  </si>
  <si>
    <t>cg16524240</t>
  </si>
  <si>
    <t>cg16542125</t>
  </si>
  <si>
    <t>cg16543027</t>
  </si>
  <si>
    <t>cg16553427</t>
  </si>
  <si>
    <t>cg16553757</t>
  </si>
  <si>
    <t>cg16556504</t>
  </si>
  <si>
    <t>cg16558770</t>
  </si>
  <si>
    <t>cg16566391</t>
  </si>
  <si>
    <t>cg16571836</t>
  </si>
  <si>
    <t>cg16572315</t>
  </si>
  <si>
    <t>cg16581800</t>
  </si>
  <si>
    <t>cg16591875</t>
  </si>
  <si>
    <t>cg16594502</t>
  </si>
  <si>
    <t>cg16599974</t>
  </si>
  <si>
    <t>cg16601489</t>
  </si>
  <si>
    <t>cg16602846</t>
  </si>
  <si>
    <t>cg16603064</t>
  </si>
  <si>
    <t>cg16603669</t>
  </si>
  <si>
    <t>cg16606478</t>
  </si>
  <si>
    <t>cg16611654</t>
  </si>
  <si>
    <t>cg16613012</t>
  </si>
  <si>
    <t>cg16623755</t>
  </si>
  <si>
    <t>cg16639637</t>
  </si>
  <si>
    <t>cg16643558</t>
  </si>
  <si>
    <t>cg16651441</t>
  </si>
  <si>
    <t>cg16661000</t>
  </si>
  <si>
    <t>cg16661164</t>
  </si>
  <si>
    <t>cg16671889</t>
  </si>
  <si>
    <t>cg16672083</t>
  </si>
  <si>
    <t>cg16674047</t>
  </si>
  <si>
    <t>cg16695354</t>
  </si>
  <si>
    <t>cg16703647</t>
  </si>
  <si>
    <t>cg16706749</t>
  </si>
  <si>
    <t>cg16707215</t>
  </si>
  <si>
    <t>cg16711185</t>
  </si>
  <si>
    <t>cg16711274</t>
  </si>
  <si>
    <t>cg16711522</t>
  </si>
  <si>
    <t>cg16712730</t>
  </si>
  <si>
    <t>cg16716320</t>
  </si>
  <si>
    <t>cg16716975</t>
  </si>
  <si>
    <t>cg16717122</t>
  </si>
  <si>
    <t>cg16731692</t>
  </si>
  <si>
    <t>cg16745446</t>
  </si>
  <si>
    <t>cg16751778</t>
  </si>
  <si>
    <t>cg16751781</t>
  </si>
  <si>
    <t>cg16764564</t>
  </si>
  <si>
    <t>cg16764778</t>
  </si>
  <si>
    <t>cg16765088</t>
  </si>
  <si>
    <t>cg16767221</t>
  </si>
  <si>
    <t>cg16773127</t>
  </si>
  <si>
    <t>cg16778903</t>
  </si>
  <si>
    <t>cg16784555</t>
  </si>
  <si>
    <t>cg16787199</t>
  </si>
  <si>
    <t>cg16787252</t>
  </si>
  <si>
    <t>cg16792560</t>
  </si>
  <si>
    <t>cg16797300</t>
  </si>
  <si>
    <t>cg16799334</t>
  </si>
  <si>
    <t>cg16804165</t>
  </si>
  <si>
    <t>cg16831889</t>
  </si>
  <si>
    <t>cg16836355</t>
  </si>
  <si>
    <t>cg16862838</t>
  </si>
  <si>
    <t>cg16889320</t>
  </si>
  <si>
    <t>cg16889659</t>
  </si>
  <si>
    <t>cg16890051</t>
  </si>
  <si>
    <t>cg16892255</t>
  </si>
  <si>
    <t>cg16900255</t>
  </si>
  <si>
    <t>cg16900671</t>
  </si>
  <si>
    <t>cg16901840</t>
  </si>
  <si>
    <t>cg16904509</t>
  </si>
  <si>
    <t>cg16906765</t>
  </si>
  <si>
    <t>cg16911720</t>
  </si>
  <si>
    <t>cg16915619</t>
  </si>
  <si>
    <t>cg16917406</t>
  </si>
  <si>
    <t>cg16920001</t>
  </si>
  <si>
    <t>cg16926930</t>
  </si>
  <si>
    <t>cg16929726</t>
  </si>
  <si>
    <t>cg16940801</t>
  </si>
  <si>
    <t>cg16958189</t>
  </si>
  <si>
    <t>cg16958402</t>
  </si>
  <si>
    <t>cg16965794</t>
  </si>
  <si>
    <t>cg16966261</t>
  </si>
  <si>
    <t>cg16967626</t>
  </si>
  <si>
    <t>cg16967830</t>
  </si>
  <si>
    <t>cg16973527</t>
  </si>
  <si>
    <t>cg16978004</t>
  </si>
  <si>
    <t>cg16980245</t>
  </si>
  <si>
    <t>cg16986499</t>
  </si>
  <si>
    <t>cg16988989</t>
  </si>
  <si>
    <t>cg16989822</t>
  </si>
  <si>
    <t>cg16992257</t>
  </si>
  <si>
    <t>cg16993013</t>
  </si>
  <si>
    <t>cg17006677</t>
  </si>
  <si>
    <t>cg17011981</t>
  </si>
  <si>
    <t>cg17013340</t>
  </si>
  <si>
    <t>cg17017272</t>
  </si>
  <si>
    <t>cg17018349</t>
  </si>
  <si>
    <t>cg17018527</t>
  </si>
  <si>
    <t>cg17018786</t>
  </si>
  <si>
    <t>cg17022328</t>
  </si>
  <si>
    <t>cg17036427</t>
  </si>
  <si>
    <t>cg17038108</t>
  </si>
  <si>
    <t>cg17050643</t>
  </si>
  <si>
    <t>cg17063840</t>
  </si>
  <si>
    <t>cg17074353</t>
  </si>
  <si>
    <t>cg17074989</t>
  </si>
  <si>
    <t>cg17077566</t>
  </si>
  <si>
    <t>cg17077762</t>
  </si>
  <si>
    <t>cg17078815</t>
  </si>
  <si>
    <t>cg17080902</t>
  </si>
  <si>
    <t>cg17080987</t>
  </si>
  <si>
    <t>cg17082634</t>
  </si>
  <si>
    <t>cg17086370</t>
  </si>
  <si>
    <t>cg17087232</t>
  </si>
  <si>
    <t>cg17098850</t>
  </si>
  <si>
    <t>cg17100528</t>
  </si>
  <si>
    <t>cg17113968</t>
  </si>
  <si>
    <t>cg17115258</t>
  </si>
  <si>
    <t>cg17120637</t>
  </si>
  <si>
    <t>cg17120983</t>
  </si>
  <si>
    <t>cg17124092</t>
  </si>
  <si>
    <t>cg17125990</t>
  </si>
  <si>
    <t>cg17130160</t>
  </si>
  <si>
    <t>cg17132671</t>
  </si>
  <si>
    <t>cg17138684</t>
  </si>
  <si>
    <t>cg17140476</t>
  </si>
  <si>
    <t>cg17140992</t>
  </si>
  <si>
    <t>cg17141783</t>
  </si>
  <si>
    <t>cg17141819</t>
  </si>
  <si>
    <t>cg17146150</t>
  </si>
  <si>
    <t>cg17146877</t>
  </si>
  <si>
    <t>cg17147440</t>
  </si>
  <si>
    <t>cg17149030</t>
  </si>
  <si>
    <t>cg17149655</t>
  </si>
  <si>
    <t>cg17156053</t>
  </si>
  <si>
    <t>cg17165156</t>
  </si>
  <si>
    <t>cg17165475</t>
  </si>
  <si>
    <t>cg17168519</t>
  </si>
  <si>
    <t>cg17171786</t>
  </si>
  <si>
    <t>cg17172984</t>
  </si>
  <si>
    <t>cg17175984</t>
  </si>
  <si>
    <t>cg17176423</t>
  </si>
  <si>
    <t>cg17178489</t>
  </si>
  <si>
    <t>cg17180386</t>
  </si>
  <si>
    <t>cg17180678</t>
  </si>
  <si>
    <t>cg17183213</t>
  </si>
  <si>
    <t>cg17186444</t>
  </si>
  <si>
    <t>cg17191518</t>
  </si>
  <si>
    <t>cg17194668</t>
  </si>
  <si>
    <t>cg17195127</t>
  </si>
  <si>
    <t>cg17196713</t>
  </si>
  <si>
    <t>cg17197519</t>
  </si>
  <si>
    <t>cg17198397</t>
  </si>
  <si>
    <t>cg17208360</t>
  </si>
  <si>
    <t>cg17208363</t>
  </si>
  <si>
    <t>cg17221377</t>
  </si>
  <si>
    <t>cg17222234</t>
  </si>
  <si>
    <t>cg17232357</t>
  </si>
  <si>
    <t>cg17241841</t>
  </si>
  <si>
    <t>cg17243582</t>
  </si>
  <si>
    <t>cg17247206</t>
  </si>
  <si>
    <t>cg17258195</t>
  </si>
  <si>
    <t>cg17260725</t>
  </si>
  <si>
    <t>cg17266475</t>
  </si>
  <si>
    <t>cg17284334</t>
  </si>
  <si>
    <t>cg17298352</t>
  </si>
  <si>
    <t>cg17311074</t>
  </si>
  <si>
    <t>cg17316750</t>
  </si>
  <si>
    <t>cg17326095</t>
  </si>
  <si>
    <t>cg17337118</t>
  </si>
  <si>
    <t>cg17347941</t>
  </si>
  <si>
    <t>cg17349461</t>
  </si>
  <si>
    <t>cg17355791</t>
  </si>
  <si>
    <t>cg17355835</t>
  </si>
  <si>
    <t>cg17356999</t>
  </si>
  <si>
    <t>cg17360745</t>
  </si>
  <si>
    <t>cg17369091</t>
  </si>
  <si>
    <t>cg17382950</t>
  </si>
  <si>
    <t>cg17383853</t>
  </si>
  <si>
    <t>cg17386689</t>
  </si>
  <si>
    <t>cg17394317</t>
  </si>
  <si>
    <t>cg17396638</t>
  </si>
  <si>
    <t>cg17397836</t>
  </si>
  <si>
    <t>cg17426184</t>
  </si>
  <si>
    <t>cg17427305</t>
  </si>
  <si>
    <t>cg17427666</t>
  </si>
  <si>
    <t>cg17442546</t>
  </si>
  <si>
    <t>cg17444521</t>
  </si>
  <si>
    <t>cg17448023</t>
  </si>
  <si>
    <t>cg17448575</t>
  </si>
  <si>
    <t>cg17453250</t>
  </si>
  <si>
    <t>cg17456612</t>
  </si>
  <si>
    <t>cg17457701</t>
  </si>
  <si>
    <t>cg17463698</t>
  </si>
  <si>
    <t>cg17484445</t>
  </si>
  <si>
    <t>cg17491517</t>
  </si>
  <si>
    <t>cg17500686</t>
  </si>
  <si>
    <t>cg17506061</t>
  </si>
  <si>
    <t>cg17516330</t>
  </si>
  <si>
    <t>cg17519101</t>
  </si>
  <si>
    <t>cg17531871</t>
  </si>
  <si>
    <t>cg17532444</t>
  </si>
  <si>
    <t>cg17556578</t>
  </si>
  <si>
    <t>cg17582782</t>
  </si>
  <si>
    <t>cg17631357</t>
  </si>
  <si>
    <t>cg17639749</t>
  </si>
  <si>
    <t>cg17661642</t>
  </si>
  <si>
    <t>cg17676096</t>
  </si>
  <si>
    <t>cg17688381</t>
  </si>
  <si>
    <t>cg17708167</t>
  </si>
  <si>
    <t>cg17715521</t>
  </si>
  <si>
    <t>cg17716765</t>
  </si>
  <si>
    <t>cg17720150</t>
  </si>
  <si>
    <t>cg17721618</t>
  </si>
  <si>
    <t>cg17725477</t>
  </si>
  <si>
    <t>cg17728065</t>
  </si>
  <si>
    <t>cg17732044</t>
  </si>
  <si>
    <t>cg17732372</t>
  </si>
  <si>
    <t>cg17736482</t>
  </si>
  <si>
    <t>cg17742273</t>
  </si>
  <si>
    <t>cg17743012</t>
  </si>
  <si>
    <t>cg17744835</t>
  </si>
  <si>
    <t>cg17750114</t>
  </si>
  <si>
    <t>cg17788682</t>
  </si>
  <si>
    <t>cg17790333</t>
  </si>
  <si>
    <t>cg17792616</t>
  </si>
  <si>
    <t>cg17793497</t>
  </si>
  <si>
    <t>cg17794320</t>
  </si>
  <si>
    <t>cg17796461</t>
  </si>
  <si>
    <t>cg17805836</t>
  </si>
  <si>
    <t>cg17809595</t>
  </si>
  <si>
    <t>cg17811589</t>
  </si>
  <si>
    <t>cg17818196</t>
  </si>
  <si>
    <t>cg17821321</t>
  </si>
  <si>
    <t>cg17821664</t>
  </si>
  <si>
    <t>cg17825277</t>
  </si>
  <si>
    <t>cg17829533</t>
  </si>
  <si>
    <t>cg17830812</t>
  </si>
  <si>
    <t>cg17834289</t>
  </si>
  <si>
    <t>cg17837076</t>
  </si>
  <si>
    <t>cg17840469</t>
  </si>
  <si>
    <t>cg17847446</t>
  </si>
  <si>
    <t>cg17848615</t>
  </si>
  <si>
    <t>cg17848828</t>
  </si>
  <si>
    <t>cg17849922</t>
  </si>
  <si>
    <t>cg17850538</t>
  </si>
  <si>
    <t>cg17852385</t>
  </si>
  <si>
    <t>cg17862275</t>
  </si>
  <si>
    <t>cg17864044</t>
  </si>
  <si>
    <t>cg17865033</t>
  </si>
  <si>
    <t>cg17866455</t>
  </si>
  <si>
    <t>cg17867390</t>
  </si>
  <si>
    <t>cg17868924</t>
  </si>
  <si>
    <t>cg17872407</t>
  </si>
  <si>
    <t>cg17875483</t>
  </si>
  <si>
    <t>cg17877933</t>
  </si>
  <si>
    <t>cg17878151</t>
  </si>
  <si>
    <t>cg17880593</t>
  </si>
  <si>
    <t>cg17883837</t>
  </si>
  <si>
    <t>cg17886678</t>
  </si>
  <si>
    <t>cg17891123</t>
  </si>
  <si>
    <t>cg17891194</t>
  </si>
  <si>
    <t>cg17895496</t>
  </si>
  <si>
    <t>cg17897236</t>
  </si>
  <si>
    <t>cg17900188</t>
  </si>
  <si>
    <t>cg17907520</t>
  </si>
  <si>
    <t>cg17919966</t>
  </si>
  <si>
    <t>cg17921193</t>
  </si>
  <si>
    <t>cg17921815</t>
  </si>
  <si>
    <t>cg17927313</t>
  </si>
  <si>
    <t>cg17939401</t>
  </si>
  <si>
    <t>cg17940694</t>
  </si>
  <si>
    <t>cg17941015</t>
  </si>
  <si>
    <t>cg17955420</t>
  </si>
  <si>
    <t>cg17971555</t>
  </si>
  <si>
    <t>cg17971747</t>
  </si>
  <si>
    <t>cg17972655</t>
  </si>
  <si>
    <t>cg17973661</t>
  </si>
  <si>
    <t>cg17978274</t>
  </si>
  <si>
    <t>cg17982038</t>
  </si>
  <si>
    <t>cg17982165</t>
  </si>
  <si>
    <t>cg18010520</t>
  </si>
  <si>
    <t>cg18011253</t>
  </si>
  <si>
    <t>cg18012350</t>
  </si>
  <si>
    <t>cg18013830</t>
  </si>
  <si>
    <t>cg18015194</t>
  </si>
  <si>
    <t>cg18018581</t>
  </si>
  <si>
    <t>cg18022554</t>
  </si>
  <si>
    <t>cg18026588</t>
  </si>
  <si>
    <t>cg18026626</t>
  </si>
  <si>
    <t>cg18034049</t>
  </si>
  <si>
    <t>cg18050959</t>
  </si>
  <si>
    <t>cg18054026</t>
  </si>
  <si>
    <t>cg18055585</t>
  </si>
  <si>
    <t>cg18058682</t>
  </si>
  <si>
    <t>cg18068537</t>
  </si>
  <si>
    <t>cg18073240</t>
  </si>
  <si>
    <t>cg18074820</t>
  </si>
  <si>
    <t>cg18079006</t>
  </si>
  <si>
    <t>cg18083248</t>
  </si>
  <si>
    <t>cg18083415</t>
  </si>
  <si>
    <t>cg18085517</t>
  </si>
  <si>
    <t>cg18091465</t>
  </si>
  <si>
    <t>cg18092474</t>
  </si>
  <si>
    <t>cg18095544</t>
  </si>
  <si>
    <t>cg18097277</t>
  </si>
  <si>
    <t>cg18099844</t>
  </si>
  <si>
    <t>cg18106434</t>
  </si>
  <si>
    <t>cg18106844</t>
  </si>
  <si>
    <t>cg18107425</t>
  </si>
  <si>
    <t>cg18108262</t>
  </si>
  <si>
    <t>cg18120303</t>
  </si>
  <si>
    <t>cg18128976</t>
  </si>
  <si>
    <t>cg18135893</t>
  </si>
  <si>
    <t>cg18136062</t>
  </si>
  <si>
    <t>cg18146964</t>
  </si>
  <si>
    <t>cg18154158</t>
  </si>
  <si>
    <t>cg18154567</t>
  </si>
  <si>
    <t>cg18158033</t>
  </si>
  <si>
    <t>cg18158670</t>
  </si>
  <si>
    <t>cg18166564</t>
  </si>
  <si>
    <t>cg18168740</t>
  </si>
  <si>
    <t>cg18175690</t>
  </si>
  <si>
    <t>cg18180935</t>
  </si>
  <si>
    <t>cg18183774</t>
  </si>
  <si>
    <t>cg18188010</t>
  </si>
  <si>
    <t>cg18191248</t>
  </si>
  <si>
    <t>cg18194306</t>
  </si>
  <si>
    <t>cg18210365</t>
  </si>
  <si>
    <t>cg18211918</t>
  </si>
  <si>
    <t>cg18230771</t>
  </si>
  <si>
    <t>cg18241486</t>
  </si>
  <si>
    <t>cg18250838</t>
  </si>
  <si>
    <t>cg18253757</t>
  </si>
  <si>
    <t>cg18257839</t>
  </si>
  <si>
    <t>cg18257955</t>
  </si>
  <si>
    <t>cg18263455</t>
  </si>
  <si>
    <t>cg18279337</t>
  </si>
  <si>
    <t>cg18306477</t>
  </si>
  <si>
    <t>cg18306747</t>
  </si>
  <si>
    <t>cg18311400</t>
  </si>
  <si>
    <t>cg18315835</t>
  </si>
  <si>
    <t>cg18320505</t>
  </si>
  <si>
    <t>cg18320917</t>
  </si>
  <si>
    <t>cg18323095</t>
  </si>
  <si>
    <t>cg18324397</t>
  </si>
  <si>
    <t>cg18324542</t>
  </si>
  <si>
    <t>cg18330222</t>
  </si>
  <si>
    <t>cg18335991</t>
  </si>
  <si>
    <t>cg18344452</t>
  </si>
  <si>
    <t>cg18358621</t>
  </si>
  <si>
    <t>cg18359129</t>
  </si>
  <si>
    <t>cg18360690</t>
  </si>
  <si>
    <t>cg18361395</t>
  </si>
  <si>
    <t>cg18372353</t>
  </si>
  <si>
    <t>cg18376817</t>
  </si>
  <si>
    <t>cg18385440</t>
  </si>
  <si>
    <t>cg18385457</t>
  </si>
  <si>
    <t>cg18388559</t>
  </si>
  <si>
    <t>cg18393722</t>
  </si>
  <si>
    <t>cg18401111</t>
  </si>
  <si>
    <t>cg18407136</t>
  </si>
  <si>
    <t>cg18415687</t>
  </si>
  <si>
    <t>cg18432286</t>
  </si>
  <si>
    <t>cg18432451</t>
  </si>
  <si>
    <t>cg18433293</t>
  </si>
  <si>
    <t>cg18435832</t>
  </si>
  <si>
    <t>cg18443571</t>
  </si>
  <si>
    <t>cg18450553</t>
  </si>
  <si>
    <t>cg18464080</t>
  </si>
  <si>
    <t>cg18464991</t>
  </si>
  <si>
    <t>cg18468796</t>
  </si>
  <si>
    <t>cg18469148</t>
  </si>
  <si>
    <t>cg18470815</t>
  </si>
  <si>
    <t>cg18472881</t>
  </si>
  <si>
    <t>cg18477380</t>
  </si>
  <si>
    <t>cg18477949</t>
  </si>
  <si>
    <t>cg18478794</t>
  </si>
  <si>
    <t>cg18488733</t>
  </si>
  <si>
    <t>cg18494902</t>
  </si>
  <si>
    <t>cg18496247</t>
  </si>
  <si>
    <t>cg18506672</t>
  </si>
  <si>
    <t>cg18512553</t>
  </si>
  <si>
    <t>cg18517195</t>
  </si>
  <si>
    <t>cg18542304</t>
  </si>
  <si>
    <t>cg18542639</t>
  </si>
  <si>
    <t>cg18543971</t>
  </si>
  <si>
    <t>cg18545991</t>
  </si>
  <si>
    <t>cg18548879</t>
  </si>
  <si>
    <t>cg18548950</t>
  </si>
  <si>
    <t>cg18552939</t>
  </si>
  <si>
    <t>cg18556005</t>
  </si>
  <si>
    <t>cg18558811</t>
  </si>
  <si>
    <t>cg18560144</t>
  </si>
  <si>
    <t>cg18564888</t>
  </si>
  <si>
    <t>cg18568872</t>
  </si>
  <si>
    <t>cg18571126</t>
  </si>
  <si>
    <t>cg18574476</t>
  </si>
  <si>
    <t>cg18576057</t>
  </si>
  <si>
    <t>cg18581173</t>
  </si>
  <si>
    <t>cg18582073</t>
  </si>
  <si>
    <t>cg18583931</t>
  </si>
  <si>
    <t>cg18585940</t>
  </si>
  <si>
    <t>cg18587504</t>
  </si>
  <si>
    <t>cg18590785</t>
  </si>
  <si>
    <t>cg18592307</t>
  </si>
  <si>
    <t>cg18594785</t>
  </si>
  <si>
    <t>cg18597315</t>
  </si>
  <si>
    <t>cg18599955</t>
  </si>
  <si>
    <t>cg18602919</t>
  </si>
  <si>
    <t>cg18603446</t>
  </si>
  <si>
    <t>cg18603698</t>
  </si>
  <si>
    <t>cg18637232</t>
  </si>
  <si>
    <t>cg18640660</t>
  </si>
  <si>
    <t>cg18646036</t>
  </si>
  <si>
    <t>cg18646365</t>
  </si>
  <si>
    <t>cg18646851</t>
  </si>
  <si>
    <t>cg18654183</t>
  </si>
  <si>
    <t>cg18661868</t>
  </si>
  <si>
    <t>cg18670092</t>
  </si>
  <si>
    <t>cg18671950</t>
  </si>
  <si>
    <t>cg18705301</t>
  </si>
  <si>
    <t>cg18708744</t>
  </si>
  <si>
    <t>cg18713766</t>
  </si>
  <si>
    <t>cg18718327</t>
  </si>
  <si>
    <t>cg18721742</t>
  </si>
  <si>
    <t>cg18724037</t>
  </si>
  <si>
    <t>cg18724928</t>
  </si>
  <si>
    <t>cg18726691</t>
  </si>
  <si>
    <t>cg18728699</t>
  </si>
  <si>
    <t>cg18735114</t>
  </si>
  <si>
    <t>cg18736186</t>
  </si>
  <si>
    <t>cg18737971</t>
  </si>
  <si>
    <t>cg18742438</t>
  </si>
  <si>
    <t>cg18745279</t>
  </si>
  <si>
    <t>cg18749273</t>
  </si>
  <si>
    <t>cg18749411</t>
  </si>
  <si>
    <t>cg18750433</t>
  </si>
  <si>
    <t>cg18758572</t>
  </si>
  <si>
    <t>cg18758664</t>
  </si>
  <si>
    <t>cg18760324</t>
  </si>
  <si>
    <t>cg18760920</t>
  </si>
  <si>
    <t>cg18761422</t>
  </si>
  <si>
    <t>cg18762511</t>
  </si>
  <si>
    <t>cg18763223</t>
  </si>
  <si>
    <t>cg18766912</t>
  </si>
  <si>
    <t>cg18772668</t>
  </si>
  <si>
    <t>cg18775465</t>
  </si>
  <si>
    <t>cg18775702</t>
  </si>
  <si>
    <t>cg18778196</t>
  </si>
  <si>
    <t>cg18778721</t>
  </si>
  <si>
    <t>cg18809151</t>
  </si>
  <si>
    <t>cg18813078</t>
  </si>
  <si>
    <t>cg18817654</t>
  </si>
  <si>
    <t>cg18819275</t>
  </si>
  <si>
    <t>cg18823784</t>
  </si>
  <si>
    <t>cg18824446</t>
  </si>
  <si>
    <t>cg18825076</t>
  </si>
  <si>
    <t>cg18827470</t>
  </si>
  <si>
    <t>cg18827756</t>
  </si>
  <si>
    <t>cg18828762</t>
  </si>
  <si>
    <t>cg18828966</t>
  </si>
  <si>
    <t>cg18830241</t>
  </si>
  <si>
    <t>cg18831671</t>
  </si>
  <si>
    <t>cg18836977</t>
  </si>
  <si>
    <t>cg18837035</t>
  </si>
  <si>
    <t>cg18837051</t>
  </si>
  <si>
    <t>cg18838013</t>
  </si>
  <si>
    <t>cg18838433</t>
  </si>
  <si>
    <t>cg18858542</t>
  </si>
  <si>
    <t>cg18860847</t>
  </si>
  <si>
    <t>cg18864399</t>
  </si>
  <si>
    <t>cg18864479</t>
  </si>
  <si>
    <t>cg18866210</t>
  </si>
  <si>
    <t>cg18866529</t>
  </si>
  <si>
    <t>cg18887483</t>
  </si>
  <si>
    <t>cg18915456</t>
  </si>
  <si>
    <t>cg18917486</t>
  </si>
  <si>
    <t>cg18919684</t>
  </si>
  <si>
    <t>cg18926062</t>
  </si>
  <si>
    <t>cg18926409</t>
  </si>
  <si>
    <t>cg18928017</t>
  </si>
  <si>
    <t>cg18931850</t>
  </si>
  <si>
    <t>cg18936814</t>
  </si>
  <si>
    <t>cg18938709</t>
  </si>
  <si>
    <t>cg18939241</t>
  </si>
  <si>
    <t>cg18942110</t>
  </si>
  <si>
    <t>cg18952647</t>
  </si>
  <si>
    <t>cg18952654</t>
  </si>
  <si>
    <t>cg18957462</t>
  </si>
  <si>
    <t>cg18958684</t>
  </si>
  <si>
    <t>cg18965213</t>
  </si>
  <si>
    <t>cg18972584</t>
  </si>
  <si>
    <t>cg18973515</t>
  </si>
  <si>
    <t>cg18973642</t>
  </si>
  <si>
    <t>cg18973735</t>
  </si>
  <si>
    <t>cg18978531</t>
  </si>
  <si>
    <t>cg18980263</t>
  </si>
  <si>
    <t>cg18980373</t>
  </si>
  <si>
    <t>cg18997990</t>
  </si>
  <si>
    <t>cg19005281</t>
  </si>
  <si>
    <t>cg19005707</t>
  </si>
  <si>
    <t>cg19009305</t>
  </si>
  <si>
    <t>cg19013753</t>
  </si>
  <si>
    <t>cg19021732</t>
  </si>
  <si>
    <t>cg19036075</t>
  </si>
  <si>
    <t>cg19084031</t>
  </si>
  <si>
    <t>cg19084621</t>
  </si>
  <si>
    <t>cg19091474</t>
  </si>
  <si>
    <t>cg19094555</t>
  </si>
  <si>
    <t>cg19097639</t>
  </si>
  <si>
    <t>cg19105821</t>
  </si>
  <si>
    <t>cg19112424</t>
  </si>
  <si>
    <t>cg19114050</t>
  </si>
  <si>
    <t>cg19114277</t>
  </si>
  <si>
    <t>cg19114300</t>
  </si>
  <si>
    <t>cg19134665</t>
  </si>
  <si>
    <t>cg19135536</t>
  </si>
  <si>
    <t>cg19143990</t>
  </si>
  <si>
    <t>cg19160053</t>
  </si>
  <si>
    <t>cg19161424</t>
  </si>
  <si>
    <t>cg19162768</t>
  </si>
  <si>
    <t>cg19166733</t>
  </si>
  <si>
    <t>cg19167793</t>
  </si>
  <si>
    <t>cg19169932</t>
  </si>
  <si>
    <t>cg19176363</t>
  </si>
  <si>
    <t>cg19177600</t>
  </si>
  <si>
    <t>cg19177941</t>
  </si>
  <si>
    <t>cg19181310</t>
  </si>
  <si>
    <t>cg19183867</t>
  </si>
  <si>
    <t>cg19184771</t>
  </si>
  <si>
    <t>cg19187121</t>
  </si>
  <si>
    <t>cg19187145</t>
  </si>
  <si>
    <t>cg19187486</t>
  </si>
  <si>
    <t>cg19189201</t>
  </si>
  <si>
    <t>cg19190269</t>
  </si>
  <si>
    <t>cg19190699</t>
  </si>
  <si>
    <t>cg19193826</t>
  </si>
  <si>
    <t>cg19197212</t>
  </si>
  <si>
    <t>cg19224278</t>
  </si>
  <si>
    <t>cg19233663</t>
  </si>
  <si>
    <t>cg19251514</t>
  </si>
  <si>
    <t>cg19252691</t>
  </si>
  <si>
    <t>cg19256368</t>
  </si>
  <si>
    <t>cg19257102</t>
  </si>
  <si>
    <t>cg19257750</t>
  </si>
  <si>
    <t>cg19259030</t>
  </si>
  <si>
    <t>cg19262005</t>
  </si>
  <si>
    <t>cg19263124</t>
  </si>
  <si>
    <t>cg19275890</t>
  </si>
  <si>
    <t>cg19280364</t>
  </si>
  <si>
    <t>cg19281068</t>
  </si>
  <si>
    <t>cg19286699</t>
  </si>
  <si>
    <t>cg19287277</t>
  </si>
  <si>
    <t>cg19287591</t>
  </si>
  <si>
    <t>cg19292827</t>
  </si>
  <si>
    <t>cg19294311</t>
  </si>
  <si>
    <t>cg19295451</t>
  </si>
  <si>
    <t>cg19296740</t>
  </si>
  <si>
    <t>cg19305227</t>
  </si>
  <si>
    <t>cg19314660</t>
  </si>
  <si>
    <t>cg19326237</t>
  </si>
  <si>
    <t>cg19326876</t>
  </si>
  <si>
    <t>cg19329389</t>
  </si>
  <si>
    <t>cg19331677</t>
  </si>
  <si>
    <t>cg19337324</t>
  </si>
  <si>
    <t>cg19341977</t>
  </si>
  <si>
    <t>cg19342368</t>
  </si>
  <si>
    <t>cg19348484</t>
  </si>
  <si>
    <t>cg19349555</t>
  </si>
  <si>
    <t>cg19350125</t>
  </si>
  <si>
    <t>cg19350360</t>
  </si>
  <si>
    <t>cg19373938</t>
  </si>
  <si>
    <t>cg19374182</t>
  </si>
  <si>
    <t>cg19385388</t>
  </si>
  <si>
    <t>cg19391239</t>
  </si>
  <si>
    <t>cg19394923</t>
  </si>
  <si>
    <t>cg19405555</t>
  </si>
  <si>
    <t>cg19406036</t>
  </si>
  <si>
    <t>cg19409156</t>
  </si>
  <si>
    <t>cg19431448</t>
  </si>
  <si>
    <t>cg19433091</t>
  </si>
  <si>
    <t>cg19433807</t>
  </si>
  <si>
    <t>cg19438887</t>
  </si>
  <si>
    <t>cg19439777</t>
  </si>
  <si>
    <t>cg19440115</t>
  </si>
  <si>
    <t>cg19442201</t>
  </si>
  <si>
    <t>cg19453181</t>
  </si>
  <si>
    <t>cg19459332</t>
  </si>
  <si>
    <t>cg19459432</t>
  </si>
  <si>
    <t>cg19459791</t>
  </si>
  <si>
    <t>cg19470379</t>
  </si>
  <si>
    <t>cg19473369</t>
  </si>
  <si>
    <t>cg19493162</t>
  </si>
  <si>
    <t>cg19510604</t>
  </si>
  <si>
    <t>cg19510698</t>
  </si>
  <si>
    <t>cg19547844</t>
  </si>
  <si>
    <t>cg19554281</t>
  </si>
  <si>
    <t>cg19554522</t>
  </si>
  <si>
    <t>cg19554564</t>
  </si>
  <si>
    <t>cg19559628</t>
  </si>
  <si>
    <t>cg19561615</t>
  </si>
  <si>
    <t>cg19562400</t>
  </si>
  <si>
    <t>cg19563248</t>
  </si>
  <si>
    <t>cg19568099</t>
  </si>
  <si>
    <t>cg19570574</t>
  </si>
  <si>
    <t>cg19570897</t>
  </si>
  <si>
    <t>cg19571617</t>
  </si>
  <si>
    <t>cg19589317</t>
  </si>
  <si>
    <t>cg19593878</t>
  </si>
  <si>
    <t>cg19596208</t>
  </si>
  <si>
    <t>cg19599407</t>
  </si>
  <si>
    <t>cg19601144</t>
  </si>
  <si>
    <t>cg19603075</t>
  </si>
  <si>
    <t>cg19603195</t>
  </si>
  <si>
    <t>cg19606131</t>
  </si>
  <si>
    <t>cg19607229</t>
  </si>
  <si>
    <t>cg19613905</t>
  </si>
  <si>
    <t>cg19616083</t>
  </si>
  <si>
    <t>cg19620333</t>
  </si>
  <si>
    <t>cg19622358</t>
  </si>
  <si>
    <t>cg19623835</t>
  </si>
  <si>
    <t>cg19626546</t>
  </si>
  <si>
    <t>cg19630841</t>
  </si>
  <si>
    <t>cg19631779</t>
  </si>
  <si>
    <t>cg19638259</t>
  </si>
  <si>
    <t>cg19639490</t>
  </si>
  <si>
    <t>cg19642394</t>
  </si>
  <si>
    <t>cg19642402</t>
  </si>
  <si>
    <t>cg19657603</t>
  </si>
  <si>
    <t>cg19659987</t>
  </si>
  <si>
    <t>cg19670290</t>
  </si>
  <si>
    <t>cg19674051</t>
  </si>
  <si>
    <t>cg19679123</t>
  </si>
  <si>
    <t>cg19680696</t>
  </si>
  <si>
    <t>cg19686152</t>
  </si>
  <si>
    <t>cg19686637</t>
  </si>
  <si>
    <t>cg19689506</t>
  </si>
  <si>
    <t>cg19690704</t>
  </si>
  <si>
    <t>cg19695710</t>
  </si>
  <si>
    <t>cg19695978</t>
  </si>
  <si>
    <t>cg19696491</t>
  </si>
  <si>
    <t>cg19697042</t>
  </si>
  <si>
    <t>cg19698399</t>
  </si>
  <si>
    <t>cg19708133</t>
  </si>
  <si>
    <t>cg19708213</t>
  </si>
  <si>
    <t>cg19708541</t>
  </si>
  <si>
    <t>cg19709414</t>
  </si>
  <si>
    <t>cg19721717</t>
  </si>
  <si>
    <t>cg19769920</t>
  </si>
  <si>
    <t>cg19771482</t>
  </si>
  <si>
    <t>cg19777470</t>
  </si>
  <si>
    <t>cg19781053</t>
  </si>
  <si>
    <t>cg19784054</t>
  </si>
  <si>
    <t>cg19785742</t>
  </si>
  <si>
    <t>cg19786805</t>
  </si>
  <si>
    <t>cg19786988</t>
  </si>
  <si>
    <t>cg19803984</t>
  </si>
  <si>
    <t>cg19808829</t>
  </si>
  <si>
    <t>cg19816354</t>
  </si>
  <si>
    <t>cg19817367</t>
  </si>
  <si>
    <t>cg19817399</t>
  </si>
  <si>
    <t>cg19818642</t>
  </si>
  <si>
    <t>cg19822110</t>
  </si>
  <si>
    <t>cg19831197</t>
  </si>
  <si>
    <t>cg19831313</t>
  </si>
  <si>
    <t>cg19831698</t>
  </si>
  <si>
    <t>cg19835246</t>
  </si>
  <si>
    <t>cg19836283</t>
  </si>
  <si>
    <t>cg19837587</t>
  </si>
  <si>
    <t>cg19837901</t>
  </si>
  <si>
    <t>cg19839691</t>
  </si>
  <si>
    <t>cg19841211</t>
  </si>
  <si>
    <t>cg19843449</t>
  </si>
  <si>
    <t>cg19844955</t>
  </si>
  <si>
    <t>cg19845809</t>
  </si>
  <si>
    <t>cg19846295</t>
  </si>
  <si>
    <t>cg19847601</t>
  </si>
  <si>
    <t>cg19890533</t>
  </si>
  <si>
    <t>cg19891440</t>
  </si>
  <si>
    <t>cg19894580</t>
  </si>
  <si>
    <t>cg19895051</t>
  </si>
  <si>
    <t>cg19900515</t>
  </si>
  <si>
    <t>cg19905757</t>
  </si>
  <si>
    <t>cg19908151</t>
  </si>
  <si>
    <t>cg19909036</t>
  </si>
  <si>
    <t>cg19911362</t>
  </si>
  <si>
    <t>cg19921130</t>
  </si>
  <si>
    <t>cg19925872</t>
  </si>
  <si>
    <t>cg19926385</t>
  </si>
  <si>
    <t>cg19928692</t>
  </si>
  <si>
    <t>cg19930745</t>
  </si>
  <si>
    <t>cg19930802</t>
  </si>
  <si>
    <t>cg19932079</t>
  </si>
  <si>
    <t>cg19932080</t>
  </si>
  <si>
    <t>cg19933135</t>
  </si>
  <si>
    <t>cg19938199</t>
  </si>
  <si>
    <t>cg19940183</t>
  </si>
  <si>
    <t>cg19959497</t>
  </si>
  <si>
    <t>cg19960114</t>
  </si>
  <si>
    <t>cg19961998</t>
  </si>
  <si>
    <t>cg19964320</t>
  </si>
  <si>
    <t>cg19965589</t>
  </si>
  <si>
    <t>cg19967176</t>
  </si>
  <si>
    <t>cg19971773</t>
  </si>
  <si>
    <t>cg19979590</t>
  </si>
  <si>
    <t>cg19982089</t>
  </si>
  <si>
    <t>cg19987794</t>
  </si>
  <si>
    <t>cg19988449</t>
  </si>
  <si>
    <t>cg19989581</t>
  </si>
  <si>
    <t>cg19991512</t>
  </si>
  <si>
    <t>cg19996221</t>
  </si>
  <si>
    <t>cg19997245</t>
  </si>
  <si>
    <t>cg20005743</t>
  </si>
  <si>
    <t>cg20007188</t>
  </si>
  <si>
    <t>cg20015855</t>
  </si>
  <si>
    <t>cg20015921</t>
  </si>
  <si>
    <t>cg20018563</t>
  </si>
  <si>
    <t>cg20027684</t>
  </si>
  <si>
    <t>cg20033619</t>
  </si>
  <si>
    <t>cg20034372</t>
  </si>
  <si>
    <t>cg20040747</t>
  </si>
  <si>
    <t>cg20041624</t>
  </si>
  <si>
    <t>cg20055861</t>
  </si>
  <si>
    <t>cg20056341</t>
  </si>
  <si>
    <t>cg20059377</t>
  </si>
  <si>
    <t>cg20059928</t>
  </si>
  <si>
    <t>cg20064830</t>
  </si>
  <si>
    <t>cg20066737</t>
  </si>
  <si>
    <t>cg20068510</t>
  </si>
  <si>
    <t>cg20080320</t>
  </si>
  <si>
    <t>cg20081432</t>
  </si>
  <si>
    <t>cg20082641</t>
  </si>
  <si>
    <t>cg20110984</t>
  </si>
  <si>
    <t>cg20113802</t>
  </si>
  <si>
    <t>cg20118643</t>
  </si>
  <si>
    <t>cg20119871</t>
  </si>
  <si>
    <t>cg20122548</t>
  </si>
  <si>
    <t>cg20125569</t>
  </si>
  <si>
    <t>cg20127029</t>
  </si>
  <si>
    <t>cg20192362</t>
  </si>
  <si>
    <t>cg20194856</t>
  </si>
  <si>
    <t>cg20225681</t>
  </si>
  <si>
    <t>cg20238128</t>
  </si>
  <si>
    <t>cg20239174</t>
  </si>
  <si>
    <t>cg20246331</t>
  </si>
  <si>
    <t>cg20246851</t>
  </si>
  <si>
    <t>cg20258580</t>
  </si>
  <si>
    <t>cg20260697</t>
  </si>
  <si>
    <t>cg20260721</t>
  </si>
  <si>
    <t>cg20270953</t>
  </si>
  <si>
    <t>cg20276232</t>
  </si>
  <si>
    <t>cg20277260</t>
  </si>
  <si>
    <t>cg20305024</t>
  </si>
  <si>
    <t>cg20309061</t>
  </si>
  <si>
    <t>cg20310319</t>
  </si>
  <si>
    <t>cg20311232</t>
  </si>
  <si>
    <t>cg20314325</t>
  </si>
  <si>
    <t>cg20317418</t>
  </si>
  <si>
    <t>cg20327163</t>
  </si>
  <si>
    <t>cg20329220</t>
  </si>
  <si>
    <t>cg20330023</t>
  </si>
  <si>
    <t>cg20344442</t>
  </si>
  <si>
    <t>cg20352178</t>
  </si>
  <si>
    <t>cg20353653</t>
  </si>
  <si>
    <t>cg20356637</t>
  </si>
  <si>
    <t>cg20359888</t>
  </si>
  <si>
    <t>cg20363192</t>
  </si>
  <si>
    <t>cg20368124</t>
  </si>
  <si>
    <t>cg20368664</t>
  </si>
  <si>
    <t>cg20372689</t>
  </si>
  <si>
    <t>cg20375947</t>
  </si>
  <si>
    <t>cg20377428</t>
  </si>
  <si>
    <t>cg20380368</t>
  </si>
  <si>
    <t>cg20381115</t>
  </si>
  <si>
    <t>cg20385120</t>
  </si>
  <si>
    <t>cg20385284</t>
  </si>
  <si>
    <t>cg20385970</t>
  </si>
  <si>
    <t>cg20386487</t>
  </si>
  <si>
    <t>cg20387258</t>
  </si>
  <si>
    <t>cg20428153</t>
  </si>
  <si>
    <t>cg20431565</t>
  </si>
  <si>
    <t>cg20433014</t>
  </si>
  <si>
    <t>cg20464383</t>
  </si>
  <si>
    <t>cg20464948</t>
  </si>
  <si>
    <t>cg20467658</t>
  </si>
  <si>
    <t>cg20479870</t>
  </si>
  <si>
    <t>cg20481312</t>
  </si>
  <si>
    <t>cg20485669</t>
  </si>
  <si>
    <t>cg20507228</t>
  </si>
  <si>
    <t>cg20510724</t>
  </si>
  <si>
    <t>cg20511489</t>
  </si>
  <si>
    <t>cg20512175</t>
  </si>
  <si>
    <t>cg20536146</t>
  </si>
  <si>
    <t>cg20536921</t>
  </si>
  <si>
    <t>cg20543837</t>
  </si>
  <si>
    <t>cg20550118</t>
  </si>
  <si>
    <t>cg20551756</t>
  </si>
  <si>
    <t>cg20552236</t>
  </si>
  <si>
    <t>cg20552752</t>
  </si>
  <si>
    <t>cg20557801</t>
  </si>
  <si>
    <t>cg20561300</t>
  </si>
  <si>
    <t>cg20563384</t>
  </si>
  <si>
    <t>cg20568038</t>
  </si>
  <si>
    <t>cg20569955</t>
  </si>
  <si>
    <t>cg20574415</t>
  </si>
  <si>
    <t>cg20575191</t>
  </si>
  <si>
    <t>cg20575277</t>
  </si>
  <si>
    <t>cg20580655</t>
  </si>
  <si>
    <t>cg20584732</t>
  </si>
  <si>
    <t>cg20587188</t>
  </si>
  <si>
    <t>cg20592391</t>
  </si>
  <si>
    <t>cg20594126</t>
  </si>
  <si>
    <t>cg20597139</t>
  </si>
  <si>
    <t>cg20597569</t>
  </si>
  <si>
    <t>cg20608329</t>
  </si>
  <si>
    <t>cg20608699</t>
  </si>
  <si>
    <t>cg20609493</t>
  </si>
  <si>
    <t>cg20612002</t>
  </si>
  <si>
    <t>cg20622026</t>
  </si>
  <si>
    <t>cg20622131</t>
  </si>
  <si>
    <t>cg20622964</t>
  </si>
  <si>
    <t>cg20626983</t>
  </si>
  <si>
    <t>cg20629551</t>
  </si>
  <si>
    <t>cg20629587</t>
  </si>
  <si>
    <t>cg20633020</t>
  </si>
  <si>
    <t>cg20633595</t>
  </si>
  <si>
    <t>cg20636912</t>
  </si>
  <si>
    <t>cg20638045</t>
  </si>
  <si>
    <t>cg20639218</t>
  </si>
  <si>
    <t>cg20639890</t>
  </si>
  <si>
    <t>cg20647158</t>
  </si>
  <si>
    <t>cg20651758</t>
  </si>
  <si>
    <t>cg20652404</t>
  </si>
  <si>
    <t>cg20654462</t>
  </si>
  <si>
    <t>cg20665205</t>
  </si>
  <si>
    <t>cg20666585</t>
  </si>
  <si>
    <t>cg20666967</t>
  </si>
  <si>
    <t>cg20668887</t>
  </si>
  <si>
    <t>cg20668952</t>
  </si>
  <si>
    <t>cg20678353</t>
  </si>
  <si>
    <t>cg20686313</t>
  </si>
  <si>
    <t>cg20690039</t>
  </si>
  <si>
    <t>cg20696985</t>
  </si>
  <si>
    <t>cg20707064</t>
  </si>
  <si>
    <t>cg20714715</t>
  </si>
  <si>
    <t>cg20715809</t>
  </si>
  <si>
    <t>cg20716080</t>
  </si>
  <si>
    <t>cg20716174</t>
  </si>
  <si>
    <t>cg20717228</t>
  </si>
  <si>
    <t>cg20719038</t>
  </si>
  <si>
    <t>cg20738406</t>
  </si>
  <si>
    <t>cg20743868</t>
  </si>
  <si>
    <t>cg20750528</t>
  </si>
  <si>
    <t>cg20752233</t>
  </si>
  <si>
    <t>cg20754348</t>
  </si>
  <si>
    <t>cg20760920</t>
  </si>
  <si>
    <t>cg20761322</t>
  </si>
  <si>
    <t>cg20762182</t>
  </si>
  <si>
    <t>cg20765571</t>
  </si>
  <si>
    <t>cg20775959</t>
  </si>
  <si>
    <t>cg20776385</t>
  </si>
  <si>
    <t>cg20788115</t>
  </si>
  <si>
    <t>cg20796298</t>
  </si>
  <si>
    <t>cg20808206</t>
  </si>
  <si>
    <t>cg20809224</t>
  </si>
  <si>
    <t>cg20820622</t>
  </si>
  <si>
    <t>cg20822028</t>
  </si>
  <si>
    <t>cg20822372</t>
  </si>
  <si>
    <t>cg20825769</t>
  </si>
  <si>
    <t>cg20828084</t>
  </si>
  <si>
    <t>cg20840847</t>
  </si>
  <si>
    <t>cg20848207</t>
  </si>
  <si>
    <t>cg20853889</t>
  </si>
  <si>
    <t>cg20856750</t>
  </si>
  <si>
    <t>cg20861607</t>
  </si>
  <si>
    <t>cg20869673</t>
  </si>
  <si>
    <t>cg20875807</t>
  </si>
  <si>
    <t>cg20884780</t>
  </si>
  <si>
    <t>cg20891097</t>
  </si>
  <si>
    <t>cg20894145</t>
  </si>
  <si>
    <t>cg20895586</t>
  </si>
  <si>
    <t>cg20900050</t>
  </si>
  <si>
    <t>cg20905746</t>
  </si>
  <si>
    <t>cg20905760</t>
  </si>
  <si>
    <t>cg20908260</t>
  </si>
  <si>
    <t>cg20910562</t>
  </si>
  <si>
    <t>cg20915029</t>
  </si>
  <si>
    <t>cg20915632</t>
  </si>
  <si>
    <t>cg20922473</t>
  </si>
  <si>
    <t>cg20927724</t>
  </si>
  <si>
    <t>cg20928447</t>
  </si>
  <si>
    <t>cg20933946</t>
  </si>
  <si>
    <t>cg20935245</t>
  </si>
  <si>
    <t>cg20938778</t>
  </si>
  <si>
    <t>cg20941110</t>
  </si>
  <si>
    <t>cg20941534</t>
  </si>
  <si>
    <t>cg20941699</t>
  </si>
  <si>
    <t>cg20943095</t>
  </si>
  <si>
    <t>cg20951555</t>
  </si>
  <si>
    <t>cg20973260</t>
  </si>
  <si>
    <t>cg20983577</t>
  </si>
  <si>
    <t>cg20985201</t>
  </si>
  <si>
    <t>cg20988775</t>
  </si>
  <si>
    <t>cg20989926</t>
  </si>
  <si>
    <t>cg20992439</t>
  </si>
  <si>
    <t>cg20993253</t>
  </si>
  <si>
    <t>cg21002317</t>
  </si>
  <si>
    <t>cg21008894</t>
  </si>
  <si>
    <t>cg21011649</t>
  </si>
  <si>
    <t>cg21023834</t>
  </si>
  <si>
    <t>cg21024495</t>
  </si>
  <si>
    <t>cg21028460</t>
  </si>
  <si>
    <t>cg21032564</t>
  </si>
  <si>
    <t>cg21033855</t>
  </si>
  <si>
    <t>cg21036936</t>
  </si>
  <si>
    <t>cg21038785</t>
  </si>
  <si>
    <t>cg21039188</t>
  </si>
  <si>
    <t>cg21041764</t>
  </si>
  <si>
    <t>cg21048422</t>
  </si>
  <si>
    <t>cg21049015</t>
  </si>
  <si>
    <t>cg21052814</t>
  </si>
  <si>
    <t>cg21053529</t>
  </si>
  <si>
    <t>cg21054248</t>
  </si>
  <si>
    <t>cg21054441</t>
  </si>
  <si>
    <t>cg21056542</t>
  </si>
  <si>
    <t>cg21061960</t>
  </si>
  <si>
    <t>cg21063275</t>
  </si>
  <si>
    <t>cg21063758</t>
  </si>
  <si>
    <t>cg21065196</t>
  </si>
  <si>
    <t>cg21067750</t>
  </si>
  <si>
    <t>cg21068293</t>
  </si>
  <si>
    <t>cg21071862</t>
  </si>
  <si>
    <t>cg21071896</t>
  </si>
  <si>
    <t>cg21072934</t>
  </si>
  <si>
    <t>cg21078414</t>
  </si>
  <si>
    <t>cg21079003</t>
  </si>
  <si>
    <t>cg21081543</t>
  </si>
  <si>
    <t>cg21086870</t>
  </si>
  <si>
    <t>cg21110939</t>
  </si>
  <si>
    <t>cg21122366</t>
  </si>
  <si>
    <t>cg21123577</t>
  </si>
  <si>
    <t>cg21123861</t>
  </si>
  <si>
    <t>cg21125207</t>
  </si>
  <si>
    <t>cg21134301</t>
  </si>
  <si>
    <t>cg21140943</t>
  </si>
  <si>
    <t>cg21141030</t>
  </si>
  <si>
    <t>cg21142456</t>
  </si>
  <si>
    <t>cg21147648</t>
  </si>
  <si>
    <t>cg21148836</t>
  </si>
  <si>
    <t>cg21152753</t>
  </si>
  <si>
    <t>cg21153004</t>
  </si>
  <si>
    <t>cg21153102</t>
  </si>
  <si>
    <t>cg21164303</t>
  </si>
  <si>
    <t>cg21165061</t>
  </si>
  <si>
    <t>cg21175307</t>
  </si>
  <si>
    <t>cg21190038</t>
  </si>
  <si>
    <t>cg21207450</t>
  </si>
  <si>
    <t>cg21209643</t>
  </si>
  <si>
    <t>cg21209998</t>
  </si>
  <si>
    <t>cg21211873</t>
  </si>
  <si>
    <t>cg21215323</t>
  </si>
  <si>
    <t>cg21217092</t>
  </si>
  <si>
    <t>cg21220719</t>
  </si>
  <si>
    <t>cg21220965</t>
  </si>
  <si>
    <t>cg21221455</t>
  </si>
  <si>
    <t>cg21223577</t>
  </si>
  <si>
    <t>cg21230427</t>
  </si>
  <si>
    <t>cg21236593</t>
  </si>
  <si>
    <t>cg21241560</t>
  </si>
  <si>
    <t>cg21242079</t>
  </si>
  <si>
    <t>cg21244322</t>
  </si>
  <si>
    <t>cg21248164</t>
  </si>
  <si>
    <t>cg21250577</t>
  </si>
  <si>
    <t>cg21252175</t>
  </si>
  <si>
    <t>cg21253392</t>
  </si>
  <si>
    <t>cg21253742</t>
  </si>
  <si>
    <t>cg21253881</t>
  </si>
  <si>
    <t>cg21267231</t>
  </si>
  <si>
    <t>cg21273125</t>
  </si>
  <si>
    <t>cg21279015</t>
  </si>
  <si>
    <t>cg21279316</t>
  </si>
  <si>
    <t>cg21284575</t>
  </si>
  <si>
    <t>cg21284844</t>
  </si>
  <si>
    <t>cg21314318</t>
  </si>
  <si>
    <t>cg21315992</t>
  </si>
  <si>
    <t>cg21318213</t>
  </si>
  <si>
    <t>cg21322248</t>
  </si>
  <si>
    <t>cg21334075</t>
  </si>
  <si>
    <t>cg21340230</t>
  </si>
  <si>
    <t>cg21347380</t>
  </si>
  <si>
    <t>cg21350100</t>
  </si>
  <si>
    <t>cg21359747</t>
  </si>
  <si>
    <t>cg21375869</t>
  </si>
  <si>
    <t>cg21376795</t>
  </si>
  <si>
    <t>cg21377071</t>
  </si>
  <si>
    <t>cg21377793</t>
  </si>
  <si>
    <t>cg21386933</t>
  </si>
  <si>
    <t>cg21389569</t>
  </si>
  <si>
    <t>cg21406075</t>
  </si>
  <si>
    <t>cg21406786</t>
  </si>
  <si>
    <t>cg21406869</t>
  </si>
  <si>
    <t>cg21413325</t>
  </si>
  <si>
    <t>cg21416022</t>
  </si>
  <si>
    <t>cg21432729</t>
  </si>
  <si>
    <t>cg21446345</t>
  </si>
  <si>
    <t>cg21460582</t>
  </si>
  <si>
    <t>cg21465754</t>
  </si>
  <si>
    <t>cg21470503</t>
  </si>
  <si>
    <t>cg21477530</t>
  </si>
  <si>
    <t>cg21478137</t>
  </si>
  <si>
    <t>cg21482074</t>
  </si>
  <si>
    <t>cg21484964</t>
  </si>
  <si>
    <t>cg21519896</t>
  </si>
  <si>
    <t>cg21520684</t>
  </si>
  <si>
    <t>cg21523688</t>
  </si>
  <si>
    <t>cg21525369</t>
  </si>
  <si>
    <t>cg21529323</t>
  </si>
  <si>
    <t>cg21544416</t>
  </si>
  <si>
    <t>cg21549750</t>
  </si>
  <si>
    <t>cg21555123</t>
  </si>
  <si>
    <t>cg21558893</t>
  </si>
  <si>
    <t>cg21562740</t>
  </si>
  <si>
    <t>cg21565421</t>
  </si>
  <si>
    <t>cg21570866</t>
  </si>
  <si>
    <t>cg21571658</t>
  </si>
  <si>
    <t>cg21573135</t>
  </si>
  <si>
    <t>cg21575005</t>
  </si>
  <si>
    <t>cg21576154</t>
  </si>
  <si>
    <t>cg21576187</t>
  </si>
  <si>
    <t>cg21577036</t>
  </si>
  <si>
    <t>cg21578351</t>
  </si>
  <si>
    <t>cg21594043</t>
  </si>
  <si>
    <t>cg21598047</t>
  </si>
  <si>
    <t>cg21599748</t>
  </si>
  <si>
    <t>cg21605512</t>
  </si>
  <si>
    <t>cg21618333</t>
  </si>
  <si>
    <t>cg21619825</t>
  </si>
  <si>
    <t>cg21631443</t>
  </si>
  <si>
    <t>cg21631918</t>
  </si>
  <si>
    <t>cg21632079</t>
  </si>
  <si>
    <t>cg21633105</t>
  </si>
  <si>
    <t>cg21635706</t>
  </si>
  <si>
    <t>cg21635953</t>
  </si>
  <si>
    <t>cg21642988</t>
  </si>
  <si>
    <t>cg21662263</t>
  </si>
  <si>
    <t>cg21668803</t>
  </si>
  <si>
    <t>cg21669441</t>
  </si>
  <si>
    <t>cg21670199</t>
  </si>
  <si>
    <t>cg21670405</t>
  </si>
  <si>
    <t>cg21670987</t>
  </si>
  <si>
    <t>cg21700663</t>
  </si>
  <si>
    <t>cg21711008</t>
  </si>
  <si>
    <t>cg21711132</t>
  </si>
  <si>
    <t>cg21715599</t>
  </si>
  <si>
    <t>cg21717017</t>
  </si>
  <si>
    <t>cg21717758</t>
  </si>
  <si>
    <t>cg21727145</t>
  </si>
  <si>
    <t>cg21733367</t>
  </si>
  <si>
    <t>cg21735516</t>
  </si>
  <si>
    <t>cg21735668</t>
  </si>
  <si>
    <t>cg21736686</t>
  </si>
  <si>
    <t>cg21751623</t>
  </si>
  <si>
    <t>cg21756476</t>
  </si>
  <si>
    <t>cg21759784</t>
  </si>
  <si>
    <t>cg21759837</t>
  </si>
  <si>
    <t>cg21767554</t>
  </si>
  <si>
    <t>cg21783489</t>
  </si>
  <si>
    <t>cg21792018</t>
  </si>
  <si>
    <t>cg21792399</t>
  </si>
  <si>
    <t>cg21824733</t>
  </si>
  <si>
    <t>cg21827641</t>
  </si>
  <si>
    <t>cg21828345</t>
  </si>
  <si>
    <t>cg21834679</t>
  </si>
  <si>
    <t>cg21838329</t>
  </si>
  <si>
    <t>cg21838773</t>
  </si>
  <si>
    <t>cg21840434</t>
  </si>
  <si>
    <t>cg21849597</t>
  </si>
  <si>
    <t>cg21851553</t>
  </si>
  <si>
    <t>cg21857123</t>
  </si>
  <si>
    <t>cg21857200</t>
  </si>
  <si>
    <t>cg21864519</t>
  </si>
  <si>
    <t>cg21865941</t>
  </si>
  <si>
    <t>cg21867850</t>
  </si>
  <si>
    <t>cg21883683</t>
  </si>
  <si>
    <t>cg21887597</t>
  </si>
  <si>
    <t>cg21888989</t>
  </si>
  <si>
    <t>cg21893456</t>
  </si>
  <si>
    <t>cg21898299</t>
  </si>
  <si>
    <t>cg21904329</t>
  </si>
  <si>
    <t>cg21917349</t>
  </si>
  <si>
    <t>cg21924449</t>
  </si>
  <si>
    <t>cg21931938</t>
  </si>
  <si>
    <t>cg21950609</t>
  </si>
  <si>
    <t>cg21951425</t>
  </si>
  <si>
    <t>cg21962316</t>
  </si>
  <si>
    <t>cg21963218</t>
  </si>
  <si>
    <t>cg21963854</t>
  </si>
  <si>
    <t>cg21965501</t>
  </si>
  <si>
    <t>cg21973276</t>
  </si>
  <si>
    <t>cg22017146</t>
  </si>
  <si>
    <t>cg22017387</t>
  </si>
  <si>
    <t>cg22023531</t>
  </si>
  <si>
    <t>cg22026457</t>
  </si>
  <si>
    <t>cg22026918</t>
  </si>
  <si>
    <t>cg22031706</t>
  </si>
  <si>
    <t>cg22035320</t>
  </si>
  <si>
    <t>cg22054740</t>
  </si>
  <si>
    <t>cg22054912</t>
  </si>
  <si>
    <t>cg22058112</t>
  </si>
  <si>
    <t>cg22059910</t>
  </si>
  <si>
    <t>cg22061444</t>
  </si>
  <si>
    <t>cg22063259</t>
  </si>
  <si>
    <t>cg22068038</t>
  </si>
  <si>
    <t>cg22068529</t>
  </si>
  <si>
    <t>cg22079077</t>
  </si>
  <si>
    <t>cg22095041</t>
  </si>
  <si>
    <t>cg22095582</t>
  </si>
  <si>
    <t>cg22101924</t>
  </si>
  <si>
    <t>cg22102331</t>
  </si>
  <si>
    <t>cg22106051</t>
  </si>
  <si>
    <t>cg22107533</t>
  </si>
  <si>
    <t>cg22108374</t>
  </si>
  <si>
    <t>cg22109801</t>
  </si>
  <si>
    <t>cg22110973</t>
  </si>
  <si>
    <t>cg22112912</t>
  </si>
  <si>
    <t>cg22115748</t>
  </si>
  <si>
    <t>cg22115805</t>
  </si>
  <si>
    <t>cg22117107</t>
  </si>
  <si>
    <t>cg22117850</t>
  </si>
  <si>
    <t>cg22118131</t>
  </si>
  <si>
    <t>cg22134372</t>
  </si>
  <si>
    <t>cg22135583</t>
  </si>
  <si>
    <t>cg22136020</t>
  </si>
  <si>
    <t>cg22138529</t>
  </si>
  <si>
    <t>cg22142254</t>
  </si>
  <si>
    <t>cg22143684</t>
  </si>
  <si>
    <t>cg22144225</t>
  </si>
  <si>
    <t>cg22146571</t>
  </si>
  <si>
    <t>cg22147262</t>
  </si>
  <si>
    <t>cg22162638</t>
  </si>
  <si>
    <t>cg22163674</t>
  </si>
  <si>
    <t>cg22169791</t>
  </si>
  <si>
    <t>cg22171725</t>
  </si>
  <si>
    <t>cg22177227</t>
  </si>
  <si>
    <t>cg22180646</t>
  </si>
  <si>
    <t>cg22182451</t>
  </si>
  <si>
    <t>cg22184989</t>
  </si>
  <si>
    <t>cg22187094</t>
  </si>
  <si>
    <t>cg22189150</t>
  </si>
  <si>
    <t>cg22191326</t>
  </si>
  <si>
    <t>cg22192089</t>
  </si>
  <si>
    <t>cg22193013</t>
  </si>
  <si>
    <t>cg22202401</t>
  </si>
  <si>
    <t>cg22209616</t>
  </si>
  <si>
    <t>cg22211672</t>
  </si>
  <si>
    <t>cg22211866</t>
  </si>
  <si>
    <t>cg22226568</t>
  </si>
  <si>
    <t>cg22227345</t>
  </si>
  <si>
    <t>cg22235148</t>
  </si>
  <si>
    <t>cg22241820</t>
  </si>
  <si>
    <t>cg22243298</t>
  </si>
  <si>
    <t>cg22255435</t>
  </si>
  <si>
    <t>cg22258732</t>
  </si>
  <si>
    <t>cg22260869</t>
  </si>
  <si>
    <t>cg22262757</t>
  </si>
  <si>
    <t>cg22263512</t>
  </si>
  <si>
    <t>cg22290566</t>
  </si>
  <si>
    <t>cg22291365</t>
  </si>
  <si>
    <t>cg22293481</t>
  </si>
  <si>
    <t>cg22294181</t>
  </si>
  <si>
    <t>cg22299719</t>
  </si>
  <si>
    <t>cg22331257</t>
  </si>
  <si>
    <t>cg22344912</t>
  </si>
  <si>
    <t>cg22364503</t>
  </si>
  <si>
    <t>cg22364906</t>
  </si>
  <si>
    <t>cg22366938</t>
  </si>
  <si>
    <t>cg22367144</t>
  </si>
  <si>
    <t>cg22369818</t>
  </si>
  <si>
    <t>cg22372508</t>
  </si>
  <si>
    <t>cg22376582</t>
  </si>
  <si>
    <t>cg22377043</t>
  </si>
  <si>
    <t>cg22380178</t>
  </si>
  <si>
    <t>cg22381527</t>
  </si>
  <si>
    <t>cg22384395</t>
  </si>
  <si>
    <t>cg22387253</t>
  </si>
  <si>
    <t>cg22395255</t>
  </si>
  <si>
    <t>cg22396498</t>
  </si>
  <si>
    <t>cg22396798</t>
  </si>
  <si>
    <t>cg22397562</t>
  </si>
  <si>
    <t>cg22398093</t>
  </si>
  <si>
    <t>cg22413379</t>
  </si>
  <si>
    <t>cg22432269</t>
  </si>
  <si>
    <t>cg22435267</t>
  </si>
  <si>
    <t>cg22438666</t>
  </si>
  <si>
    <t>cg22441141</t>
  </si>
  <si>
    <t>cg22451412</t>
  </si>
  <si>
    <t>cg22453020</t>
  </si>
  <si>
    <t>cg22456000</t>
  </si>
  <si>
    <t>cg22460443</t>
  </si>
  <si>
    <t>cg22461649</t>
  </si>
  <si>
    <t>cg22467129</t>
  </si>
  <si>
    <t>cg22468733</t>
  </si>
  <si>
    <t>cg22475358</t>
  </si>
  <si>
    <t>cg22480016</t>
  </si>
  <si>
    <t>cg22489931</t>
  </si>
  <si>
    <t>cg22490420</t>
  </si>
  <si>
    <t>cg22492020</t>
  </si>
  <si>
    <t>cg22494035</t>
  </si>
  <si>
    <t>cg22514595</t>
  </si>
  <si>
    <t>cg22525701</t>
  </si>
  <si>
    <t>cg22537334</t>
  </si>
  <si>
    <t>cg22538355</t>
  </si>
  <si>
    <t>cg22541341</t>
  </si>
  <si>
    <t>cg22549420</t>
  </si>
  <si>
    <t>cg22550003</t>
  </si>
  <si>
    <t>cg22550075</t>
  </si>
  <si>
    <t>cg22555495</t>
  </si>
  <si>
    <t>cg22563815</t>
  </si>
  <si>
    <t>cg22567473</t>
  </si>
  <si>
    <t>cg22567585</t>
  </si>
  <si>
    <t>cg22570213</t>
  </si>
  <si>
    <t>cg22575261</t>
  </si>
  <si>
    <t>cg22576950</t>
  </si>
  <si>
    <t>cg22579224</t>
  </si>
  <si>
    <t>cg22581200</t>
  </si>
  <si>
    <t>cg22587703</t>
  </si>
  <si>
    <t>cg22589511</t>
  </si>
  <si>
    <t>cg22590761</t>
  </si>
  <si>
    <t>cg22590902</t>
  </si>
  <si>
    <t>cg22592142</t>
  </si>
  <si>
    <t>cg22600443</t>
  </si>
  <si>
    <t>cg22600832</t>
  </si>
  <si>
    <t>cg22603275</t>
  </si>
  <si>
    <t>cg22617550</t>
  </si>
  <si>
    <t>cg22626168</t>
  </si>
  <si>
    <t>cg22657536</t>
  </si>
  <si>
    <t>cg22663660</t>
  </si>
  <si>
    <t>cg22670733</t>
  </si>
  <si>
    <t>cg22674884</t>
  </si>
  <si>
    <t>cg22675453</t>
  </si>
  <si>
    <t>cg22675604</t>
  </si>
  <si>
    <t>cg22687982</t>
  </si>
  <si>
    <t>cg22689904</t>
  </si>
  <si>
    <t>cg22690576</t>
  </si>
  <si>
    <t>cg22694067</t>
  </si>
  <si>
    <t>cg22694275</t>
  </si>
  <si>
    <t>cg22696944</t>
  </si>
  <si>
    <t>cg22698177</t>
  </si>
  <si>
    <t>cg22698759</t>
  </si>
  <si>
    <t>cg22700246</t>
  </si>
  <si>
    <t>cg22704527</t>
  </si>
  <si>
    <t>cg22707016</t>
  </si>
  <si>
    <t>cg22707999</t>
  </si>
  <si>
    <t>cg22708112</t>
  </si>
  <si>
    <t>cg22708944</t>
  </si>
  <si>
    <t>cg22709601</t>
  </si>
  <si>
    <t>cg22711917</t>
  </si>
  <si>
    <t>cg22718308</t>
  </si>
  <si>
    <t>cg22727124</t>
  </si>
  <si>
    <t>cg22727416</t>
  </si>
  <si>
    <t>cg22728551</t>
  </si>
  <si>
    <t>cg22731578</t>
  </si>
  <si>
    <t>cg22733135</t>
  </si>
  <si>
    <t>cg22734451</t>
  </si>
  <si>
    <t>cg22735650</t>
  </si>
  <si>
    <t>cg22752255</t>
  </si>
  <si>
    <t>cg22755932</t>
  </si>
  <si>
    <t>cg22760690</t>
  </si>
  <si>
    <t>cg22768301</t>
  </si>
  <si>
    <t>cg22776451</t>
  </si>
  <si>
    <t>cg22776912</t>
  </si>
  <si>
    <t>cg22777952</t>
  </si>
  <si>
    <t>cg22794078</t>
  </si>
  <si>
    <t>cg22797991</t>
  </si>
  <si>
    <t>cg22807187</t>
  </si>
  <si>
    <t>cg22807436</t>
  </si>
  <si>
    <t>cg22812697</t>
  </si>
  <si>
    <t>cg22813622</t>
  </si>
  <si>
    <t>cg22821677</t>
  </si>
  <si>
    <t>cg22831436</t>
  </si>
  <si>
    <t>cg22833127</t>
  </si>
  <si>
    <t>cg22835157</t>
  </si>
  <si>
    <t>cg22835523</t>
  </si>
  <si>
    <t>cg22837251</t>
  </si>
  <si>
    <t>cg22837321</t>
  </si>
  <si>
    <t>cg22838602</t>
  </si>
  <si>
    <t>cg22843146</t>
  </si>
  <si>
    <t>cg22845723</t>
  </si>
  <si>
    <t>cg22870280</t>
  </si>
  <si>
    <t>cg22871797</t>
  </si>
  <si>
    <t>cg22872376</t>
  </si>
  <si>
    <t>cg22879270</t>
  </si>
  <si>
    <t>cg22880373</t>
  </si>
  <si>
    <t>cg22886089</t>
  </si>
  <si>
    <t>cg22900193</t>
  </si>
  <si>
    <t>cg22932628</t>
  </si>
  <si>
    <t>cg22933107</t>
  </si>
  <si>
    <t>cg22945957</t>
  </si>
  <si>
    <t>cg22946150</t>
  </si>
  <si>
    <t>cg22952917</t>
  </si>
  <si>
    <t>cg22953168</t>
  </si>
  <si>
    <t>cg22958047</t>
  </si>
  <si>
    <t>cg22959260</t>
  </si>
  <si>
    <t>cg22960649</t>
  </si>
  <si>
    <t>cg22961699</t>
  </si>
  <si>
    <t>cg22968789</t>
  </si>
  <si>
    <t>cg22969914</t>
  </si>
  <si>
    <t>cg22977942</t>
  </si>
  <si>
    <t>cg22981736</t>
  </si>
  <si>
    <t>cg22988430</t>
  </si>
  <si>
    <t>cg23000950</t>
  </si>
  <si>
    <t>cg23004985</t>
  </si>
  <si>
    <t>cg23008973</t>
  </si>
  <si>
    <t>cg23013402</t>
  </si>
  <si>
    <t>cg23018039</t>
  </si>
  <si>
    <t>cg23028286</t>
  </si>
  <si>
    <t>cg23032427</t>
  </si>
  <si>
    <t>cg23036340</t>
  </si>
  <si>
    <t>cg23039580</t>
  </si>
  <si>
    <t>cg23040946</t>
  </si>
  <si>
    <t>cg23043611</t>
  </si>
  <si>
    <t>cg23044903</t>
  </si>
  <si>
    <t>cg23047203</t>
  </si>
  <si>
    <t>cg23049226</t>
  </si>
  <si>
    <t>cg23054181</t>
  </si>
  <si>
    <t>cg23054309</t>
  </si>
  <si>
    <t>cg23056060</t>
  </si>
  <si>
    <t>cg23060926</t>
  </si>
  <si>
    <t>cg23063243</t>
  </si>
  <si>
    <t>cg23067090</t>
  </si>
  <si>
    <t>cg23067228</t>
  </si>
  <si>
    <t>cg23071107</t>
  </si>
  <si>
    <t>cg23071286</t>
  </si>
  <si>
    <t>cg23085704</t>
  </si>
  <si>
    <t>cg23093590</t>
  </si>
  <si>
    <t>cg23097139</t>
  </si>
  <si>
    <t>cg23099959</t>
  </si>
  <si>
    <t>cg23102014</t>
  </si>
  <si>
    <t>cg23118708</t>
  </si>
  <si>
    <t>cg23120725</t>
  </si>
  <si>
    <t>cg23121096</t>
  </si>
  <si>
    <t>cg23121457</t>
  </si>
  <si>
    <t>cg23121787</t>
  </si>
  <si>
    <t>cg23125506</t>
  </si>
  <si>
    <t>cg23131007</t>
  </si>
  <si>
    <t>cg23137807</t>
  </si>
  <si>
    <t>cg23145417</t>
  </si>
  <si>
    <t>cg23152055</t>
  </si>
  <si>
    <t>cg23154526</t>
  </si>
  <si>
    <t>cg23156711</t>
  </si>
  <si>
    <t>cg23158862</t>
  </si>
  <si>
    <t>cg23159493</t>
  </si>
  <si>
    <t>cg23161492</t>
  </si>
  <si>
    <t>cg23165541</t>
  </si>
  <si>
    <t>cg23166740</t>
  </si>
  <si>
    <t>cg23168483</t>
  </si>
  <si>
    <t>cg23169269</t>
  </si>
  <si>
    <t>cg23169689</t>
  </si>
  <si>
    <t>cg23176340</t>
  </si>
  <si>
    <t>cg23191950</t>
  </si>
  <si>
    <t>cg23199403</t>
  </si>
  <si>
    <t>cg23203997</t>
  </si>
  <si>
    <t>cg23204556</t>
  </si>
  <si>
    <t>cg23205454</t>
  </si>
  <si>
    <t>cg23206209</t>
  </si>
  <si>
    <t>cg23228048</t>
  </si>
  <si>
    <t>cg23234999</t>
  </si>
  <si>
    <t>cg23250494</t>
  </si>
  <si>
    <t>cg23250528</t>
  </si>
  <si>
    <t>cg23253752</t>
  </si>
  <si>
    <t>cg23276120</t>
  </si>
  <si>
    <t>cg23287547</t>
  </si>
  <si>
    <t>cg23302291</t>
  </si>
  <si>
    <t>cg23323879</t>
  </si>
  <si>
    <t>cg23325335</t>
  </si>
  <si>
    <t>cg23328050</t>
  </si>
  <si>
    <t>cg23330842</t>
  </si>
  <si>
    <t>cg23331961</t>
  </si>
  <si>
    <t>cg23332817</t>
  </si>
  <si>
    <t>cg23333220</t>
  </si>
  <si>
    <t>cg23335299</t>
  </si>
  <si>
    <t>cg23340666</t>
  </si>
  <si>
    <t>cg23365482</t>
  </si>
  <si>
    <t>cg23366752</t>
  </si>
  <si>
    <t>cg23382741</t>
  </si>
  <si>
    <t>cg23387863</t>
  </si>
  <si>
    <t>cg23391324</t>
  </si>
  <si>
    <t>cg23392501</t>
  </si>
  <si>
    <t>cg23393291</t>
  </si>
  <si>
    <t>cg23393800</t>
  </si>
  <si>
    <t>cg23397427</t>
  </si>
  <si>
    <t>cg23397523</t>
  </si>
  <si>
    <t>cg23397955</t>
  </si>
  <si>
    <t>cg23411397</t>
  </si>
  <si>
    <t>cg23411518</t>
  </si>
  <si>
    <t>cg23435508</t>
  </si>
  <si>
    <t>cg23441018</t>
  </si>
  <si>
    <t>cg23441765</t>
  </si>
  <si>
    <t>cg23442477</t>
  </si>
  <si>
    <t>cg23444474</t>
  </si>
  <si>
    <t>cg23446514</t>
  </si>
  <si>
    <t>cg23478349</t>
  </si>
  <si>
    <t>cg23484268</t>
  </si>
  <si>
    <t>cg23484278</t>
  </si>
  <si>
    <t>cg23485638</t>
  </si>
  <si>
    <t>cg23502883</t>
  </si>
  <si>
    <t>cg23511079</t>
  </si>
  <si>
    <t>cg23513095</t>
  </si>
  <si>
    <t>cg23514400</t>
  </si>
  <si>
    <t>cg23515651</t>
  </si>
  <si>
    <t>cg23516949</t>
  </si>
  <si>
    <t>cg23518037</t>
  </si>
  <si>
    <t>cg23521742</t>
  </si>
  <si>
    <t>cg23525492</t>
  </si>
  <si>
    <t>cg23531049</t>
  </si>
  <si>
    <t>cg23531257</t>
  </si>
  <si>
    <t>cg23531317</t>
  </si>
  <si>
    <t>cg23540018</t>
  </si>
  <si>
    <t>cg23603197</t>
  </si>
  <si>
    <t>cg23623860</t>
  </si>
  <si>
    <t>cg23625514</t>
  </si>
  <si>
    <t>cg23637791</t>
  </si>
  <si>
    <t>cg23671997</t>
  </si>
  <si>
    <t>cg23673919</t>
  </si>
  <si>
    <t>cg23675000</t>
  </si>
  <si>
    <t>cg23680900</t>
  </si>
  <si>
    <t>cg23681243</t>
  </si>
  <si>
    <t>cg23683012</t>
  </si>
  <si>
    <t>cg23684204</t>
  </si>
  <si>
    <t>cg23684521</t>
  </si>
  <si>
    <t>cg23685580</t>
  </si>
  <si>
    <t>cg23686831</t>
  </si>
  <si>
    <t>cg23690355</t>
  </si>
  <si>
    <t>cg23694371</t>
  </si>
  <si>
    <t>cg23702610</t>
  </si>
  <si>
    <t>cg23705064</t>
  </si>
  <si>
    <t>cg23705224</t>
  </si>
  <si>
    <t>cg23708209</t>
  </si>
  <si>
    <t>cg23709231</t>
  </si>
  <si>
    <t>cg23710731</t>
  </si>
  <si>
    <t>cg23719157</t>
  </si>
  <si>
    <t>cg23721083</t>
  </si>
  <si>
    <t>cg23725690</t>
  </si>
  <si>
    <t>cg23727072</t>
  </si>
  <si>
    <t>cg23731826</t>
  </si>
  <si>
    <t>cg23731908</t>
  </si>
  <si>
    <t>cg23735339</t>
  </si>
  <si>
    <t>cg23740975</t>
  </si>
  <si>
    <t>cg23741520</t>
  </si>
  <si>
    <t>cg23746302</t>
  </si>
  <si>
    <t>cg23769785</t>
  </si>
  <si>
    <t>cg23772928</t>
  </si>
  <si>
    <t>cg23779992</t>
  </si>
  <si>
    <t>cg23789148</t>
  </si>
  <si>
    <t>cg23790767</t>
  </si>
  <si>
    <t>cg23792952</t>
  </si>
  <si>
    <t>cg23803468</t>
  </si>
  <si>
    <t>cg23837845</t>
  </si>
  <si>
    <t>cg23838179</t>
  </si>
  <si>
    <t>cg23845945</t>
  </si>
  <si>
    <t>cg23848052</t>
  </si>
  <si>
    <t>cg23849826</t>
  </si>
  <si>
    <t>cg23852994</t>
  </si>
  <si>
    <t>cg23854667</t>
  </si>
  <si>
    <t>cg23865067</t>
  </si>
  <si>
    <t>cg23877323</t>
  </si>
  <si>
    <t>cg23877385</t>
  </si>
  <si>
    <t>cg23885965</t>
  </si>
  <si>
    <t>cg23888240</t>
  </si>
  <si>
    <t>cg23892644</t>
  </si>
  <si>
    <t>cg23893460</t>
  </si>
  <si>
    <t>cg23895262</t>
  </si>
  <si>
    <t>cg23895729</t>
  </si>
  <si>
    <t>cg23900535</t>
  </si>
  <si>
    <t>cg23900712</t>
  </si>
  <si>
    <t>cg23904004</t>
  </si>
  <si>
    <t>cg23905208</t>
  </si>
  <si>
    <t>cg23906060</t>
  </si>
  <si>
    <t>cg23908019</t>
  </si>
  <si>
    <t>cg23910458</t>
  </si>
  <si>
    <t>cg23910931</t>
  </si>
  <si>
    <t>cg23914328</t>
  </si>
  <si>
    <t>cg23915487</t>
  </si>
  <si>
    <t>cg23931734</t>
  </si>
  <si>
    <t>cg23938300</t>
  </si>
  <si>
    <t>cg23941016</t>
  </si>
  <si>
    <t>cg23969200</t>
  </si>
  <si>
    <t>cg23979923</t>
  </si>
  <si>
    <t>cg23986495</t>
  </si>
  <si>
    <t>cg23987491</t>
  </si>
  <si>
    <t>cg23989673</t>
  </si>
  <si>
    <t>cg23995738</t>
  </si>
  <si>
    <t>cg23998683</t>
  </si>
  <si>
    <t>cg23999833</t>
  </si>
  <si>
    <t>cg24002003</t>
  </si>
  <si>
    <t>cg24004007</t>
  </si>
  <si>
    <t>cg24007300</t>
  </si>
  <si>
    <t>cg24027853</t>
  </si>
  <si>
    <t>cg24028218</t>
  </si>
  <si>
    <t>cg24088751</t>
  </si>
  <si>
    <t>cg24094450</t>
  </si>
  <si>
    <t>cg24106894</t>
  </si>
  <si>
    <t>cg24117963</t>
  </si>
  <si>
    <t>cg24118983</t>
  </si>
  <si>
    <t>cg24123518</t>
  </si>
  <si>
    <t>cg24126784</t>
  </si>
  <si>
    <t>cg24129193</t>
  </si>
  <si>
    <t>cg24130774</t>
  </si>
  <si>
    <t>cg24133724</t>
  </si>
  <si>
    <t>cg24134304</t>
  </si>
  <si>
    <t>cg24134342</t>
  </si>
  <si>
    <t>cg24135645</t>
  </si>
  <si>
    <t>cg24137567</t>
  </si>
  <si>
    <t>cg24142894</t>
  </si>
  <si>
    <t>cg24147582</t>
  </si>
  <si>
    <t>cg24148767</t>
  </si>
  <si>
    <t>cg24152238</t>
  </si>
  <si>
    <t>cg24159335</t>
  </si>
  <si>
    <t>cg24170720</t>
  </si>
  <si>
    <t>cg24174608</t>
  </si>
  <si>
    <t>cg24179719</t>
  </si>
  <si>
    <t>cg24184180</t>
  </si>
  <si>
    <t>cg24185116</t>
  </si>
  <si>
    <t>cg24200809</t>
  </si>
  <si>
    <t>cg24203709</t>
  </si>
  <si>
    <t>cg24217984</t>
  </si>
  <si>
    <t>cg24221507</t>
  </si>
  <si>
    <t>cg24222194</t>
  </si>
  <si>
    <t>cg24222504</t>
  </si>
  <si>
    <t>cg24222546</t>
  </si>
  <si>
    <t>cg24225467</t>
  </si>
  <si>
    <t>cg24226371</t>
  </si>
  <si>
    <t>cg24231513</t>
  </si>
  <si>
    <t>cg24234845</t>
  </si>
  <si>
    <t>cg24241192</t>
  </si>
  <si>
    <t>cg24242593</t>
  </si>
  <si>
    <t>cg24244000</t>
  </si>
  <si>
    <t>cg24249390</t>
  </si>
  <si>
    <t>cg24249403</t>
  </si>
  <si>
    <t>cg24252910</t>
  </si>
  <si>
    <t>cg24254196</t>
  </si>
  <si>
    <t>cg24288310</t>
  </si>
  <si>
    <t>cg24310913</t>
  </si>
  <si>
    <t>cg24312321</t>
  </si>
  <si>
    <t>cg24312730</t>
  </si>
  <si>
    <t>cg24314662</t>
  </si>
  <si>
    <t>cg24317086</t>
  </si>
  <si>
    <t>cg24319381</t>
  </si>
  <si>
    <t>cg24323434</t>
  </si>
  <si>
    <t>cg24327132</t>
  </si>
  <si>
    <t>cg24327723</t>
  </si>
  <si>
    <t>cg24328539</t>
  </si>
  <si>
    <t>cg24334512</t>
  </si>
  <si>
    <t>cg24340572</t>
  </si>
  <si>
    <t>cg24341442</t>
  </si>
  <si>
    <t>cg24345138</t>
  </si>
  <si>
    <t>cg24357447</t>
  </si>
  <si>
    <t>cg24357619</t>
  </si>
  <si>
    <t>cg24358771</t>
  </si>
  <si>
    <t>cg24359188</t>
  </si>
  <si>
    <t>cg24360909</t>
  </si>
  <si>
    <t>cg24360993</t>
  </si>
  <si>
    <t>cg24361079</t>
  </si>
  <si>
    <t>cg24368226</t>
  </si>
  <si>
    <t>cg24368861</t>
  </si>
  <si>
    <t>cg24370613</t>
  </si>
  <si>
    <t>cg24373596</t>
  </si>
  <si>
    <t>cg24374636</t>
  </si>
  <si>
    <t>cg24374996</t>
  </si>
  <si>
    <t>cg24378951</t>
  </si>
  <si>
    <t>cg24379995</t>
  </si>
  <si>
    <t>cg24382063</t>
  </si>
  <si>
    <t>cg24382249</t>
  </si>
  <si>
    <t>cg24382276</t>
  </si>
  <si>
    <t>cg24384437</t>
  </si>
  <si>
    <t>cg24387380</t>
  </si>
  <si>
    <t>cg24390590</t>
  </si>
  <si>
    <t>cg24399529</t>
  </si>
  <si>
    <t>cg24400806</t>
  </si>
  <si>
    <t>cg24405248</t>
  </si>
  <si>
    <t>cg24419284</t>
  </si>
  <si>
    <t>cg24421707</t>
  </si>
  <si>
    <t>cg24424219</t>
  </si>
  <si>
    <t>cg24424381</t>
  </si>
  <si>
    <t>cg24447866</t>
  </si>
  <si>
    <t>cg24448171</t>
  </si>
  <si>
    <t>cg24452765</t>
  </si>
  <si>
    <t>cg24453600</t>
  </si>
  <si>
    <t>cg24456002</t>
  </si>
  <si>
    <t>cg24457897</t>
  </si>
  <si>
    <t>cg24459227</t>
  </si>
  <si>
    <t>cg24476826</t>
  </si>
  <si>
    <t>cg24479965</t>
  </si>
  <si>
    <t>cg24480361</t>
  </si>
  <si>
    <t>cg24483493</t>
  </si>
  <si>
    <t>cg24486495</t>
  </si>
  <si>
    <t>cg24489370</t>
  </si>
  <si>
    <t>cg24493446</t>
  </si>
  <si>
    <t>cg24493548</t>
  </si>
  <si>
    <t>cg24493811</t>
  </si>
  <si>
    <t>cg24494009</t>
  </si>
  <si>
    <t>cg24495350</t>
  </si>
  <si>
    <t>cg24495684</t>
  </si>
  <si>
    <t>cg24497836</t>
  </si>
  <si>
    <t>cg24499462</t>
  </si>
  <si>
    <t>cg24501177</t>
  </si>
  <si>
    <t>cg24503244</t>
  </si>
  <si>
    <t>cg24513276</t>
  </si>
  <si>
    <t>cg24516362</t>
  </si>
  <si>
    <t>cg24519990</t>
  </si>
  <si>
    <t>cg24521756</t>
  </si>
  <si>
    <t>cg24524414</t>
  </si>
  <si>
    <t>cg24524702</t>
  </si>
  <si>
    <t>cg24524750</t>
  </si>
  <si>
    <t>cg24525828</t>
  </si>
  <si>
    <t>cg24528923</t>
  </si>
  <si>
    <t>cg24530041</t>
  </si>
  <si>
    <t>cg24570042</t>
  </si>
  <si>
    <t>cg24579218</t>
  </si>
  <si>
    <t>cg24579258</t>
  </si>
  <si>
    <t>cg24580252</t>
  </si>
  <si>
    <t>cg24584161</t>
  </si>
  <si>
    <t>cg24589444</t>
  </si>
  <si>
    <t>cg24591861</t>
  </si>
  <si>
    <t>cg24594678</t>
  </si>
  <si>
    <t>cg24594956</t>
  </si>
  <si>
    <t>cg24595580</t>
  </si>
  <si>
    <t>cg24596132</t>
  </si>
  <si>
    <t>cg24610231</t>
  </si>
  <si>
    <t>cg24630201</t>
  </si>
  <si>
    <t>cg24632756</t>
  </si>
  <si>
    <t>cg24637252</t>
  </si>
  <si>
    <t>cg24640101</t>
  </si>
  <si>
    <t>cg24640510</t>
  </si>
  <si>
    <t>cg24643749</t>
  </si>
  <si>
    <t>cg24651092</t>
  </si>
  <si>
    <t>cg24652361</t>
  </si>
  <si>
    <t>cg24653181</t>
  </si>
  <si>
    <t>cg24657047</t>
  </si>
  <si>
    <t>cg24657687</t>
  </si>
  <si>
    <t>cg24665265</t>
  </si>
  <si>
    <t>cg24667644</t>
  </si>
  <si>
    <t>cg24668914</t>
  </si>
  <si>
    <t>cg24670927</t>
  </si>
  <si>
    <t>cg24678142</t>
  </si>
  <si>
    <t>cg24678767</t>
  </si>
  <si>
    <t>cg24685109</t>
  </si>
  <si>
    <t>cg24685751</t>
  </si>
  <si>
    <t>cg24687276</t>
  </si>
  <si>
    <t>cg24687432</t>
  </si>
  <si>
    <t>cg24687639</t>
  </si>
  <si>
    <t>cg24687841</t>
  </si>
  <si>
    <t>cg24688248</t>
  </si>
  <si>
    <t>cg24690882</t>
  </si>
  <si>
    <t>cg24696207</t>
  </si>
  <si>
    <t>cg24697582</t>
  </si>
  <si>
    <t>cg24700485</t>
  </si>
  <si>
    <t>cg24709471</t>
  </si>
  <si>
    <t>cg24717799</t>
  </si>
  <si>
    <t>cg24724084</t>
  </si>
  <si>
    <t>cg24726705</t>
  </si>
  <si>
    <t>cg24729988</t>
  </si>
  <si>
    <t>cg24732465</t>
  </si>
  <si>
    <t>cg24734418</t>
  </si>
  <si>
    <t>cg24738356</t>
  </si>
  <si>
    <t>cg24739098</t>
  </si>
  <si>
    <t>cg24739950</t>
  </si>
  <si>
    <t>cg24741299</t>
  </si>
  <si>
    <t>cg24741430</t>
  </si>
  <si>
    <t>cg24741685</t>
  </si>
  <si>
    <t>cg24742571</t>
  </si>
  <si>
    <t>cg24778896</t>
  </si>
  <si>
    <t>cg24779170</t>
  </si>
  <si>
    <t>cg24785741</t>
  </si>
  <si>
    <t>cg24795958</t>
  </si>
  <si>
    <t>cg24796627</t>
  </si>
  <si>
    <t>cg24804144</t>
  </si>
  <si>
    <t>cg24805681</t>
  </si>
  <si>
    <t>cg24824266</t>
  </si>
  <si>
    <t>cg24832457</t>
  </si>
  <si>
    <t>cg24835238</t>
  </si>
  <si>
    <t>cg24837710</t>
  </si>
  <si>
    <t>cg24847625</t>
  </si>
  <si>
    <t>cg24848787</t>
  </si>
  <si>
    <t>cg24863552</t>
  </si>
  <si>
    <t>cg24864663</t>
  </si>
  <si>
    <t>cg24864831</t>
  </si>
  <si>
    <t>cg24864887</t>
  </si>
  <si>
    <t>cg24873171</t>
  </si>
  <si>
    <t>cg24876012</t>
  </si>
  <si>
    <t>cg24878071</t>
  </si>
  <si>
    <t>cg24881159</t>
  </si>
  <si>
    <t>cg24886788</t>
  </si>
  <si>
    <t>cg24906202</t>
  </si>
  <si>
    <t>cg24924577</t>
  </si>
  <si>
    <t>cg24927135</t>
  </si>
  <si>
    <t>cg24927883</t>
  </si>
  <si>
    <t>cg24930725</t>
  </si>
  <si>
    <t>cg24933173</t>
  </si>
  <si>
    <t>cg24937275</t>
  </si>
  <si>
    <t>cg24941343</t>
  </si>
  <si>
    <t>cg24943998</t>
  </si>
  <si>
    <t>cg24945881</t>
  </si>
  <si>
    <t>cg24950894</t>
  </si>
  <si>
    <t>cg24951114</t>
  </si>
  <si>
    <t>cg24953703</t>
  </si>
  <si>
    <t>cg24957518</t>
  </si>
  <si>
    <t>cg24991933</t>
  </si>
  <si>
    <t>cg24993781</t>
  </si>
  <si>
    <t>cg24995652</t>
  </si>
  <si>
    <t>cg24996200</t>
  </si>
  <si>
    <t>cg24996282</t>
  </si>
  <si>
    <t>cg24999862</t>
  </si>
  <si>
    <t>cg25003907</t>
  </si>
  <si>
    <t>cg25003924</t>
  </si>
  <si>
    <t>cg25008614</t>
  </si>
  <si>
    <t>cg25011596</t>
  </si>
  <si>
    <t>cg25020232</t>
  </si>
  <si>
    <t>cg25021884</t>
  </si>
  <si>
    <t>cg25025992</t>
  </si>
  <si>
    <t>cg25026754</t>
  </si>
  <si>
    <t>cg25045893</t>
  </si>
  <si>
    <t>cg25046772</t>
  </si>
  <si>
    <t>cg25052312</t>
  </si>
  <si>
    <t>cg25054890</t>
  </si>
  <si>
    <t>cg25056510</t>
  </si>
  <si>
    <t>cg25099154</t>
  </si>
  <si>
    <t>cg25121621</t>
  </si>
  <si>
    <t>cg25122941</t>
  </si>
  <si>
    <t>cg25124211</t>
  </si>
  <si>
    <t>cg25130800</t>
  </si>
  <si>
    <t>cg25132782</t>
  </si>
  <si>
    <t>cg25135706</t>
  </si>
  <si>
    <t>cg25135755</t>
  </si>
  <si>
    <t>cg25139636</t>
  </si>
  <si>
    <t>cg25140751</t>
  </si>
  <si>
    <t>cg25142954</t>
  </si>
  <si>
    <t>cg25161465</t>
  </si>
  <si>
    <t>cg25162826</t>
  </si>
  <si>
    <t>cg25174844</t>
  </si>
  <si>
    <t>cg25176223</t>
  </si>
  <si>
    <t>cg25176380</t>
  </si>
  <si>
    <t>cg25188724</t>
  </si>
  <si>
    <t>cg25188900</t>
  </si>
  <si>
    <t>cg25193319</t>
  </si>
  <si>
    <t>cg25194470</t>
  </si>
  <si>
    <t>cg25195643</t>
  </si>
  <si>
    <t>cg25196881</t>
  </si>
  <si>
    <t>cg25198579</t>
  </si>
  <si>
    <t>cg25201280</t>
  </si>
  <si>
    <t>cg25204281</t>
  </si>
  <si>
    <t>cg25210134</t>
  </si>
  <si>
    <t>cg25211267</t>
  </si>
  <si>
    <t>cg25212270</t>
  </si>
  <si>
    <t>cg25213546</t>
  </si>
  <si>
    <t>cg25217625</t>
  </si>
  <si>
    <t>cg25224094</t>
  </si>
  <si>
    <t>cg25229015</t>
  </si>
  <si>
    <t>cg25236324</t>
  </si>
  <si>
    <t>cg25244102</t>
  </si>
  <si>
    <t>cg25244921</t>
  </si>
  <si>
    <t>cg25247231</t>
  </si>
  <si>
    <t>cg25250717</t>
  </si>
  <si>
    <t>cg25254338</t>
  </si>
  <si>
    <t>cg25254910</t>
  </si>
  <si>
    <t>cg25283338</t>
  </si>
  <si>
    <t>cg25290779</t>
  </si>
  <si>
    <t>cg25296710</t>
  </si>
  <si>
    <t>cg25298161</t>
  </si>
  <si>
    <t>cg25311807</t>
  </si>
  <si>
    <t>cg25345578</t>
  </si>
  <si>
    <t>cg25349610</t>
  </si>
  <si>
    <t>cg25351263</t>
  </si>
  <si>
    <t>cg25355987</t>
  </si>
  <si>
    <t>cg25379163</t>
  </si>
  <si>
    <t>cg25381836</t>
  </si>
  <si>
    <t>cg25393323</t>
  </si>
  <si>
    <t>cg25398223</t>
  </si>
  <si>
    <t>cg25405123</t>
  </si>
  <si>
    <t>cg25406989</t>
  </si>
  <si>
    <t>cg25409809</t>
  </si>
  <si>
    <t>cg25415508</t>
  </si>
  <si>
    <t>cg25417405</t>
  </si>
  <si>
    <t>cg25429010</t>
  </si>
  <si>
    <t>cg25441207</t>
  </si>
  <si>
    <t>cg25441412</t>
  </si>
  <si>
    <t>cg25449207</t>
  </si>
  <si>
    <t>cg25452071</t>
  </si>
  <si>
    <t>cg25455753</t>
  </si>
  <si>
    <t>cg25456747</t>
  </si>
  <si>
    <t>cg25456849</t>
  </si>
  <si>
    <t>cg25475171</t>
  </si>
  <si>
    <t>cg25481157</t>
  </si>
  <si>
    <t>cg25490585</t>
  </si>
  <si>
    <t>cg25498107</t>
  </si>
  <si>
    <t>cg25499543</t>
  </si>
  <si>
    <t>cg25503381</t>
  </si>
  <si>
    <t>cg25505106</t>
  </si>
  <si>
    <t>cg25512912</t>
  </si>
  <si>
    <t>cg25519609</t>
  </si>
  <si>
    <t>cg25523753</t>
  </si>
  <si>
    <t>cg25525068</t>
  </si>
  <si>
    <t>cg25525379</t>
  </si>
  <si>
    <t>cg25527599</t>
  </si>
  <si>
    <t>cg25539979</t>
  </si>
  <si>
    <t>cg25546428</t>
  </si>
  <si>
    <t>cg25577821</t>
  </si>
  <si>
    <t>cg25595834</t>
  </si>
  <si>
    <t>cg25597029</t>
  </si>
  <si>
    <t>cg25597267</t>
  </si>
  <si>
    <t>cg25605243</t>
  </si>
  <si>
    <t>cg25606639</t>
  </si>
  <si>
    <t>cg25606844</t>
  </si>
  <si>
    <t>cg25607643</t>
  </si>
  <si>
    <t>cg25608871</t>
  </si>
  <si>
    <t>cg25619707</t>
  </si>
  <si>
    <t>cg25620430</t>
  </si>
  <si>
    <t>cg25620676</t>
  </si>
  <si>
    <t>cg25631249</t>
  </si>
  <si>
    <t>cg25632900</t>
  </si>
  <si>
    <t>cg25639449</t>
  </si>
  <si>
    <t>cg25639557</t>
  </si>
  <si>
    <t>cg25647583</t>
  </si>
  <si>
    <t>cg25652534</t>
  </si>
  <si>
    <t>cg25653296</t>
  </si>
  <si>
    <t>cg25653336</t>
  </si>
  <si>
    <t>cg25665697</t>
  </si>
  <si>
    <t>cg25669249</t>
  </si>
  <si>
    <t>cg25673084</t>
  </si>
  <si>
    <t>cg25677548</t>
  </si>
  <si>
    <t>cg25683444</t>
  </si>
  <si>
    <t>cg25693639</t>
  </si>
  <si>
    <t>cg25694156</t>
  </si>
  <si>
    <t>cg25699851</t>
  </si>
  <si>
    <t>cg25700533</t>
  </si>
  <si>
    <t>cg25703361</t>
  </si>
  <si>
    <t>cg25705558</t>
  </si>
  <si>
    <t>cg25727029</t>
  </si>
  <si>
    <t>cg25728994</t>
  </si>
  <si>
    <t>cg25729166</t>
  </si>
  <si>
    <t>cg25729350</t>
  </si>
  <si>
    <t>cg25733898</t>
  </si>
  <si>
    <t>cg25738326</t>
  </si>
  <si>
    <t>cg25744277</t>
  </si>
  <si>
    <t>cg25744476</t>
  </si>
  <si>
    <t>cg25747427</t>
  </si>
  <si>
    <t>cg25789882</t>
  </si>
  <si>
    <t>cg25789916</t>
  </si>
  <si>
    <t>cg25790365</t>
  </si>
  <si>
    <t>cg25790435</t>
  </si>
  <si>
    <t>cg25792999</t>
  </si>
  <si>
    <t>cg25827102</t>
  </si>
  <si>
    <t>cg25828462</t>
  </si>
  <si>
    <t>cg25829226</t>
  </si>
  <si>
    <t>cg25831214</t>
  </si>
  <si>
    <t>cg25833989</t>
  </si>
  <si>
    <t>cg25836545</t>
  </si>
  <si>
    <t>cg25838575</t>
  </si>
  <si>
    <t>cg25839482</t>
  </si>
  <si>
    <t>cg25840536</t>
  </si>
  <si>
    <t>cg25842107</t>
  </si>
  <si>
    <t>cg25843651</t>
  </si>
  <si>
    <t>cg25846076</t>
  </si>
  <si>
    <t>cg25847771</t>
  </si>
  <si>
    <t>cg25851005</t>
  </si>
  <si>
    <t>cg25852492</t>
  </si>
  <si>
    <t>cg25856228</t>
  </si>
  <si>
    <t>cg25856663</t>
  </si>
  <si>
    <t>cg25869317</t>
  </si>
  <si>
    <t>cg25874953</t>
  </si>
  <si>
    <t>cg25875049</t>
  </si>
  <si>
    <t>cg25876443</t>
  </si>
  <si>
    <t>cg25876882</t>
  </si>
  <si>
    <t>cg25879705</t>
  </si>
  <si>
    <t>cg25880042</t>
  </si>
  <si>
    <t>cg25885684</t>
  </si>
  <si>
    <t>cg25885971</t>
  </si>
  <si>
    <t>cg25896785</t>
  </si>
  <si>
    <t>cg25897161</t>
  </si>
  <si>
    <t>cg25898192</t>
  </si>
  <si>
    <t>cg25905881</t>
  </si>
  <si>
    <t>cg25906537</t>
  </si>
  <si>
    <t>cg25908613</t>
  </si>
  <si>
    <t>cg25910314</t>
  </si>
  <si>
    <t>cg25910647</t>
  </si>
  <si>
    <t>cg25924688</t>
  </si>
  <si>
    <t>cg25932290</t>
  </si>
  <si>
    <t>cg25934944</t>
  </si>
  <si>
    <t>cg25939371</t>
  </si>
  <si>
    <t>cg25939647</t>
  </si>
  <si>
    <t>cg25943481</t>
  </si>
  <si>
    <t>cg25943719</t>
  </si>
  <si>
    <t>cg25946491</t>
  </si>
  <si>
    <t>cg25950564</t>
  </si>
  <si>
    <t>cg25950638</t>
  </si>
  <si>
    <t>cg25960063</t>
  </si>
  <si>
    <t>cg25978208</t>
  </si>
  <si>
    <t>cg25980168</t>
  </si>
  <si>
    <t>cg25985031</t>
  </si>
  <si>
    <t>cg25985103</t>
  </si>
  <si>
    <t>cg25985437</t>
  </si>
  <si>
    <t>cg26022093</t>
  </si>
  <si>
    <t>cg26025224</t>
  </si>
  <si>
    <t>cg26025891</t>
  </si>
  <si>
    <t>cg26053864</t>
  </si>
  <si>
    <t>cg26056703</t>
  </si>
  <si>
    <t>cg26065841</t>
  </si>
  <si>
    <t>cg26087678</t>
  </si>
  <si>
    <t>cg26091142</t>
  </si>
  <si>
    <t>cg26095405</t>
  </si>
  <si>
    <t>cg26097504</t>
  </si>
  <si>
    <t>cg26097711</t>
  </si>
  <si>
    <t>cg26134913</t>
  </si>
  <si>
    <t>cg26141510</t>
  </si>
  <si>
    <t>cg26144734</t>
  </si>
  <si>
    <t>cg26155032</t>
  </si>
  <si>
    <t>cg26157028</t>
  </si>
  <si>
    <t>cg26158180</t>
  </si>
  <si>
    <t>cg26169213</t>
  </si>
  <si>
    <t>cg26170244</t>
  </si>
  <si>
    <t>cg26171114</t>
  </si>
  <si>
    <t>cg26181196</t>
  </si>
  <si>
    <t>cg26185340</t>
  </si>
  <si>
    <t>cg26188685</t>
  </si>
  <si>
    <t>cg26190136</t>
  </si>
  <si>
    <t>cg26202762</t>
  </si>
  <si>
    <t>cg26206632</t>
  </si>
  <si>
    <t>cg26211019</t>
  </si>
  <si>
    <t>cg26212303</t>
  </si>
  <si>
    <t>cg26213453</t>
  </si>
  <si>
    <t>cg26215967</t>
  </si>
  <si>
    <t>cg26216730</t>
  </si>
  <si>
    <t>cg26218411</t>
  </si>
  <si>
    <t>cg26218577</t>
  </si>
  <si>
    <t>cg26219294</t>
  </si>
  <si>
    <t>cg26222247</t>
  </si>
  <si>
    <t>cg26222731</t>
  </si>
  <si>
    <t>cg26223996</t>
  </si>
  <si>
    <t>cg26224624</t>
  </si>
  <si>
    <t>cg26227523</t>
  </si>
  <si>
    <t>cg26231582</t>
  </si>
  <si>
    <t>cg26232187</t>
  </si>
  <si>
    <t>cg26237512</t>
  </si>
  <si>
    <t>cg26238644</t>
  </si>
  <si>
    <t>cg26241555</t>
  </si>
  <si>
    <t>cg26241852</t>
  </si>
  <si>
    <t>cg26242024</t>
  </si>
  <si>
    <t>cg26247942</t>
  </si>
  <si>
    <t>cg26251208</t>
  </si>
  <si>
    <t>cg26255388</t>
  </si>
  <si>
    <t>cg26255996</t>
  </si>
  <si>
    <t>cg26266934</t>
  </si>
  <si>
    <t>cg26270695</t>
  </si>
  <si>
    <t>cg26272088</t>
  </si>
  <si>
    <t>cg26274662</t>
  </si>
  <si>
    <t>cg26278858</t>
  </si>
  <si>
    <t>cg26280499</t>
  </si>
  <si>
    <t>cg26282505</t>
  </si>
  <si>
    <t>cg26283008</t>
  </si>
  <si>
    <t>cg26285502</t>
  </si>
  <si>
    <t>cg26288595</t>
  </si>
  <si>
    <t>cg26290926</t>
  </si>
  <si>
    <t>cg26291655</t>
  </si>
  <si>
    <t>cg26295624</t>
  </si>
  <si>
    <t>cg26299194</t>
  </si>
  <si>
    <t>cg26304297</t>
  </si>
  <si>
    <t>cg26304744</t>
  </si>
  <si>
    <t>cg26312071</t>
  </si>
  <si>
    <t>cg26314507</t>
  </si>
  <si>
    <t>cg26314750</t>
  </si>
  <si>
    <t>cg26317318</t>
  </si>
  <si>
    <t>cg26321766</t>
  </si>
  <si>
    <t>cg26330365</t>
  </si>
  <si>
    <t>cg26331243</t>
  </si>
  <si>
    <t>cg26332246</t>
  </si>
  <si>
    <t>cg26332782</t>
  </si>
  <si>
    <t>cg26336213</t>
  </si>
  <si>
    <t>cg26342078</t>
  </si>
  <si>
    <t>cg26344513</t>
  </si>
  <si>
    <t>cg26344776</t>
  </si>
  <si>
    <t>cg26345239</t>
  </si>
  <si>
    <t>cg26348254</t>
  </si>
  <si>
    <t>cg26350373</t>
  </si>
  <si>
    <t>cg26377677</t>
  </si>
  <si>
    <t>cg26387667</t>
  </si>
  <si>
    <t>cg26389232</t>
  </si>
  <si>
    <t>cg26392691</t>
  </si>
  <si>
    <t>cg26405020</t>
  </si>
  <si>
    <t>cg26408565</t>
  </si>
  <si>
    <t>cg26409855</t>
  </si>
  <si>
    <t>cg26423876</t>
  </si>
  <si>
    <t>cg26424993</t>
  </si>
  <si>
    <t>cg26429925</t>
  </si>
  <si>
    <t>cg26430287</t>
  </si>
  <si>
    <t>cg26431163</t>
  </si>
  <si>
    <t>cg26432539</t>
  </si>
  <si>
    <t>cg26444974</t>
  </si>
  <si>
    <t>cg26449119</t>
  </si>
  <si>
    <t>cg26451198</t>
  </si>
  <si>
    <t>cg26456304</t>
  </si>
  <si>
    <t>cg26456399</t>
  </si>
  <si>
    <t>cg26458545</t>
  </si>
  <si>
    <t>cg26464361</t>
  </si>
  <si>
    <t>cg26467725</t>
  </si>
  <si>
    <t>cg26469244</t>
  </si>
  <si>
    <t>cg26469387</t>
  </si>
  <si>
    <t>cg26470794</t>
  </si>
  <si>
    <t>cg26471610</t>
  </si>
  <si>
    <t>cg26483809</t>
  </si>
  <si>
    <t>cg26485262</t>
  </si>
  <si>
    <t>cg26486099</t>
  </si>
  <si>
    <t>cg26487088</t>
  </si>
  <si>
    <t>cg26488183</t>
  </si>
  <si>
    <t>cg26489415</t>
  </si>
  <si>
    <t>cg26491425</t>
  </si>
  <si>
    <t>cg26507704</t>
  </si>
  <si>
    <t>cg26511447</t>
  </si>
  <si>
    <t>cg26517470</t>
  </si>
  <si>
    <t>cg26519141</t>
  </si>
  <si>
    <t>cg26519500</t>
  </si>
  <si>
    <t>cg26544020</t>
  </si>
  <si>
    <t>cg26544786</t>
  </si>
  <si>
    <t>cg26544870</t>
  </si>
  <si>
    <t>cg26545918</t>
  </si>
  <si>
    <t>cg26548288</t>
  </si>
  <si>
    <t>cg26548311</t>
  </si>
  <si>
    <t>cg26552774</t>
  </si>
  <si>
    <t>cg26554302</t>
  </si>
  <si>
    <t>cg26555966</t>
  </si>
  <si>
    <t>cg26561362</t>
  </si>
  <si>
    <t>cg26561631</t>
  </si>
  <si>
    <t>cg26565719</t>
  </si>
  <si>
    <t>cg26570776</t>
  </si>
  <si>
    <t>cg26575166</t>
  </si>
  <si>
    <t>cg26577252</t>
  </si>
  <si>
    <t>cg26579616</t>
  </si>
  <si>
    <t>cg26581191</t>
  </si>
  <si>
    <t>cg26589665</t>
  </si>
  <si>
    <t>cg26589785</t>
  </si>
  <si>
    <t>cg26590064</t>
  </si>
  <si>
    <t>cg26590834</t>
  </si>
  <si>
    <t>cg26612947</t>
  </si>
  <si>
    <t>cg26618210</t>
  </si>
  <si>
    <t>cg26634409</t>
  </si>
  <si>
    <t>cg26645913</t>
  </si>
  <si>
    <t>cg26648306</t>
  </si>
  <si>
    <t>cg26653147</t>
  </si>
  <si>
    <t>cg26653360</t>
  </si>
  <si>
    <t>cg26657101</t>
  </si>
  <si>
    <t>cg26657991</t>
  </si>
  <si>
    <t>cg26662049</t>
  </si>
  <si>
    <t>cg26662201</t>
  </si>
  <si>
    <t>cg26663560</t>
  </si>
  <si>
    <t>cg26668691</t>
  </si>
  <si>
    <t>cg26673550</t>
  </si>
  <si>
    <t>cg26674445</t>
  </si>
  <si>
    <t>cg26674929</t>
  </si>
  <si>
    <t>cg26674966</t>
  </si>
  <si>
    <t>cg26675200</t>
  </si>
  <si>
    <t>cg26677874</t>
  </si>
  <si>
    <t>cg26697583</t>
  </si>
  <si>
    <t>cg26699102</t>
  </si>
  <si>
    <t>cg26702670</t>
  </si>
  <si>
    <t>cg26704579</t>
  </si>
  <si>
    <t>cg26705724</t>
  </si>
  <si>
    <t>cg26710563</t>
  </si>
  <si>
    <t>cg26723698</t>
  </si>
  <si>
    <t>cg26726006</t>
  </si>
  <si>
    <t>cg26731473</t>
  </si>
  <si>
    <t>cg26732155</t>
  </si>
  <si>
    <t>cg26732930</t>
  </si>
  <si>
    <t>cg26741262</t>
  </si>
  <si>
    <t>cg26741380</t>
  </si>
  <si>
    <t>cg26742275</t>
  </si>
  <si>
    <t>cg26767198</t>
  </si>
  <si>
    <t>cg26767544</t>
  </si>
  <si>
    <t>cg26768918</t>
  </si>
  <si>
    <t>cg26772847</t>
  </si>
  <si>
    <t>cg26774156</t>
  </si>
  <si>
    <t>cg26774164</t>
  </si>
  <si>
    <t>cg26788852</t>
  </si>
  <si>
    <t>cg26791148</t>
  </si>
  <si>
    <t>cg26800551</t>
  </si>
  <si>
    <t>cg26801086</t>
  </si>
  <si>
    <t>cg26804848</t>
  </si>
  <si>
    <t>cg26805503</t>
  </si>
  <si>
    <t>cg26814712</t>
  </si>
  <si>
    <t>cg26817145</t>
  </si>
  <si>
    <t>cg26817564</t>
  </si>
  <si>
    <t>cg26817573</t>
  </si>
  <si>
    <t>cg26819633</t>
  </si>
  <si>
    <t>cg26824615</t>
  </si>
  <si>
    <t>cg26826117</t>
  </si>
  <si>
    <t>cg26827081</t>
  </si>
  <si>
    <t>cg26836204</t>
  </si>
  <si>
    <t>cg26839356</t>
  </si>
  <si>
    <t>cg26841538</t>
  </si>
  <si>
    <t>cg26843110</t>
  </si>
  <si>
    <t>cg26849077</t>
  </si>
  <si>
    <t>cg26851289</t>
  </si>
  <si>
    <t>cg26852602</t>
  </si>
  <si>
    <t>cg26855208</t>
  </si>
  <si>
    <t>cg26856771</t>
  </si>
  <si>
    <t>cg26859211</t>
  </si>
  <si>
    <t>cg26861525</t>
  </si>
  <si>
    <t>cg26862022</t>
  </si>
  <si>
    <t>cg26879349</t>
  </si>
  <si>
    <t>cg26879644</t>
  </si>
  <si>
    <t>cg26880891</t>
  </si>
  <si>
    <t>cg26884775</t>
  </si>
  <si>
    <t>cg26894288</t>
  </si>
  <si>
    <t>cg26899598</t>
  </si>
  <si>
    <t>cg26902130</t>
  </si>
  <si>
    <t>cg26907405</t>
  </si>
  <si>
    <t>cg26910465</t>
  </si>
  <si>
    <t>cg26916780</t>
  </si>
  <si>
    <t>cg26918041</t>
  </si>
  <si>
    <t>cg26918442</t>
  </si>
  <si>
    <t>cg26919657</t>
  </si>
  <si>
    <t>cg26920902</t>
  </si>
  <si>
    <t>cg26922483</t>
  </si>
  <si>
    <t>cg26925226</t>
  </si>
  <si>
    <t>cg26925450</t>
  </si>
  <si>
    <t>cg26939721</t>
  </si>
  <si>
    <t>cg26941392</t>
  </si>
  <si>
    <t>cg26942250</t>
  </si>
  <si>
    <t>cg26945392</t>
  </si>
  <si>
    <t>cg26955834</t>
  </si>
  <si>
    <t>cg26957602</t>
  </si>
  <si>
    <t>cg26958654</t>
  </si>
  <si>
    <t>cg26966056</t>
  </si>
  <si>
    <t>cg26967050</t>
  </si>
  <si>
    <t>cg26971423</t>
  </si>
  <si>
    <t>cg26984869</t>
  </si>
  <si>
    <t>cg26991025</t>
  </si>
  <si>
    <t>cg26992010</t>
  </si>
  <si>
    <t>cg27009545</t>
  </si>
  <si>
    <t>cg27011042</t>
  </si>
  <si>
    <t>cg27023822</t>
  </si>
  <si>
    <t>cg27024241</t>
  </si>
  <si>
    <t>cg27032142</t>
  </si>
  <si>
    <t>cg27033923</t>
  </si>
  <si>
    <t>cg27038724</t>
  </si>
  <si>
    <t>cg27041463</t>
  </si>
  <si>
    <t>cg27045999</t>
  </si>
  <si>
    <t>cg27048949</t>
  </si>
  <si>
    <t>cg27056437</t>
  </si>
  <si>
    <t>cg27056853</t>
  </si>
  <si>
    <t>cg27057329</t>
  </si>
  <si>
    <t>cg27058988</t>
  </si>
  <si>
    <t>cg27060812</t>
  </si>
  <si>
    <t>cg27061576</t>
  </si>
  <si>
    <t>cg27062116</t>
  </si>
  <si>
    <t>cg27066162</t>
  </si>
  <si>
    <t>cg27067648</t>
  </si>
  <si>
    <t>cg27072603</t>
  </si>
  <si>
    <t>cg27079104</t>
  </si>
  <si>
    <t>cg27084736</t>
  </si>
  <si>
    <t>cg27086690</t>
  </si>
  <si>
    <t>cg27086758</t>
  </si>
  <si>
    <t>cg27087809</t>
  </si>
  <si>
    <t>cg27090409</t>
  </si>
  <si>
    <t>cg27090492</t>
  </si>
  <si>
    <t>cg27093605</t>
  </si>
  <si>
    <t>cg27118929</t>
  </si>
  <si>
    <t>cg27119329</t>
  </si>
  <si>
    <t>cg27121538</t>
  </si>
  <si>
    <t>cg27126666</t>
  </si>
  <si>
    <t>cg27129048</t>
  </si>
  <si>
    <t>cg27129731</t>
  </si>
  <si>
    <t>cg27130493</t>
  </si>
  <si>
    <t>cg27132050</t>
  </si>
  <si>
    <t>cg27141517</t>
  </si>
  <si>
    <t>cg27148665</t>
  </si>
  <si>
    <t>cg27155939</t>
  </si>
  <si>
    <t>cg27157619</t>
  </si>
  <si>
    <t>cg27158462</t>
  </si>
  <si>
    <t>cg27167601</t>
  </si>
  <si>
    <t>cg27169020</t>
  </si>
  <si>
    <t>cg27183811</t>
  </si>
  <si>
    <t>cg27184903</t>
  </si>
  <si>
    <t>cg27200833</t>
  </si>
  <si>
    <t>cg27202210</t>
  </si>
  <si>
    <t>cg27211576</t>
  </si>
  <si>
    <t>cg27211935</t>
  </si>
  <si>
    <t>cg27218500</t>
  </si>
  <si>
    <t>cg27219399</t>
  </si>
  <si>
    <t>cg27219955</t>
  </si>
  <si>
    <t>cg27224881</t>
  </si>
  <si>
    <t>cg27225686</t>
  </si>
  <si>
    <t>cg27231215</t>
  </si>
  <si>
    <t>cg27234648</t>
  </si>
  <si>
    <t>cg27234929</t>
  </si>
  <si>
    <t>cg27236629</t>
  </si>
  <si>
    <t>cg27237508</t>
  </si>
  <si>
    <t>cg27257408</t>
  </si>
  <si>
    <t>cg27271756</t>
  </si>
  <si>
    <t>cg27275698</t>
  </si>
  <si>
    <t>cg27277583</t>
  </si>
  <si>
    <t>cg27279991</t>
  </si>
  <si>
    <t>cg27285618</t>
  </si>
  <si>
    <t>cg27294796</t>
  </si>
  <si>
    <t>cg27295832</t>
  </si>
  <si>
    <t>cg27298254</t>
  </si>
  <si>
    <t>cg27302576</t>
  </si>
  <si>
    <t>cg27307975</t>
  </si>
  <si>
    <t>cg27321979</t>
  </si>
  <si>
    <t>cg27323557</t>
  </si>
  <si>
    <t>cg27324993</t>
  </si>
  <si>
    <t>cg27326687</t>
  </si>
  <si>
    <t>cg27332104</t>
  </si>
  <si>
    <t>cg27337534</t>
  </si>
  <si>
    <t>cg27340001</t>
  </si>
  <si>
    <t>cg27342194</t>
  </si>
  <si>
    <t>cg27350767</t>
  </si>
  <si>
    <t>cg27350841</t>
  </si>
  <si>
    <t>cg27351816</t>
  </si>
  <si>
    <t>cg27353689</t>
  </si>
  <si>
    <t>cg27366007</t>
  </si>
  <si>
    <t>cg27366810</t>
  </si>
  <si>
    <t>cg27370248</t>
  </si>
  <si>
    <t>cg27372482</t>
  </si>
  <si>
    <t>cg27374167</t>
  </si>
  <si>
    <t>cg27378180</t>
  </si>
  <si>
    <t>cg27378762</t>
  </si>
  <si>
    <t>cg27379417</t>
  </si>
  <si>
    <t>cg27379587</t>
  </si>
  <si>
    <t>cg27380997</t>
  </si>
  <si>
    <t>cg27382691</t>
  </si>
  <si>
    <t>cg27384569</t>
  </si>
  <si>
    <t>cg27390452</t>
  </si>
  <si>
    <t>cg27394486</t>
  </si>
  <si>
    <t>cg27400070</t>
  </si>
  <si>
    <t>cg27412506</t>
  </si>
  <si>
    <t>cg27417031</t>
  </si>
  <si>
    <t>cg27417749</t>
  </si>
  <si>
    <t>cg27418217</t>
  </si>
  <si>
    <t>cg27420361</t>
  </si>
  <si>
    <t>cg27424447</t>
  </si>
  <si>
    <t>cg27425136</t>
  </si>
  <si>
    <t>cg27425263</t>
  </si>
  <si>
    <t>cg27427527</t>
  </si>
  <si>
    <t>cg27433395</t>
  </si>
  <si>
    <t>cg27434233</t>
  </si>
  <si>
    <t>cg27436286</t>
  </si>
  <si>
    <t>cg27438854</t>
  </si>
  <si>
    <t>cg27439427</t>
  </si>
  <si>
    <t>cg27439566</t>
  </si>
  <si>
    <t>cg27455781</t>
  </si>
  <si>
    <t>cg27458888</t>
  </si>
  <si>
    <t>cg27472032</t>
  </si>
  <si>
    <t>cg27477251</t>
  </si>
  <si>
    <t>cg27481594</t>
  </si>
  <si>
    <t>cg27494383</t>
  </si>
  <si>
    <t>cg27496506</t>
  </si>
  <si>
    <t>cg27496526</t>
  </si>
  <si>
    <t>cg27502088</t>
  </si>
  <si>
    <t>cg27505538</t>
  </si>
  <si>
    <t>cg27507295</t>
  </si>
  <si>
    <t>cg27511525</t>
  </si>
  <si>
    <t>cg27514333</t>
  </si>
  <si>
    <t>cg27519014</t>
  </si>
  <si>
    <t>cg27528032</t>
  </si>
  <si>
    <t>cg27529930</t>
  </si>
  <si>
    <t>cg27532847</t>
  </si>
  <si>
    <t>cg27534520</t>
  </si>
  <si>
    <t>cg27536151</t>
  </si>
  <si>
    <t>cg27540038</t>
  </si>
  <si>
    <t>cg27553561</t>
  </si>
  <si>
    <t>cg27553971</t>
  </si>
  <si>
    <t>cg27554189</t>
  </si>
  <si>
    <t>cg27554782</t>
  </si>
  <si>
    <t>cg27560250</t>
  </si>
  <si>
    <t>cg27576415</t>
  </si>
  <si>
    <t>cg27576615</t>
  </si>
  <si>
    <t>cg27581118</t>
  </si>
  <si>
    <t>cg27584171</t>
  </si>
  <si>
    <t>cg27624178</t>
  </si>
  <si>
    <t>cg27628707</t>
  </si>
  <si>
    <t>cg27633342</t>
  </si>
  <si>
    <t>cg27635271</t>
  </si>
  <si>
    <t>cg27637606</t>
  </si>
  <si>
    <t>cg27640147</t>
  </si>
  <si>
    <t>cg27647177</t>
  </si>
  <si>
    <t>cg27649764</t>
  </si>
  <si>
    <t>cg27652350</t>
  </si>
  <si>
    <t>cg27655921</t>
  </si>
  <si>
    <t>cg27658321</t>
  </si>
  <si>
    <t>cg27659679</t>
  </si>
  <si>
    <t>cg27663200</t>
  </si>
  <si>
    <t>cg27665985</t>
  </si>
  <si>
    <t>ch.15.23362502F</t>
  </si>
  <si>
    <t>ch.15.23721785F</t>
  </si>
  <si>
    <t>ch.15.23774000R</t>
  </si>
  <si>
    <t>ch.15.38937523R</t>
  </si>
  <si>
    <t>ch.15.492843F</t>
  </si>
  <si>
    <t>ch.15.47805190R</t>
  </si>
  <si>
    <t>ch.15.920727F</t>
  </si>
  <si>
    <t>ch.15.62563063R</t>
  </si>
  <si>
    <t>ch.15.64945366R</t>
  </si>
  <si>
    <t>ch.15.74293042R</t>
  </si>
  <si>
    <t>ch.15.75815792R</t>
  </si>
  <si>
    <t>ch.15.76992553F</t>
  </si>
  <si>
    <t>ch.15.1454355R</t>
  </si>
  <si>
    <t>ch.15.86030110R</t>
  </si>
  <si>
    <t>ch.15.1530357F</t>
  </si>
  <si>
    <t>ch.15.1538350R</t>
  </si>
  <si>
    <t>ch.15.1556816R</t>
  </si>
  <si>
    <t>ch.15.1582754F</t>
  </si>
  <si>
    <t>ch.15.1606867R</t>
  </si>
  <si>
    <t>ch.15.90570017R</t>
  </si>
  <si>
    <t>ch.15.1614682R</t>
  </si>
  <si>
    <t>ch.15.99448522F</t>
  </si>
  <si>
    <t>cg00000029</t>
  </si>
  <si>
    <t>cg00002406</t>
  </si>
  <si>
    <t>cg00003900</t>
  </si>
  <si>
    <t>cg00005112</t>
  </si>
  <si>
    <t>cg00005166</t>
  </si>
  <si>
    <t>cg00005390</t>
  </si>
  <si>
    <t>cg00008387</t>
  </si>
  <si>
    <t>cg00010046</t>
  </si>
  <si>
    <t>cg00011284</t>
  </si>
  <si>
    <t>cg00011740</t>
  </si>
  <si>
    <t>cg00014561</t>
  </si>
  <si>
    <t>cg00016841</t>
  </si>
  <si>
    <t>cg00020794</t>
  </si>
  <si>
    <t>cg00021476</t>
  </si>
  <si>
    <t>cg00021513</t>
  </si>
  <si>
    <t>cg00022076</t>
  </si>
  <si>
    <t>cg00023673</t>
  </si>
  <si>
    <t>cg00024443</t>
  </si>
  <si>
    <t>cg00024494</t>
  </si>
  <si>
    <t>cg00027729</t>
  </si>
  <si>
    <t>cg00028829</t>
  </si>
  <si>
    <t>cg00034611</t>
  </si>
  <si>
    <t>cg00036119</t>
  </si>
  <si>
    <t>cg00036258</t>
  </si>
  <si>
    <t>cg00036440</t>
  </si>
  <si>
    <t>cg00036976</t>
  </si>
  <si>
    <t>cg00037186</t>
  </si>
  <si>
    <t>cg00037400</t>
  </si>
  <si>
    <t>cg00038436</t>
  </si>
  <si>
    <t>cg00039478</t>
  </si>
  <si>
    <t>cg00040873</t>
  </si>
  <si>
    <t>cg00044372</t>
  </si>
  <si>
    <t>cg00044466</t>
  </si>
  <si>
    <t>cg00044665</t>
  </si>
  <si>
    <t>cg00047694</t>
  </si>
  <si>
    <t>cg00049883</t>
  </si>
  <si>
    <t>cg00050482</t>
  </si>
  <si>
    <t>cg00054301</t>
  </si>
  <si>
    <t>cg00056002</t>
  </si>
  <si>
    <t>cg00069417</t>
  </si>
  <si>
    <t>cg00071618</t>
  </si>
  <si>
    <t>cg00072426</t>
  </si>
  <si>
    <t>cg00073549</t>
  </si>
  <si>
    <t>cg00075615</t>
  </si>
  <si>
    <t>cg00078334</t>
  </si>
  <si>
    <t>cg00079224</t>
  </si>
  <si>
    <t>cg00083399</t>
  </si>
  <si>
    <t>cg00083833</t>
  </si>
  <si>
    <t>cg00084577</t>
  </si>
  <si>
    <t>cg00086730</t>
  </si>
  <si>
    <t>cg00087568</t>
  </si>
  <si>
    <t>cg00087963</t>
  </si>
  <si>
    <t>cg00088916</t>
  </si>
  <si>
    <t>cg00091589</t>
  </si>
  <si>
    <t>cg00093058</t>
  </si>
  <si>
    <t>cg00094898</t>
  </si>
  <si>
    <t>cg00096440</t>
  </si>
  <si>
    <t>cg00096747</t>
  </si>
  <si>
    <t>cg00101940</t>
  </si>
  <si>
    <t>cg00106591</t>
  </si>
  <si>
    <t>cg00107106</t>
  </si>
  <si>
    <t>cg00108108</t>
  </si>
  <si>
    <t>cg00108992</t>
  </si>
  <si>
    <t>cg00112798</t>
  </si>
  <si>
    <t>cg00114159</t>
  </si>
  <si>
    <t>cg00114383</t>
  </si>
  <si>
    <t>cg00116766</t>
  </si>
  <si>
    <t>cg00117965</t>
  </si>
  <si>
    <t>cg00120147</t>
  </si>
  <si>
    <t>cg00121135</t>
  </si>
  <si>
    <t>cg00122851</t>
  </si>
  <si>
    <t>cg00123094</t>
  </si>
  <si>
    <t>cg00123512</t>
  </si>
  <si>
    <t>cg00125349</t>
  </si>
  <si>
    <t>cg00126636</t>
  </si>
  <si>
    <t>cg00130707</t>
  </si>
  <si>
    <t>cg00130819</t>
  </si>
  <si>
    <t>cg00131423</t>
  </si>
  <si>
    <t>cg00134934</t>
  </si>
  <si>
    <t>cg00138641</t>
  </si>
  <si>
    <t>cg00142450</t>
  </si>
  <si>
    <t>cg00145732</t>
  </si>
  <si>
    <t>cg00145955</t>
  </si>
  <si>
    <t>cg00146004</t>
  </si>
  <si>
    <t>cg00150245</t>
  </si>
  <si>
    <t>cg00152543</t>
  </si>
  <si>
    <t>cg00152942</t>
  </si>
  <si>
    <t>cg00153543</t>
  </si>
  <si>
    <t>cg00153919</t>
  </si>
  <si>
    <t>cg00158530</t>
  </si>
  <si>
    <t>cg00160027</t>
  </si>
  <si>
    <t>cg00160388</t>
  </si>
  <si>
    <t>cg00160777</t>
  </si>
  <si>
    <t>cg00161024</t>
  </si>
  <si>
    <t>cg00161345</t>
  </si>
  <si>
    <t>cg00162348</t>
  </si>
  <si>
    <t>cg00162611</t>
  </si>
  <si>
    <t>cg00162862</t>
  </si>
  <si>
    <t>cg00164641</t>
  </si>
  <si>
    <t>cg00169122</t>
  </si>
  <si>
    <t>cg00170620</t>
  </si>
  <si>
    <t>cg00175153</t>
  </si>
  <si>
    <t>cg00177211</t>
  </si>
  <si>
    <t>cg00178030</t>
  </si>
  <si>
    <t>cg00178359</t>
  </si>
  <si>
    <t>cg00181419</t>
  </si>
  <si>
    <t>cg00182202</t>
  </si>
  <si>
    <t>cg00182273</t>
  </si>
  <si>
    <t>cg00185122</t>
  </si>
  <si>
    <t>cg00188654</t>
  </si>
  <si>
    <t>cg00192220</t>
  </si>
  <si>
    <t>cg00192773</t>
  </si>
  <si>
    <t>cg00192856</t>
  </si>
  <si>
    <t>cg00199000</t>
  </si>
  <si>
    <t>cg00201196</t>
  </si>
  <si>
    <t>cg00202760</t>
  </si>
  <si>
    <t>cg00203035</t>
  </si>
  <si>
    <t>cg00205756</t>
  </si>
  <si>
    <t>cg00205786</t>
  </si>
  <si>
    <t>cg00206468</t>
  </si>
  <si>
    <t>cg00207873</t>
  </si>
  <si>
    <t>cg00209206</t>
  </si>
  <si>
    <t>cg00211086</t>
  </si>
  <si>
    <t>cg00211436</t>
  </si>
  <si>
    <t>cg00216061</t>
  </si>
  <si>
    <t>cg00216913</t>
  </si>
  <si>
    <t>cg00217171</t>
  </si>
  <si>
    <t>cg00225830</t>
  </si>
  <si>
    <t>cg00225858</t>
  </si>
  <si>
    <t>cg00227665</t>
  </si>
  <si>
    <t>cg00229868</t>
  </si>
  <si>
    <t>cg00231300</t>
  </si>
  <si>
    <t>cg00231389</t>
  </si>
  <si>
    <t>cg00232483</t>
  </si>
  <si>
    <t>cg00234855</t>
  </si>
  <si>
    <t>cg00241664</t>
  </si>
  <si>
    <t>cg00245635</t>
  </si>
  <si>
    <t>cg00247269</t>
  </si>
  <si>
    <t>cg00247963</t>
  </si>
  <si>
    <t>cg00249205</t>
  </si>
  <si>
    <t>cg00249264</t>
  </si>
  <si>
    <t>cg00251618</t>
  </si>
  <si>
    <t>cg00253339</t>
  </si>
  <si>
    <t>cg00255752</t>
  </si>
  <si>
    <t>cg00255799</t>
  </si>
  <si>
    <t>cg00256074</t>
  </si>
  <si>
    <t>cg00259097</t>
  </si>
  <si>
    <t>cg00260803</t>
  </si>
  <si>
    <t>cg00260883</t>
  </si>
  <si>
    <t>cg00263650</t>
  </si>
  <si>
    <t>cg00264236</t>
  </si>
  <si>
    <t>cg00264634</t>
  </si>
  <si>
    <t>cg00266579</t>
  </si>
  <si>
    <t>cg00268744</t>
  </si>
  <si>
    <t>cg00269416</t>
  </si>
  <si>
    <t>cg00269659</t>
  </si>
  <si>
    <t>cg00270311</t>
  </si>
  <si>
    <t>cg00270764</t>
  </si>
  <si>
    <t>cg00275103</t>
  </si>
  <si>
    <t>cg00277098</t>
  </si>
  <si>
    <t>cg00277685</t>
  </si>
  <si>
    <t>cg00278329</t>
  </si>
  <si>
    <t>cg00279557</t>
  </si>
  <si>
    <t>cg00287165</t>
  </si>
  <si>
    <t>cg00288844</t>
  </si>
  <si>
    <t>cg00293191</t>
  </si>
  <si>
    <t>cg00298919</t>
  </si>
  <si>
    <t>cg00300822</t>
  </si>
  <si>
    <t>cg00301018</t>
  </si>
  <si>
    <t>cg00303262</t>
  </si>
  <si>
    <t>cg00304646</t>
  </si>
  <si>
    <t>cg00305585</t>
  </si>
  <si>
    <t>cg00306578</t>
  </si>
  <si>
    <t>cg00307276</t>
  </si>
  <si>
    <t>cg00314966</t>
  </si>
  <si>
    <t>cg00318322</t>
  </si>
  <si>
    <t>cg00318436</t>
  </si>
  <si>
    <t>cg00319026</t>
  </si>
  <si>
    <t>cg00319595</t>
  </si>
  <si>
    <t>cg00320288</t>
  </si>
  <si>
    <t>cg00321149</t>
  </si>
  <si>
    <t>cg00327577</t>
  </si>
  <si>
    <t>cg00327947</t>
  </si>
  <si>
    <t>cg00329180</t>
  </si>
  <si>
    <t>cg00331210</t>
  </si>
  <si>
    <t>cg00332307</t>
  </si>
  <si>
    <t>cg00332509</t>
  </si>
  <si>
    <t>cg00332745</t>
  </si>
  <si>
    <t>cg00334507</t>
  </si>
  <si>
    <t>cg00335219</t>
  </si>
  <si>
    <t>cg00337553</t>
  </si>
  <si>
    <t>cg00339695</t>
  </si>
  <si>
    <t>cg00343063</t>
  </si>
  <si>
    <t>cg00343305</t>
  </si>
  <si>
    <t>cg00345344</t>
  </si>
  <si>
    <t>cg00346883</t>
  </si>
  <si>
    <t>cg00348389</t>
  </si>
  <si>
    <t>cg00348762</t>
  </si>
  <si>
    <t>cg00348858</t>
  </si>
  <si>
    <t>cg00350304</t>
  </si>
  <si>
    <t>cg00353643</t>
  </si>
  <si>
    <t>cg00354124</t>
  </si>
  <si>
    <t>cg00355690</t>
  </si>
  <si>
    <t>cg00355784</t>
  </si>
  <si>
    <t>cg00356208</t>
  </si>
  <si>
    <t>cg00358155</t>
  </si>
  <si>
    <t>cg00358278</t>
  </si>
  <si>
    <t>cg00364304</t>
  </si>
  <si>
    <t>cg00369126</t>
  </si>
  <si>
    <t>cg00370608</t>
  </si>
  <si>
    <t>cg00374078</t>
  </si>
  <si>
    <t>cg00374546</t>
  </si>
  <si>
    <t>cg00375157</t>
  </si>
  <si>
    <t>cg00376654</t>
  </si>
  <si>
    <t>cg00379107</t>
  </si>
  <si>
    <t>cg00379559</t>
  </si>
  <si>
    <t>cg00381054</t>
  </si>
  <si>
    <t>cg00381622</t>
  </si>
  <si>
    <t>cg00382053</t>
  </si>
  <si>
    <t>cg00385925</t>
  </si>
  <si>
    <t>cg00386663</t>
  </si>
  <si>
    <t>cg00387982</t>
  </si>
  <si>
    <t>cg00388987</t>
  </si>
  <si>
    <t>cg00394581</t>
  </si>
  <si>
    <t>cg00394823</t>
  </si>
  <si>
    <t>cg00396427</t>
  </si>
  <si>
    <t>cg00396699</t>
  </si>
  <si>
    <t>cg00396981</t>
  </si>
  <si>
    <t>cg00398420</t>
  </si>
  <si>
    <t>cg00399027</t>
  </si>
  <si>
    <t>cg00399107</t>
  </si>
  <si>
    <t>cg00399295</t>
  </si>
  <si>
    <t>cg00399807</t>
  </si>
  <si>
    <t>cg00400547</t>
  </si>
  <si>
    <t>cg00400987</t>
  </si>
  <si>
    <t>cg00401972</t>
  </si>
  <si>
    <t>cg00402956</t>
  </si>
  <si>
    <t>cg00405043</t>
  </si>
  <si>
    <t>cg00406621</t>
  </si>
  <si>
    <t>cg00406826</t>
  </si>
  <si>
    <t>cg00410534</t>
  </si>
  <si>
    <t>cg00411413</t>
  </si>
  <si>
    <t>cg00413250</t>
  </si>
  <si>
    <t>cg00414093</t>
  </si>
  <si>
    <t>cg00416945</t>
  </si>
  <si>
    <t>cg00417823</t>
  </si>
  <si>
    <t>cg00418927</t>
  </si>
  <si>
    <t>cg00419692</t>
  </si>
  <si>
    <t>cg00420361</t>
  </si>
  <si>
    <t>cg00420526</t>
  </si>
  <si>
    <t>cg00423443</t>
  </si>
  <si>
    <t>cg00425710</t>
  </si>
  <si>
    <t>cg00425764</t>
  </si>
  <si>
    <t>cg00427553</t>
  </si>
  <si>
    <t>cg00427604</t>
  </si>
  <si>
    <t>cg00427939</t>
  </si>
  <si>
    <t>cg00433159</t>
  </si>
  <si>
    <t>cg00435006</t>
  </si>
  <si>
    <t>cg00435408</t>
  </si>
  <si>
    <t>cg00437864</t>
  </si>
  <si>
    <t>cg00439318</t>
  </si>
  <si>
    <t>cg00443917</t>
  </si>
  <si>
    <t>cg00444059</t>
  </si>
  <si>
    <t>cg00447582</t>
  </si>
  <si>
    <t>cg00448235</t>
  </si>
  <si>
    <t>cg00448560</t>
  </si>
  <si>
    <t>cg00449929</t>
  </si>
  <si>
    <t>cg00451194</t>
  </si>
  <si>
    <t>cg00451635</t>
  </si>
  <si>
    <t>cg00453202</t>
  </si>
  <si>
    <t>cg00455216</t>
  </si>
  <si>
    <t>cg00462560</t>
  </si>
  <si>
    <t>cg00463011</t>
  </si>
  <si>
    <t>cg00463957</t>
  </si>
  <si>
    <t>cg00465277</t>
  </si>
  <si>
    <t>cg00468395</t>
  </si>
  <si>
    <t>cg00469757</t>
  </si>
  <si>
    <t>cg00470955</t>
  </si>
  <si>
    <t>cg00471989</t>
  </si>
  <si>
    <t>cg00472758</t>
  </si>
  <si>
    <t>cg00473769</t>
  </si>
  <si>
    <t>cg00474657</t>
  </si>
  <si>
    <t>cg00474713</t>
  </si>
  <si>
    <t>cg00479912</t>
  </si>
  <si>
    <t>cg00484206</t>
  </si>
  <si>
    <t>cg00484396</t>
  </si>
  <si>
    <t>cg00485296</t>
  </si>
  <si>
    <t>cg00486022</t>
  </si>
  <si>
    <t>cg00487155</t>
  </si>
  <si>
    <t>cg00487159</t>
  </si>
  <si>
    <t>cg00489485</t>
  </si>
  <si>
    <t>cg00489954</t>
  </si>
  <si>
    <t>cg00492309</t>
  </si>
  <si>
    <t>cg00493609</t>
  </si>
  <si>
    <t>cg00494521</t>
  </si>
  <si>
    <t>cg00496272</t>
  </si>
  <si>
    <t>cg00497735</t>
  </si>
  <si>
    <t>cg00498059</t>
  </si>
  <si>
    <t>cg00498392</t>
  </si>
  <si>
    <t>cg00500299</t>
  </si>
  <si>
    <t>cg00500428</t>
  </si>
  <si>
    <t>cg00500540</t>
  </si>
  <si>
    <t>cg00502026</t>
  </si>
  <si>
    <t>cg00502041</t>
  </si>
  <si>
    <t>cg00503804</t>
  </si>
  <si>
    <t>cg00504410</t>
  </si>
  <si>
    <t>cg00506590</t>
  </si>
  <si>
    <t>cg00506625</t>
  </si>
  <si>
    <t>cg00507823</t>
  </si>
  <si>
    <t>cg00508659</t>
  </si>
  <si>
    <t>cg00508851</t>
  </si>
  <si>
    <t>cg00510320</t>
  </si>
  <si>
    <t>cg00510447</t>
  </si>
  <si>
    <t>cg00511334</t>
  </si>
  <si>
    <t>cg00511475</t>
  </si>
  <si>
    <t>cg00512563</t>
  </si>
  <si>
    <t>cg00519320</t>
  </si>
  <si>
    <t>cg00519537</t>
  </si>
  <si>
    <t>cg00520247</t>
  </si>
  <si>
    <t>cg00523241</t>
  </si>
  <si>
    <t>cg00525011</t>
  </si>
  <si>
    <t>cg00526576</t>
  </si>
  <si>
    <t>cg00528616</t>
  </si>
  <si>
    <t>cg00530414</t>
  </si>
  <si>
    <t>cg00532824</t>
  </si>
  <si>
    <t>cg00534468</t>
  </si>
  <si>
    <t>cg00535248</t>
  </si>
  <si>
    <t>cg00542139</t>
  </si>
  <si>
    <t>cg00543632</t>
  </si>
  <si>
    <t>cg00547444</t>
  </si>
  <si>
    <t>cg00547530</t>
  </si>
  <si>
    <t>cg00548098</t>
  </si>
  <si>
    <t>cg00549064</t>
  </si>
  <si>
    <t>cg00549561</t>
  </si>
  <si>
    <t>cg00549988</t>
  </si>
  <si>
    <t>cg00550616</t>
  </si>
  <si>
    <t>cg00550797</t>
  </si>
  <si>
    <t>cg00551589</t>
  </si>
  <si>
    <t>cg00551654</t>
  </si>
  <si>
    <t>cg00559919</t>
  </si>
  <si>
    <t>cg00561081</t>
  </si>
  <si>
    <t>cg00564555</t>
  </si>
  <si>
    <t>cg00572323</t>
  </si>
  <si>
    <t>cg00573235</t>
  </si>
  <si>
    <t>cg00573835</t>
  </si>
  <si>
    <t>cg00574917</t>
  </si>
  <si>
    <t>cg00575903</t>
  </si>
  <si>
    <t>cg00579794</t>
  </si>
  <si>
    <t>cg00582308</t>
  </si>
  <si>
    <t>cg00583733</t>
  </si>
  <si>
    <t>cg00584594</t>
  </si>
  <si>
    <t>cg00585033</t>
  </si>
  <si>
    <t>cg00585776</t>
  </si>
  <si>
    <t>cg00586623</t>
  </si>
  <si>
    <t>cg00588853</t>
  </si>
  <si>
    <t>cg00589006</t>
  </si>
  <si>
    <t>cg00589283</t>
  </si>
  <si>
    <t>cg00590139</t>
  </si>
  <si>
    <t>cg00591660</t>
  </si>
  <si>
    <t>cg00592151</t>
  </si>
  <si>
    <t>cg00593111</t>
  </si>
  <si>
    <t>cg00594148</t>
  </si>
  <si>
    <t>cg00595197</t>
  </si>
  <si>
    <t>cg00597366</t>
  </si>
  <si>
    <t>cg00597602</t>
  </si>
  <si>
    <t>cg00599124</t>
  </si>
  <si>
    <t>cg00600033</t>
  </si>
  <si>
    <t>cg00602726</t>
  </si>
  <si>
    <t>cg00605988</t>
  </si>
  <si>
    <t>cg00606102</t>
  </si>
  <si>
    <t>cg00607627</t>
  </si>
  <si>
    <t>cg00607630</t>
  </si>
  <si>
    <t>cg00612107</t>
  </si>
  <si>
    <t>cg00612508</t>
  </si>
  <si>
    <t>cg00616922</t>
  </si>
  <si>
    <t>cg00618711</t>
  </si>
  <si>
    <t>cg00620976</t>
  </si>
  <si>
    <t>cg00621407</t>
  </si>
  <si>
    <t>cg00622128</t>
  </si>
  <si>
    <t>cg00622166</t>
  </si>
  <si>
    <t>cg00623111</t>
  </si>
  <si>
    <t>cg00624410</t>
  </si>
  <si>
    <t>cg00624440</t>
  </si>
  <si>
    <t>cg00624737</t>
  </si>
  <si>
    <t>cg00629102</t>
  </si>
  <si>
    <t>cg00630080</t>
  </si>
  <si>
    <t>cg00632549</t>
  </si>
  <si>
    <t>cg00634238</t>
  </si>
  <si>
    <t>cg00636508</t>
  </si>
  <si>
    <t>cg00637230</t>
  </si>
  <si>
    <t>cg00639215</t>
  </si>
  <si>
    <t>cg00640719</t>
  </si>
  <si>
    <t>cg00641052</t>
  </si>
  <si>
    <t>cg00642177</t>
  </si>
  <si>
    <t>cg00643876</t>
  </si>
  <si>
    <t>cg00644103</t>
  </si>
  <si>
    <t>cg00647220</t>
  </si>
  <si>
    <t>cg00647720</t>
  </si>
  <si>
    <t>cg00649632</t>
  </si>
  <si>
    <t>cg00652027</t>
  </si>
  <si>
    <t>cg00653025</t>
  </si>
  <si>
    <t>cg00653997</t>
  </si>
  <si>
    <t>cg00655412</t>
  </si>
  <si>
    <t>cg00657810</t>
  </si>
  <si>
    <t>cg00658411</t>
  </si>
  <si>
    <t>cg00659953</t>
  </si>
  <si>
    <t>cg00662273</t>
  </si>
  <si>
    <t>cg00662400</t>
  </si>
  <si>
    <t>cg00664454</t>
  </si>
  <si>
    <t>cg00667360</t>
  </si>
  <si>
    <t>cg00669918</t>
  </si>
  <si>
    <t>cg00671386</t>
  </si>
  <si>
    <t>cg00671823</t>
  </si>
  <si>
    <t>cg00673109</t>
  </si>
  <si>
    <t>cg00673189</t>
  </si>
  <si>
    <t>cg00674265</t>
  </si>
  <si>
    <t>cg00675737</t>
  </si>
  <si>
    <t>cg00676925</t>
  </si>
  <si>
    <t>cg00676934</t>
  </si>
  <si>
    <t>cg00677407</t>
  </si>
  <si>
    <t>cg00679281</t>
  </si>
  <si>
    <t>cg00680827</t>
  </si>
  <si>
    <t>cg00681513</t>
  </si>
  <si>
    <t>cg00684043</t>
  </si>
  <si>
    <t>cg00687444</t>
  </si>
  <si>
    <t>cg00687447</t>
  </si>
  <si>
    <t>cg00687686</t>
  </si>
  <si>
    <t>cg00692933</t>
  </si>
  <si>
    <t>cg00693240</t>
  </si>
  <si>
    <t>cg00695943</t>
  </si>
  <si>
    <t>cg00696567</t>
  </si>
  <si>
    <t>cg00698535</t>
  </si>
  <si>
    <t>cg00699419</t>
  </si>
  <si>
    <t>cg00699901</t>
  </si>
  <si>
    <t>cg00701890</t>
  </si>
  <si>
    <t>cg00703898</t>
  </si>
  <si>
    <t>cg00705851</t>
  </si>
  <si>
    <t>cg00707134</t>
  </si>
  <si>
    <t>cg00707445</t>
  </si>
  <si>
    <t>cg00710506</t>
  </si>
  <si>
    <t>cg00712280</t>
  </si>
  <si>
    <t>cg00715696</t>
  </si>
  <si>
    <t>cg00717364</t>
  </si>
  <si>
    <t>cg00718541</t>
  </si>
  <si>
    <t>cg00720137</t>
  </si>
  <si>
    <t>cg00720707</t>
  </si>
  <si>
    <t>cg00728317</t>
  </si>
  <si>
    <t>cg00729269</t>
  </si>
  <si>
    <t>cg00729475</t>
  </si>
  <si>
    <t>cg00730100</t>
  </si>
  <si>
    <t>cg00730373</t>
  </si>
  <si>
    <t>cg00732098</t>
  </si>
  <si>
    <t>cg00733604</t>
  </si>
  <si>
    <t>cg00733722</t>
  </si>
  <si>
    <t>cg00735744</t>
  </si>
  <si>
    <t>cg00736406</t>
  </si>
  <si>
    <t>cg00738113</t>
  </si>
  <si>
    <t>cg00738897</t>
  </si>
  <si>
    <t>cg00739608</t>
  </si>
  <si>
    <t>cg00741945</t>
  </si>
  <si>
    <t>cg00741992</t>
  </si>
  <si>
    <t>cg00747160</t>
  </si>
  <si>
    <t>cg00747661</t>
  </si>
  <si>
    <t>cg00747944</t>
  </si>
  <si>
    <t>cg00748640</t>
  </si>
  <si>
    <t>cg00750307</t>
  </si>
  <si>
    <t>cg00751100</t>
  </si>
  <si>
    <t>cg00753286</t>
  </si>
  <si>
    <t>cg00753714</t>
  </si>
  <si>
    <t>cg00753747</t>
  </si>
  <si>
    <t>cg00756062</t>
  </si>
  <si>
    <t>cg00756448</t>
  </si>
  <si>
    <t>cg00759803</t>
  </si>
  <si>
    <t>cg00761126</t>
  </si>
  <si>
    <t>cg00762678</t>
  </si>
  <si>
    <t>cg00765635</t>
  </si>
  <si>
    <t>cg00767069</t>
  </si>
  <si>
    <t>cg00767503</t>
  </si>
  <si>
    <t>cg00769251</t>
  </si>
  <si>
    <t>cg00771593</t>
  </si>
  <si>
    <t>cg00771935</t>
  </si>
  <si>
    <t>cg00774538</t>
  </si>
  <si>
    <t>cg00776252</t>
  </si>
  <si>
    <t>cg00781388</t>
  </si>
  <si>
    <t>cg00782163</t>
  </si>
  <si>
    <t>cg00782188</t>
  </si>
  <si>
    <t>cg00782355</t>
  </si>
  <si>
    <t>cg00785042</t>
  </si>
  <si>
    <t>cg00787574</t>
  </si>
  <si>
    <t>cg00789347</t>
  </si>
  <si>
    <t>cg00789394</t>
  </si>
  <si>
    <t>cg00792022</t>
  </si>
  <si>
    <t>cg00793562</t>
  </si>
  <si>
    <t>cg00794055</t>
  </si>
  <si>
    <t>cg00794641</t>
  </si>
  <si>
    <t>cg00796866</t>
  </si>
  <si>
    <t>cg00806056</t>
  </si>
  <si>
    <t>cg00806259</t>
  </si>
  <si>
    <t>cg00806490</t>
  </si>
  <si>
    <t>cg00808086</t>
  </si>
  <si>
    <t>cg00813191</t>
  </si>
  <si>
    <t>cg00814476</t>
  </si>
  <si>
    <t>cg00816080</t>
  </si>
  <si>
    <t>cg00816177</t>
  </si>
  <si>
    <t>cg00820171</t>
  </si>
  <si>
    <t>cg00822607</t>
  </si>
  <si>
    <t>cg00825967</t>
  </si>
  <si>
    <t>cg00829600</t>
  </si>
  <si>
    <t>cg00830444</t>
  </si>
  <si>
    <t>cg00833562</t>
  </si>
  <si>
    <t>cg00833703</t>
  </si>
  <si>
    <t>cg00833777</t>
  </si>
  <si>
    <t>cg00834923</t>
  </si>
  <si>
    <t>cg00835521</t>
  </si>
  <si>
    <t>cg00835612</t>
  </si>
  <si>
    <t>cg00837308</t>
  </si>
  <si>
    <t>cg00837734</t>
  </si>
  <si>
    <t>cg00840270</t>
  </si>
  <si>
    <t>cg00840403</t>
  </si>
  <si>
    <t>cg00843885</t>
  </si>
  <si>
    <t>cg00846502</t>
  </si>
  <si>
    <t>cg00847301</t>
  </si>
  <si>
    <t>cg00848245</t>
  </si>
  <si>
    <t>cg00849365</t>
  </si>
  <si>
    <t>cg00852033</t>
  </si>
  <si>
    <t>cg00854392</t>
  </si>
  <si>
    <t>cg00854637</t>
  </si>
  <si>
    <t>cg00857419</t>
  </si>
  <si>
    <t>cg00858400</t>
  </si>
  <si>
    <t>cg00861635</t>
  </si>
  <si>
    <t>cg00863397</t>
  </si>
  <si>
    <t>cg00863661</t>
  </si>
  <si>
    <t>cg00864691</t>
  </si>
  <si>
    <t>cg00865118</t>
  </si>
  <si>
    <t>cg00866531</t>
  </si>
  <si>
    <t>cg00866541</t>
  </si>
  <si>
    <t>cg00868074</t>
  </si>
  <si>
    <t>cg00872104</t>
  </si>
  <si>
    <t>cg00872932</t>
  </si>
  <si>
    <t>cg00876127</t>
  </si>
  <si>
    <t>cg00876678</t>
  </si>
  <si>
    <t>cg00879206</t>
  </si>
  <si>
    <t>cg00882451</t>
  </si>
  <si>
    <t>cg00883190</t>
  </si>
  <si>
    <t>cg00884173</t>
  </si>
  <si>
    <t>cg00885682</t>
  </si>
  <si>
    <t>cg00887602</t>
  </si>
  <si>
    <t>cg00897221</t>
  </si>
  <si>
    <t>cg00899855</t>
  </si>
  <si>
    <t>cg00902849</t>
  </si>
  <si>
    <t>cg00904273</t>
  </si>
  <si>
    <t>cg00904786</t>
  </si>
  <si>
    <t>cg00905101</t>
  </si>
  <si>
    <t>cg00905420</t>
  </si>
  <si>
    <t>cg00908271</t>
  </si>
  <si>
    <t>cg00908828</t>
  </si>
  <si>
    <t>cg00911267</t>
  </si>
  <si>
    <t>cg00912407</t>
  </si>
  <si>
    <t>cg00913556</t>
  </si>
  <si>
    <t>cg00914902</t>
  </si>
  <si>
    <t>cg00915858</t>
  </si>
  <si>
    <t>cg00915974</t>
  </si>
  <si>
    <t>cg00917156</t>
  </si>
  <si>
    <t>cg00917569</t>
  </si>
  <si>
    <t>cg00921350</t>
  </si>
  <si>
    <t>cg00921934</t>
  </si>
  <si>
    <t>cg00925950</t>
  </si>
  <si>
    <t>cg00928795</t>
  </si>
  <si>
    <t>cg00931491</t>
  </si>
  <si>
    <t>cg00931520</t>
  </si>
  <si>
    <t>cg00933210</t>
  </si>
  <si>
    <t>cg00935108</t>
  </si>
  <si>
    <t>cg00935421</t>
  </si>
  <si>
    <t>cg00936187</t>
  </si>
  <si>
    <t>cg00936733</t>
  </si>
  <si>
    <t>cg00938266</t>
  </si>
  <si>
    <t>cg00939627</t>
  </si>
  <si>
    <t>cg00940248</t>
  </si>
  <si>
    <t>cg00941419</t>
  </si>
  <si>
    <t>cg00942293</t>
  </si>
  <si>
    <t>cg00944001</t>
  </si>
  <si>
    <t>cg00944388</t>
  </si>
  <si>
    <t>cg00946381</t>
  </si>
  <si>
    <t>cg00948047</t>
  </si>
  <si>
    <t>cg00948274</t>
  </si>
  <si>
    <t>cg00948520</t>
  </si>
  <si>
    <t>cg00950846</t>
  </si>
  <si>
    <t>cg00952706</t>
  </si>
  <si>
    <t>cg00956244</t>
  </si>
  <si>
    <t>cg00960209</t>
  </si>
  <si>
    <t>cg00960790</t>
  </si>
  <si>
    <t>cg00961616</t>
  </si>
  <si>
    <t>cg00965203</t>
  </si>
  <si>
    <t>cg00965204</t>
  </si>
  <si>
    <t>cg00966077</t>
  </si>
  <si>
    <t>cg00966255</t>
  </si>
  <si>
    <t>cg00970984</t>
  </si>
  <si>
    <t>cg00973118</t>
  </si>
  <si>
    <t>cg00973322</t>
  </si>
  <si>
    <t>cg00974523</t>
  </si>
  <si>
    <t>cg00974579</t>
  </si>
  <si>
    <t>cg00976157</t>
  </si>
  <si>
    <t>cg00976532</t>
  </si>
  <si>
    <t>cg00979553</t>
  </si>
  <si>
    <t>cg00981357</t>
  </si>
  <si>
    <t>cg00981594</t>
  </si>
  <si>
    <t>cg00982312</t>
  </si>
  <si>
    <t>cg00991179</t>
  </si>
  <si>
    <t>cg00991192</t>
  </si>
  <si>
    <t>cg00991447</t>
  </si>
  <si>
    <t>cg00992207</t>
  </si>
  <si>
    <t>cg00994306</t>
  </si>
  <si>
    <t>cg00994587</t>
  </si>
  <si>
    <t>cg00997262</t>
  </si>
  <si>
    <t>cg00998410</t>
  </si>
  <si>
    <t>cg01001049</t>
  </si>
  <si>
    <t>cg01004682</t>
  </si>
  <si>
    <t>cg01005350</t>
  </si>
  <si>
    <t>cg01005439</t>
  </si>
  <si>
    <t>cg01005517</t>
  </si>
  <si>
    <t>cg01005536</t>
  </si>
  <si>
    <t>cg01005937</t>
  </si>
  <si>
    <t>cg01007737</t>
  </si>
  <si>
    <t>cg01007828</t>
  </si>
  <si>
    <t>cg01007838</t>
  </si>
  <si>
    <t>cg01009290</t>
  </si>
  <si>
    <t>cg01009486</t>
  </si>
  <si>
    <t>cg01010931</t>
  </si>
  <si>
    <t>cg01011054</t>
  </si>
  <si>
    <t>cg01011769</t>
  </si>
  <si>
    <t>cg01013595</t>
  </si>
  <si>
    <t>cg01015003</t>
  </si>
  <si>
    <t>cg01015871</t>
  </si>
  <si>
    <t>cg01016459</t>
  </si>
  <si>
    <t>cg01016533</t>
  </si>
  <si>
    <t>cg01016592</t>
  </si>
  <si>
    <t>cg01016699</t>
  </si>
  <si>
    <t>cg01020263</t>
  </si>
  <si>
    <t>cg01020774</t>
  </si>
  <si>
    <t>cg01023703</t>
  </si>
  <si>
    <t>cg01025842</t>
  </si>
  <si>
    <t>cg01025883</t>
  </si>
  <si>
    <t>cg01027010</t>
  </si>
  <si>
    <t>cg01028920</t>
  </si>
  <si>
    <t>cg01031475</t>
  </si>
  <si>
    <t>cg01033642</t>
  </si>
  <si>
    <t>cg01034251</t>
  </si>
  <si>
    <t>cg01034813</t>
  </si>
  <si>
    <t>cg01035013</t>
  </si>
  <si>
    <t>cg01037823</t>
  </si>
  <si>
    <t>cg01042640</t>
  </si>
  <si>
    <t>cg01046376</t>
  </si>
  <si>
    <t>cg01050225</t>
  </si>
  <si>
    <t>cg01052512</t>
  </si>
  <si>
    <t>cg01055281</t>
  </si>
  <si>
    <t>cg01057287</t>
  </si>
  <si>
    <t>cg01059100</t>
  </si>
  <si>
    <t>cg01060938</t>
  </si>
  <si>
    <t>cg01062691</t>
  </si>
  <si>
    <t>cg01063076</t>
  </si>
  <si>
    <t>cg01067137</t>
  </si>
  <si>
    <t>cg01068823</t>
  </si>
  <si>
    <t>cg01070095</t>
  </si>
  <si>
    <t>cg01072388</t>
  </si>
  <si>
    <t>cg01073479</t>
  </si>
  <si>
    <t>cg01073575</t>
  </si>
  <si>
    <t>cg01074001</t>
  </si>
  <si>
    <t>cg01076272</t>
  </si>
  <si>
    <t>cg01079242</t>
  </si>
  <si>
    <t>cg01079632</t>
  </si>
  <si>
    <t>cg01081079</t>
  </si>
  <si>
    <t>cg01081883</t>
  </si>
  <si>
    <t>cg01083131</t>
  </si>
  <si>
    <t>cg01084435</t>
  </si>
  <si>
    <t>cg01084990</t>
  </si>
  <si>
    <t>cg01085216</t>
  </si>
  <si>
    <t>cg01087710</t>
  </si>
  <si>
    <t>cg01087869</t>
  </si>
  <si>
    <t>cg01090433</t>
  </si>
  <si>
    <t>cg01092250</t>
  </si>
  <si>
    <t>cg01093395</t>
  </si>
  <si>
    <t>cg01093800</t>
  </si>
  <si>
    <t>cg01093938</t>
  </si>
  <si>
    <t>cg01095819</t>
  </si>
  <si>
    <t>cg01100208</t>
  </si>
  <si>
    <t>cg01100784</t>
  </si>
  <si>
    <t>cg01103443</t>
  </si>
  <si>
    <t>cg01106303</t>
  </si>
  <si>
    <t>cg01108445</t>
  </si>
  <si>
    <t>cg01109243</t>
  </si>
  <si>
    <t>cg01109535</t>
  </si>
  <si>
    <t>cg01110846</t>
  </si>
  <si>
    <t>cg01111093</t>
  </si>
  <si>
    <t>cg01114989</t>
  </si>
  <si>
    <t>cg01115243</t>
  </si>
  <si>
    <t>cg01115732</t>
  </si>
  <si>
    <t>cg01115923</t>
  </si>
  <si>
    <t>cg01117621</t>
  </si>
  <si>
    <t>cg01118026</t>
  </si>
  <si>
    <t>cg01118031</t>
  </si>
  <si>
    <t>cg01119072</t>
  </si>
  <si>
    <t>cg01122415</t>
  </si>
  <si>
    <t>cg01127059</t>
  </si>
  <si>
    <t>cg01127994</t>
  </si>
  <si>
    <t>cg01129951</t>
  </si>
  <si>
    <t>cg01130092</t>
  </si>
  <si>
    <t>cg01131625</t>
  </si>
  <si>
    <t>cg01132598</t>
  </si>
  <si>
    <t>cg01135315</t>
  </si>
  <si>
    <t>cg01135754</t>
  </si>
  <si>
    <t>cg01136471</t>
  </si>
  <si>
    <t>cg01137737</t>
  </si>
  <si>
    <t>cg01140006</t>
  </si>
  <si>
    <t>cg01142596</t>
  </si>
  <si>
    <t>cg01144086</t>
  </si>
  <si>
    <t>cg01144225</t>
  </si>
  <si>
    <t>cg01144592</t>
  </si>
  <si>
    <t>cg01145317</t>
  </si>
  <si>
    <t>cg01145364</t>
  </si>
  <si>
    <t>cg01146232</t>
  </si>
  <si>
    <t>cg01148073</t>
  </si>
  <si>
    <t>cg01149053</t>
  </si>
  <si>
    <t>cg01150936</t>
  </si>
  <si>
    <t>cg01151840</t>
  </si>
  <si>
    <t>cg01153186</t>
  </si>
  <si>
    <t>cg01155522</t>
  </si>
  <si>
    <t>cg01157559</t>
  </si>
  <si>
    <t>cg01160998</t>
  </si>
  <si>
    <t>cg01161216</t>
  </si>
  <si>
    <t>cg01161644</t>
  </si>
  <si>
    <t>cg01162507</t>
  </si>
  <si>
    <t>cg01163071</t>
  </si>
  <si>
    <t>cg01165142</t>
  </si>
  <si>
    <t>cg01165297</t>
  </si>
  <si>
    <t>cg01165575</t>
  </si>
  <si>
    <t>cg01167578</t>
  </si>
  <si>
    <t>cg01172150</t>
  </si>
  <si>
    <t>cg01173978</t>
  </si>
  <si>
    <t>cg01174085</t>
  </si>
  <si>
    <t>cg01174674</t>
  </si>
  <si>
    <t>cg01174752</t>
  </si>
  <si>
    <t>cg01174786</t>
  </si>
  <si>
    <t>cg01177854</t>
  </si>
  <si>
    <t>cg01180236</t>
  </si>
  <si>
    <t>cg01180268</t>
  </si>
  <si>
    <t>cg01180552</t>
  </si>
  <si>
    <t>cg01181758</t>
  </si>
  <si>
    <t>cg01182159</t>
  </si>
  <si>
    <t>cg01182620</t>
  </si>
  <si>
    <t>cg01184520</t>
  </si>
  <si>
    <t>cg01186217</t>
  </si>
  <si>
    <t>cg01190915</t>
  </si>
  <si>
    <t>cg01191774</t>
  </si>
  <si>
    <t>cg01195246</t>
  </si>
  <si>
    <t>cg01196950</t>
  </si>
  <si>
    <t>cg01199647</t>
  </si>
  <si>
    <t>cg01201399</t>
  </si>
  <si>
    <t>cg01201782</t>
  </si>
  <si>
    <t>cg01202521</t>
  </si>
  <si>
    <t>cg01203113</t>
  </si>
  <si>
    <t>cg01204058</t>
  </si>
  <si>
    <t>cg01207490</t>
  </si>
  <si>
    <t>cg01209599</t>
  </si>
  <si>
    <t>cg01210622</t>
  </si>
  <si>
    <t>cg01212978</t>
  </si>
  <si>
    <t>cg01215511</t>
  </si>
  <si>
    <t>cg01216679</t>
  </si>
  <si>
    <t>cg01218371</t>
  </si>
  <si>
    <t>cg01220134</t>
  </si>
  <si>
    <t>cg01221157</t>
  </si>
  <si>
    <t>cg01223135</t>
  </si>
  <si>
    <t>cg01223225</t>
  </si>
  <si>
    <t>cg01223986</t>
  </si>
  <si>
    <t>cg01224313</t>
  </si>
  <si>
    <t>cg01225838</t>
  </si>
  <si>
    <t>cg01229421</t>
  </si>
  <si>
    <t>cg01230254</t>
  </si>
  <si>
    <t>cg01231434</t>
  </si>
  <si>
    <t>cg01232206</t>
  </si>
  <si>
    <t>cg01238858</t>
  </si>
  <si>
    <t>cg01239870</t>
  </si>
  <si>
    <t>cg01243823</t>
  </si>
  <si>
    <t>cg01244128</t>
  </si>
  <si>
    <t>cg01248801</t>
  </si>
  <si>
    <t>cg01250138</t>
  </si>
  <si>
    <t>cg01257601</t>
  </si>
  <si>
    <t>cg01261086</t>
  </si>
  <si>
    <t>cg01262566</t>
  </si>
  <si>
    <t>cg01262865</t>
  </si>
  <si>
    <t>cg01263575</t>
  </si>
  <si>
    <t>cg01264729</t>
  </si>
  <si>
    <t>cg01266287</t>
  </si>
  <si>
    <t>cg01267165</t>
  </si>
  <si>
    <t>cg01269511</t>
  </si>
  <si>
    <t>cg01270736</t>
  </si>
  <si>
    <t>cg01271982</t>
  </si>
  <si>
    <t>cg01273991</t>
  </si>
  <si>
    <t>cg01275133</t>
  </si>
  <si>
    <t>cg01278564</t>
  </si>
  <si>
    <t>cg01278797</t>
  </si>
  <si>
    <t>cg01279843</t>
  </si>
  <si>
    <t>cg01281038</t>
  </si>
  <si>
    <t>cg01283141</t>
  </si>
  <si>
    <t>cg01286935</t>
  </si>
  <si>
    <t>cg01287707</t>
  </si>
  <si>
    <t>cg01290754</t>
  </si>
  <si>
    <t>cg01291010</t>
  </si>
  <si>
    <t>cg01296593</t>
  </si>
  <si>
    <t>cg01298029</t>
  </si>
  <si>
    <t>cg01298102</t>
  </si>
  <si>
    <t>cg01298987</t>
  </si>
  <si>
    <t>cg01301138</t>
  </si>
  <si>
    <t>cg01301935</t>
  </si>
  <si>
    <t>cg01302201</t>
  </si>
  <si>
    <t>cg01304894</t>
  </si>
  <si>
    <t>cg01304993</t>
  </si>
  <si>
    <t>cg01306747</t>
  </si>
  <si>
    <t>cg01306801</t>
  </si>
  <si>
    <t>cg01311051</t>
  </si>
  <si>
    <t>cg01311995</t>
  </si>
  <si>
    <t>cg01312445</t>
  </si>
  <si>
    <t>cg01312837</t>
  </si>
  <si>
    <t>cg01313904</t>
  </si>
  <si>
    <t>cg01317045</t>
  </si>
  <si>
    <t>cg01318823</t>
  </si>
  <si>
    <t>cg01320218</t>
  </si>
  <si>
    <t>cg01321034</t>
  </si>
  <si>
    <t>cg01321158</t>
  </si>
  <si>
    <t>cg01323840</t>
  </si>
  <si>
    <t>cg01324548</t>
  </si>
  <si>
    <t>cg01324802</t>
  </si>
  <si>
    <t>cg01325465</t>
  </si>
  <si>
    <t>cg01327474</t>
  </si>
  <si>
    <t>cg01328190</t>
  </si>
  <si>
    <t>cg01328416</t>
  </si>
  <si>
    <t>cg01330954</t>
  </si>
  <si>
    <t>cg01332403</t>
  </si>
  <si>
    <t>cg01332683</t>
  </si>
  <si>
    <t>cg01333824</t>
  </si>
  <si>
    <t>cg01335980</t>
  </si>
  <si>
    <t>cg01337795</t>
  </si>
  <si>
    <t>cg01338430</t>
  </si>
  <si>
    <t>cg01344518</t>
  </si>
  <si>
    <t>cg01346748</t>
  </si>
  <si>
    <t>cg01347752</t>
  </si>
  <si>
    <t>cg01350330</t>
  </si>
  <si>
    <t>cg01350934</t>
  </si>
  <si>
    <t>cg01350996</t>
  </si>
  <si>
    <t>cg01351032</t>
  </si>
  <si>
    <t>cg01351992</t>
  </si>
  <si>
    <t>cg01352090</t>
  </si>
  <si>
    <t>cg01353073</t>
  </si>
  <si>
    <t>cg01353586</t>
  </si>
  <si>
    <t>cg01355753</t>
  </si>
  <si>
    <t>cg01356044</t>
  </si>
  <si>
    <t>cg01356131</t>
  </si>
  <si>
    <t>cg01356981</t>
  </si>
  <si>
    <t>cg01357234</t>
  </si>
  <si>
    <t>cg01365766</t>
  </si>
  <si>
    <t>cg01366670</t>
  </si>
  <si>
    <t>cg01368674</t>
  </si>
  <si>
    <t>cg01369341</t>
  </si>
  <si>
    <t>cg01369689</t>
  </si>
  <si>
    <t>cg01371233</t>
  </si>
  <si>
    <t>cg01372083</t>
  </si>
  <si>
    <t>cg01372811</t>
  </si>
  <si>
    <t>cg01375172</t>
  </si>
  <si>
    <t>cg01376763</t>
  </si>
  <si>
    <t>cg01377523</t>
  </si>
  <si>
    <t>cg01377916</t>
  </si>
  <si>
    <t>cg01378158</t>
  </si>
  <si>
    <t>cg01378995</t>
  </si>
  <si>
    <t>cg01379825</t>
  </si>
  <si>
    <t>cg01380373</t>
  </si>
  <si>
    <t>cg01382072</t>
  </si>
  <si>
    <t>cg01383486</t>
  </si>
  <si>
    <t>cg01383799</t>
  </si>
  <si>
    <t>cg01385438</t>
  </si>
  <si>
    <t>cg01385708</t>
  </si>
  <si>
    <t>cg01386121</t>
  </si>
  <si>
    <t>cg01387771</t>
  </si>
  <si>
    <t>cg01389428</t>
  </si>
  <si>
    <t>cg01390564</t>
  </si>
  <si>
    <t>cg01391280</t>
  </si>
  <si>
    <t>cg01392867</t>
  </si>
  <si>
    <t>cg01393115</t>
  </si>
  <si>
    <t>cg01397449</t>
  </si>
  <si>
    <t>cg01403103</t>
  </si>
  <si>
    <t>cg01403532</t>
  </si>
  <si>
    <t>cg01404163</t>
  </si>
  <si>
    <t>cg01404893</t>
  </si>
  <si>
    <t>cg01406317</t>
  </si>
  <si>
    <t>cg01407406</t>
  </si>
  <si>
    <t>cg01408432</t>
  </si>
  <si>
    <t>cg01410772</t>
  </si>
  <si>
    <t>cg01412856</t>
  </si>
  <si>
    <t>cg01421548</t>
  </si>
  <si>
    <t>cg01422009</t>
  </si>
  <si>
    <t>cg01425762</t>
  </si>
  <si>
    <t>cg01426968</t>
  </si>
  <si>
    <t>cg01429635</t>
  </si>
  <si>
    <t>cg01432878</t>
  </si>
  <si>
    <t>cg01433677</t>
  </si>
  <si>
    <t>cg01433913</t>
  </si>
  <si>
    <t>cg01434694</t>
  </si>
  <si>
    <t>cg01436315</t>
  </si>
  <si>
    <t>cg01439753</t>
  </si>
  <si>
    <t>cg01440070</t>
  </si>
  <si>
    <t>cg01442398</t>
  </si>
  <si>
    <t>cg01443318</t>
  </si>
  <si>
    <t>cg01443630</t>
  </si>
  <si>
    <t>cg01444579</t>
  </si>
  <si>
    <t>cg01444849</t>
  </si>
  <si>
    <t>cg01445100</t>
  </si>
  <si>
    <t>cg01448132</t>
  </si>
  <si>
    <t>cg01449064</t>
  </si>
  <si>
    <t>cg01449415</t>
  </si>
  <si>
    <t>cg01450228</t>
  </si>
  <si>
    <t>cg01450896</t>
  </si>
  <si>
    <t>cg01453111</t>
  </si>
  <si>
    <t>cg01455766</t>
  </si>
  <si>
    <t>cg01456151</t>
  </si>
  <si>
    <t>cg01456572</t>
  </si>
  <si>
    <t>cg01457653</t>
  </si>
  <si>
    <t>cg01459033</t>
  </si>
  <si>
    <t>cg01459962</t>
  </si>
  <si>
    <t>cg01460202</t>
  </si>
  <si>
    <t>cg01462036</t>
  </si>
  <si>
    <t>cg01463644</t>
  </si>
  <si>
    <t>cg01468711</t>
  </si>
  <si>
    <t>cg01468907</t>
  </si>
  <si>
    <t>cg01469715</t>
  </si>
  <si>
    <t>cg01469719</t>
  </si>
  <si>
    <t>cg01472075</t>
  </si>
  <si>
    <t>cg01472317</t>
  </si>
  <si>
    <t>cg01473336</t>
  </si>
  <si>
    <t>cg01476003</t>
  </si>
  <si>
    <t>cg01476569</t>
  </si>
  <si>
    <t>cg01479473</t>
  </si>
  <si>
    <t>cg01489926</t>
  </si>
  <si>
    <t>cg01490663</t>
  </si>
  <si>
    <t>cg01492170</t>
  </si>
  <si>
    <t>cg01493020</t>
  </si>
  <si>
    <t>cg01494399</t>
  </si>
  <si>
    <t>cg01495379</t>
  </si>
  <si>
    <t>cg01498134</t>
  </si>
  <si>
    <t>cg01498700</t>
  </si>
  <si>
    <t>cg01500115</t>
  </si>
  <si>
    <t>cg01500402</t>
  </si>
  <si>
    <t>cg01502811</t>
  </si>
  <si>
    <t>cg01503740</t>
  </si>
  <si>
    <t>cg01511166</t>
  </si>
  <si>
    <t>cg01511534</t>
  </si>
  <si>
    <t>cg01511806</t>
  </si>
  <si>
    <t>cg01514341</t>
  </si>
  <si>
    <t>cg01517185</t>
  </si>
  <si>
    <t>cg01518259</t>
  </si>
  <si>
    <t>cg01519584</t>
  </si>
  <si>
    <t>cg01522083</t>
  </si>
  <si>
    <t>cg01522095</t>
  </si>
  <si>
    <t>cg01527136</t>
  </si>
  <si>
    <t>cg01530687</t>
  </si>
  <si>
    <t>cg01536668</t>
  </si>
  <si>
    <t>cg01538731</t>
  </si>
  <si>
    <t>cg01541600</t>
  </si>
  <si>
    <t>cg01543603</t>
  </si>
  <si>
    <t>cg01546963</t>
  </si>
  <si>
    <t>cg01548199</t>
  </si>
  <si>
    <t>cg01548742</t>
  </si>
  <si>
    <t>cg01548889</t>
  </si>
  <si>
    <t>cg01549404</t>
  </si>
  <si>
    <t>cg01549929</t>
  </si>
  <si>
    <t>cg01550144</t>
  </si>
  <si>
    <t>cg01552504</t>
  </si>
  <si>
    <t>cg01554149</t>
  </si>
  <si>
    <t>cg01554410</t>
  </si>
  <si>
    <t>cg01554970</t>
  </si>
  <si>
    <t>cg01555705</t>
  </si>
  <si>
    <t>cg01558960</t>
  </si>
  <si>
    <t>cg01561092</t>
  </si>
  <si>
    <t>cg01564772</t>
  </si>
  <si>
    <t>cg01566323</t>
  </si>
  <si>
    <t>cg01566527</t>
  </si>
  <si>
    <t>cg01566745</t>
  </si>
  <si>
    <t>cg01567051</t>
  </si>
  <si>
    <t>cg01568244</t>
  </si>
  <si>
    <t>cg01569052</t>
  </si>
  <si>
    <t>cg01569875</t>
  </si>
  <si>
    <t>cg01573194</t>
  </si>
  <si>
    <t>cg01573470</t>
  </si>
  <si>
    <t>cg01573635</t>
  </si>
  <si>
    <t>cg01574788</t>
  </si>
  <si>
    <t>cg01575519</t>
  </si>
  <si>
    <t>cg01577529</t>
  </si>
  <si>
    <t>cg01577678</t>
  </si>
  <si>
    <t>cg01579052</t>
  </si>
  <si>
    <t>cg01579218</t>
  </si>
  <si>
    <t>cg01582532</t>
  </si>
  <si>
    <t>cg01583866</t>
  </si>
  <si>
    <t>cg01585723</t>
  </si>
  <si>
    <t>cg01586768</t>
  </si>
  <si>
    <t>cg01586959</t>
  </si>
  <si>
    <t>cg01590541</t>
  </si>
  <si>
    <t>cg01591915</t>
  </si>
  <si>
    <t>cg01592662</t>
  </si>
  <si>
    <t>cg01594685</t>
  </si>
  <si>
    <t>cg01595325</t>
  </si>
  <si>
    <t>cg01598082</t>
  </si>
  <si>
    <t>cg01602001</t>
  </si>
  <si>
    <t>cg01602416</t>
  </si>
  <si>
    <t>cg01603118</t>
  </si>
  <si>
    <t>cg01603430</t>
  </si>
  <si>
    <t>cg01604043</t>
  </si>
  <si>
    <t>cg01604539</t>
  </si>
  <si>
    <t>cg01606471</t>
  </si>
  <si>
    <t>cg01607295</t>
  </si>
  <si>
    <t>cg01610605</t>
  </si>
  <si>
    <t>cg01611626</t>
  </si>
  <si>
    <t>cg01615339</t>
  </si>
  <si>
    <t>cg01616225</t>
  </si>
  <si>
    <t>cg01617018</t>
  </si>
  <si>
    <t>cg01617211</t>
  </si>
  <si>
    <t>cg01619416</t>
  </si>
  <si>
    <t>cg01619533</t>
  </si>
  <si>
    <t>cg01621080</t>
  </si>
  <si>
    <t>cg01624637</t>
  </si>
  <si>
    <t>cg01627212</t>
  </si>
  <si>
    <t>cg01629940</t>
  </si>
  <si>
    <t>cg01633417</t>
  </si>
  <si>
    <t>cg01634458</t>
  </si>
  <si>
    <t>cg01635555</t>
  </si>
  <si>
    <t>cg01636747</t>
  </si>
  <si>
    <t>cg01637090</t>
  </si>
  <si>
    <t>cg01640660</t>
  </si>
  <si>
    <t>cg01643563</t>
  </si>
  <si>
    <t>cg01653868</t>
  </si>
  <si>
    <t>cg01656717</t>
  </si>
  <si>
    <t>cg01656750</t>
  </si>
  <si>
    <t>cg01658605</t>
  </si>
  <si>
    <t>cg01662869</t>
  </si>
  <si>
    <t>cg01669482</t>
  </si>
  <si>
    <t>cg01670771</t>
  </si>
  <si>
    <t>cg01672894</t>
  </si>
  <si>
    <t>cg01673284</t>
  </si>
  <si>
    <t>cg01675104</t>
  </si>
  <si>
    <t>cg01678580</t>
  </si>
  <si>
    <t>cg01678878</t>
  </si>
  <si>
    <t>cg01678913</t>
  </si>
  <si>
    <t>cg01679108</t>
  </si>
  <si>
    <t>cg01679473</t>
  </si>
  <si>
    <t>cg01680667</t>
  </si>
  <si>
    <t>cg01680844</t>
  </si>
  <si>
    <t>cg01680999</t>
  </si>
  <si>
    <t>cg01683883</t>
  </si>
  <si>
    <t>cg01687051</t>
  </si>
  <si>
    <t>cg01688936</t>
  </si>
  <si>
    <t>cg01689964</t>
  </si>
  <si>
    <t>cg01690625</t>
  </si>
  <si>
    <t>cg01692757</t>
  </si>
  <si>
    <t>cg01695533</t>
  </si>
  <si>
    <t>cg01699721</t>
  </si>
  <si>
    <t>cg01700290</t>
  </si>
  <si>
    <t>cg01701585</t>
  </si>
  <si>
    <t>cg01703993</t>
  </si>
  <si>
    <t>cg01704105</t>
  </si>
  <si>
    <t>cg01705566</t>
  </si>
  <si>
    <t>cg01706029</t>
  </si>
  <si>
    <t>cg01706698</t>
  </si>
  <si>
    <t>cg01707127</t>
  </si>
  <si>
    <t>cg01707233</t>
  </si>
  <si>
    <t>cg01709288</t>
  </si>
  <si>
    <t>cg01709589</t>
  </si>
  <si>
    <t>cg01709921</t>
  </si>
  <si>
    <t>cg01713348</t>
  </si>
  <si>
    <t>cg01714172</t>
  </si>
  <si>
    <t>cg01714727</t>
  </si>
  <si>
    <t>cg01715726</t>
  </si>
  <si>
    <t>cg01717706</t>
  </si>
  <si>
    <t>cg01718071</t>
  </si>
  <si>
    <t>cg01719220</t>
  </si>
  <si>
    <t>cg01719268</t>
  </si>
  <si>
    <t>cg01719998</t>
  </si>
  <si>
    <t>cg01721410</t>
  </si>
  <si>
    <t>cg01721754</t>
  </si>
  <si>
    <t>cg01722498</t>
  </si>
  <si>
    <t>cg01722566</t>
  </si>
  <si>
    <t>cg01724011</t>
  </si>
  <si>
    <t>cg01724917</t>
  </si>
  <si>
    <t>cg01726880</t>
  </si>
  <si>
    <t>cg01729089</t>
  </si>
  <si>
    <t>cg01729739</t>
  </si>
  <si>
    <t>cg01729862</t>
  </si>
  <si>
    <t>cg01730585</t>
  </si>
  <si>
    <t>cg01732463</t>
  </si>
  <si>
    <t>cg01733271</t>
  </si>
  <si>
    <t>cg01735049</t>
  </si>
  <si>
    <t>cg01735503</t>
  </si>
  <si>
    <t>cg01738524</t>
  </si>
  <si>
    <t>cg01739831</t>
  </si>
  <si>
    <t>cg01741924</t>
  </si>
  <si>
    <t>cg01744822</t>
  </si>
  <si>
    <t>cg01747665</t>
  </si>
  <si>
    <t>cg01749500</t>
  </si>
  <si>
    <t>cg01749904</t>
  </si>
  <si>
    <t>cg01750261</t>
  </si>
  <si>
    <t>cg01750783</t>
  </si>
  <si>
    <t>cg01751047</t>
  </si>
  <si>
    <t>cg01753188</t>
  </si>
  <si>
    <t>cg01754848</t>
  </si>
  <si>
    <t>cg01755541</t>
  </si>
  <si>
    <t>cg01756899</t>
  </si>
  <si>
    <t>cg01758336</t>
  </si>
  <si>
    <t>cg01758575</t>
  </si>
  <si>
    <t>cg01758899</t>
  </si>
  <si>
    <t>cg01763453</t>
  </si>
  <si>
    <t>cg01764011</t>
  </si>
  <si>
    <t>cg01764438</t>
  </si>
  <si>
    <t>cg01765164</t>
  </si>
  <si>
    <t>cg01767053</t>
  </si>
  <si>
    <t>cg01769813</t>
  </si>
  <si>
    <t>cg01770948</t>
  </si>
  <si>
    <t>cg01775612</t>
  </si>
  <si>
    <t>cg01776298</t>
  </si>
  <si>
    <t>cg01777630</t>
  </si>
  <si>
    <t>cg01778190</t>
  </si>
  <si>
    <t>cg01778790</t>
  </si>
  <si>
    <t>cg01778908</t>
  </si>
  <si>
    <t>cg01779559</t>
  </si>
  <si>
    <t>cg01780104</t>
  </si>
  <si>
    <t>cg01782132</t>
  </si>
  <si>
    <t>cg01782904</t>
  </si>
  <si>
    <t>cg01783841</t>
  </si>
  <si>
    <t>cg01785566</t>
  </si>
  <si>
    <t>cg01786329</t>
  </si>
  <si>
    <t>cg01787084</t>
  </si>
  <si>
    <t>cg01788221</t>
  </si>
  <si>
    <t>cg01789705</t>
  </si>
  <si>
    <t>cg01790144</t>
  </si>
  <si>
    <t>cg01791241</t>
  </si>
  <si>
    <t>cg01792666</t>
  </si>
  <si>
    <t>cg01795704</t>
  </si>
  <si>
    <t>cg01796044</t>
  </si>
  <si>
    <t>cg01798786</t>
  </si>
  <si>
    <t>cg01800455</t>
  </si>
  <si>
    <t>cg01800744</t>
  </si>
  <si>
    <t>cg01804696</t>
  </si>
  <si>
    <t>cg01805890</t>
  </si>
  <si>
    <t>cg01806526</t>
  </si>
  <si>
    <t>cg01808090</t>
  </si>
  <si>
    <t>cg01810329</t>
  </si>
  <si>
    <t>cg01810713</t>
  </si>
  <si>
    <t>cg01811561</t>
  </si>
  <si>
    <t>cg01814186</t>
  </si>
  <si>
    <t>cg01814495</t>
  </si>
  <si>
    <t>cg01815912</t>
  </si>
  <si>
    <t>cg01817009</t>
  </si>
  <si>
    <t>cg01821029</t>
  </si>
  <si>
    <t>cg01824618</t>
  </si>
  <si>
    <t>cg01826211</t>
  </si>
  <si>
    <t>cg01827248</t>
  </si>
  <si>
    <t>cg01827781</t>
  </si>
  <si>
    <t>cg01828111</t>
  </si>
  <si>
    <t>cg01828676</t>
  </si>
  <si>
    <t>cg01829657</t>
  </si>
  <si>
    <t>cg01831107</t>
  </si>
  <si>
    <t>cg01831959</t>
  </si>
  <si>
    <t>cg01832586</t>
  </si>
  <si>
    <t>cg01835232</t>
  </si>
  <si>
    <t>cg01835326</t>
  </si>
  <si>
    <t>cg01835509</t>
  </si>
  <si>
    <t>cg01839639</t>
  </si>
  <si>
    <t>cg01843459</t>
  </si>
  <si>
    <t>cg01844866</t>
  </si>
  <si>
    <t>cg01845178</t>
  </si>
  <si>
    <t>cg01846486</t>
  </si>
  <si>
    <t>cg01848594</t>
  </si>
  <si>
    <t>cg01851782</t>
  </si>
  <si>
    <t>cg01852007</t>
  </si>
  <si>
    <t>cg01853828</t>
  </si>
  <si>
    <t>cg01855010</t>
  </si>
  <si>
    <t>cg01855013</t>
  </si>
  <si>
    <t>cg01855613</t>
  </si>
  <si>
    <t>cg01856752</t>
  </si>
  <si>
    <t>cg01856892</t>
  </si>
  <si>
    <t>cg01858712</t>
  </si>
  <si>
    <t>cg01860954</t>
  </si>
  <si>
    <t>cg01861131</t>
  </si>
  <si>
    <t>cg01861603</t>
  </si>
  <si>
    <t>cg01865114</t>
  </si>
  <si>
    <t>cg01866455</t>
  </si>
  <si>
    <t>cg01869548</t>
  </si>
  <si>
    <t>cg01871251</t>
  </si>
  <si>
    <t>cg01871498</t>
  </si>
  <si>
    <t>cg01872660</t>
  </si>
  <si>
    <t>cg01872947</t>
  </si>
  <si>
    <t>cg01873249</t>
  </si>
  <si>
    <t>cg01873311</t>
  </si>
  <si>
    <t>cg01873729</t>
  </si>
  <si>
    <t>cg01874730</t>
  </si>
  <si>
    <t>cg01875529</t>
  </si>
  <si>
    <t>cg01876612</t>
  </si>
  <si>
    <t>cg01877391</t>
  </si>
  <si>
    <t>cg01877595</t>
  </si>
  <si>
    <t>cg01879506</t>
  </si>
  <si>
    <t>cg01880569</t>
  </si>
  <si>
    <t>cg01881378</t>
  </si>
  <si>
    <t>cg01883217</t>
  </si>
  <si>
    <t>cg01883427</t>
  </si>
  <si>
    <t>cg01883578</t>
  </si>
  <si>
    <t>cg01884526</t>
  </si>
  <si>
    <t>cg01885503</t>
  </si>
  <si>
    <t>cg01895442</t>
  </si>
  <si>
    <t>cg01896119</t>
  </si>
  <si>
    <t>cg01899318</t>
  </si>
  <si>
    <t>cg01901262</t>
  </si>
  <si>
    <t>cg01901708</t>
  </si>
  <si>
    <t>cg01901780</t>
  </si>
  <si>
    <t>cg01902066</t>
  </si>
  <si>
    <t>cg01904776</t>
  </si>
  <si>
    <t>cg01908272</t>
  </si>
  <si>
    <t>cg01911977</t>
  </si>
  <si>
    <t>cg01914059</t>
  </si>
  <si>
    <t>cg01914555</t>
  </si>
  <si>
    <t>cg01917487</t>
  </si>
  <si>
    <t>cg01920398</t>
  </si>
  <si>
    <t>cg01921831</t>
  </si>
  <si>
    <t>cg01922597</t>
  </si>
  <si>
    <t>cg01922891</t>
  </si>
  <si>
    <t>cg01923337</t>
  </si>
  <si>
    <t>cg01923692</t>
  </si>
  <si>
    <t>cg01924372</t>
  </si>
  <si>
    <t>cg01924942</t>
  </si>
  <si>
    <t>cg01930441</t>
  </si>
  <si>
    <t>cg01930719</t>
  </si>
  <si>
    <t>cg01931893</t>
  </si>
  <si>
    <t>cg01932823</t>
  </si>
  <si>
    <t>cg01934674</t>
  </si>
  <si>
    <t>cg01934790</t>
  </si>
  <si>
    <t>cg01934797</t>
  </si>
  <si>
    <t>cg01934819</t>
  </si>
  <si>
    <t>cg01935405</t>
  </si>
  <si>
    <t>cg01935958</t>
  </si>
  <si>
    <t>cg01935960</t>
  </si>
  <si>
    <t>cg01936347</t>
  </si>
  <si>
    <t>cg01937932</t>
  </si>
  <si>
    <t>cg01938304</t>
  </si>
  <si>
    <t>cg01938514</t>
  </si>
  <si>
    <t>cg01940867</t>
  </si>
  <si>
    <t>cg01942106</t>
  </si>
  <si>
    <t>cg01943029</t>
  </si>
  <si>
    <t>cg01943851</t>
  </si>
  <si>
    <t>cg01944044</t>
  </si>
  <si>
    <t>cg01944593</t>
  </si>
  <si>
    <t>cg01947695</t>
  </si>
  <si>
    <t>cg01948094</t>
  </si>
  <si>
    <t>cg01948275</t>
  </si>
  <si>
    <t>cg01948724</t>
  </si>
  <si>
    <t>cg01951491</t>
  </si>
  <si>
    <t>cg01951698</t>
  </si>
  <si>
    <t>cg01952473</t>
  </si>
  <si>
    <t>cg01953240</t>
  </si>
  <si>
    <t>cg01955153</t>
  </si>
  <si>
    <t>cg01959050</t>
  </si>
  <si>
    <t>cg01959238</t>
  </si>
  <si>
    <t>cg01960128</t>
  </si>
  <si>
    <t>cg01960789</t>
  </si>
  <si>
    <t>cg01960979</t>
  </si>
  <si>
    <t>cg01963870</t>
  </si>
  <si>
    <t>cg01963933</t>
  </si>
  <si>
    <t>cg01964795</t>
  </si>
  <si>
    <t>cg01964856</t>
  </si>
  <si>
    <t>cg01965047</t>
  </si>
  <si>
    <t>cg01965475</t>
  </si>
  <si>
    <t>cg01966105</t>
  </si>
  <si>
    <t>cg01967564</t>
  </si>
  <si>
    <t>cg01968619</t>
  </si>
  <si>
    <t>cg01973164</t>
  </si>
  <si>
    <t>cg01973833</t>
  </si>
  <si>
    <t>cg01976002</t>
  </si>
  <si>
    <t>cg01976076</t>
  </si>
  <si>
    <t>cg01976303</t>
  </si>
  <si>
    <t>cg01977582</t>
  </si>
  <si>
    <t>cg01977756</t>
  </si>
  <si>
    <t>cg01979270</t>
  </si>
  <si>
    <t>cg01981760</t>
  </si>
  <si>
    <t>cg01982240</t>
  </si>
  <si>
    <t>cg01984843</t>
  </si>
  <si>
    <t>cg01986682</t>
  </si>
  <si>
    <t>cg01988616</t>
  </si>
  <si>
    <t>cg01991625</t>
  </si>
  <si>
    <t>cg01994216</t>
  </si>
  <si>
    <t>cg01994779</t>
  </si>
  <si>
    <t>cg01994902</t>
  </si>
  <si>
    <t>cg01994994</t>
  </si>
  <si>
    <t>cg01997346</t>
  </si>
  <si>
    <t>cg01998785</t>
  </si>
  <si>
    <t>cg01998808</t>
  </si>
  <si>
    <t>cg02002207</t>
  </si>
  <si>
    <t>cg02003612</t>
  </si>
  <si>
    <t>cg02004370</t>
  </si>
  <si>
    <t>cg02005231</t>
  </si>
  <si>
    <t>cg02005989</t>
  </si>
  <si>
    <t>cg02007534</t>
  </si>
  <si>
    <t>cg02008169</t>
  </si>
  <si>
    <t>cg02010772</t>
  </si>
  <si>
    <t>cg02011430</t>
  </si>
  <si>
    <t>cg02011706</t>
  </si>
  <si>
    <t>cg02012242</t>
  </si>
  <si>
    <t>cg02016467</t>
  </si>
  <si>
    <t>cg02016903</t>
  </si>
  <si>
    <t>cg02016985</t>
  </si>
  <si>
    <t>cg02017323</t>
  </si>
  <si>
    <t>cg02017347</t>
  </si>
  <si>
    <t>cg02018408</t>
  </si>
  <si>
    <t>cg02021288</t>
  </si>
  <si>
    <t>cg02021460</t>
  </si>
  <si>
    <t>cg02021544</t>
  </si>
  <si>
    <t>cg02025827</t>
  </si>
  <si>
    <t>cg02026235</t>
  </si>
  <si>
    <t>cg02026449</t>
  </si>
  <si>
    <t>cg02026611</t>
  </si>
  <si>
    <t>cg02028489</t>
  </si>
  <si>
    <t>cg02028758</t>
  </si>
  <si>
    <t>cg02030219</t>
  </si>
  <si>
    <t>cg02030542</t>
  </si>
  <si>
    <t>cg02032271</t>
  </si>
  <si>
    <t>cg02033694</t>
  </si>
  <si>
    <t>cg02034822</t>
  </si>
  <si>
    <t>cg02036364</t>
  </si>
  <si>
    <t>cg02038492</t>
  </si>
  <si>
    <t>cg02042997</t>
  </si>
  <si>
    <t>cg02045745</t>
  </si>
  <si>
    <t>cg02046668</t>
  </si>
  <si>
    <t>cg02048412</t>
  </si>
  <si>
    <t>cg02048627</t>
  </si>
  <si>
    <t>cg02051924</t>
  </si>
  <si>
    <t>cg02052410</t>
  </si>
  <si>
    <t>cg02052797</t>
  </si>
  <si>
    <t>cg02062418</t>
  </si>
  <si>
    <t>cg02062650</t>
  </si>
  <si>
    <t>cg02062731</t>
  </si>
  <si>
    <t>cg02068505</t>
  </si>
  <si>
    <t>cg02069674</t>
  </si>
  <si>
    <t>cg02069721</t>
  </si>
  <si>
    <t>cg02072114</t>
  </si>
  <si>
    <t>cg02073680</t>
  </si>
  <si>
    <t>cg02074591</t>
  </si>
  <si>
    <t>cg02078525</t>
  </si>
  <si>
    <t>cg02080093</t>
  </si>
  <si>
    <t>cg02083259</t>
  </si>
  <si>
    <t>cg02085016</t>
  </si>
  <si>
    <t>cg02086790</t>
  </si>
  <si>
    <t>cg02086820</t>
  </si>
  <si>
    <t>cg02088447</t>
  </si>
  <si>
    <t>cg02089487</t>
  </si>
  <si>
    <t>cg02090883</t>
  </si>
  <si>
    <t>cg02091341</t>
  </si>
  <si>
    <t>cg02093708</t>
  </si>
  <si>
    <t>cg02095596</t>
  </si>
  <si>
    <t>cg02096790</t>
  </si>
  <si>
    <t>cg02098565</t>
  </si>
  <si>
    <t>cg02099410</t>
  </si>
  <si>
    <t>cg02102075</t>
  </si>
  <si>
    <t>cg02102684</t>
  </si>
  <si>
    <t>cg02102832</t>
  </si>
  <si>
    <t>cg02105042</t>
  </si>
  <si>
    <t>cg02105472</t>
  </si>
  <si>
    <t>cg02106534</t>
  </si>
  <si>
    <t>cg02112609</t>
  </si>
  <si>
    <t>cg02113604</t>
  </si>
  <si>
    <t>cg02115302</t>
  </si>
  <si>
    <t>cg02117713</t>
  </si>
  <si>
    <t>cg02119348</t>
  </si>
  <si>
    <t>cg02119755</t>
  </si>
  <si>
    <t>cg02119764</t>
  </si>
  <si>
    <t>cg02119982</t>
  </si>
  <si>
    <t>cg02120735</t>
  </si>
  <si>
    <t>cg02124446</t>
  </si>
  <si>
    <t>cg02125554</t>
  </si>
  <si>
    <t>cg02126424</t>
  </si>
  <si>
    <t>cg02127172</t>
  </si>
  <si>
    <t>cg02128086</t>
  </si>
  <si>
    <t>cg02128112</t>
  </si>
  <si>
    <t>cg02128150</t>
  </si>
  <si>
    <t>cg02128278</t>
  </si>
  <si>
    <t>cg02129266</t>
  </si>
  <si>
    <t>cg02130107</t>
  </si>
  <si>
    <t>cg02132364</t>
  </si>
  <si>
    <t>cg02132946</t>
  </si>
  <si>
    <t>cg02134790</t>
  </si>
  <si>
    <t>cg02135682</t>
  </si>
  <si>
    <t>cg02135842</t>
  </si>
  <si>
    <t>cg02137215</t>
  </si>
  <si>
    <t>cg02137583</t>
  </si>
  <si>
    <t>cg02138299</t>
  </si>
  <si>
    <t>cg02142754</t>
  </si>
  <si>
    <t>cg02142900</t>
  </si>
  <si>
    <t>cg02143778</t>
  </si>
  <si>
    <t>cg02144242</t>
  </si>
  <si>
    <t>cg02145319</t>
  </si>
  <si>
    <t>cg02147009</t>
  </si>
  <si>
    <t>cg02156004</t>
  </si>
  <si>
    <t>cg02157872</t>
  </si>
  <si>
    <t>cg02159610</t>
  </si>
  <si>
    <t>cg02160023</t>
  </si>
  <si>
    <t>cg02162324</t>
  </si>
  <si>
    <t>cg02164442</t>
  </si>
  <si>
    <t>cg02168291</t>
  </si>
  <si>
    <t>cg02169553</t>
  </si>
  <si>
    <t>cg02170490</t>
  </si>
  <si>
    <t>cg02170784</t>
  </si>
  <si>
    <t>cg02172312</t>
  </si>
  <si>
    <t>cg02172824</t>
  </si>
  <si>
    <t>cg02176915</t>
  </si>
  <si>
    <t>cg02178957</t>
  </si>
  <si>
    <t>cg02179181</t>
  </si>
  <si>
    <t>cg02184918</t>
  </si>
  <si>
    <t>cg02185727</t>
  </si>
  <si>
    <t>cg02186542</t>
  </si>
  <si>
    <t>cg02187822</t>
  </si>
  <si>
    <t>cg02190038</t>
  </si>
  <si>
    <t>cg02192204</t>
  </si>
  <si>
    <t>cg02192218</t>
  </si>
  <si>
    <t>cg02193472</t>
  </si>
  <si>
    <t>cg02193967</t>
  </si>
  <si>
    <t>cg02194842</t>
  </si>
  <si>
    <t>cg02195151</t>
  </si>
  <si>
    <t>cg02197669</t>
  </si>
  <si>
    <t>cg02198701</t>
  </si>
  <si>
    <t>cg02200944</t>
  </si>
  <si>
    <t>cg02203067</t>
  </si>
  <si>
    <t>cg02203680</t>
  </si>
  <si>
    <t>cg02203714</t>
  </si>
  <si>
    <t>cg02204831</t>
  </si>
  <si>
    <t>cg02205073</t>
  </si>
  <si>
    <t>cg02206867</t>
  </si>
  <si>
    <t>cg02207944</t>
  </si>
  <si>
    <t>cg02210279</t>
  </si>
  <si>
    <t>cg02210314</t>
  </si>
  <si>
    <t>cg02211978</t>
  </si>
  <si>
    <t>cg02212606</t>
  </si>
  <si>
    <t>cg02213341</t>
  </si>
  <si>
    <t>cg02214096</t>
  </si>
  <si>
    <t>cg02214414</t>
  </si>
  <si>
    <t>cg02215611</t>
  </si>
  <si>
    <t>cg02215899</t>
  </si>
  <si>
    <t>cg02215945</t>
  </si>
  <si>
    <t>cg02216032</t>
  </si>
  <si>
    <t>cg02217063</t>
  </si>
  <si>
    <t>cg02219147</t>
  </si>
  <si>
    <t>cg02220499</t>
  </si>
  <si>
    <t>cg02222170</t>
  </si>
  <si>
    <t>cg02223028</t>
  </si>
  <si>
    <t>cg02223351</t>
  </si>
  <si>
    <t>cg02224755</t>
  </si>
  <si>
    <t>cg02225739</t>
  </si>
  <si>
    <t>cg02225847</t>
  </si>
  <si>
    <t>cg02226192</t>
  </si>
  <si>
    <t>cg02226672</t>
  </si>
  <si>
    <t>cg02230383</t>
  </si>
  <si>
    <t>cg02232206</t>
  </si>
  <si>
    <t>cg02232320</t>
  </si>
  <si>
    <t>cg02232529</t>
  </si>
  <si>
    <t>cg02233282</t>
  </si>
  <si>
    <t>cg02233835</t>
  </si>
  <si>
    <t>cg02235941</t>
  </si>
  <si>
    <t>cg02235959</t>
  </si>
  <si>
    <t>cg02236679</t>
  </si>
  <si>
    <t>cg02238504</t>
  </si>
  <si>
    <t>cg02240748</t>
  </si>
  <si>
    <t>cg02242894</t>
  </si>
  <si>
    <t>cg02242919</t>
  </si>
  <si>
    <t>cg02244274</t>
  </si>
  <si>
    <t>cg02244288</t>
  </si>
  <si>
    <t>cg02247870</t>
  </si>
  <si>
    <t>cg02247875</t>
  </si>
  <si>
    <t>cg02251014</t>
  </si>
  <si>
    <t>cg02256570</t>
  </si>
  <si>
    <t>cg02256576</t>
  </si>
  <si>
    <t>cg02256969</t>
  </si>
  <si>
    <t>cg02257312</t>
  </si>
  <si>
    <t>cg02258482</t>
  </si>
  <si>
    <t>cg02259550</t>
  </si>
  <si>
    <t>cg02262187</t>
  </si>
  <si>
    <t>cg02263260</t>
  </si>
  <si>
    <t>cg02265619</t>
  </si>
  <si>
    <t>cg02266177</t>
  </si>
  <si>
    <t>cg02268569</t>
  </si>
  <si>
    <t>cg02272547</t>
  </si>
  <si>
    <t>cg02276600</t>
  </si>
  <si>
    <t>cg02278319</t>
  </si>
  <si>
    <t>cg02278760</t>
  </si>
  <si>
    <t>cg02279719</t>
  </si>
  <si>
    <t>cg02282041</t>
  </si>
  <si>
    <t>cg02283114</t>
  </si>
  <si>
    <t>cg02283436</t>
  </si>
  <si>
    <t>cg02283931</t>
  </si>
  <si>
    <t>cg02286407</t>
  </si>
  <si>
    <t>cg02287325</t>
  </si>
  <si>
    <t>cg02288684</t>
  </si>
  <si>
    <t>cg02288754</t>
  </si>
  <si>
    <t>cg02291855</t>
  </si>
  <si>
    <t>cg02293437</t>
  </si>
  <si>
    <t>cg02295216</t>
  </si>
  <si>
    <t>cg02295856</t>
  </si>
  <si>
    <t>cg02296564</t>
  </si>
  <si>
    <t>cg02296627</t>
  </si>
  <si>
    <t>cg02298612</t>
  </si>
  <si>
    <t>cg02299940</t>
  </si>
  <si>
    <t>cg02300809</t>
  </si>
  <si>
    <t>cg02301019</t>
  </si>
  <si>
    <t>cg02301079</t>
  </si>
  <si>
    <t>cg02301292</t>
  </si>
  <si>
    <t>cg02304134</t>
  </si>
  <si>
    <t>cg02304156</t>
  </si>
  <si>
    <t>cg02304945</t>
  </si>
  <si>
    <t>cg02305289</t>
  </si>
  <si>
    <t>cg02307681</t>
  </si>
  <si>
    <t>cg02308079</t>
  </si>
  <si>
    <t>cg02309355</t>
  </si>
  <si>
    <t>cg02311180</t>
  </si>
  <si>
    <t>cg02312706</t>
  </si>
  <si>
    <t>cg02314514</t>
  </si>
  <si>
    <t>cg02314675</t>
  </si>
  <si>
    <t>cg02319067</t>
  </si>
  <si>
    <t>cg02319392</t>
  </si>
  <si>
    <t>cg02324580</t>
  </si>
  <si>
    <t>cg02328930</t>
  </si>
  <si>
    <t>cg02329193</t>
  </si>
  <si>
    <t>cg02330352</t>
  </si>
  <si>
    <t>cg02331262</t>
  </si>
  <si>
    <t>cg02331352</t>
  </si>
  <si>
    <t>cg02334861</t>
  </si>
  <si>
    <t>cg02334987</t>
  </si>
  <si>
    <t>cg02335376</t>
  </si>
  <si>
    <t>cg02335656</t>
  </si>
  <si>
    <t>cg02336491</t>
  </si>
  <si>
    <t>cg02343379</t>
  </si>
  <si>
    <t>cg02343451</t>
  </si>
  <si>
    <t>cg02346057</t>
  </si>
  <si>
    <t>cg02346241</t>
  </si>
  <si>
    <t>cg02349713</t>
  </si>
  <si>
    <t>cg02350295</t>
  </si>
  <si>
    <t>cg02352612</t>
  </si>
  <si>
    <t>cg02353723</t>
  </si>
  <si>
    <t>cg02358664</t>
  </si>
  <si>
    <t>cg02359025</t>
  </si>
  <si>
    <t>cg02359899</t>
  </si>
  <si>
    <t>cg02361013</t>
  </si>
  <si>
    <t>cg02366100</t>
  </si>
  <si>
    <t>cg02366624</t>
  </si>
  <si>
    <t>cg02367256</t>
  </si>
  <si>
    <t>cg02368508</t>
  </si>
  <si>
    <t>cg02368606</t>
  </si>
  <si>
    <t>cg02372821</t>
  </si>
  <si>
    <t>cg02374107</t>
  </si>
  <si>
    <t>cg02374837</t>
  </si>
  <si>
    <t>cg02374984</t>
  </si>
  <si>
    <t>cg02375065</t>
  </si>
  <si>
    <t>cg02376143</t>
  </si>
  <si>
    <t>cg02377941</t>
  </si>
  <si>
    <t>cg02387244</t>
  </si>
  <si>
    <t>cg02390209</t>
  </si>
  <si>
    <t>cg02392915</t>
  </si>
  <si>
    <t>cg02393727</t>
  </si>
  <si>
    <t>cg02396982</t>
  </si>
  <si>
    <t>cg02399788</t>
  </si>
  <si>
    <t>cg02404489</t>
  </si>
  <si>
    <t>cg02407493</t>
  </si>
  <si>
    <t>cg02411582</t>
  </si>
  <si>
    <t>cg02411995</t>
  </si>
  <si>
    <t>cg02412803</t>
  </si>
  <si>
    <t>cg02413874</t>
  </si>
  <si>
    <t>cg02414468</t>
  </si>
  <si>
    <t>cg02415470</t>
  </si>
  <si>
    <t>cg02417084</t>
  </si>
  <si>
    <t>cg02421553</t>
  </si>
  <si>
    <t>cg02421962</t>
  </si>
  <si>
    <t>cg02423452</t>
  </si>
  <si>
    <t>cg02424179</t>
  </si>
  <si>
    <t>cg02426071</t>
  </si>
  <si>
    <t>cg02430558</t>
  </si>
  <si>
    <t>cg02431531</t>
  </si>
  <si>
    <t>cg02431851</t>
  </si>
  <si>
    <t>cg02431972</t>
  </si>
  <si>
    <t>cg02432467</t>
  </si>
  <si>
    <t>cg02433656</t>
  </si>
  <si>
    <t>cg02433807</t>
  </si>
  <si>
    <t>cg02434316</t>
  </si>
  <si>
    <t>cg02434866</t>
  </si>
  <si>
    <t>cg02435043</t>
  </si>
  <si>
    <t>cg02436616</t>
  </si>
  <si>
    <t>cg02438164</t>
  </si>
  <si>
    <t>cg02440872</t>
  </si>
  <si>
    <t>cg02441474</t>
  </si>
  <si>
    <t>cg02443473</t>
  </si>
  <si>
    <t>cg02443658</t>
  </si>
  <si>
    <t>cg02446170</t>
  </si>
  <si>
    <t>cg02446805</t>
  </si>
  <si>
    <t>cg02447095</t>
  </si>
  <si>
    <t>cg02447779</t>
  </si>
  <si>
    <t>cg02448735</t>
  </si>
  <si>
    <t>cg02450164</t>
  </si>
  <si>
    <t>cg02451516</t>
  </si>
  <si>
    <t>cg02451853</t>
  </si>
  <si>
    <t>cg02459090</t>
  </si>
  <si>
    <t>cg02459936</t>
  </si>
  <si>
    <t>cg02462396</t>
  </si>
  <si>
    <t>cg02463478</t>
  </si>
  <si>
    <t>cg02464866</t>
  </si>
  <si>
    <t>cg02469838</t>
  </si>
  <si>
    <t>cg02471512</t>
  </si>
  <si>
    <t>cg02471751</t>
  </si>
  <si>
    <t>cg02471954</t>
  </si>
  <si>
    <t>cg02472906</t>
  </si>
  <si>
    <t>cg02473953</t>
  </si>
  <si>
    <t>cg02474032</t>
  </si>
  <si>
    <t>cg02475695</t>
  </si>
  <si>
    <t>cg02484673</t>
  </si>
  <si>
    <t>cg02485922</t>
  </si>
  <si>
    <t>cg02487202</t>
  </si>
  <si>
    <t>cg02488299</t>
  </si>
  <si>
    <t>cg02489493</t>
  </si>
  <si>
    <t>cg02491912</t>
  </si>
  <si>
    <t>cg02492708</t>
  </si>
  <si>
    <t>cg02495250</t>
  </si>
  <si>
    <t>cg02495519</t>
  </si>
  <si>
    <t>cg02498072</t>
  </si>
  <si>
    <t>cg02498177</t>
  </si>
  <si>
    <t>cg02500201</t>
  </si>
  <si>
    <t>cg02500443</t>
  </si>
  <si>
    <t>cg02500990</t>
  </si>
  <si>
    <t>cg02504384</t>
  </si>
  <si>
    <t>cg02504734</t>
  </si>
  <si>
    <t>cg02507033</t>
  </si>
  <si>
    <t>cg02507810</t>
  </si>
  <si>
    <t>cg02510853</t>
  </si>
  <si>
    <t>cg02512168</t>
  </si>
  <si>
    <t>cg02512806</t>
  </si>
  <si>
    <t>cg02513379</t>
  </si>
  <si>
    <t>cg02513764</t>
  </si>
  <si>
    <t>cg02515467</t>
  </si>
  <si>
    <t>cg02516497</t>
  </si>
  <si>
    <t>cg02516845</t>
  </si>
  <si>
    <t>cg02521665</t>
  </si>
  <si>
    <t>cg02522681</t>
  </si>
  <si>
    <t>cg02522990</t>
  </si>
  <si>
    <t>cg02523938</t>
  </si>
  <si>
    <t>cg02524010</t>
  </si>
  <si>
    <t>cg02524112</t>
  </si>
  <si>
    <t>cg02525597</t>
  </si>
  <si>
    <t>cg02525822</t>
  </si>
  <si>
    <t>cg02527372</t>
  </si>
  <si>
    <t>cg02527528</t>
  </si>
  <si>
    <t>cg02528154</t>
  </si>
  <si>
    <t>cg02528159</t>
  </si>
  <si>
    <t>cg02529919</t>
  </si>
  <si>
    <t>cg02532928</t>
  </si>
  <si>
    <t>cg02535219</t>
  </si>
  <si>
    <t>cg02536199</t>
  </si>
  <si>
    <t>cg02541210</t>
  </si>
  <si>
    <t>cg02542257</t>
  </si>
  <si>
    <t>cg02543796</t>
  </si>
  <si>
    <t>cg02544257</t>
  </si>
  <si>
    <t>cg02544453</t>
  </si>
  <si>
    <t>cg02544836</t>
  </si>
  <si>
    <t>cg02547035</t>
  </si>
  <si>
    <t>cg02548290</t>
  </si>
  <si>
    <t>cg02549595</t>
  </si>
  <si>
    <t>cg02556718</t>
  </si>
  <si>
    <t>cg02557179</t>
  </si>
  <si>
    <t>cg02560510</t>
  </si>
  <si>
    <t>cg02560615</t>
  </si>
  <si>
    <t>cg02560638</t>
  </si>
  <si>
    <t>cg02562761</t>
  </si>
  <si>
    <t>cg02564259</t>
  </si>
  <si>
    <t>cg02564313</t>
  </si>
  <si>
    <t>cg02566428</t>
  </si>
  <si>
    <t>cg02567500</t>
  </si>
  <si>
    <t>cg02571725</t>
  </si>
  <si>
    <t>cg02571857</t>
  </si>
  <si>
    <t>cg02572606</t>
  </si>
  <si>
    <t>cg02573134</t>
  </si>
  <si>
    <t>cg02576228</t>
  </si>
  <si>
    <t>cg02577580</t>
  </si>
  <si>
    <t>cg02578103</t>
  </si>
  <si>
    <t>cg02578162</t>
  </si>
  <si>
    <t>cg02585344</t>
  </si>
  <si>
    <t>cg02590366</t>
  </si>
  <si>
    <t>cg02591442</t>
  </si>
  <si>
    <t>cg02593381</t>
  </si>
  <si>
    <t>cg02593517</t>
  </si>
  <si>
    <t>cg02593924</t>
  </si>
  <si>
    <t>cg02598978</t>
  </si>
  <si>
    <t>cg02600514</t>
  </si>
  <si>
    <t>cg02603876</t>
  </si>
  <si>
    <t>cg02604730</t>
  </si>
  <si>
    <t>cg02604890</t>
  </si>
  <si>
    <t>cg02605306</t>
  </si>
  <si>
    <t>cg02607915</t>
  </si>
  <si>
    <t>cg02609551</t>
  </si>
  <si>
    <t>cg02609775</t>
  </si>
  <si>
    <t>cg02610274</t>
  </si>
  <si>
    <t>cg02611989</t>
  </si>
  <si>
    <t>cg02614658</t>
  </si>
  <si>
    <t>cg02615214</t>
  </si>
  <si>
    <t>cg02616220</t>
  </si>
  <si>
    <t>cg02618550</t>
  </si>
  <si>
    <t>cg02631199</t>
  </si>
  <si>
    <t>cg02631622</t>
  </si>
  <si>
    <t>cg02633600</t>
  </si>
  <si>
    <t>cg02634421</t>
  </si>
  <si>
    <t>cg02635623</t>
  </si>
  <si>
    <t>cg02636872</t>
  </si>
  <si>
    <t>cg02637343</t>
  </si>
  <si>
    <t>cg02640572</t>
  </si>
  <si>
    <t>cg02640604</t>
  </si>
  <si>
    <t>cg02642565</t>
  </si>
  <si>
    <t>cg02644593</t>
  </si>
  <si>
    <t>cg02645135</t>
  </si>
  <si>
    <t>cg02645287</t>
  </si>
  <si>
    <t>cg02647545</t>
  </si>
  <si>
    <t>cg02648064</t>
  </si>
  <si>
    <t>cg02648170</t>
  </si>
  <si>
    <t>cg02654449</t>
  </si>
  <si>
    <t>cg02655227</t>
  </si>
  <si>
    <t>cg02657828</t>
  </si>
  <si>
    <t>cg02660541</t>
  </si>
  <si>
    <t>cg02660643</t>
  </si>
  <si>
    <t>cg02665786</t>
  </si>
  <si>
    <t>cg02666105</t>
  </si>
  <si>
    <t>cg02667081</t>
  </si>
  <si>
    <t>cg02667348</t>
  </si>
  <si>
    <t>cg02670686</t>
  </si>
  <si>
    <t>cg02671204</t>
  </si>
  <si>
    <t>cg02672936</t>
  </si>
  <si>
    <t>cg02672962</t>
  </si>
  <si>
    <t>cg02677947</t>
  </si>
  <si>
    <t>cg02678084</t>
  </si>
  <si>
    <t>cg02680314</t>
  </si>
  <si>
    <t>cg02686533</t>
  </si>
  <si>
    <t>cg02691019</t>
  </si>
  <si>
    <t>cg02691360</t>
  </si>
  <si>
    <t>cg02693870</t>
  </si>
  <si>
    <t>cg02697402</t>
  </si>
  <si>
    <t>cg02697654</t>
  </si>
  <si>
    <t>cg02699703</t>
  </si>
  <si>
    <t>cg02699885</t>
  </si>
  <si>
    <t>cg02702481</t>
  </si>
  <si>
    <t>cg02704790</t>
  </si>
  <si>
    <t>cg02705910</t>
  </si>
  <si>
    <t>cg02706273</t>
  </si>
  <si>
    <t>cg02707290</t>
  </si>
  <si>
    <t>cg02709321</t>
  </si>
  <si>
    <t>cg02709840</t>
  </si>
  <si>
    <t>cg02710530</t>
  </si>
  <si>
    <t>cg02710699</t>
  </si>
  <si>
    <t>cg02711510</t>
  </si>
  <si>
    <t>cg02712322</t>
  </si>
  <si>
    <t>cg02712546</t>
  </si>
  <si>
    <t>cg02713901</t>
  </si>
  <si>
    <t>cg02714710</t>
  </si>
  <si>
    <t>cg02715407</t>
  </si>
  <si>
    <t>cg02716450</t>
  </si>
  <si>
    <t>cg02716792</t>
  </si>
  <si>
    <t>cg02718531</t>
  </si>
  <si>
    <t>cg02719010</t>
  </si>
  <si>
    <t>cg02719221</t>
  </si>
  <si>
    <t>cg02721426</t>
  </si>
  <si>
    <t>cg02723964</t>
  </si>
  <si>
    <t>cg02724047</t>
  </si>
  <si>
    <t>cg02724556</t>
  </si>
  <si>
    <t>cg02725362</t>
  </si>
  <si>
    <t>cg02726465</t>
  </si>
  <si>
    <t>cg02729011</t>
  </si>
  <si>
    <t>cg02729344</t>
  </si>
  <si>
    <t>cg02730055</t>
  </si>
  <si>
    <t>cg02734472</t>
  </si>
  <si>
    <t>cg02734527</t>
  </si>
  <si>
    <t>cg02734600</t>
  </si>
  <si>
    <t>cg02735133</t>
  </si>
  <si>
    <t>cg02735684</t>
  </si>
  <si>
    <t>cg02738205</t>
  </si>
  <si>
    <t>cg02741056</t>
  </si>
  <si>
    <t>cg02741158</t>
  </si>
  <si>
    <t>cg02741249</t>
  </si>
  <si>
    <t>cg02742281</t>
  </si>
  <si>
    <t>cg02746781</t>
  </si>
  <si>
    <t>cg02747341</t>
  </si>
  <si>
    <t>cg02749356</t>
  </si>
  <si>
    <t>cg02751838</t>
  </si>
  <si>
    <t>cg02754554</t>
  </si>
  <si>
    <t>cg02755131</t>
  </si>
  <si>
    <t>cg02757802</t>
  </si>
  <si>
    <t>cg02758463</t>
  </si>
  <si>
    <t>cg02758499</t>
  </si>
  <si>
    <t>cg02760426</t>
  </si>
  <si>
    <t>cg02761798</t>
  </si>
  <si>
    <t>cg02762752</t>
  </si>
  <si>
    <t>cg02762818</t>
  </si>
  <si>
    <t>cg02763183</t>
  </si>
  <si>
    <t>cg02767068</t>
  </si>
  <si>
    <t>cg02767382</t>
  </si>
  <si>
    <t>cg02767759</t>
  </si>
  <si>
    <t>cg02768760</t>
  </si>
  <si>
    <t>cg02771381</t>
  </si>
  <si>
    <t>cg02775230</t>
  </si>
  <si>
    <t>cg02777068</t>
  </si>
  <si>
    <t>cg02778392</t>
  </si>
  <si>
    <t>cg02778609</t>
  </si>
  <si>
    <t>cg02779521</t>
  </si>
  <si>
    <t>cg02787087</t>
  </si>
  <si>
    <t>cg02793451</t>
  </si>
  <si>
    <t>cg02794184</t>
  </si>
  <si>
    <t>cg02796204</t>
  </si>
  <si>
    <t>cg02800384</t>
  </si>
  <si>
    <t>cg02802420</t>
  </si>
  <si>
    <t>cg02803141</t>
  </si>
  <si>
    <t>cg02803345</t>
  </si>
  <si>
    <t>cg02805028</t>
  </si>
  <si>
    <t>cg02808931</t>
  </si>
  <si>
    <t>cg02809611</t>
  </si>
  <si>
    <t>cg02812662</t>
  </si>
  <si>
    <t>cg02814118</t>
  </si>
  <si>
    <t>cg02814289</t>
  </si>
  <si>
    <t>cg02817601</t>
  </si>
  <si>
    <t>cg02818790</t>
  </si>
  <si>
    <t>cg02820413</t>
  </si>
  <si>
    <t>cg02831037</t>
  </si>
  <si>
    <t>cg02834449</t>
  </si>
  <si>
    <t>cg02835005</t>
  </si>
  <si>
    <t>cg02835823</t>
  </si>
  <si>
    <t>cg02837876</t>
  </si>
  <si>
    <t>cg02839220</t>
  </si>
  <si>
    <t>cg02843201</t>
  </si>
  <si>
    <t>cg02843417</t>
  </si>
  <si>
    <t>cg02843500</t>
  </si>
  <si>
    <t>cg02844852</t>
  </si>
  <si>
    <t>cg02846228</t>
  </si>
  <si>
    <t>cg02846801</t>
  </si>
  <si>
    <t>cg02847575</t>
  </si>
  <si>
    <t>cg02849507</t>
  </si>
  <si>
    <t>cg02849719</t>
  </si>
  <si>
    <t>cg02851047</t>
  </si>
  <si>
    <t>cg02851147</t>
  </si>
  <si>
    <t>cg02851730</t>
  </si>
  <si>
    <t>cg02851944</t>
  </si>
  <si>
    <t>cg02852419</t>
  </si>
  <si>
    <t>cg02853019</t>
  </si>
  <si>
    <t>cg02853355</t>
  </si>
  <si>
    <t>cg02853850</t>
  </si>
  <si>
    <t>cg02854067</t>
  </si>
  <si>
    <t>cg02855309</t>
  </si>
  <si>
    <t>cg02857325</t>
  </si>
  <si>
    <t>cg02859026</t>
  </si>
  <si>
    <t>cg02859443</t>
  </si>
  <si>
    <t>cg02859934</t>
  </si>
  <si>
    <t>cg02864757</t>
  </si>
  <si>
    <t>cg02865033</t>
  </si>
  <si>
    <t>cg02867162</t>
  </si>
  <si>
    <t>cg02870744</t>
  </si>
  <si>
    <t>cg02871659</t>
  </si>
  <si>
    <t>cg02871891</t>
  </si>
  <si>
    <t>cg02871966</t>
  </si>
  <si>
    <t>cg02872476</t>
  </si>
  <si>
    <t>cg02873098</t>
  </si>
  <si>
    <t>cg02875253</t>
  </si>
  <si>
    <t>cg02875869</t>
  </si>
  <si>
    <t>cg02876297</t>
  </si>
  <si>
    <t>cg02878544</t>
  </si>
  <si>
    <t>cg02879453</t>
  </si>
  <si>
    <t>cg02884149</t>
  </si>
  <si>
    <t>cg02885583</t>
  </si>
  <si>
    <t>cg02886263</t>
  </si>
  <si>
    <t>cg02888113</t>
  </si>
  <si>
    <t>cg02888809</t>
  </si>
  <si>
    <t>cg02889617</t>
  </si>
  <si>
    <t>cg02890863</t>
  </si>
  <si>
    <t>cg02891495</t>
  </si>
  <si>
    <t>cg02891945</t>
  </si>
  <si>
    <t>cg02893550</t>
  </si>
  <si>
    <t>cg02895698</t>
  </si>
  <si>
    <t>cg02896250</t>
  </si>
  <si>
    <t>cg02898499</t>
  </si>
  <si>
    <t>cg02898915</t>
  </si>
  <si>
    <t>cg02899960</t>
  </si>
  <si>
    <t>cg02902882</t>
  </si>
  <si>
    <t>cg02904093</t>
  </si>
  <si>
    <t>cg02904442</t>
  </si>
  <si>
    <t>cg02910054</t>
  </si>
  <si>
    <t>cg02912007</t>
  </si>
  <si>
    <t>cg02913769</t>
  </si>
  <si>
    <t>cg02913948</t>
  </si>
  <si>
    <t>cg02914427</t>
  </si>
  <si>
    <t>cg02917156</t>
  </si>
  <si>
    <t>cg02918093</t>
  </si>
  <si>
    <t>cg02919585</t>
  </si>
  <si>
    <t>cg02921617</t>
  </si>
  <si>
    <t>cg02922808</t>
  </si>
  <si>
    <t>cg02923393</t>
  </si>
  <si>
    <t>cg02924834</t>
  </si>
  <si>
    <t>cg02925248</t>
  </si>
  <si>
    <t>cg02926298</t>
  </si>
  <si>
    <t>cg02928123</t>
  </si>
  <si>
    <t>cg02934719</t>
  </si>
  <si>
    <t>cg02935718</t>
  </si>
  <si>
    <t>cg02940562</t>
  </si>
  <si>
    <t>cg02941431</t>
  </si>
  <si>
    <t>cg02941923</t>
  </si>
  <si>
    <t>cg02943188</t>
  </si>
  <si>
    <t>cg02944238</t>
  </si>
  <si>
    <t>cg02948541</t>
  </si>
  <si>
    <t>cg02949481</t>
  </si>
  <si>
    <t>cg02949838</t>
  </si>
  <si>
    <t>cg02951526</t>
  </si>
  <si>
    <t>cg02954104</t>
  </si>
  <si>
    <t>cg02954212</t>
  </si>
  <si>
    <t>cg02956639</t>
  </si>
  <si>
    <t>cg02957771</t>
  </si>
  <si>
    <t>cg02961326</t>
  </si>
  <si>
    <t>cg02961557</t>
  </si>
  <si>
    <t>cg02974204</t>
  </si>
  <si>
    <t>cg02975953</t>
  </si>
  <si>
    <t>cg02978505</t>
  </si>
  <si>
    <t>cg02979120</t>
  </si>
  <si>
    <t>cg02981163</t>
  </si>
  <si>
    <t>cg02981208</t>
  </si>
  <si>
    <t>cg02981752</t>
  </si>
  <si>
    <t>cg02983090</t>
  </si>
  <si>
    <t>cg02985292</t>
  </si>
  <si>
    <t>cg02989940</t>
  </si>
  <si>
    <t>cg02992067</t>
  </si>
  <si>
    <t>cg02993882</t>
  </si>
  <si>
    <t>cg02994291</t>
  </si>
  <si>
    <t>cg03004126</t>
  </si>
  <si>
    <t>cg03004426</t>
  </si>
  <si>
    <t>cg03008741</t>
  </si>
  <si>
    <t>cg03010887</t>
  </si>
  <si>
    <t>cg03011941</t>
  </si>
  <si>
    <t>cg03014241</t>
  </si>
  <si>
    <t>cg03014634</t>
  </si>
  <si>
    <t>cg03015758</t>
  </si>
  <si>
    <t>cg03015880</t>
  </si>
  <si>
    <t>cg03020503</t>
  </si>
  <si>
    <t>cg03020916</t>
  </si>
  <si>
    <t>cg03021297</t>
  </si>
  <si>
    <t>cg03022368</t>
  </si>
  <si>
    <t>cg03024660</t>
  </si>
  <si>
    <t>cg03029127</t>
  </si>
  <si>
    <t>cg03031583</t>
  </si>
  <si>
    <t>cg03031932</t>
  </si>
  <si>
    <t>cg03032770</t>
  </si>
  <si>
    <t>cg03033688</t>
  </si>
  <si>
    <t>cg03038672</t>
  </si>
  <si>
    <t>cg03040401</t>
  </si>
  <si>
    <t>cg03054449</t>
  </si>
  <si>
    <t>cg03054598</t>
  </si>
  <si>
    <t>cg03057083</t>
  </si>
  <si>
    <t>cg03058260</t>
  </si>
  <si>
    <t>cg03059382</t>
  </si>
  <si>
    <t>cg03061352</t>
  </si>
  <si>
    <t>cg03062865</t>
  </si>
  <si>
    <t>cg03063946</t>
  </si>
  <si>
    <t>cg03065459</t>
  </si>
  <si>
    <t>cg03065612</t>
  </si>
  <si>
    <t>cg03066283</t>
  </si>
  <si>
    <t>cg03067068</t>
  </si>
  <si>
    <t>cg03072229</t>
  </si>
  <si>
    <t>cg03072681</t>
  </si>
  <si>
    <t>cg03074016</t>
  </si>
  <si>
    <t>cg03075050</t>
  </si>
  <si>
    <t>cg03075683</t>
  </si>
  <si>
    <t>cg03076094</t>
  </si>
  <si>
    <t>cg03076246</t>
  </si>
  <si>
    <t>cg03076945</t>
  </si>
  <si>
    <t>cg03079132</t>
  </si>
  <si>
    <t>cg03081371</t>
  </si>
  <si>
    <t>cg03081743</t>
  </si>
  <si>
    <t>cg03082108</t>
  </si>
  <si>
    <t>cg03082741</t>
  </si>
  <si>
    <t>cg03084704</t>
  </si>
  <si>
    <t>cg03084838</t>
  </si>
  <si>
    <t>cg03085549</t>
  </si>
  <si>
    <t>cg03085712</t>
  </si>
  <si>
    <t>cg03086236</t>
  </si>
  <si>
    <t>cg03086376</t>
  </si>
  <si>
    <t>cg03087880</t>
  </si>
  <si>
    <t>cg03092447</t>
  </si>
  <si>
    <t>cg03093786</t>
  </si>
  <si>
    <t>cg03093897</t>
  </si>
  <si>
    <t>cg03095612</t>
  </si>
  <si>
    <t>cg03095800</t>
  </si>
  <si>
    <t>cg03099790</t>
  </si>
  <si>
    <t>cg03100639</t>
  </si>
  <si>
    <t>cg03101936</t>
  </si>
  <si>
    <t>cg03103525</t>
  </si>
  <si>
    <t>cg03104704</t>
  </si>
  <si>
    <t>cg03105756</t>
  </si>
  <si>
    <t>cg03111576</t>
  </si>
  <si>
    <t>cg03112665</t>
  </si>
  <si>
    <t>cg03116016</t>
  </si>
  <si>
    <t>cg03118076</t>
  </si>
  <si>
    <t>cg03118510</t>
  </si>
  <si>
    <t>cg03119435</t>
  </si>
  <si>
    <t>cg03121844</t>
  </si>
  <si>
    <t>cg03122201</t>
  </si>
  <si>
    <t>cg03123306</t>
  </si>
  <si>
    <t>cg03123979</t>
  </si>
  <si>
    <t>cg03125605</t>
  </si>
  <si>
    <t>cg03125909</t>
  </si>
  <si>
    <t>cg03127370</t>
  </si>
  <si>
    <t>cg03128192</t>
  </si>
  <si>
    <t>cg03128614</t>
  </si>
  <si>
    <t>cg03129774</t>
  </si>
  <si>
    <t>cg03133987</t>
  </si>
  <si>
    <t>cg03134947</t>
  </si>
  <si>
    <t>cg03134962</t>
  </si>
  <si>
    <t>cg03136323</t>
  </si>
  <si>
    <t>cg03140421</t>
  </si>
  <si>
    <t>cg03140557</t>
  </si>
  <si>
    <t>cg03140788</t>
  </si>
  <si>
    <t>cg03142002</t>
  </si>
  <si>
    <t>cg03142071</t>
  </si>
  <si>
    <t>cg03143717</t>
  </si>
  <si>
    <t>cg03143959</t>
  </si>
  <si>
    <t>cg03144643</t>
  </si>
  <si>
    <t>cg03146557</t>
  </si>
  <si>
    <t>cg03146733</t>
  </si>
  <si>
    <t>cg03147390</t>
  </si>
  <si>
    <t>cg03147900</t>
  </si>
  <si>
    <t>cg03152385</t>
  </si>
  <si>
    <t>cg03152800</t>
  </si>
  <si>
    <t>cg03157150</t>
  </si>
  <si>
    <t>cg03157862</t>
  </si>
  <si>
    <t>cg03159676</t>
  </si>
  <si>
    <t>cg03161410</t>
  </si>
  <si>
    <t>cg03163545</t>
  </si>
  <si>
    <t>cg03163759</t>
  </si>
  <si>
    <t>cg03163767</t>
  </si>
  <si>
    <t>cg03166323</t>
  </si>
  <si>
    <t>cg03169170</t>
  </si>
  <si>
    <t>cg03169715</t>
  </si>
  <si>
    <t>cg03173685</t>
  </si>
  <si>
    <t>cg03177666</t>
  </si>
  <si>
    <t>cg03178042</t>
  </si>
  <si>
    <t>cg03178541</t>
  </si>
  <si>
    <t>cg03181373</t>
  </si>
  <si>
    <t>cg03181514</t>
  </si>
  <si>
    <t>cg03185144</t>
  </si>
  <si>
    <t>cg03186069</t>
  </si>
  <si>
    <t>cg03187795</t>
  </si>
  <si>
    <t>cg03190267</t>
  </si>
  <si>
    <t>cg03194064</t>
  </si>
  <si>
    <t>cg03194151</t>
  </si>
  <si>
    <t>cg03196151</t>
  </si>
  <si>
    <t>cg03200537</t>
  </si>
  <si>
    <t>cg03201492</t>
  </si>
  <si>
    <t>cg03202034</t>
  </si>
  <si>
    <t>cg03202803</t>
  </si>
  <si>
    <t>cg03209472</t>
  </si>
  <si>
    <t>cg03209882</t>
  </si>
  <si>
    <t>cg03211902</t>
  </si>
  <si>
    <t>cg03214308</t>
  </si>
  <si>
    <t>cg03217729</t>
  </si>
  <si>
    <t>cg03220187</t>
  </si>
  <si>
    <t>cg03220734</t>
  </si>
  <si>
    <t>cg03221025</t>
  </si>
  <si>
    <t>cg03222101</t>
  </si>
  <si>
    <t>cg03222834</t>
  </si>
  <si>
    <t>cg03223959</t>
  </si>
  <si>
    <t>cg03226000</t>
  </si>
  <si>
    <t>cg03226752</t>
  </si>
  <si>
    <t>cg03227017</t>
  </si>
  <si>
    <t>cg03228065</t>
  </si>
  <si>
    <t>cg03229996</t>
  </si>
  <si>
    <t>cg03231735</t>
  </si>
  <si>
    <t>cg03235603</t>
  </si>
  <si>
    <t>cg03245155</t>
  </si>
  <si>
    <t>cg03245889</t>
  </si>
  <si>
    <t>cg03246570</t>
  </si>
  <si>
    <t>cg03246665</t>
  </si>
  <si>
    <t>cg03248970</t>
  </si>
  <si>
    <t>cg03249995</t>
  </si>
  <si>
    <t>cg03254230</t>
  </si>
  <si>
    <t>cg03255128</t>
  </si>
  <si>
    <t>cg03259887</t>
  </si>
  <si>
    <t>cg03260765</t>
  </si>
  <si>
    <t>cg03264209</t>
  </si>
  <si>
    <t>cg03267151</t>
  </si>
  <si>
    <t>cg03271813</t>
  </si>
  <si>
    <t>cg03272932</t>
  </si>
  <si>
    <t>cg03278488</t>
  </si>
  <si>
    <t>cg03278960</t>
  </si>
  <si>
    <t>cg03279470</t>
  </si>
  <si>
    <t>cg03279631</t>
  </si>
  <si>
    <t>cg03281661</t>
  </si>
  <si>
    <t>cg03285112</t>
  </si>
  <si>
    <t>cg03286076</t>
  </si>
  <si>
    <t>cg03287339</t>
  </si>
  <si>
    <t>cg03287527</t>
  </si>
  <si>
    <t>cg03287566</t>
  </si>
  <si>
    <t>cg03288847</t>
  </si>
  <si>
    <t>cg03289031</t>
  </si>
  <si>
    <t>cg03294833</t>
  </si>
  <si>
    <t>cg03294907</t>
  </si>
  <si>
    <t>cg03296575</t>
  </si>
  <si>
    <t>cg03297731</t>
  </si>
  <si>
    <t>cg03299531</t>
  </si>
  <si>
    <t>cg03300268</t>
  </si>
  <si>
    <t>cg03300649</t>
  </si>
  <si>
    <t>cg03303433</t>
  </si>
  <si>
    <t>cg03303766</t>
  </si>
  <si>
    <t>cg03309050</t>
  </si>
  <si>
    <t>cg03309308</t>
  </si>
  <si>
    <t>cg03315662</t>
  </si>
  <si>
    <t>cg03316000</t>
  </si>
  <si>
    <t>cg03317463</t>
  </si>
  <si>
    <t>cg03317919</t>
  </si>
  <si>
    <t>cg03323597</t>
  </si>
  <si>
    <t>cg03325085</t>
  </si>
  <si>
    <t>cg03325671</t>
  </si>
  <si>
    <t>cg03328215</t>
  </si>
  <si>
    <t>cg03328360</t>
  </si>
  <si>
    <t>cg03328388</t>
  </si>
  <si>
    <t>cg03330920</t>
  </si>
  <si>
    <t>cg03332034</t>
  </si>
  <si>
    <t>cg03332581</t>
  </si>
  <si>
    <t>cg03333116</t>
  </si>
  <si>
    <t>cg03333188</t>
  </si>
  <si>
    <t>cg03336832</t>
  </si>
  <si>
    <t>cg03339704</t>
  </si>
  <si>
    <t>cg03341655</t>
  </si>
  <si>
    <t>cg03350154</t>
  </si>
  <si>
    <t>cg03351003</t>
  </si>
  <si>
    <t>cg03352866</t>
  </si>
  <si>
    <t>cg03355327</t>
  </si>
  <si>
    <t>cg03356053</t>
  </si>
  <si>
    <t>cg03356115</t>
  </si>
  <si>
    <t>cg03361633</t>
  </si>
  <si>
    <t>cg03362018</t>
  </si>
  <si>
    <t>cg03363565</t>
  </si>
  <si>
    <t>cg03366891</t>
  </si>
  <si>
    <t>cg03368362</t>
  </si>
  <si>
    <t>cg03368690</t>
  </si>
  <si>
    <t>cg03372467</t>
  </si>
  <si>
    <t>cg03376340</t>
  </si>
  <si>
    <t>cg03376794</t>
  </si>
  <si>
    <t>cg03378645</t>
  </si>
  <si>
    <t>cg03379706</t>
  </si>
  <si>
    <t>cg03381007</t>
  </si>
  <si>
    <t>cg03382246</t>
  </si>
  <si>
    <t>cg03382370</t>
  </si>
  <si>
    <t>cg03383315</t>
  </si>
  <si>
    <t>cg03383713</t>
  </si>
  <si>
    <t>cg03384419</t>
  </si>
  <si>
    <t>cg03387240</t>
  </si>
  <si>
    <t>cg03388025</t>
  </si>
  <si>
    <t>cg03389720</t>
  </si>
  <si>
    <t>cg03391464</t>
  </si>
  <si>
    <t>cg03393889</t>
  </si>
  <si>
    <t>cg03394188</t>
  </si>
  <si>
    <t>cg03396249</t>
  </si>
  <si>
    <t>cg03396664</t>
  </si>
  <si>
    <t>cg03399271</t>
  </si>
  <si>
    <t>cg03400274</t>
  </si>
  <si>
    <t>cg03400583</t>
  </si>
  <si>
    <t>cg03401506</t>
  </si>
  <si>
    <t>cg03403386</t>
  </si>
  <si>
    <t>cg03403525</t>
  </si>
  <si>
    <t>cg03404742</t>
  </si>
  <si>
    <t>cg03410115</t>
  </si>
  <si>
    <t>cg03410722</t>
  </si>
  <si>
    <t>cg03411082</t>
  </si>
  <si>
    <t>cg03412045</t>
  </si>
  <si>
    <t>cg03412237</t>
  </si>
  <si>
    <t>cg03415742</t>
  </si>
  <si>
    <t>cg03416601</t>
  </si>
  <si>
    <t>cg03417340</t>
  </si>
  <si>
    <t>cg03418659</t>
  </si>
  <si>
    <t>cg03420242</t>
  </si>
  <si>
    <t>cg03420389</t>
  </si>
  <si>
    <t>cg03422651</t>
  </si>
  <si>
    <t>cg03424469</t>
  </si>
  <si>
    <t>cg03427663</t>
  </si>
  <si>
    <t>cg03433404</t>
  </si>
  <si>
    <t>cg03434385</t>
  </si>
  <si>
    <t>cg03436558</t>
  </si>
  <si>
    <t>cg03437140</t>
  </si>
  <si>
    <t>cg03437770</t>
  </si>
  <si>
    <t>cg03438079</t>
  </si>
  <si>
    <t>cg03442014</t>
  </si>
  <si>
    <t>cg03444587</t>
  </si>
  <si>
    <t>cg03446165</t>
  </si>
  <si>
    <t>cg03447083</t>
  </si>
  <si>
    <t>cg03447413</t>
  </si>
  <si>
    <t>cg03448169</t>
  </si>
  <si>
    <t>cg03449543</t>
  </si>
  <si>
    <t>cg03454041</t>
  </si>
  <si>
    <t>cg03454250</t>
  </si>
  <si>
    <t>cg03455024</t>
  </si>
  <si>
    <t>cg03456797</t>
  </si>
  <si>
    <t>cg03456938</t>
  </si>
  <si>
    <t>cg03457197</t>
  </si>
  <si>
    <t>cg03460012</t>
  </si>
  <si>
    <t>cg03462115</t>
  </si>
  <si>
    <t>cg03462322</t>
  </si>
  <si>
    <t>cg03465049</t>
  </si>
  <si>
    <t>cg03467555</t>
  </si>
  <si>
    <t>cg03468397</t>
  </si>
  <si>
    <t>cg03474782</t>
  </si>
  <si>
    <t>cg03476212</t>
  </si>
  <si>
    <t>cg03476673</t>
  </si>
  <si>
    <t>cg03478448</t>
  </si>
  <si>
    <t>cg03480383</t>
  </si>
  <si>
    <t>cg03482123</t>
  </si>
  <si>
    <t>cg03482717</t>
  </si>
  <si>
    <t>cg03482883</t>
  </si>
  <si>
    <t>cg03486974</t>
  </si>
  <si>
    <t>cg03487276</t>
  </si>
  <si>
    <t>cg03492747</t>
  </si>
  <si>
    <t>cg03494502</t>
  </si>
  <si>
    <t>cg03496912</t>
  </si>
  <si>
    <t>cg03498081</t>
  </si>
  <si>
    <t>cg03498402</t>
  </si>
  <si>
    <t>cg03500056</t>
  </si>
  <si>
    <t>cg03503297</t>
  </si>
  <si>
    <t>cg03503871</t>
  </si>
  <si>
    <t>cg03504310</t>
  </si>
  <si>
    <t>cg03505562</t>
  </si>
  <si>
    <t>cg03508409</t>
  </si>
  <si>
    <t>cg03511282</t>
  </si>
  <si>
    <t>cg03511402</t>
  </si>
  <si>
    <t>cg03512808</t>
  </si>
  <si>
    <t>cg03515290</t>
  </si>
  <si>
    <t>cg03515735</t>
  </si>
  <si>
    <t>cg03517250</t>
  </si>
  <si>
    <t>cg03517614</t>
  </si>
  <si>
    <t>cg03519481</t>
  </si>
  <si>
    <t>cg03524868</t>
  </si>
  <si>
    <t>cg03529595</t>
  </si>
  <si>
    <t>cg03535934</t>
  </si>
  <si>
    <t>cg03538733</t>
  </si>
  <si>
    <t>cg03541365</t>
  </si>
  <si>
    <t>cg03545133</t>
  </si>
  <si>
    <t>cg03546673</t>
  </si>
  <si>
    <t>cg03546687</t>
  </si>
  <si>
    <t>cg03548344</t>
  </si>
  <si>
    <t>cg03548490</t>
  </si>
  <si>
    <t>cg03549705</t>
  </si>
  <si>
    <t>cg03550917</t>
  </si>
  <si>
    <t>cg03551406</t>
  </si>
  <si>
    <t>cg03552242</t>
  </si>
  <si>
    <t>cg03552663</t>
  </si>
  <si>
    <t>cg03553819</t>
  </si>
  <si>
    <t>cg03555433</t>
  </si>
  <si>
    <t>cg03556015</t>
  </si>
  <si>
    <t>cg03560424</t>
  </si>
  <si>
    <t>cg03562788</t>
  </si>
  <si>
    <t>cg03564453</t>
  </si>
  <si>
    <t>cg03567120</t>
  </si>
  <si>
    <t>cg03568793</t>
  </si>
  <si>
    <t>cg03570006</t>
  </si>
  <si>
    <t>cg03570976</t>
  </si>
  <si>
    <t>cg03571445</t>
  </si>
  <si>
    <t>cg03573109</t>
  </si>
  <si>
    <t>cg03573390</t>
  </si>
  <si>
    <t>cg03573961</t>
  </si>
  <si>
    <t>cg03575292</t>
  </si>
  <si>
    <t>cg03576748</t>
  </si>
  <si>
    <t>cg03576805</t>
  </si>
  <si>
    <t>cg03578541</t>
  </si>
  <si>
    <t>cg03579885</t>
  </si>
  <si>
    <t>cg03583090</t>
  </si>
  <si>
    <t>cg03583495</t>
  </si>
  <si>
    <t>cg03585823</t>
  </si>
  <si>
    <t>cg03586879</t>
  </si>
  <si>
    <t>cg03590668</t>
  </si>
  <si>
    <t>cg03594822</t>
  </si>
  <si>
    <t>cg03594907</t>
  </si>
  <si>
    <t>cg03596167</t>
  </si>
  <si>
    <t>cg03597968</t>
  </si>
  <si>
    <t>cg03598338</t>
  </si>
  <si>
    <t>cg03598457</t>
  </si>
  <si>
    <t>cg03599928</t>
  </si>
  <si>
    <t>cg03600195</t>
  </si>
  <si>
    <t>cg03603296</t>
  </si>
  <si>
    <t>cg03603530</t>
  </si>
  <si>
    <t>cg03604827</t>
  </si>
  <si>
    <t>cg03606020</t>
  </si>
  <si>
    <t>cg03607729</t>
  </si>
  <si>
    <t>cg03607907</t>
  </si>
  <si>
    <t>cg03609003</t>
  </si>
  <si>
    <t>cg03610266</t>
  </si>
  <si>
    <t>cg03612445</t>
  </si>
  <si>
    <t>cg03613339</t>
  </si>
  <si>
    <t>cg03617389</t>
  </si>
  <si>
    <t>cg03619075</t>
  </si>
  <si>
    <t>cg03619332</t>
  </si>
  <si>
    <t>cg03621837</t>
  </si>
  <si>
    <t>cg03623111</t>
  </si>
  <si>
    <t>cg03623401</t>
  </si>
  <si>
    <t>cg03625515</t>
  </si>
  <si>
    <t>cg03627678</t>
  </si>
  <si>
    <t>cg03627896</t>
  </si>
  <si>
    <t>cg03630386</t>
  </si>
  <si>
    <t>cg03630797</t>
  </si>
  <si>
    <t>cg03630800</t>
  </si>
  <si>
    <t>cg03632935</t>
  </si>
  <si>
    <t>cg03633039</t>
  </si>
  <si>
    <t>cg03634650</t>
  </si>
  <si>
    <t>cg03634775</t>
  </si>
  <si>
    <t>cg03634887</t>
  </si>
  <si>
    <t>cg03634997</t>
  </si>
  <si>
    <t>cg03638642</t>
  </si>
  <si>
    <t>cg03638715</t>
  </si>
  <si>
    <t>cg03639675</t>
  </si>
  <si>
    <t>cg03640864</t>
  </si>
  <si>
    <t>cg03641105</t>
  </si>
  <si>
    <t>cg03642446</t>
  </si>
  <si>
    <t>cg03643345</t>
  </si>
  <si>
    <t>cg03646569</t>
  </si>
  <si>
    <t>cg03647944</t>
  </si>
  <si>
    <t>cg03649125</t>
  </si>
  <si>
    <t>cg03649606</t>
  </si>
  <si>
    <t>cg03650551</t>
  </si>
  <si>
    <t>cg03654304</t>
  </si>
  <si>
    <t>cg03655527</t>
  </si>
  <si>
    <t>cg03660158</t>
  </si>
  <si>
    <t>cg03660502</t>
  </si>
  <si>
    <t>cg03661076</t>
  </si>
  <si>
    <t>cg03662014</t>
  </si>
  <si>
    <t>cg03662347</t>
  </si>
  <si>
    <t>cg03662760</t>
  </si>
  <si>
    <t>cg03663874</t>
  </si>
  <si>
    <t>cg03664748</t>
  </si>
  <si>
    <t>cg03665761</t>
  </si>
  <si>
    <t>cg03666300</t>
  </si>
  <si>
    <t>cg03669292</t>
  </si>
  <si>
    <t>cg03671700</t>
  </si>
  <si>
    <t>cg03677141</t>
  </si>
  <si>
    <t>cg03679716</t>
  </si>
  <si>
    <t>cg03683164</t>
  </si>
  <si>
    <t>cg03688390</t>
  </si>
  <si>
    <t>cg03689552</t>
  </si>
  <si>
    <t>cg03692872</t>
  </si>
  <si>
    <t>cg03696684</t>
  </si>
  <si>
    <t>cg03696974</t>
  </si>
  <si>
    <t>cg03698539</t>
  </si>
  <si>
    <t>cg03698668</t>
  </si>
  <si>
    <t>cg03698956</t>
  </si>
  <si>
    <t>cg03699074</t>
  </si>
  <si>
    <t>cg03699843</t>
  </si>
  <si>
    <t>cg03700218</t>
  </si>
  <si>
    <t>cg03701210</t>
  </si>
  <si>
    <t>cg03701222</t>
  </si>
  <si>
    <t>cg03702919</t>
  </si>
  <si>
    <t>cg03704667</t>
  </si>
  <si>
    <t>cg03704700</t>
  </si>
  <si>
    <t>cg03711016</t>
  </si>
  <si>
    <t>cg03711682</t>
  </si>
  <si>
    <t>cg03712758</t>
  </si>
  <si>
    <t>cg03713346</t>
  </si>
  <si>
    <t>cg03713570</t>
  </si>
  <si>
    <t>cg03720195</t>
  </si>
  <si>
    <t>cg03721293</t>
  </si>
  <si>
    <t>cg03722068</t>
  </si>
  <si>
    <t>cg03725134</t>
  </si>
  <si>
    <t>cg03725192</t>
  </si>
  <si>
    <t>cg03726525</t>
  </si>
  <si>
    <t>cg03728898</t>
  </si>
  <si>
    <t>cg03731647</t>
  </si>
  <si>
    <t>cg03734794</t>
  </si>
  <si>
    <t>cg03736944</t>
  </si>
  <si>
    <t>cg03738579</t>
  </si>
  <si>
    <t>cg03739573</t>
  </si>
  <si>
    <t>cg03740666</t>
  </si>
  <si>
    <t>cg03740752</t>
  </si>
  <si>
    <t>cg03743074</t>
  </si>
  <si>
    <t>cg03743205</t>
  </si>
  <si>
    <t>cg03743982</t>
  </si>
  <si>
    <t>cg03744383</t>
  </si>
  <si>
    <t>cg03746976</t>
  </si>
  <si>
    <t>cg03747177</t>
  </si>
  <si>
    <t>cg03747309</t>
  </si>
  <si>
    <t>cg03747342</t>
  </si>
  <si>
    <t>cg03748158</t>
  </si>
  <si>
    <t>cg03748476</t>
  </si>
  <si>
    <t>cg03750478</t>
  </si>
  <si>
    <t>cg03750909</t>
  </si>
  <si>
    <t>cg03752425</t>
  </si>
  <si>
    <t>cg03753454</t>
  </si>
  <si>
    <t>cg03754098</t>
  </si>
  <si>
    <t>cg03755052</t>
  </si>
  <si>
    <t>cg03757784</t>
  </si>
  <si>
    <t>cg03760387</t>
  </si>
  <si>
    <t>cg03761006</t>
  </si>
  <si>
    <t>cg03761291</t>
  </si>
  <si>
    <t>cg03764381</t>
  </si>
  <si>
    <t>cg03766965</t>
  </si>
  <si>
    <t>cg03772165</t>
  </si>
  <si>
    <t>cg03772227</t>
  </si>
  <si>
    <t>cg03782157</t>
  </si>
  <si>
    <t>cg03783948</t>
  </si>
  <si>
    <t>cg03784197</t>
  </si>
  <si>
    <t>cg03788090</t>
  </si>
  <si>
    <t>cg03789791</t>
  </si>
  <si>
    <t>cg03790192</t>
  </si>
  <si>
    <t>cg03793551</t>
  </si>
  <si>
    <t>cg03794213</t>
  </si>
  <si>
    <t>cg03794288</t>
  </si>
  <si>
    <t>cg03794981</t>
  </si>
  <si>
    <t>cg03797305</t>
  </si>
  <si>
    <t>cg03797504</t>
  </si>
  <si>
    <t>cg03801429</t>
  </si>
  <si>
    <t>cg03801946</t>
  </si>
  <si>
    <t>cg03804128</t>
  </si>
  <si>
    <t>cg03809021</t>
  </si>
  <si>
    <t>cg03811260</t>
  </si>
  <si>
    <t>cg03819286</t>
  </si>
  <si>
    <t>cg03822259</t>
  </si>
  <si>
    <t>cg03824868</t>
  </si>
  <si>
    <t>cg03825855</t>
  </si>
  <si>
    <t>cg03827327</t>
  </si>
  <si>
    <t>cg03828939</t>
  </si>
  <si>
    <t>cg03831869</t>
  </si>
  <si>
    <t>cg03833060</t>
  </si>
  <si>
    <t>cg03833238</t>
  </si>
  <si>
    <t>cg03833378</t>
  </si>
  <si>
    <t>cg03833429</t>
  </si>
  <si>
    <t>cg03835754</t>
  </si>
  <si>
    <t>cg03837963</t>
  </si>
  <si>
    <t>cg03839161</t>
  </si>
  <si>
    <t>cg03839322</t>
  </si>
  <si>
    <t>cg03840920</t>
  </si>
  <si>
    <t>cg03842433</t>
  </si>
  <si>
    <t>cg03844121</t>
  </si>
  <si>
    <t>cg03845837</t>
  </si>
  <si>
    <t>cg03848856</t>
  </si>
  <si>
    <t>cg03849755</t>
  </si>
  <si>
    <t>cg03850113</t>
  </si>
  <si>
    <t>cg03850117</t>
  </si>
  <si>
    <t>cg03851155</t>
  </si>
  <si>
    <t>cg03852963</t>
  </si>
  <si>
    <t>cg03854487</t>
  </si>
  <si>
    <t>cg03854595</t>
  </si>
  <si>
    <t>cg03857640</t>
  </si>
  <si>
    <t>cg03858460</t>
  </si>
  <si>
    <t>cg03859495</t>
  </si>
  <si>
    <t>cg03860054</t>
  </si>
  <si>
    <t>cg03860982</t>
  </si>
  <si>
    <t>cg03863634</t>
  </si>
  <si>
    <t>cg03866831</t>
  </si>
  <si>
    <t>cg03870138</t>
  </si>
  <si>
    <t>cg03873826</t>
  </si>
  <si>
    <t>cg03875082</t>
  </si>
  <si>
    <t>cg03876564</t>
  </si>
  <si>
    <t>cg03879320</t>
  </si>
  <si>
    <t>cg03879594</t>
  </si>
  <si>
    <t>cg03880033</t>
  </si>
  <si>
    <t>cg03884018</t>
  </si>
  <si>
    <t>cg03885252</t>
  </si>
  <si>
    <t>cg03885664</t>
  </si>
  <si>
    <t>cg03887008</t>
  </si>
  <si>
    <t>cg03889236</t>
  </si>
  <si>
    <t>cg03891344</t>
  </si>
  <si>
    <t>cg03892041</t>
  </si>
  <si>
    <t>cg03892543</t>
  </si>
  <si>
    <t>cg03895784</t>
  </si>
  <si>
    <t>cg03895914</t>
  </si>
  <si>
    <t>cg03896542</t>
  </si>
  <si>
    <t>cg03898229</t>
  </si>
  <si>
    <t>cg03901431</t>
  </si>
  <si>
    <t>cg03902391</t>
  </si>
  <si>
    <t>cg03903094</t>
  </si>
  <si>
    <t>cg03905718</t>
  </si>
  <si>
    <t>cg03906846</t>
  </si>
  <si>
    <t>cg03910196</t>
  </si>
  <si>
    <t>cg03911015</t>
  </si>
  <si>
    <t>cg03915539</t>
  </si>
  <si>
    <t>cg03915940</t>
  </si>
  <si>
    <t>cg03917020</t>
  </si>
  <si>
    <t>cg03917077</t>
  </si>
  <si>
    <t>cg03918198</t>
  </si>
  <si>
    <t>cg03919650</t>
  </si>
  <si>
    <t>cg03920233</t>
  </si>
  <si>
    <t>cg03921753</t>
  </si>
  <si>
    <t>cg03922479</t>
  </si>
  <si>
    <t>cg03923285</t>
  </si>
  <si>
    <t>cg03923438</t>
  </si>
  <si>
    <t>cg03924800</t>
  </si>
  <si>
    <t>cg03926983</t>
  </si>
  <si>
    <t>cg03927504</t>
  </si>
  <si>
    <t>cg03927661</t>
  </si>
  <si>
    <t>cg03928410</t>
  </si>
  <si>
    <t>cg03933495</t>
  </si>
  <si>
    <t>cg03933676</t>
  </si>
  <si>
    <t>cg03934313</t>
  </si>
  <si>
    <t>cg03934782</t>
  </si>
  <si>
    <t>cg03935731</t>
  </si>
  <si>
    <t>cg03935956</t>
  </si>
  <si>
    <t>cg03938353</t>
  </si>
  <si>
    <t>cg03939087</t>
  </si>
  <si>
    <t>cg03940074</t>
  </si>
  <si>
    <t>cg03940662</t>
  </si>
  <si>
    <t>cg03943127</t>
  </si>
  <si>
    <t>cg03943249</t>
  </si>
  <si>
    <t>cg03943270</t>
  </si>
  <si>
    <t>cg03945021</t>
  </si>
  <si>
    <t>cg03945387</t>
  </si>
  <si>
    <t>cg03946012</t>
  </si>
  <si>
    <t>cg03948518</t>
  </si>
  <si>
    <t>cg03953196</t>
  </si>
  <si>
    <t>cg03953980</t>
  </si>
  <si>
    <t>cg03954918</t>
  </si>
  <si>
    <t>cg03955409</t>
  </si>
  <si>
    <t>cg03955530</t>
  </si>
  <si>
    <t>cg03957687</t>
  </si>
  <si>
    <t>cg03960100</t>
  </si>
  <si>
    <t>cg03962082</t>
  </si>
  <si>
    <t>cg03963720</t>
  </si>
  <si>
    <t>cg03965322</t>
  </si>
  <si>
    <t>cg03968943</t>
  </si>
  <si>
    <t>cg03970088</t>
  </si>
  <si>
    <t>cg03970351</t>
  </si>
  <si>
    <t>cg03970615</t>
  </si>
  <si>
    <t>cg03971344</t>
  </si>
  <si>
    <t>cg03972466</t>
  </si>
  <si>
    <t>cg03972659</t>
  </si>
  <si>
    <t>cg03973705</t>
  </si>
  <si>
    <t>cg03974483</t>
  </si>
  <si>
    <t>cg03974717</t>
  </si>
  <si>
    <t>cg03980304</t>
  </si>
  <si>
    <t>cg03981596</t>
  </si>
  <si>
    <t>cg03983589</t>
  </si>
  <si>
    <t>cg03986620</t>
  </si>
  <si>
    <t>cg03987653</t>
  </si>
  <si>
    <t>cg03987890</t>
  </si>
  <si>
    <t>cg03989617</t>
  </si>
  <si>
    <t>cg03990720</t>
  </si>
  <si>
    <t>cg03991300</t>
  </si>
  <si>
    <t>cg03991512</t>
  </si>
  <si>
    <t>cg03991592</t>
  </si>
  <si>
    <t>cg03992149</t>
  </si>
  <si>
    <t>cg03992830</t>
  </si>
  <si>
    <t>cg03993687</t>
  </si>
  <si>
    <t>cg03993839</t>
  </si>
  <si>
    <t>cg03995457</t>
  </si>
  <si>
    <t>cg03995533</t>
  </si>
  <si>
    <t>cg03997039</t>
  </si>
  <si>
    <t>cg03997105</t>
  </si>
  <si>
    <t>cg03997502</t>
  </si>
  <si>
    <t>cg03999372</t>
  </si>
  <si>
    <t>cg04000927</t>
  </si>
  <si>
    <t>cg04001668</t>
  </si>
  <si>
    <t>cg04002220</t>
  </si>
  <si>
    <t>cg04002486</t>
  </si>
  <si>
    <t>cg04002758</t>
  </si>
  <si>
    <t>cg04003051</t>
  </si>
  <si>
    <t>cg04004558</t>
  </si>
  <si>
    <t>cg04004607</t>
  </si>
  <si>
    <t>cg04005075</t>
  </si>
  <si>
    <t>cg04005677</t>
  </si>
  <si>
    <t>cg04006133</t>
  </si>
  <si>
    <t>cg04007271</t>
  </si>
  <si>
    <t>cg04010868</t>
  </si>
  <si>
    <t>cg04011357</t>
  </si>
  <si>
    <t>cg04011461</t>
  </si>
  <si>
    <t>cg04011707</t>
  </si>
  <si>
    <t>cg04011754</t>
  </si>
  <si>
    <t>cg04017036</t>
  </si>
  <si>
    <t>cg04017227</t>
  </si>
  <si>
    <t>cg04017310</t>
  </si>
  <si>
    <t>cg04018325</t>
  </si>
  <si>
    <t>cg04018474</t>
  </si>
  <si>
    <t>cg04019954</t>
  </si>
  <si>
    <t>cg04021430</t>
  </si>
  <si>
    <t>cg04022811</t>
  </si>
  <si>
    <t>cg04023204</t>
  </si>
  <si>
    <t>cg04027059</t>
  </si>
  <si>
    <t>cg04028549</t>
  </si>
  <si>
    <t>cg04029168</t>
  </si>
  <si>
    <t>cg04029645</t>
  </si>
  <si>
    <t>cg04031411</t>
  </si>
  <si>
    <t>cg04033718</t>
  </si>
  <si>
    <t>cg04033732</t>
  </si>
  <si>
    <t>cg04034891</t>
  </si>
  <si>
    <t>cg04035386</t>
  </si>
  <si>
    <t>cg04035828</t>
  </si>
  <si>
    <t>cg04036070</t>
  </si>
  <si>
    <t>cg04036430</t>
  </si>
  <si>
    <t>cg04041159</t>
  </si>
  <si>
    <t>cg04043336</t>
  </si>
  <si>
    <t>cg04043382</t>
  </si>
  <si>
    <t>cg04043919</t>
  </si>
  <si>
    <t>cg04044418</t>
  </si>
  <si>
    <t>cg04044983</t>
  </si>
  <si>
    <t>cg04045544</t>
  </si>
  <si>
    <t>cg04047082</t>
  </si>
  <si>
    <t>cg04047472</t>
  </si>
  <si>
    <t>cg04047827</t>
  </si>
  <si>
    <t>cg04049225</t>
  </si>
  <si>
    <t>cg04049508</t>
  </si>
  <si>
    <t>cg04052706</t>
  </si>
  <si>
    <t>cg04053417</t>
  </si>
  <si>
    <t>cg04055096</t>
  </si>
  <si>
    <t>cg04056774</t>
  </si>
  <si>
    <t>cg04057674</t>
  </si>
  <si>
    <t>cg04058144</t>
  </si>
  <si>
    <t>cg04059367</t>
  </si>
  <si>
    <t>cg04060128</t>
  </si>
  <si>
    <t>cg04060571</t>
  </si>
  <si>
    <t>cg04062104</t>
  </si>
  <si>
    <t>cg04064054</t>
  </si>
  <si>
    <t>cg04066242</t>
  </si>
  <si>
    <t>cg04066637</t>
  </si>
  <si>
    <t>cg04069269</t>
  </si>
  <si>
    <t>cg04069277</t>
  </si>
  <si>
    <t>cg04070176</t>
  </si>
  <si>
    <t>cg04071866</t>
  </si>
  <si>
    <t>cg04076387</t>
  </si>
  <si>
    <t>cg04076817</t>
  </si>
  <si>
    <t>cg04081145</t>
  </si>
  <si>
    <t>cg04081201</t>
  </si>
  <si>
    <t>cg04082512</t>
  </si>
  <si>
    <t>cg04082551</t>
  </si>
  <si>
    <t>cg04084026</t>
  </si>
  <si>
    <t>cg04086239</t>
  </si>
  <si>
    <t>cg04087057</t>
  </si>
  <si>
    <t>cg04091113</t>
  </si>
  <si>
    <t>cg04091712</t>
  </si>
  <si>
    <t>cg04091822</t>
  </si>
  <si>
    <t>cg04094640</t>
  </si>
  <si>
    <t>cg04099595</t>
  </si>
  <si>
    <t>cg04100684</t>
  </si>
  <si>
    <t>cg04102161</t>
  </si>
  <si>
    <t>cg04102325</t>
  </si>
  <si>
    <t>cg04105683</t>
  </si>
  <si>
    <t>cg04106092</t>
  </si>
  <si>
    <t>cg04112106</t>
  </si>
  <si>
    <t>cg04112742</t>
  </si>
  <si>
    <t>cg04113258</t>
  </si>
  <si>
    <t>cg04116218</t>
  </si>
  <si>
    <t>cg04118321</t>
  </si>
  <si>
    <t>cg04118519</t>
  </si>
  <si>
    <t>cg04123578</t>
  </si>
  <si>
    <t>cg04124636</t>
  </si>
  <si>
    <t>cg04125273</t>
  </si>
  <si>
    <t>cg04128880</t>
  </si>
  <si>
    <t>cg04131395</t>
  </si>
  <si>
    <t>cg04131949</t>
  </si>
  <si>
    <t>cg04132651</t>
  </si>
  <si>
    <t>cg04135806</t>
  </si>
  <si>
    <t>cg04136036</t>
  </si>
  <si>
    <t>cg04141008</t>
  </si>
  <si>
    <t>cg04145621</t>
  </si>
  <si>
    <t>cg04147875</t>
  </si>
  <si>
    <t>cg04148285</t>
  </si>
  <si>
    <t>cg04148720</t>
  </si>
  <si>
    <t>cg04148884</t>
  </si>
  <si>
    <t>cg04149930</t>
  </si>
  <si>
    <t>cg04152616</t>
  </si>
  <si>
    <t>cg04152767</t>
  </si>
  <si>
    <t>cg04153289</t>
  </si>
  <si>
    <t>cg04153740</t>
  </si>
  <si>
    <t>cg04155026</t>
  </si>
  <si>
    <t>cg04155793</t>
  </si>
  <si>
    <t>cg04156464</t>
  </si>
  <si>
    <t>cg04158290</t>
  </si>
  <si>
    <t>cg04159006</t>
  </si>
  <si>
    <t>cg04160201</t>
  </si>
  <si>
    <t>cg04162276</t>
  </si>
  <si>
    <t>cg04164048</t>
  </si>
  <si>
    <t>cg04164172</t>
  </si>
  <si>
    <t>cg04165933</t>
  </si>
  <si>
    <t>cg04166335</t>
  </si>
  <si>
    <t>cg04168474</t>
  </si>
  <si>
    <t>cg04169260</t>
  </si>
  <si>
    <t>cg04170174</t>
  </si>
  <si>
    <t>cg04170460</t>
  </si>
  <si>
    <t>cg04170853</t>
  </si>
  <si>
    <t>cg04171052</t>
  </si>
  <si>
    <t>cg04171425</t>
  </si>
  <si>
    <t>cg04171526</t>
  </si>
  <si>
    <t>cg04172533</t>
  </si>
  <si>
    <t>cg04173154</t>
  </si>
  <si>
    <t>cg04176254</t>
  </si>
  <si>
    <t>cg04177015</t>
  </si>
  <si>
    <t>cg04177091</t>
  </si>
  <si>
    <t>cg04180723</t>
  </si>
  <si>
    <t>cg04185041</t>
  </si>
  <si>
    <t>cg04185862</t>
  </si>
  <si>
    <t>cg04185884</t>
  </si>
  <si>
    <t>cg04187039</t>
  </si>
  <si>
    <t>cg04189149</t>
  </si>
  <si>
    <t>cg04189647</t>
  </si>
  <si>
    <t>cg04189768</t>
  </si>
  <si>
    <t>cg04190807</t>
  </si>
  <si>
    <t>cg04192556</t>
  </si>
  <si>
    <t>cg04194479</t>
  </si>
  <si>
    <t>cg04195127</t>
  </si>
  <si>
    <t>cg04196516</t>
  </si>
  <si>
    <t>cg04205616</t>
  </si>
  <si>
    <t>cg04205744</t>
  </si>
  <si>
    <t>cg04206329</t>
  </si>
  <si>
    <t>cg04206906</t>
  </si>
  <si>
    <t>cg04208175</t>
  </si>
  <si>
    <t>cg04211309</t>
  </si>
  <si>
    <t>cg04211829</t>
  </si>
  <si>
    <t>cg04212884</t>
  </si>
  <si>
    <t>cg04217988</t>
  </si>
  <si>
    <t>cg04220072</t>
  </si>
  <si>
    <t>cg04223793</t>
  </si>
  <si>
    <t>cg04231340</t>
  </si>
  <si>
    <t>cg04232615</t>
  </si>
  <si>
    <t>cg04232972</t>
  </si>
  <si>
    <t>cg04233193</t>
  </si>
  <si>
    <t>cg04233537</t>
  </si>
  <si>
    <t>cg04234063</t>
  </si>
  <si>
    <t>cg04234631</t>
  </si>
  <si>
    <t>cg04235075</t>
  </si>
  <si>
    <t>cg04235388</t>
  </si>
  <si>
    <t>cg04239353</t>
  </si>
  <si>
    <t>cg04239863</t>
  </si>
  <si>
    <t>cg04240553</t>
  </si>
  <si>
    <t>cg04240950</t>
  </si>
  <si>
    <t>cg04242078</t>
  </si>
  <si>
    <t>cg04242728</t>
  </si>
  <si>
    <t>cg04243153</t>
  </si>
  <si>
    <t>cg04245634</t>
  </si>
  <si>
    <t>cg04250732</t>
  </si>
  <si>
    <t>cg04251918</t>
  </si>
  <si>
    <t>cg04252592</t>
  </si>
  <si>
    <t>cg04252928</t>
  </si>
  <si>
    <t>cg04252938</t>
  </si>
  <si>
    <t>cg04253697</t>
  </si>
  <si>
    <t>cg04253954</t>
  </si>
  <si>
    <t>cg04257263</t>
  </si>
  <si>
    <t>cg04257638</t>
  </si>
  <si>
    <t>cg04258138</t>
  </si>
  <si>
    <t>cg04260507</t>
  </si>
  <si>
    <t>cg04260557</t>
  </si>
  <si>
    <t>cg04262197</t>
  </si>
  <si>
    <t>cg04263125</t>
  </si>
  <si>
    <t>cg04264560</t>
  </si>
  <si>
    <t>cg04267772</t>
  </si>
  <si>
    <t>cg04267828</t>
  </si>
  <si>
    <t>cg04268390</t>
  </si>
  <si>
    <t>cg04268432</t>
  </si>
  <si>
    <t>cg04269879</t>
  </si>
  <si>
    <t>cg04270274</t>
  </si>
  <si>
    <t>cg04275947</t>
  </si>
  <si>
    <t>cg04276765</t>
  </si>
  <si>
    <t>cg04285141</t>
  </si>
  <si>
    <t>cg04286003</t>
  </si>
  <si>
    <t>cg04290162</t>
  </si>
  <si>
    <t>cg04293152</t>
  </si>
  <si>
    <t>cg04297258</t>
  </si>
  <si>
    <t>cg04299318</t>
  </si>
  <si>
    <t>cg04299808</t>
  </si>
  <si>
    <t>cg04301760</t>
  </si>
  <si>
    <t>cg04302704</t>
  </si>
  <si>
    <t>cg04303879</t>
  </si>
  <si>
    <t>cg04303976</t>
  </si>
  <si>
    <t>cg04305082</t>
  </si>
  <si>
    <t>cg04305821</t>
  </si>
  <si>
    <t>cg04306817</t>
  </si>
  <si>
    <t>cg04307274</t>
  </si>
  <si>
    <t>cg04309071</t>
  </si>
  <si>
    <t>cg04309214</t>
  </si>
  <si>
    <t>cg04313338</t>
  </si>
  <si>
    <t>cg04314154</t>
  </si>
  <si>
    <t>cg04314555</t>
  </si>
  <si>
    <t>cg04318353</t>
  </si>
  <si>
    <t>cg04320404</t>
  </si>
  <si>
    <t>cg04320510</t>
  </si>
  <si>
    <t>cg04320635</t>
  </si>
  <si>
    <t>cg04321267</t>
  </si>
  <si>
    <t>cg04322176</t>
  </si>
  <si>
    <t>cg04322210</t>
  </si>
  <si>
    <t>cg04324521</t>
  </si>
  <si>
    <t>cg04324917</t>
  </si>
  <si>
    <t>cg04325591</t>
  </si>
  <si>
    <t>cg04328826</t>
  </si>
  <si>
    <t>cg04329347</t>
  </si>
  <si>
    <t>cg04332526</t>
  </si>
  <si>
    <t>cg04332619</t>
  </si>
  <si>
    <t>cg04334651</t>
  </si>
  <si>
    <t>cg04334736</t>
  </si>
  <si>
    <t>cg04337688</t>
  </si>
  <si>
    <t>cg04337828</t>
  </si>
  <si>
    <t>cg04338025</t>
  </si>
  <si>
    <t>cg04338134</t>
  </si>
  <si>
    <t>cg04338890</t>
  </si>
  <si>
    <t>cg04339240</t>
  </si>
  <si>
    <t>cg04339790</t>
  </si>
  <si>
    <t>cg04339860</t>
  </si>
  <si>
    <t>cg04342090</t>
  </si>
  <si>
    <t>cg04343385</t>
  </si>
  <si>
    <t>cg04343789</t>
  </si>
  <si>
    <t>cg04347554</t>
  </si>
  <si>
    <t>cg04351258</t>
  </si>
  <si>
    <t>cg04357025</t>
  </si>
  <si>
    <t>cg04359840</t>
  </si>
  <si>
    <t>cg04361926</t>
  </si>
  <si>
    <t>cg04362711</t>
  </si>
  <si>
    <t>cg04365980</t>
  </si>
  <si>
    <t>cg04367958</t>
  </si>
  <si>
    <t>cg04368849</t>
  </si>
  <si>
    <t>cg04368877</t>
  </si>
  <si>
    <t>cg04373285</t>
  </si>
  <si>
    <t>cg04376817</t>
  </si>
  <si>
    <t>cg04377053</t>
  </si>
  <si>
    <t>cg04377850</t>
  </si>
  <si>
    <t>cg04378127</t>
  </si>
  <si>
    <t>cg04378874</t>
  </si>
  <si>
    <t>cg04379563</t>
  </si>
  <si>
    <t>cg04383212</t>
  </si>
  <si>
    <t>cg04383436</t>
  </si>
  <si>
    <t>cg04383849</t>
  </si>
  <si>
    <t>cg04384112</t>
  </si>
  <si>
    <t>cg04385193</t>
  </si>
  <si>
    <t>cg04385519</t>
  </si>
  <si>
    <t>cg04385733</t>
  </si>
  <si>
    <t>cg04389164</t>
  </si>
  <si>
    <t>cg04391232</t>
  </si>
  <si>
    <t>cg04391957</t>
  </si>
  <si>
    <t>cg04394315</t>
  </si>
  <si>
    <t>cg04395006</t>
  </si>
  <si>
    <t>cg04399289</t>
  </si>
  <si>
    <t>cg04399565</t>
  </si>
  <si>
    <t>cg04399875</t>
  </si>
  <si>
    <t>cg04400455</t>
  </si>
  <si>
    <t>cg04400620</t>
  </si>
  <si>
    <t>cg04402122</t>
  </si>
  <si>
    <t>cg04404789</t>
  </si>
  <si>
    <t>cg04407248</t>
  </si>
  <si>
    <t>cg04407872</t>
  </si>
  <si>
    <t>cg04411841</t>
  </si>
  <si>
    <t>cg04413090</t>
  </si>
  <si>
    <t>cg04413148</t>
  </si>
  <si>
    <t>cg04416981</t>
  </si>
  <si>
    <t>cg04419883</t>
  </si>
  <si>
    <t>cg04423635</t>
  </si>
  <si>
    <t>cg04424885</t>
  </si>
  <si>
    <t>cg04428453</t>
  </si>
  <si>
    <t>cg04430996</t>
  </si>
  <si>
    <t>cg04431346</t>
  </si>
  <si>
    <t>cg04431935</t>
  </si>
  <si>
    <t>cg04432137</t>
  </si>
  <si>
    <t>cg04434701</t>
  </si>
  <si>
    <t>cg04436971</t>
  </si>
  <si>
    <t>cg04438525</t>
  </si>
  <si>
    <t>cg04440724</t>
  </si>
  <si>
    <t>cg04441477</t>
  </si>
  <si>
    <t>cg04441775</t>
  </si>
  <si>
    <t>cg04444027</t>
  </si>
  <si>
    <t>cg04447128</t>
  </si>
  <si>
    <t>cg04448709</t>
  </si>
  <si>
    <t>cg04450501</t>
  </si>
  <si>
    <t>cg04452432</t>
  </si>
  <si>
    <t>cg04453792</t>
  </si>
  <si>
    <t>cg04454391</t>
  </si>
  <si>
    <t>cg04461481</t>
  </si>
  <si>
    <t>cg04465078</t>
  </si>
  <si>
    <t>cg04466484</t>
  </si>
  <si>
    <t>cg04466886</t>
  </si>
  <si>
    <t>cg04467320</t>
  </si>
  <si>
    <t>cg04468817</t>
  </si>
  <si>
    <t>cg04468927</t>
  </si>
  <si>
    <t>cg04470044</t>
  </si>
  <si>
    <t>cg04471589</t>
  </si>
  <si>
    <t>cg04475868</t>
  </si>
  <si>
    <t>cg04477789</t>
  </si>
  <si>
    <t>cg04477917</t>
  </si>
  <si>
    <t>cg04482088</t>
  </si>
  <si>
    <t>cg04483701</t>
  </si>
  <si>
    <t>cg04484136</t>
  </si>
  <si>
    <t>cg04484415</t>
  </si>
  <si>
    <t>cg04484916</t>
  </si>
  <si>
    <t>cg04484967</t>
  </si>
  <si>
    <t>cg04486050</t>
  </si>
  <si>
    <t>cg04490516</t>
  </si>
  <si>
    <t>cg04490714</t>
  </si>
  <si>
    <t>cg04491089</t>
  </si>
  <si>
    <t>cg04491443</t>
  </si>
  <si>
    <t>cg04492943</t>
  </si>
  <si>
    <t>cg04493401</t>
  </si>
  <si>
    <t>cg04494791</t>
  </si>
  <si>
    <t>cg04496920</t>
  </si>
  <si>
    <t>cg04497015</t>
  </si>
  <si>
    <t>cg04498349</t>
  </si>
  <si>
    <t>cg04502490</t>
  </si>
  <si>
    <t>cg04502620</t>
  </si>
  <si>
    <t>cg04504312</t>
  </si>
  <si>
    <t>cg04505809</t>
  </si>
  <si>
    <t>cg04507187</t>
  </si>
  <si>
    <t>cg04508648</t>
  </si>
  <si>
    <t>cg04508884</t>
  </si>
  <si>
    <t>cg04509526</t>
  </si>
  <si>
    <t>cg04511619</t>
  </si>
  <si>
    <t>cg04513311</t>
  </si>
  <si>
    <t>cg04517441</t>
  </si>
  <si>
    <t>cg04519177</t>
  </si>
  <si>
    <t>cg04519296</t>
  </si>
  <si>
    <t>cg04519550</t>
  </si>
  <si>
    <t>cg04524433</t>
  </si>
  <si>
    <t>cg04524770</t>
  </si>
  <si>
    <t>cg04525335</t>
  </si>
  <si>
    <t>cg04526749</t>
  </si>
  <si>
    <t>cg04526858</t>
  </si>
  <si>
    <t>cg04528720</t>
  </si>
  <si>
    <t>cg04530844</t>
  </si>
  <si>
    <t>cg04534926</t>
  </si>
  <si>
    <t>cg04536393</t>
  </si>
  <si>
    <t>cg04536893</t>
  </si>
  <si>
    <t>cg04537050</t>
  </si>
  <si>
    <t>cg04538473</t>
  </si>
  <si>
    <t>cg04539111</t>
  </si>
  <si>
    <t>cg04539283</t>
  </si>
  <si>
    <t>cg04540493</t>
  </si>
  <si>
    <t>cg04543289</t>
  </si>
  <si>
    <t>cg04543865</t>
  </si>
  <si>
    <t>cg04544033</t>
  </si>
  <si>
    <t>cg04545079</t>
  </si>
  <si>
    <t>cg04546061</t>
  </si>
  <si>
    <t>cg04546186</t>
  </si>
  <si>
    <t>cg04548722</t>
  </si>
  <si>
    <t>cg04551053</t>
  </si>
  <si>
    <t>cg04551092</t>
  </si>
  <si>
    <t>cg04556612</t>
  </si>
  <si>
    <t>cg04560213</t>
  </si>
  <si>
    <t>cg04562714</t>
  </si>
  <si>
    <t>cg04568155</t>
  </si>
  <si>
    <t>cg04568774</t>
  </si>
  <si>
    <t>cg04569888</t>
  </si>
  <si>
    <t>cg04572085</t>
  </si>
  <si>
    <t>cg04576630</t>
  </si>
  <si>
    <t>cg04577451</t>
  </si>
  <si>
    <t>cg04579505</t>
  </si>
  <si>
    <t>cg04579809</t>
  </si>
  <si>
    <t>cg04580872</t>
  </si>
  <si>
    <t>cg04581613</t>
  </si>
  <si>
    <t>cg04582263</t>
  </si>
  <si>
    <t>cg04585389</t>
  </si>
  <si>
    <t>cg04586407</t>
  </si>
  <si>
    <t>cg04586579</t>
  </si>
  <si>
    <t>cg04587581</t>
  </si>
  <si>
    <t>cg04590303</t>
  </si>
  <si>
    <t>cg04590434</t>
  </si>
  <si>
    <t>cg04590638</t>
  </si>
  <si>
    <t>cg04593445</t>
  </si>
  <si>
    <t>cg04593696</t>
  </si>
  <si>
    <t>cg04594378</t>
  </si>
  <si>
    <t>cg04594445</t>
  </si>
  <si>
    <t>cg04597312</t>
  </si>
  <si>
    <t>cg04599946</t>
  </si>
  <si>
    <t>cg04600253</t>
  </si>
  <si>
    <t>cg04600641</t>
  </si>
  <si>
    <t>cg04600699</t>
  </si>
  <si>
    <t>cg04602007</t>
  </si>
  <si>
    <t>cg04602696</t>
  </si>
  <si>
    <t>cg04606170</t>
  </si>
  <si>
    <t>cg04607024</t>
  </si>
  <si>
    <t>cg04607671</t>
  </si>
  <si>
    <t>cg04609959</t>
  </si>
  <si>
    <t>cg04611161</t>
  </si>
  <si>
    <t>cg04612503</t>
  </si>
  <si>
    <t>cg04613834</t>
  </si>
  <si>
    <t>cg04614386</t>
  </si>
  <si>
    <t>cg04615771</t>
  </si>
  <si>
    <t>cg04616218</t>
  </si>
  <si>
    <t>cg04616529</t>
  </si>
  <si>
    <t>cg04623270</t>
  </si>
  <si>
    <t>cg04625212</t>
  </si>
  <si>
    <t>cg04627530</t>
  </si>
  <si>
    <t>cg04629867</t>
  </si>
  <si>
    <t>cg04630574</t>
  </si>
  <si>
    <t>cg04633683</t>
  </si>
  <si>
    <t>cg04634034</t>
  </si>
  <si>
    <t>cg04635334</t>
  </si>
  <si>
    <t>cg04636307</t>
  </si>
  <si>
    <t>cg04636672</t>
  </si>
  <si>
    <t>cg04636834</t>
  </si>
  <si>
    <t>cg04642627</t>
  </si>
  <si>
    <t>cg04643524</t>
  </si>
  <si>
    <t>cg04643527</t>
  </si>
  <si>
    <t>cg04646096</t>
  </si>
  <si>
    <t>cg04649627</t>
  </si>
  <si>
    <t>cg04650403</t>
  </si>
  <si>
    <t>cg04651601</t>
  </si>
  <si>
    <t>cg04653012</t>
  </si>
  <si>
    <t>cg04653893</t>
  </si>
  <si>
    <t>cg04653928</t>
  </si>
  <si>
    <t>cg04656424</t>
  </si>
  <si>
    <t>cg04657461</t>
  </si>
  <si>
    <t>cg04659467</t>
  </si>
  <si>
    <t>cg04660698</t>
  </si>
  <si>
    <t>cg04661002</t>
  </si>
  <si>
    <t>cg04661592</t>
  </si>
  <si>
    <t>cg04661834</t>
  </si>
  <si>
    <t>cg04663017</t>
  </si>
  <si>
    <t>cg04664169</t>
  </si>
  <si>
    <t>cg04666465</t>
  </si>
  <si>
    <t>cg04667664</t>
  </si>
  <si>
    <t>cg04668677</t>
  </si>
  <si>
    <t>cg04670451</t>
  </si>
  <si>
    <t>cg04673509</t>
  </si>
  <si>
    <t>cg04674421</t>
  </si>
  <si>
    <t>cg04675204</t>
  </si>
  <si>
    <t>cg04675221</t>
  </si>
  <si>
    <t>cg04676112</t>
  </si>
  <si>
    <t>cg04682862</t>
  </si>
  <si>
    <t>cg04683824</t>
  </si>
  <si>
    <t>cg04684411</t>
  </si>
  <si>
    <t>cg04685738</t>
  </si>
  <si>
    <t>cg04686204</t>
  </si>
  <si>
    <t>cg04689058</t>
  </si>
  <si>
    <t>cg04691669</t>
  </si>
  <si>
    <t>cg04692023</t>
  </si>
  <si>
    <t>cg04694209</t>
  </si>
  <si>
    <t>cg04697209</t>
  </si>
  <si>
    <t>cg04699460</t>
  </si>
  <si>
    <t>cg04699663</t>
  </si>
  <si>
    <t>cg04703197</t>
  </si>
  <si>
    <t>cg04703221</t>
  </si>
  <si>
    <t>cg04703617</t>
  </si>
  <si>
    <t>cg04708264</t>
  </si>
  <si>
    <t>cg04708321</t>
  </si>
  <si>
    <t>cg04713188</t>
  </si>
  <si>
    <t>cg04713743</t>
  </si>
  <si>
    <t>cg04721268</t>
  </si>
  <si>
    <t>cg04722283</t>
  </si>
  <si>
    <t>cg04730254</t>
  </si>
  <si>
    <t>cg04730825</t>
  </si>
  <si>
    <t>cg04731384</t>
  </si>
  <si>
    <t>cg04733196</t>
  </si>
  <si>
    <t>cg04733787</t>
  </si>
  <si>
    <t>cg04734210</t>
  </si>
  <si>
    <t>cg04735948</t>
  </si>
  <si>
    <t>cg04736751</t>
  </si>
  <si>
    <t>cg04737042</t>
  </si>
  <si>
    <t>cg04738496</t>
  </si>
  <si>
    <t>cg04739747</t>
  </si>
  <si>
    <t>cg04745662</t>
  </si>
  <si>
    <t>cg04747634</t>
  </si>
  <si>
    <t>cg04747693</t>
  </si>
  <si>
    <t>cg04750517</t>
  </si>
  <si>
    <t>cg04755227</t>
  </si>
  <si>
    <t>cg04755561</t>
  </si>
  <si>
    <t>cg04759112</t>
  </si>
  <si>
    <t>cg04760348</t>
  </si>
  <si>
    <t>cg04760604</t>
  </si>
  <si>
    <t>cg04762034</t>
  </si>
  <si>
    <t>cg04762890</t>
  </si>
  <si>
    <t>cg04763156</t>
  </si>
  <si>
    <t>cg04767841</t>
  </si>
  <si>
    <t>cg04768927</t>
  </si>
  <si>
    <t>cg04769879</t>
  </si>
  <si>
    <t>cg04770195</t>
  </si>
  <si>
    <t>cg04770705</t>
  </si>
  <si>
    <t>cg04772241</t>
  </si>
  <si>
    <t>cg04774506</t>
  </si>
  <si>
    <t>cg04779191</t>
  </si>
  <si>
    <t>cg04780159</t>
  </si>
  <si>
    <t>cg04782146</t>
  </si>
  <si>
    <t>cg04784212</t>
  </si>
  <si>
    <t>cg04786287</t>
  </si>
  <si>
    <t>cg04786564</t>
  </si>
  <si>
    <t>cg04789818</t>
  </si>
  <si>
    <t>cg04791523</t>
  </si>
  <si>
    <t>cg04792532</t>
  </si>
  <si>
    <t>cg04793118</t>
  </si>
  <si>
    <t>cg04793813</t>
  </si>
  <si>
    <t>cg04794202</t>
  </si>
  <si>
    <t>cg04795724</t>
  </si>
  <si>
    <t>cg04799610</t>
  </si>
  <si>
    <t>cg04800715</t>
  </si>
  <si>
    <t>cg04802221</t>
  </si>
  <si>
    <t>cg04802238</t>
  </si>
  <si>
    <t>cg04803509</t>
  </si>
  <si>
    <t>cg04804616</t>
  </si>
  <si>
    <t>cg04807152</t>
  </si>
  <si>
    <t>cg04808179</t>
  </si>
  <si>
    <t>cg04811706</t>
  </si>
  <si>
    <t>cg04813711</t>
  </si>
  <si>
    <t>cg04813834</t>
  </si>
  <si>
    <t>cg04814450</t>
  </si>
  <si>
    <t>cg04815601</t>
  </si>
  <si>
    <t>cg04817996</t>
  </si>
  <si>
    <t>cg04818078</t>
  </si>
  <si>
    <t>cg04818274</t>
  </si>
  <si>
    <t>cg04818331</t>
  </si>
  <si>
    <t>cg04819214</t>
  </si>
  <si>
    <t>cg04819538</t>
  </si>
  <si>
    <t>cg04825262</t>
  </si>
  <si>
    <t>cg04829521</t>
  </si>
  <si>
    <t>cg04832210</t>
  </si>
  <si>
    <t>cg04834436</t>
  </si>
  <si>
    <t>cg04835359</t>
  </si>
  <si>
    <t>cg04839677</t>
  </si>
  <si>
    <t>cg04839706</t>
  </si>
  <si>
    <t>cg04839764</t>
  </si>
  <si>
    <t>cg04840669</t>
  </si>
  <si>
    <t>cg04844323</t>
  </si>
  <si>
    <t>cg04844564</t>
  </si>
  <si>
    <t>cg04845649</t>
  </si>
  <si>
    <t>cg04845821</t>
  </si>
  <si>
    <t>cg04847830</t>
  </si>
  <si>
    <t>cg04848107</t>
  </si>
  <si>
    <t>cg04848686</t>
  </si>
  <si>
    <t>cg04850976</t>
  </si>
  <si>
    <t>cg04853843</t>
  </si>
  <si>
    <t>cg04853906</t>
  </si>
  <si>
    <t>cg04857172</t>
  </si>
  <si>
    <t>cg04858398</t>
  </si>
  <si>
    <t>cg04861096</t>
  </si>
  <si>
    <t>cg04863888</t>
  </si>
  <si>
    <t>cg04867146</t>
  </si>
  <si>
    <t>cg04867814</t>
  </si>
  <si>
    <t>cg04868376</t>
  </si>
  <si>
    <t>cg04868518</t>
  </si>
  <si>
    <t>cg04870483</t>
  </si>
  <si>
    <t>cg04872027</t>
  </si>
  <si>
    <t>cg04873963</t>
  </si>
  <si>
    <t>cg04874129</t>
  </si>
  <si>
    <t>cg04874292</t>
  </si>
  <si>
    <t>cg04874463</t>
  </si>
  <si>
    <t>cg04876548</t>
  </si>
  <si>
    <t>cg04879381</t>
  </si>
  <si>
    <t>cg04879645</t>
  </si>
  <si>
    <t>cg04879696</t>
  </si>
  <si>
    <t>cg04886157</t>
  </si>
  <si>
    <t>cg04887405</t>
  </si>
  <si>
    <t>cg04889061</t>
  </si>
  <si>
    <t>cg04890560</t>
  </si>
  <si>
    <t>cg04890713</t>
  </si>
  <si>
    <t>cg04897080</t>
  </si>
  <si>
    <t>cg04898487</t>
  </si>
  <si>
    <t>cg04898939</t>
  </si>
  <si>
    <t>cg04899681</t>
  </si>
  <si>
    <t>cg04900667</t>
  </si>
  <si>
    <t>cg04903829</t>
  </si>
  <si>
    <t>cg04904099</t>
  </si>
  <si>
    <t>cg04904654</t>
  </si>
  <si>
    <t>cg04905201</t>
  </si>
  <si>
    <t>cg04905421</t>
  </si>
  <si>
    <t>cg04905834</t>
  </si>
  <si>
    <t>cg04908548</t>
  </si>
  <si>
    <t>cg04910662</t>
  </si>
  <si>
    <t>cg04914290</t>
  </si>
  <si>
    <t>cg04915494</t>
  </si>
  <si>
    <t>cg04915974</t>
  </si>
  <si>
    <t>cg04917160</t>
  </si>
  <si>
    <t>cg04923532</t>
  </si>
  <si>
    <t>cg04924185</t>
  </si>
  <si>
    <t>cg04925864</t>
  </si>
  <si>
    <t>cg04926368</t>
  </si>
  <si>
    <t>cg04928096</t>
  </si>
  <si>
    <t>cg04928338</t>
  </si>
  <si>
    <t>cg04929780</t>
  </si>
  <si>
    <t>cg04930630</t>
  </si>
  <si>
    <t>cg04931493</t>
  </si>
  <si>
    <t>cg04932804</t>
  </si>
  <si>
    <t>cg04933361</t>
  </si>
  <si>
    <t>cg04933492</t>
  </si>
  <si>
    <t>cg04936610</t>
  </si>
  <si>
    <t>cg04938149</t>
  </si>
  <si>
    <t>cg04939294</t>
  </si>
  <si>
    <t>cg04940776</t>
  </si>
  <si>
    <t>cg04941520</t>
  </si>
  <si>
    <t>cg04942472</t>
  </si>
  <si>
    <t>cg04943065</t>
  </si>
  <si>
    <t>cg04944296</t>
  </si>
  <si>
    <t>cg04944595</t>
  </si>
  <si>
    <t>cg04945457</t>
  </si>
  <si>
    <t>cg04946709</t>
  </si>
  <si>
    <t>cg04948060</t>
  </si>
  <si>
    <t>cg04949226</t>
  </si>
  <si>
    <t>cg04949963</t>
  </si>
  <si>
    <t>cg04952599</t>
  </si>
  <si>
    <t>cg04955097</t>
  </si>
  <si>
    <t>cg04956719</t>
  </si>
  <si>
    <t>cg04957757</t>
  </si>
  <si>
    <t>cg04958528</t>
  </si>
  <si>
    <t>cg04959298</t>
  </si>
  <si>
    <t>cg04960342</t>
  </si>
  <si>
    <t>cg04961445</t>
  </si>
  <si>
    <t>cg04961620</t>
  </si>
  <si>
    <t>cg04961866</t>
  </si>
  <si>
    <t>cg04962026</t>
  </si>
  <si>
    <t>cg04962621</t>
  </si>
  <si>
    <t>cg04962654</t>
  </si>
  <si>
    <t>cg04963082</t>
  </si>
  <si>
    <t>cg04967410</t>
  </si>
  <si>
    <t>cg04967610</t>
  </si>
  <si>
    <t>cg04976154</t>
  </si>
  <si>
    <t>cg04977727</t>
  </si>
  <si>
    <t>cg04978243</t>
  </si>
  <si>
    <t>cg04979435</t>
  </si>
  <si>
    <t>cg04979725</t>
  </si>
  <si>
    <t>cg04981501</t>
  </si>
  <si>
    <t>cg04981696</t>
  </si>
  <si>
    <t>cg04984888</t>
  </si>
  <si>
    <t>cg04986899</t>
  </si>
  <si>
    <t>cg04987608</t>
  </si>
  <si>
    <t>cg04990190</t>
  </si>
  <si>
    <t>cg04992326</t>
  </si>
  <si>
    <t>cg04993364</t>
  </si>
  <si>
    <t>cg04994202</t>
  </si>
  <si>
    <t>cg04994964</t>
  </si>
  <si>
    <t>cg04999945</t>
  </si>
  <si>
    <t>cg05000199</t>
  </si>
  <si>
    <t>cg05000331</t>
  </si>
  <si>
    <t>cg05002041</t>
  </si>
  <si>
    <t>cg05005256</t>
  </si>
  <si>
    <t>cg05006755</t>
  </si>
  <si>
    <t>cg05006942</t>
  </si>
  <si>
    <t>cg05007180</t>
  </si>
  <si>
    <t>cg05007325</t>
  </si>
  <si>
    <t>cg05008386</t>
  </si>
  <si>
    <t>cg05008713</t>
  </si>
  <si>
    <t>cg05009047</t>
  </si>
  <si>
    <t>cg05010615</t>
  </si>
  <si>
    <t>cg05011276</t>
  </si>
  <si>
    <t>cg05012983</t>
  </si>
  <si>
    <t>cg05016401</t>
  </si>
  <si>
    <t>cg05024143</t>
  </si>
  <si>
    <t>cg05024961</t>
  </si>
  <si>
    <t>cg05029638</t>
  </si>
  <si>
    <t>cg05031741</t>
  </si>
  <si>
    <t>cg05033363</t>
  </si>
  <si>
    <t>cg05034169</t>
  </si>
  <si>
    <t>cg05034471</t>
  </si>
  <si>
    <t>cg05035061</t>
  </si>
  <si>
    <t>cg05036279</t>
  </si>
  <si>
    <t>cg05036502</t>
  </si>
  <si>
    <t>cg05044764</t>
  </si>
  <si>
    <t>cg05045584</t>
  </si>
  <si>
    <t>cg05047095</t>
  </si>
  <si>
    <t>cg05048002</t>
  </si>
  <si>
    <t>cg05049784</t>
  </si>
  <si>
    <t>cg05050047</t>
  </si>
  <si>
    <t>cg05051606</t>
  </si>
  <si>
    <t>cg05051768</t>
  </si>
  <si>
    <t>cg05052407</t>
  </si>
  <si>
    <t>cg05053718</t>
  </si>
  <si>
    <t>cg05055712</t>
  </si>
  <si>
    <t>cg05057352</t>
  </si>
  <si>
    <t>cg05059843</t>
  </si>
  <si>
    <t>cg05062820</t>
  </si>
  <si>
    <t>cg05063097</t>
  </si>
  <si>
    <t>cg05063895</t>
  </si>
  <si>
    <t>cg05067156</t>
  </si>
  <si>
    <t>cg05067377</t>
  </si>
  <si>
    <t>cg05070372</t>
  </si>
  <si>
    <t>cg05070626</t>
  </si>
  <si>
    <t>cg05071046</t>
  </si>
  <si>
    <t>cg05072547</t>
  </si>
  <si>
    <t>cg05074001</t>
  </si>
  <si>
    <t>cg05080371</t>
  </si>
  <si>
    <t>cg05081845</t>
  </si>
  <si>
    <t>cg05085585</t>
  </si>
  <si>
    <t>cg05086443</t>
  </si>
  <si>
    <t>cg05087309</t>
  </si>
  <si>
    <t>cg05088221</t>
  </si>
  <si>
    <t>cg05090127</t>
  </si>
  <si>
    <t>cg05090972</t>
  </si>
  <si>
    <t>cg05091796</t>
  </si>
  <si>
    <t>cg05096398</t>
  </si>
  <si>
    <t>cg05098382</t>
  </si>
  <si>
    <t>cg05099576</t>
  </si>
  <si>
    <t>cg05100315</t>
  </si>
  <si>
    <t>cg05102794</t>
  </si>
  <si>
    <t>cg05104099</t>
  </si>
  <si>
    <t>cg05106869</t>
  </si>
  <si>
    <t>cg05109729</t>
  </si>
  <si>
    <t>cg05110426</t>
  </si>
  <si>
    <t>cg05113373</t>
  </si>
  <si>
    <t>cg05113697</t>
  </si>
  <si>
    <t>cg05113840</t>
  </si>
  <si>
    <t>cg05116896</t>
  </si>
  <si>
    <t>cg05118364</t>
  </si>
  <si>
    <t>cg05118482</t>
  </si>
  <si>
    <t>cg05118691</t>
  </si>
  <si>
    <t>cg05120716</t>
  </si>
  <si>
    <t>cg05120987</t>
  </si>
  <si>
    <t>cg05123257</t>
  </si>
  <si>
    <t>cg05123333</t>
  </si>
  <si>
    <t>cg05126388</t>
  </si>
  <si>
    <t>cg05128194</t>
  </si>
  <si>
    <t>cg05128341</t>
  </si>
  <si>
    <t>cg05129802</t>
  </si>
  <si>
    <t>cg05131034</t>
  </si>
  <si>
    <t>cg05131483</t>
  </si>
  <si>
    <t>cg05135033</t>
  </si>
  <si>
    <t>cg05135252</t>
  </si>
  <si>
    <t>cg05135288</t>
  </si>
  <si>
    <t>cg05135366</t>
  </si>
  <si>
    <t>cg05135523</t>
  </si>
  <si>
    <t>cg05137064</t>
  </si>
  <si>
    <t>cg05138133</t>
  </si>
  <si>
    <t>cg05139728</t>
  </si>
  <si>
    <t>cg05141159</t>
  </si>
  <si>
    <t>cg05142023</t>
  </si>
  <si>
    <t>cg05142148</t>
  </si>
  <si>
    <t>cg05144208</t>
  </si>
  <si>
    <t>cg05144928</t>
  </si>
  <si>
    <t>cg05149617</t>
  </si>
  <si>
    <t>cg05152867</t>
  </si>
  <si>
    <t>cg05163177</t>
  </si>
  <si>
    <t>cg05165580</t>
  </si>
  <si>
    <t>cg05167857</t>
  </si>
  <si>
    <t>cg05170132</t>
  </si>
  <si>
    <t>cg05173383</t>
  </si>
  <si>
    <t>cg05177590</t>
  </si>
  <si>
    <t>cg05178839</t>
  </si>
  <si>
    <t>cg05179569</t>
  </si>
  <si>
    <t>cg05181322</t>
  </si>
  <si>
    <t>cg05183487</t>
  </si>
  <si>
    <t>cg05184256</t>
  </si>
  <si>
    <t>cg05184607</t>
  </si>
  <si>
    <t>cg05184636</t>
  </si>
  <si>
    <t>cg05185364</t>
  </si>
  <si>
    <t>cg05185784</t>
  </si>
  <si>
    <t>cg05186188</t>
  </si>
  <si>
    <t>cg05188837</t>
  </si>
  <si>
    <t>cg05192831</t>
  </si>
  <si>
    <t>cg05194689</t>
  </si>
  <si>
    <t>cg05200250</t>
  </si>
  <si>
    <t>cg05201312</t>
  </si>
  <si>
    <t>cg05201708</t>
  </si>
  <si>
    <t>cg05202654</t>
  </si>
  <si>
    <t>cg05203040</t>
  </si>
  <si>
    <t>cg05203809</t>
  </si>
  <si>
    <t>cg05203985</t>
  </si>
  <si>
    <t>cg05211189</t>
  </si>
  <si>
    <t>cg05213609</t>
  </si>
  <si>
    <t>cg05215277</t>
  </si>
  <si>
    <t>cg05215575</t>
  </si>
  <si>
    <t>cg05216219</t>
  </si>
  <si>
    <t>cg05216542</t>
  </si>
  <si>
    <t>cg05221654</t>
  </si>
  <si>
    <t>cg05222604</t>
  </si>
  <si>
    <t>cg05225404</t>
  </si>
  <si>
    <t>cg05225549</t>
  </si>
  <si>
    <t>cg05225593</t>
  </si>
  <si>
    <t>cg05225996</t>
  </si>
  <si>
    <t>cg05226168</t>
  </si>
  <si>
    <t>cg05226462</t>
  </si>
  <si>
    <t>cg05226466</t>
  </si>
  <si>
    <t>cg05228735</t>
  </si>
  <si>
    <t>cg05229802</t>
  </si>
  <si>
    <t>cg05231226</t>
  </si>
  <si>
    <t>cg05232708</t>
  </si>
  <si>
    <t>cg05233094</t>
  </si>
  <si>
    <t>cg05237185</t>
  </si>
  <si>
    <t>cg05237640</t>
  </si>
  <si>
    <t>cg05238767</t>
  </si>
  <si>
    <t>cg05240267</t>
  </si>
  <si>
    <t>cg05241431</t>
  </si>
  <si>
    <t>cg05242190</t>
  </si>
  <si>
    <t>cg05243909</t>
  </si>
  <si>
    <t>cg05245533</t>
  </si>
  <si>
    <t>cg05246900</t>
  </si>
  <si>
    <t>cg05248960</t>
  </si>
  <si>
    <t>cg05249026</t>
  </si>
  <si>
    <t>cg05251269</t>
  </si>
  <si>
    <t>cg05251814</t>
  </si>
  <si>
    <t>cg05254821</t>
  </si>
  <si>
    <t>cg05256656</t>
  </si>
  <si>
    <t>cg05259946</t>
  </si>
  <si>
    <t>cg05260236</t>
  </si>
  <si>
    <t>cg05261349</t>
  </si>
  <si>
    <t>cg05261851</t>
  </si>
  <si>
    <t>cg05262224</t>
  </si>
  <si>
    <t>cg05262711</t>
  </si>
  <si>
    <t>cg05264018</t>
  </si>
  <si>
    <t>cg05264908</t>
  </si>
  <si>
    <t>cg05267735</t>
  </si>
  <si>
    <t>cg05268122</t>
  </si>
  <si>
    <t>cg05268954</t>
  </si>
  <si>
    <t>cg05270750</t>
  </si>
  <si>
    <t>cg05273533</t>
  </si>
  <si>
    <t>cg05275182</t>
  </si>
  <si>
    <t>cg05275236</t>
  </si>
  <si>
    <t>cg05276243</t>
  </si>
  <si>
    <t>cg05277329</t>
  </si>
  <si>
    <t>cg05280148</t>
  </si>
  <si>
    <t>cg05280508</t>
  </si>
  <si>
    <t>cg05283804</t>
  </si>
  <si>
    <t>cg05287230</t>
  </si>
  <si>
    <t>cg05288253</t>
  </si>
  <si>
    <t>cg05290056</t>
  </si>
  <si>
    <t>cg05293220</t>
  </si>
  <si>
    <t>cg05293701</t>
  </si>
  <si>
    <t>cg05296508</t>
  </si>
  <si>
    <t>cg05299836</t>
  </si>
  <si>
    <t>cg05300045</t>
  </si>
  <si>
    <t>cg05305099</t>
  </si>
  <si>
    <t>cg05305262</t>
  </si>
  <si>
    <t>cg05308970</t>
  </si>
  <si>
    <t>cg05311091</t>
  </si>
  <si>
    <t>cg05311589</t>
  </si>
  <si>
    <t>cg05312094</t>
  </si>
  <si>
    <t>cg05312293</t>
  </si>
  <si>
    <t>cg05317090</t>
  </si>
  <si>
    <t>cg05318186</t>
  </si>
  <si>
    <t>cg05319934</t>
  </si>
  <si>
    <t>cg05322342</t>
  </si>
  <si>
    <t>cg05322500</t>
  </si>
  <si>
    <t>cg05322632</t>
  </si>
  <si>
    <t>cg05323904</t>
  </si>
  <si>
    <t>cg05324556</t>
  </si>
  <si>
    <t>cg05325061</t>
  </si>
  <si>
    <t>cg05325390</t>
  </si>
  <si>
    <t>cg05325887</t>
  </si>
  <si>
    <t>cg05329317</t>
  </si>
  <si>
    <t>cg05330593</t>
  </si>
  <si>
    <t>cg05330678</t>
  </si>
  <si>
    <t>cg05330708</t>
  </si>
  <si>
    <t>cg05333146</t>
  </si>
  <si>
    <t>cg05336268</t>
  </si>
  <si>
    <t>cg05336982</t>
  </si>
  <si>
    <t>cg05340597</t>
  </si>
  <si>
    <t>cg05341384</t>
  </si>
  <si>
    <t>cg05343105</t>
  </si>
  <si>
    <t>cg05346440</t>
  </si>
  <si>
    <t>cg05347108</t>
  </si>
  <si>
    <t>cg05347216</t>
  </si>
  <si>
    <t>cg05347456</t>
  </si>
  <si>
    <t>cg05349591</t>
  </si>
  <si>
    <t>cg05351141</t>
  </si>
  <si>
    <t>cg05351750</t>
  </si>
  <si>
    <t>cg05354904</t>
  </si>
  <si>
    <t>cg05355684</t>
  </si>
  <si>
    <t>cg05356226</t>
  </si>
  <si>
    <t>cg05361373</t>
  </si>
  <si>
    <t>cg05362516</t>
  </si>
  <si>
    <t>cg05362860</t>
  </si>
  <si>
    <t>cg05364570</t>
  </si>
  <si>
    <t>cg05365285</t>
  </si>
  <si>
    <t>cg05365682</t>
  </si>
  <si>
    <t>cg05366475</t>
  </si>
  <si>
    <t>cg05369939</t>
  </si>
  <si>
    <t>cg05370094</t>
  </si>
  <si>
    <t>cg05370569</t>
  </si>
  <si>
    <t>cg05371749</t>
  </si>
  <si>
    <t>cg05371993</t>
  </si>
  <si>
    <t>cg05373438</t>
  </si>
  <si>
    <t>cg05376601</t>
  </si>
  <si>
    <t>cg05377387</t>
  </si>
  <si>
    <t>cg05377576</t>
  </si>
  <si>
    <t>cg05382012</t>
  </si>
  <si>
    <t>cg05386903</t>
  </si>
  <si>
    <t>cg05387963</t>
  </si>
  <si>
    <t>cg05388069</t>
  </si>
  <si>
    <t>cg05388106</t>
  </si>
  <si>
    <t>cg05388330</t>
  </si>
  <si>
    <t>cg05389686</t>
  </si>
  <si>
    <t>cg05389731</t>
  </si>
  <si>
    <t>cg05390075</t>
  </si>
  <si>
    <t>cg05392527</t>
  </si>
  <si>
    <t>cg05392925</t>
  </si>
  <si>
    <t>cg05393086</t>
  </si>
  <si>
    <t>cg05393119</t>
  </si>
  <si>
    <t>cg05395476</t>
  </si>
  <si>
    <t>cg05395523</t>
  </si>
  <si>
    <t>cg05396425</t>
  </si>
  <si>
    <t>cg05397937</t>
  </si>
  <si>
    <t>cg05399613</t>
  </si>
  <si>
    <t>cg05404586</t>
  </si>
  <si>
    <t>cg05404792</t>
  </si>
  <si>
    <t>cg05405572</t>
  </si>
  <si>
    <t>cg05405914</t>
  </si>
  <si>
    <t>cg05406475</t>
  </si>
  <si>
    <t>cg05406774</t>
  </si>
  <si>
    <t>cg05407459</t>
  </si>
  <si>
    <t>cg05410910</t>
  </si>
  <si>
    <t>cg05412696</t>
  </si>
  <si>
    <t>cg05413199</t>
  </si>
  <si>
    <t>cg05416693</t>
  </si>
  <si>
    <t>cg05417332</t>
  </si>
  <si>
    <t>cg05418150</t>
  </si>
  <si>
    <t>cg05418781</t>
  </si>
  <si>
    <t>cg05420738</t>
  </si>
  <si>
    <t>cg05422553</t>
  </si>
  <si>
    <t>cg05423009</t>
  </si>
  <si>
    <t>cg05423758</t>
  </si>
  <si>
    <t>cg05424199</t>
  </si>
  <si>
    <t>cg05424333</t>
  </si>
  <si>
    <t>cg05425326</t>
  </si>
  <si>
    <t>cg05426160</t>
  </si>
  <si>
    <t>cg05430886</t>
  </si>
  <si>
    <t>cg05432526</t>
  </si>
  <si>
    <t>cg05433111</t>
  </si>
  <si>
    <t>cg05438719</t>
  </si>
  <si>
    <t>cg05440435</t>
  </si>
  <si>
    <t>cg05441039</t>
  </si>
  <si>
    <t>cg05441941</t>
  </si>
  <si>
    <t>cg05443795</t>
  </si>
  <si>
    <t>cg05444083</t>
  </si>
  <si>
    <t>cg05444556</t>
  </si>
  <si>
    <t>cg05445221</t>
  </si>
  <si>
    <t>cg05445348</t>
  </si>
  <si>
    <t>cg05445476</t>
  </si>
  <si>
    <t>cg05448332</t>
  </si>
  <si>
    <t>cg05448715</t>
  </si>
  <si>
    <t>cg05453016</t>
  </si>
  <si>
    <t>cg05457075</t>
  </si>
  <si>
    <t>cg05457411</t>
  </si>
  <si>
    <t>cg05461818</t>
  </si>
  <si>
    <t>cg05465032</t>
  </si>
  <si>
    <t>cg05468716</t>
  </si>
  <si>
    <t>cg05468917</t>
  </si>
  <si>
    <t>cg05469614</t>
  </si>
  <si>
    <t>cg05473287</t>
  </si>
  <si>
    <t>cg05477463</t>
  </si>
  <si>
    <t>cg05479109</t>
  </si>
  <si>
    <t>cg05481929</t>
  </si>
  <si>
    <t>cg05483509</t>
  </si>
  <si>
    <t>cg05485165</t>
  </si>
  <si>
    <t>cg05486035</t>
  </si>
  <si>
    <t>cg05486907</t>
  </si>
  <si>
    <t>cg05487269</t>
  </si>
  <si>
    <t>cg05490519</t>
  </si>
  <si>
    <t>cg05494740</t>
  </si>
  <si>
    <t>cg05495883</t>
  </si>
  <si>
    <t>cg05496543</t>
  </si>
  <si>
    <t>cg05496988</t>
  </si>
  <si>
    <t>cg05497175</t>
  </si>
  <si>
    <t>cg05497360</t>
  </si>
  <si>
    <t>cg05499134</t>
  </si>
  <si>
    <t>cg05499338</t>
  </si>
  <si>
    <t>cg05501426</t>
  </si>
  <si>
    <t>cg05504729</t>
  </si>
  <si>
    <t>cg05506498</t>
  </si>
  <si>
    <t>cg05508092</t>
  </si>
  <si>
    <t>cg05509251</t>
  </si>
  <si>
    <t>cg05509753</t>
  </si>
  <si>
    <t>cg05509896</t>
  </si>
  <si>
    <t>cg05509965</t>
  </si>
  <si>
    <t>cg05510337</t>
  </si>
  <si>
    <t>cg05515414</t>
  </si>
  <si>
    <t>cg05518269</t>
  </si>
  <si>
    <t>cg05529754</t>
  </si>
  <si>
    <t>cg05529874</t>
  </si>
  <si>
    <t>cg05532446</t>
  </si>
  <si>
    <t>cg05532980</t>
  </si>
  <si>
    <t>cg05534464</t>
  </si>
  <si>
    <t>cg05534678</t>
  </si>
  <si>
    <t>cg05534865</t>
  </si>
  <si>
    <t>cg05537170</t>
  </si>
  <si>
    <t>cg05537253</t>
  </si>
  <si>
    <t>cg05538266</t>
  </si>
  <si>
    <t>cg05539847</t>
  </si>
  <si>
    <t>cg05540369</t>
  </si>
  <si>
    <t>cg05541542</t>
  </si>
  <si>
    <t>cg05544396</t>
  </si>
  <si>
    <t>cg05545808</t>
  </si>
  <si>
    <t>cg05547279</t>
  </si>
  <si>
    <t>cg05547993</t>
  </si>
  <si>
    <t>cg05550612</t>
  </si>
  <si>
    <t>cg05552543</t>
  </si>
  <si>
    <t>cg05552957</t>
  </si>
  <si>
    <t>cg05553560</t>
  </si>
  <si>
    <t>cg05554151</t>
  </si>
  <si>
    <t>cg05554494</t>
  </si>
  <si>
    <t>cg05557932</t>
  </si>
  <si>
    <t>cg05559410</t>
  </si>
  <si>
    <t>cg05565807</t>
  </si>
  <si>
    <t>cg05566777</t>
  </si>
  <si>
    <t>cg05568557</t>
  </si>
  <si>
    <t>cg05573626</t>
  </si>
  <si>
    <t>cg05574461</t>
  </si>
  <si>
    <t>cg05576262</t>
  </si>
  <si>
    <t>cg05578570</t>
  </si>
  <si>
    <t>cg05579025</t>
  </si>
  <si>
    <t>cg05579598</t>
  </si>
  <si>
    <t>cg05581415</t>
  </si>
  <si>
    <t>cg05583681</t>
  </si>
  <si>
    <t>cg05584919</t>
  </si>
  <si>
    <t>cg05586667</t>
  </si>
  <si>
    <t>cg05588271</t>
  </si>
  <si>
    <t>cg05590982</t>
  </si>
  <si>
    <t>cg05594356</t>
  </si>
  <si>
    <t>cg05596135</t>
  </si>
  <si>
    <t>cg05597838</t>
  </si>
  <si>
    <t>cg05597908</t>
  </si>
  <si>
    <t>cg05597945</t>
  </si>
  <si>
    <t>cg05598120</t>
  </si>
  <si>
    <t>cg05603252</t>
  </si>
  <si>
    <t>cg05603512</t>
  </si>
  <si>
    <t>cg05603553</t>
  </si>
  <si>
    <t>cg05603610</t>
  </si>
  <si>
    <t>cg05604800</t>
  </si>
  <si>
    <t>cg05609864</t>
  </si>
  <si>
    <t>cg05616095</t>
  </si>
  <si>
    <t>cg05617551</t>
  </si>
  <si>
    <t>cg05618183</t>
  </si>
  <si>
    <t>cg05620415</t>
  </si>
  <si>
    <t>cg05621273</t>
  </si>
  <si>
    <t>cg05622324</t>
  </si>
  <si>
    <t>cg05622569</t>
  </si>
  <si>
    <t>cg05622686</t>
  </si>
  <si>
    <t>cg05624300</t>
  </si>
  <si>
    <t>cg05625471</t>
  </si>
  <si>
    <t>cg05626094</t>
  </si>
  <si>
    <t>cg05629317</t>
  </si>
  <si>
    <t>cg05630773</t>
  </si>
  <si>
    <t>cg05632351</t>
  </si>
  <si>
    <t>cg05632631</t>
  </si>
  <si>
    <t>cg05635114</t>
  </si>
  <si>
    <t>cg05635274</t>
  </si>
  <si>
    <t>cg05637630</t>
  </si>
  <si>
    <t>cg05638739</t>
  </si>
  <si>
    <t>cg05644462</t>
  </si>
  <si>
    <t>cg05646765</t>
  </si>
  <si>
    <t>cg05650674</t>
  </si>
  <si>
    <t>cg05651995</t>
  </si>
  <si>
    <t>cg05652445</t>
  </si>
  <si>
    <t>cg05654361</t>
  </si>
  <si>
    <t>cg05655127</t>
  </si>
  <si>
    <t>cg05657213</t>
  </si>
  <si>
    <t>cg05659265</t>
  </si>
  <si>
    <t>cg05668674</t>
  </si>
  <si>
    <t>cg05670898</t>
  </si>
  <si>
    <t>cg05671576</t>
  </si>
  <si>
    <t>cg05671758</t>
  </si>
  <si>
    <t>cg05672554</t>
  </si>
  <si>
    <t>cg05673293</t>
  </si>
  <si>
    <t>cg05673966</t>
  </si>
  <si>
    <t>cg05683445</t>
  </si>
  <si>
    <t>cg05686118</t>
  </si>
  <si>
    <t>cg05687563</t>
  </si>
  <si>
    <t>cg05687719</t>
  </si>
  <si>
    <t>cg05689121</t>
  </si>
  <si>
    <t>cg05691530</t>
  </si>
  <si>
    <t>cg05691543</t>
  </si>
  <si>
    <t>cg05692420</t>
  </si>
  <si>
    <t>cg05696436</t>
  </si>
  <si>
    <t>cg05696811</t>
  </si>
  <si>
    <t>cg05697253</t>
  </si>
  <si>
    <t>cg05702747</t>
  </si>
  <si>
    <t>cg05704496</t>
  </si>
  <si>
    <t>cg05704955</t>
  </si>
  <si>
    <t>cg05705114</t>
  </si>
  <si>
    <t>cg05707714</t>
  </si>
  <si>
    <t>cg05708497</t>
  </si>
  <si>
    <t>cg05708656</t>
  </si>
  <si>
    <t>cg05710032</t>
  </si>
  <si>
    <t>cg05711145</t>
  </si>
  <si>
    <t>cg05712542</t>
  </si>
  <si>
    <t>cg05716075</t>
  </si>
  <si>
    <t>cg05723200</t>
  </si>
  <si>
    <t>cg05723552</t>
  </si>
  <si>
    <t>cg05725404</t>
  </si>
  <si>
    <t>cg05726274</t>
  </si>
  <si>
    <t>cg05726758</t>
  </si>
  <si>
    <t>cg05729093</t>
  </si>
  <si>
    <t>cg05730996</t>
  </si>
  <si>
    <t>cg05731560</t>
  </si>
  <si>
    <t>cg05731801</t>
  </si>
  <si>
    <t>cg05736378</t>
  </si>
  <si>
    <t>cg05737638</t>
  </si>
  <si>
    <t>cg05737718</t>
  </si>
  <si>
    <t>cg05740262</t>
  </si>
  <si>
    <t>cg05741182</t>
  </si>
  <si>
    <t>cg05741638</t>
  </si>
  <si>
    <t>cg05743734</t>
  </si>
  <si>
    <t>cg05745532</t>
  </si>
  <si>
    <t>cg05747390</t>
  </si>
  <si>
    <t>cg05747899</t>
  </si>
  <si>
    <t>cg05748238</t>
  </si>
  <si>
    <t>cg05751310</t>
  </si>
  <si>
    <t>cg05752664</t>
  </si>
  <si>
    <t>cg05754148</t>
  </si>
  <si>
    <t>cg05754929</t>
  </si>
  <si>
    <t>cg05757062</t>
  </si>
  <si>
    <t>cg05757530</t>
  </si>
  <si>
    <t>cg05760107</t>
  </si>
  <si>
    <t>cg05762553</t>
  </si>
  <si>
    <t>cg05762671</t>
  </si>
  <si>
    <t>cg05764001</t>
  </si>
  <si>
    <t>cg05764102</t>
  </si>
  <si>
    <t>cg05765011</t>
  </si>
  <si>
    <t>cg05765804</t>
  </si>
  <si>
    <t>cg05766489</t>
  </si>
  <si>
    <t>cg05768041</t>
  </si>
  <si>
    <t>cg05771157</t>
  </si>
  <si>
    <t>cg05772125</t>
  </si>
  <si>
    <t>cg05772850</t>
  </si>
  <si>
    <t>cg05773108</t>
  </si>
  <si>
    <t>cg05773312</t>
  </si>
  <si>
    <t>cg05775980</t>
  </si>
  <si>
    <t>cg05777316</t>
  </si>
  <si>
    <t>cg05781582</t>
  </si>
  <si>
    <t>cg05782444</t>
  </si>
  <si>
    <t>cg05782454</t>
  </si>
  <si>
    <t>cg05784386</t>
  </si>
  <si>
    <t>cg05785102</t>
  </si>
  <si>
    <t>cg05785839</t>
  </si>
  <si>
    <t>cg05787265</t>
  </si>
  <si>
    <t>cg05787790</t>
  </si>
  <si>
    <t>cg05787952</t>
  </si>
  <si>
    <t>cg05789711</t>
  </si>
  <si>
    <t>cg05794310</t>
  </si>
  <si>
    <t>cg05794850</t>
  </si>
  <si>
    <t>cg05796223</t>
  </si>
  <si>
    <t>cg05799013</t>
  </si>
  <si>
    <t>cg05799600</t>
  </si>
  <si>
    <t>cg05799962</t>
  </si>
  <si>
    <t>cg05800756</t>
  </si>
  <si>
    <t>cg05802204</t>
  </si>
  <si>
    <t>cg05803810</t>
  </si>
  <si>
    <t>cg05806717</t>
  </si>
  <si>
    <t>cg05807489</t>
  </si>
  <si>
    <t>cg05807722</t>
  </si>
  <si>
    <t>cg05808300</t>
  </si>
  <si>
    <t>cg05810848</t>
  </si>
  <si>
    <t>cg05812035</t>
  </si>
  <si>
    <t>cg05813417</t>
  </si>
  <si>
    <t>cg05813616</t>
  </si>
  <si>
    <t>cg05819594</t>
  </si>
  <si>
    <t>cg05820066</t>
  </si>
  <si>
    <t>cg05822017</t>
  </si>
  <si>
    <t>cg05822031</t>
  </si>
  <si>
    <t>cg05823465</t>
  </si>
  <si>
    <t>cg05823577</t>
  </si>
  <si>
    <t>cg05824432</t>
  </si>
  <si>
    <t>cg05825053</t>
  </si>
  <si>
    <t>cg05825290</t>
  </si>
  <si>
    <t>cg05827944</t>
  </si>
  <si>
    <t>cg05828793</t>
  </si>
  <si>
    <t>cg05830220</t>
  </si>
  <si>
    <t>cg05831517</t>
  </si>
  <si>
    <t>cg05832487</t>
  </si>
  <si>
    <t>cg05834353</t>
  </si>
  <si>
    <t>cg05834639</t>
  </si>
  <si>
    <t>cg05835262</t>
  </si>
  <si>
    <t>cg05836943</t>
  </si>
  <si>
    <t>cg05838289</t>
  </si>
  <si>
    <t>cg05838751</t>
  </si>
  <si>
    <t>cg05839201</t>
  </si>
  <si>
    <t>cg05839818</t>
  </si>
  <si>
    <t>cg05840118</t>
  </si>
  <si>
    <t>cg05844895</t>
  </si>
  <si>
    <t>cg05849013</t>
  </si>
  <si>
    <t>cg05849499</t>
  </si>
  <si>
    <t>cg05850404</t>
  </si>
  <si>
    <t>cg05860566</t>
  </si>
  <si>
    <t>cg05861635</t>
  </si>
  <si>
    <t>cg05863911</t>
  </si>
  <si>
    <t>cg05866713</t>
  </si>
  <si>
    <t>cg05867134</t>
  </si>
  <si>
    <t>cg05869585</t>
  </si>
  <si>
    <t>cg05870072</t>
  </si>
  <si>
    <t>cg05870645</t>
  </si>
  <si>
    <t>cg05872614</t>
  </si>
  <si>
    <t>cg05873268</t>
  </si>
  <si>
    <t>cg05873646</t>
  </si>
  <si>
    <t>cg05875154</t>
  </si>
  <si>
    <t>cg05875410</t>
  </si>
  <si>
    <t>cg05876083</t>
  </si>
  <si>
    <t>cg05877397</t>
  </si>
  <si>
    <t>cg05877550</t>
  </si>
  <si>
    <t>cg05879496</t>
  </si>
  <si>
    <t>cg05881521</t>
  </si>
  <si>
    <t>cg05881753</t>
  </si>
  <si>
    <t>cg05883442</t>
  </si>
  <si>
    <t>cg05884711</t>
  </si>
  <si>
    <t>cg05885410</t>
  </si>
  <si>
    <t>cg05886261</t>
  </si>
  <si>
    <t>cg05887027</t>
  </si>
  <si>
    <t>cg05887079</t>
  </si>
  <si>
    <t>cg05887405</t>
  </si>
  <si>
    <t>cg05887749</t>
  </si>
  <si>
    <t>cg05893365</t>
  </si>
  <si>
    <t>cg05895034</t>
  </si>
  <si>
    <t>cg05895165</t>
  </si>
  <si>
    <t>cg05895403</t>
  </si>
  <si>
    <t>cg05896368</t>
  </si>
  <si>
    <t>cg05899549</t>
  </si>
  <si>
    <t>cg05900045</t>
  </si>
  <si>
    <t>cg05900234</t>
  </si>
  <si>
    <t>cg05901634</t>
  </si>
  <si>
    <t>cg05902273</t>
  </si>
  <si>
    <t>cg05902711</t>
  </si>
  <si>
    <t>cg05903710</t>
  </si>
  <si>
    <t>cg05905731</t>
  </si>
  <si>
    <t>cg05907835</t>
  </si>
  <si>
    <t>cg05911082</t>
  </si>
  <si>
    <t>cg05912499</t>
  </si>
  <si>
    <t>cg05912584</t>
  </si>
  <si>
    <t>cg05915142</t>
  </si>
  <si>
    <t>cg05916757</t>
  </si>
  <si>
    <t>cg05916783</t>
  </si>
  <si>
    <t>cg05917111</t>
  </si>
  <si>
    <t>cg05918327</t>
  </si>
  <si>
    <t>cg05922796</t>
  </si>
  <si>
    <t>cg05924746</t>
  </si>
  <si>
    <t>cg05925949</t>
  </si>
  <si>
    <t>cg05928537</t>
  </si>
  <si>
    <t>cg05928656</t>
  </si>
  <si>
    <t>cg05932139</t>
  </si>
  <si>
    <t>cg05932648</t>
  </si>
  <si>
    <t>cg05933037</t>
  </si>
  <si>
    <t>cg05934997</t>
  </si>
  <si>
    <t>cg05936667</t>
  </si>
  <si>
    <t>cg05938149</t>
  </si>
  <si>
    <t>cg05938267</t>
  </si>
  <si>
    <t>cg05938409</t>
  </si>
  <si>
    <t>cg05940001</t>
  </si>
  <si>
    <t>cg05940861</t>
  </si>
  <si>
    <t>cg05941025</t>
  </si>
  <si>
    <t>cg05941540</t>
  </si>
  <si>
    <t>cg05943563</t>
  </si>
  <si>
    <t>cg05944840</t>
  </si>
  <si>
    <t>cg05944877</t>
  </si>
  <si>
    <t>cg05946623</t>
  </si>
  <si>
    <t>cg05947422</t>
  </si>
  <si>
    <t>cg05949171</t>
  </si>
  <si>
    <t>cg05950943</t>
  </si>
  <si>
    <t>cg05951037</t>
  </si>
  <si>
    <t>cg05951521</t>
  </si>
  <si>
    <t>cg05953100</t>
  </si>
  <si>
    <t>cg05953316</t>
  </si>
  <si>
    <t>cg05953373</t>
  </si>
  <si>
    <t>cg05956477</t>
  </si>
  <si>
    <t>cg05956518</t>
  </si>
  <si>
    <t>cg05958351</t>
  </si>
  <si>
    <t>cg05958702</t>
  </si>
  <si>
    <t>cg05958985</t>
  </si>
  <si>
    <t>cg05962265</t>
  </si>
  <si>
    <t>cg05964640</t>
  </si>
  <si>
    <t>cg05965700</t>
  </si>
  <si>
    <t>cg05966228</t>
  </si>
  <si>
    <t>cg05966923</t>
  </si>
  <si>
    <t>cg05968609</t>
  </si>
  <si>
    <t>cg05969150</t>
  </si>
  <si>
    <t>cg05970660</t>
  </si>
  <si>
    <t>cg05970874</t>
  </si>
  <si>
    <t>cg05971212</t>
  </si>
  <si>
    <t>cg05972185</t>
  </si>
  <si>
    <t>cg05975881</t>
  </si>
  <si>
    <t>cg05976840</t>
  </si>
  <si>
    <t>cg05977523</t>
  </si>
  <si>
    <t>cg05981786</t>
  </si>
  <si>
    <t>cg05982504</t>
  </si>
  <si>
    <t>cg05984244</t>
  </si>
  <si>
    <t>cg05986538</t>
  </si>
  <si>
    <t>cg05986853</t>
  </si>
  <si>
    <t>cg05988147</t>
  </si>
  <si>
    <t>cg05988645</t>
  </si>
  <si>
    <t>cg05989795</t>
  </si>
  <si>
    <t>cg05991685</t>
  </si>
  <si>
    <t>cg05995267</t>
  </si>
  <si>
    <t>cg05996727</t>
  </si>
  <si>
    <t>cg05997801</t>
  </si>
  <si>
    <t>cg05998503</t>
  </si>
  <si>
    <t>cg06002947</t>
  </si>
  <si>
    <t>cg06006130</t>
  </si>
  <si>
    <t>cg06007201</t>
  </si>
  <si>
    <t>cg06008638</t>
  </si>
  <si>
    <t>cg06008853</t>
  </si>
  <si>
    <t>cg06010514</t>
  </si>
  <si>
    <t>cg06012574</t>
  </si>
  <si>
    <t>cg06015834</t>
  </si>
  <si>
    <t>cg06015997</t>
  </si>
  <si>
    <t>cg06017234</t>
  </si>
  <si>
    <t>cg06017355</t>
  </si>
  <si>
    <t>cg06017697</t>
  </si>
  <si>
    <t>cg06018531</t>
  </si>
  <si>
    <t>cg06028975</t>
  </si>
  <si>
    <t>cg06029095</t>
  </si>
  <si>
    <t>cg06036416</t>
  </si>
  <si>
    <t>cg06037365</t>
  </si>
  <si>
    <t>cg06038367</t>
  </si>
  <si>
    <t>cg06039074</t>
  </si>
  <si>
    <t>cg06039417</t>
  </si>
  <si>
    <t>cg06041188</t>
  </si>
  <si>
    <t>cg06046317</t>
  </si>
  <si>
    <t>cg06048154</t>
  </si>
  <si>
    <t>cg06048191</t>
  </si>
  <si>
    <t>cg06048556</t>
  </si>
  <si>
    <t>cg06049395</t>
  </si>
  <si>
    <t>cg06050193</t>
  </si>
  <si>
    <t>cg06051159</t>
  </si>
  <si>
    <t>cg06052479</t>
  </si>
  <si>
    <t>cg06053417</t>
  </si>
  <si>
    <t>cg06054593</t>
  </si>
  <si>
    <t>cg06057404</t>
  </si>
  <si>
    <t>cg06058431</t>
  </si>
  <si>
    <t>cg06060054</t>
  </si>
  <si>
    <t>cg06062279</t>
  </si>
  <si>
    <t>cg06066694</t>
  </si>
  <si>
    <t>cg06066697</t>
  </si>
  <si>
    <t>cg06069030</t>
  </si>
  <si>
    <t>cg06071083</t>
  </si>
  <si>
    <t>cg06071246</t>
  </si>
  <si>
    <t>cg06071660</t>
  </si>
  <si>
    <t>cg06078335</t>
  </si>
  <si>
    <t>cg06080014</t>
  </si>
  <si>
    <t>cg06081518</t>
  </si>
  <si>
    <t>cg06081722</t>
  </si>
  <si>
    <t>cg06084952</t>
  </si>
  <si>
    <t>cg06086389</t>
  </si>
  <si>
    <t>cg06087498</t>
  </si>
  <si>
    <t>cg06087699</t>
  </si>
  <si>
    <t>cg06088324</t>
  </si>
  <si>
    <t>cg06093811</t>
  </si>
  <si>
    <t>cg06094085</t>
  </si>
  <si>
    <t>cg06094150</t>
  </si>
  <si>
    <t>cg06095296</t>
  </si>
  <si>
    <t>cg06097320</t>
  </si>
  <si>
    <t>cg06097361</t>
  </si>
  <si>
    <t>cg06098690</t>
  </si>
  <si>
    <t>cg06099646</t>
  </si>
  <si>
    <t>cg06100324</t>
  </si>
  <si>
    <t>cg06102930</t>
  </si>
  <si>
    <t>cg06104511</t>
  </si>
  <si>
    <t>cg06104975</t>
  </si>
  <si>
    <t>cg06105093</t>
  </si>
  <si>
    <t>cg06106883</t>
  </si>
  <si>
    <t>cg06111441</t>
  </si>
  <si>
    <t>cg06112206</t>
  </si>
  <si>
    <t>cg06112560</t>
  </si>
  <si>
    <t>cg06113298</t>
  </si>
  <si>
    <t>cg06114456</t>
  </si>
  <si>
    <t>cg06114471</t>
  </si>
  <si>
    <t>cg06114987</t>
  </si>
  <si>
    <t>cg06116248</t>
  </si>
  <si>
    <t>cg06117133</t>
  </si>
  <si>
    <t>cg06117153</t>
  </si>
  <si>
    <t>cg06117341</t>
  </si>
  <si>
    <t>cg06121207</t>
  </si>
  <si>
    <t>cg06124295</t>
  </si>
  <si>
    <t>cg06125591</t>
  </si>
  <si>
    <t>cg06127746</t>
  </si>
  <si>
    <t>cg06127781</t>
  </si>
  <si>
    <t>cg06129084</t>
  </si>
  <si>
    <t>cg06130159</t>
  </si>
  <si>
    <t>cg06131802</t>
  </si>
  <si>
    <t>cg06133771</t>
  </si>
  <si>
    <t>cg06135032</t>
  </si>
  <si>
    <t>cg06138239</t>
  </si>
  <si>
    <t>cg06138825</t>
  </si>
  <si>
    <t>cg06139259</t>
  </si>
  <si>
    <t>cg06139682</t>
  </si>
  <si>
    <t>cg06141561</t>
  </si>
  <si>
    <t>cg06142122</t>
  </si>
  <si>
    <t>cg06142315</t>
  </si>
  <si>
    <t>cg06143244</t>
  </si>
  <si>
    <t>cg06144110</t>
  </si>
  <si>
    <t>cg06145862</t>
  </si>
  <si>
    <t>cg06149853</t>
  </si>
  <si>
    <t>cg06150299</t>
  </si>
  <si>
    <t>cg06151984</t>
  </si>
  <si>
    <t>cg06152526</t>
  </si>
  <si>
    <t>cg06153467</t>
  </si>
  <si>
    <t>cg06156849</t>
  </si>
  <si>
    <t>cg06159340</t>
  </si>
  <si>
    <t>cg06166915</t>
  </si>
  <si>
    <t>cg06169648</t>
  </si>
  <si>
    <t>cg06170425</t>
  </si>
  <si>
    <t>cg06170683</t>
  </si>
  <si>
    <t>cg06173956</t>
  </si>
  <si>
    <t>cg06174989</t>
  </si>
  <si>
    <t>cg06177555</t>
  </si>
  <si>
    <t>cg06178072</t>
  </si>
  <si>
    <t>cg06178179</t>
  </si>
  <si>
    <t>cg06179039</t>
  </si>
  <si>
    <t>cg06180606</t>
  </si>
  <si>
    <t>cg06182311</t>
  </si>
  <si>
    <t>cg06184926</t>
  </si>
  <si>
    <t>cg06185246</t>
  </si>
  <si>
    <t>cg06185532</t>
  </si>
  <si>
    <t>cg06186790</t>
  </si>
  <si>
    <t>cg06187921</t>
  </si>
  <si>
    <t>cg06190046</t>
  </si>
  <si>
    <t>cg06192085</t>
  </si>
  <si>
    <t>cg06193383</t>
  </si>
  <si>
    <t>cg06193995</t>
  </si>
  <si>
    <t>cg06194026</t>
  </si>
  <si>
    <t>cg06194960</t>
  </si>
  <si>
    <t>cg06198975</t>
  </si>
  <si>
    <t>cg06199907</t>
  </si>
  <si>
    <t>cg06201604</t>
  </si>
  <si>
    <t>cg06201861</t>
  </si>
  <si>
    <t>cg06205614</t>
  </si>
  <si>
    <t>cg06208158</t>
  </si>
  <si>
    <t>cg06208229</t>
  </si>
  <si>
    <t>cg06209210</t>
  </si>
  <si>
    <t>cg06212637</t>
  </si>
  <si>
    <t>cg06213876</t>
  </si>
  <si>
    <t>cg06216428</t>
  </si>
  <si>
    <t>cg06219204</t>
  </si>
  <si>
    <t>cg06219301</t>
  </si>
  <si>
    <t>cg06219586</t>
  </si>
  <si>
    <t>cg06220725</t>
  </si>
  <si>
    <t>cg06221712</t>
  </si>
  <si>
    <t>cg06225589</t>
  </si>
  <si>
    <t>cg06225983</t>
  </si>
  <si>
    <t>cg06230599</t>
  </si>
  <si>
    <t>cg06231882</t>
  </si>
  <si>
    <t>cg06232263</t>
  </si>
  <si>
    <t>cg06232807</t>
  </si>
  <si>
    <t>cg06233376</t>
  </si>
  <si>
    <t>cg06233904</t>
  </si>
  <si>
    <t>cg06235329</t>
  </si>
  <si>
    <t>cg06235438</t>
  </si>
  <si>
    <t>cg06238180</t>
  </si>
  <si>
    <t>cg06240124</t>
  </si>
  <si>
    <t>cg06240409</t>
  </si>
  <si>
    <t>cg06243965</t>
  </si>
  <si>
    <t>cg06246000</t>
  </si>
  <si>
    <t>cg06249486</t>
  </si>
  <si>
    <t>cg06250288</t>
  </si>
  <si>
    <t>cg06250549</t>
  </si>
  <si>
    <t>cg06250734</t>
  </si>
  <si>
    <t>cg06254356</t>
  </si>
  <si>
    <t>cg06256856</t>
  </si>
  <si>
    <t>cg06257110</t>
  </si>
  <si>
    <t>cg06259351</t>
  </si>
  <si>
    <t>cg06261925</t>
  </si>
  <si>
    <t>cg06266302</t>
  </si>
  <si>
    <t>cg06266861</t>
  </si>
  <si>
    <t>cg06269035</t>
  </si>
  <si>
    <t>cg06270206</t>
  </si>
  <si>
    <t>cg06271850</t>
  </si>
  <si>
    <t>cg06272230</t>
  </si>
  <si>
    <t>cg06273075</t>
  </si>
  <si>
    <t>cg06273514</t>
  </si>
  <si>
    <t>cg06275028</t>
  </si>
  <si>
    <t>cg06276229</t>
  </si>
  <si>
    <t>cg06277697</t>
  </si>
  <si>
    <t>cg06277909</t>
  </si>
  <si>
    <t>cg06284816</t>
  </si>
  <si>
    <t>cg06284901</t>
  </si>
  <si>
    <t>cg06285333</t>
  </si>
  <si>
    <t>cg06285575</t>
  </si>
  <si>
    <t>cg06285909</t>
  </si>
  <si>
    <t>cg06286401</t>
  </si>
  <si>
    <t>cg06287405</t>
  </si>
  <si>
    <t>cg06287843</t>
  </si>
  <si>
    <t>cg06288570</t>
  </si>
  <si>
    <t>cg06288788</t>
  </si>
  <si>
    <t>cg06289824</t>
  </si>
  <si>
    <t>cg06289826</t>
  </si>
  <si>
    <t>cg06290424</t>
  </si>
  <si>
    <t>cg06294373</t>
  </si>
  <si>
    <t>cg06295223</t>
  </si>
  <si>
    <t>cg06295687</t>
  </si>
  <si>
    <t>cg06295977</t>
  </si>
  <si>
    <t>cg06297541</t>
  </si>
  <si>
    <t>cg06298579</t>
  </si>
  <si>
    <t>cg06301178</t>
  </si>
  <si>
    <t>cg06304856</t>
  </si>
  <si>
    <t>cg06309980</t>
  </si>
  <si>
    <t>cg06311920</t>
  </si>
  <si>
    <t>cg06314129</t>
  </si>
  <si>
    <t>cg06314202</t>
  </si>
  <si>
    <t>cg06315598</t>
  </si>
  <si>
    <t>cg06317622</t>
  </si>
  <si>
    <t>cg06319919</t>
  </si>
  <si>
    <t>cg06320582</t>
  </si>
  <si>
    <t>cg06320982</t>
  </si>
  <si>
    <t>cg06321213</t>
  </si>
  <si>
    <t>cg06321596</t>
  </si>
  <si>
    <t>cg06323049</t>
  </si>
  <si>
    <t>cg06323332</t>
  </si>
  <si>
    <t>cg06323857</t>
  </si>
  <si>
    <t>cg06323912</t>
  </si>
  <si>
    <t>cg06324909</t>
  </si>
  <si>
    <t>cg06326493</t>
  </si>
  <si>
    <t>cg06326971</t>
  </si>
  <si>
    <t>cg06327596</t>
  </si>
  <si>
    <t>cg06329197</t>
  </si>
  <si>
    <t>cg06330375</t>
  </si>
  <si>
    <t>cg06330621</t>
  </si>
  <si>
    <t>cg06330735</t>
  </si>
  <si>
    <t>cg06334495</t>
  </si>
  <si>
    <t>cg06338958</t>
  </si>
  <si>
    <t>cg06339265</t>
  </si>
  <si>
    <t>cg06339752</t>
  </si>
  <si>
    <t>cg06340836</t>
  </si>
  <si>
    <t>cg06341397</t>
  </si>
  <si>
    <t>cg06344054</t>
  </si>
  <si>
    <t>cg06344270</t>
  </si>
  <si>
    <t>cg06344952</t>
  </si>
  <si>
    <t>cg06348615</t>
  </si>
  <si>
    <t>cg06349754</t>
  </si>
  <si>
    <t>cg06351300</t>
  </si>
  <si>
    <t>cg06352352</t>
  </si>
  <si>
    <t>cg06355570</t>
  </si>
  <si>
    <t>cg06356838</t>
  </si>
  <si>
    <t>cg06358564</t>
  </si>
  <si>
    <t>cg06359968</t>
  </si>
  <si>
    <t>cg06361057</t>
  </si>
  <si>
    <t>cg06361108</t>
  </si>
  <si>
    <t>cg06361984</t>
  </si>
  <si>
    <t>cg06365992</t>
  </si>
  <si>
    <t>cg06378100</t>
  </si>
  <si>
    <t>cg06378129</t>
  </si>
  <si>
    <t>cg06381966</t>
  </si>
  <si>
    <t>cg06382008</t>
  </si>
  <si>
    <t>cg06385079</t>
  </si>
  <si>
    <t>cg06387245</t>
  </si>
  <si>
    <t>cg06388418</t>
  </si>
  <si>
    <t>cg06389950</t>
  </si>
  <si>
    <t>cg06390694</t>
  </si>
  <si>
    <t>cg06391926</t>
  </si>
  <si>
    <t>cg06392242</t>
  </si>
  <si>
    <t>cg06392733</t>
  </si>
  <si>
    <t>cg06394058</t>
  </si>
  <si>
    <t>cg06395425</t>
  </si>
  <si>
    <t>cg06396762</t>
  </si>
  <si>
    <t>cg06396948</t>
  </si>
  <si>
    <t>cg06397424</t>
  </si>
  <si>
    <t>cg06400255</t>
  </si>
  <si>
    <t>cg06401532</t>
  </si>
  <si>
    <t>cg06404340</t>
  </si>
  <si>
    <t>cg06405820</t>
  </si>
  <si>
    <t>cg06407115</t>
  </si>
  <si>
    <t>cg06408043</t>
  </si>
  <si>
    <t>cg06408710</t>
  </si>
  <si>
    <t>cg06411447</t>
  </si>
  <si>
    <t>cg06415970</t>
  </si>
  <si>
    <t>cg06416760</t>
  </si>
  <si>
    <t>cg06417644</t>
  </si>
  <si>
    <t>cg06420305</t>
  </si>
  <si>
    <t>cg06422261</t>
  </si>
  <si>
    <t>cg06422694</t>
  </si>
  <si>
    <t>cg06425026</t>
  </si>
  <si>
    <t>cg06426253</t>
  </si>
  <si>
    <t>cg06428091</t>
  </si>
  <si>
    <t>cg06429636</t>
  </si>
  <si>
    <t>cg06431604</t>
  </si>
  <si>
    <t>cg06432529</t>
  </si>
  <si>
    <t>cg06432875</t>
  </si>
  <si>
    <t>cg06434344</t>
  </si>
  <si>
    <t>cg06434732</t>
  </si>
  <si>
    <t>cg06436488</t>
  </si>
  <si>
    <t>cg06438797</t>
  </si>
  <si>
    <t>cg06440287</t>
  </si>
  <si>
    <t>cg06442090</t>
  </si>
  <si>
    <t>cg06452129</t>
  </si>
  <si>
    <t>cg06452875</t>
  </si>
  <si>
    <t>cg06453916</t>
  </si>
  <si>
    <t>cg06459847</t>
  </si>
  <si>
    <t>cg06459913</t>
  </si>
  <si>
    <t>cg06460189</t>
  </si>
  <si>
    <t>cg06463589</t>
  </si>
  <si>
    <t>cg06464432</t>
  </si>
  <si>
    <t>cg06465011</t>
  </si>
  <si>
    <t>cg06465033</t>
  </si>
  <si>
    <t>cg06466348</t>
  </si>
  <si>
    <t>cg06467207</t>
  </si>
  <si>
    <t>cg06468978</t>
  </si>
  <si>
    <t>cg06469895</t>
  </si>
  <si>
    <t>cg06471402</t>
  </si>
  <si>
    <t>cg06475764</t>
  </si>
  <si>
    <t>cg06477423</t>
  </si>
  <si>
    <t>cg06478814</t>
  </si>
  <si>
    <t>cg06482830</t>
  </si>
  <si>
    <t>cg06483896</t>
  </si>
  <si>
    <t>cg06485596</t>
  </si>
  <si>
    <t>cg06485706</t>
  </si>
  <si>
    <t>cg06489569</t>
  </si>
  <si>
    <t>cg06490162</t>
  </si>
  <si>
    <t>cg06490869</t>
  </si>
  <si>
    <t>cg06492005</t>
  </si>
  <si>
    <t>cg06493973</t>
  </si>
  <si>
    <t>cg06494642</t>
  </si>
  <si>
    <t>cg06496222</t>
  </si>
  <si>
    <t>cg06502279</t>
  </si>
  <si>
    <t>cg06503216</t>
  </si>
  <si>
    <t>cg06503456</t>
  </si>
  <si>
    <t>cg06503716</t>
  </si>
  <si>
    <t>cg06505273</t>
  </si>
  <si>
    <t>cg06507072</t>
  </si>
  <si>
    <t>cg06507634</t>
  </si>
  <si>
    <t>cg06508867</t>
  </si>
  <si>
    <t>cg06509391</t>
  </si>
  <si>
    <t>cg06510621</t>
  </si>
  <si>
    <t>cg06511274</t>
  </si>
  <si>
    <t>cg06513470</t>
  </si>
  <si>
    <t>cg06515519</t>
  </si>
  <si>
    <t>cg06515640</t>
  </si>
  <si>
    <t>cg06515734</t>
  </si>
  <si>
    <t>cg06520088</t>
  </si>
  <si>
    <t>cg06522179</t>
  </si>
  <si>
    <t>cg06523948</t>
  </si>
  <si>
    <t>cg06528601</t>
  </si>
  <si>
    <t>cg06529128</t>
  </si>
  <si>
    <t>cg06529761</t>
  </si>
  <si>
    <t>cg06530903</t>
  </si>
  <si>
    <t>cg06531573</t>
  </si>
  <si>
    <t>cg06532176</t>
  </si>
  <si>
    <t>cg06534313</t>
  </si>
  <si>
    <t>cg06537073</t>
  </si>
  <si>
    <t>cg06537333</t>
  </si>
  <si>
    <t>cg06538437</t>
  </si>
  <si>
    <t>cg06541349</t>
  </si>
  <si>
    <t>cg06542681</t>
  </si>
  <si>
    <t>cg06543221</t>
  </si>
  <si>
    <t>cg06544693</t>
  </si>
  <si>
    <t>cg06549871</t>
  </si>
  <si>
    <t>cg06551822</t>
  </si>
  <si>
    <t>cg06553210</t>
  </si>
  <si>
    <t>cg06554270</t>
  </si>
  <si>
    <t>cg06558623</t>
  </si>
  <si>
    <t>cg06560026</t>
  </si>
  <si>
    <t>cg06567442</t>
  </si>
  <si>
    <t>cg06568454</t>
  </si>
  <si>
    <t>cg06568815</t>
  </si>
  <si>
    <t>cg06569826</t>
  </si>
  <si>
    <t>cg06572911</t>
  </si>
  <si>
    <t>cg06575692</t>
  </si>
  <si>
    <t>cg06578342</t>
  </si>
  <si>
    <t>cg06584784</t>
  </si>
  <si>
    <t>cg06585307</t>
  </si>
  <si>
    <t>cg06590662</t>
  </si>
  <si>
    <t>cg06591145</t>
  </si>
  <si>
    <t>cg06592860</t>
  </si>
  <si>
    <t>cg06593507</t>
  </si>
  <si>
    <t>cg06595308</t>
  </si>
  <si>
    <t>cg06599274</t>
  </si>
  <si>
    <t>cg06599514</t>
  </si>
  <si>
    <t>cg06599546</t>
  </si>
  <si>
    <t>cg06602545</t>
  </si>
  <si>
    <t>cg06602871</t>
  </si>
  <si>
    <t>cg06604811</t>
  </si>
  <si>
    <t>cg06604968</t>
  </si>
  <si>
    <t>cg06611874</t>
  </si>
  <si>
    <t>cg06612122</t>
  </si>
  <si>
    <t>cg06613738</t>
  </si>
  <si>
    <t>cg06618610</t>
  </si>
  <si>
    <t>cg06621126</t>
  </si>
  <si>
    <t>cg06624368</t>
  </si>
  <si>
    <t>cg06627532</t>
  </si>
  <si>
    <t>cg06628109</t>
  </si>
  <si>
    <t>cg06631160</t>
  </si>
  <si>
    <t>cg06637893</t>
  </si>
  <si>
    <t>cg06639267</t>
  </si>
  <si>
    <t>cg06639733</t>
  </si>
  <si>
    <t>cg06639763</t>
  </si>
  <si>
    <t>cg06642941</t>
  </si>
  <si>
    <t>cg06646636</t>
  </si>
  <si>
    <t>cg06649201</t>
  </si>
  <si>
    <t>cg06649282</t>
  </si>
  <si>
    <t>cg06649899</t>
  </si>
  <si>
    <t>cg06650105</t>
  </si>
  <si>
    <t>cg06653216</t>
  </si>
  <si>
    <t>cg06653572</t>
  </si>
  <si>
    <t>cg06654431</t>
  </si>
  <si>
    <t>cg06654498</t>
  </si>
  <si>
    <t>cg06655190</t>
  </si>
  <si>
    <t>cg06655217</t>
  </si>
  <si>
    <t>cg06655377</t>
  </si>
  <si>
    <t>cg06655861</t>
  </si>
  <si>
    <t>cg06657852</t>
  </si>
  <si>
    <t>cg06660116</t>
  </si>
  <si>
    <t>cg06660976</t>
  </si>
  <si>
    <t>cg06661057</t>
  </si>
  <si>
    <t>cg06663317</t>
  </si>
  <si>
    <t>cg06663648</t>
  </si>
  <si>
    <t>cg06664147</t>
  </si>
  <si>
    <t>cg06664900</t>
  </si>
  <si>
    <t>cg06666608</t>
  </si>
  <si>
    <t>cg06669446</t>
  </si>
  <si>
    <t>cg06672226</t>
  </si>
  <si>
    <t>cg06674793</t>
  </si>
  <si>
    <t>cg06675348</t>
  </si>
  <si>
    <t>cg06675784</t>
  </si>
  <si>
    <t>cg06684259</t>
  </si>
  <si>
    <t>cg06685766</t>
  </si>
  <si>
    <t>cg06688848</t>
  </si>
  <si>
    <t>cg06689536</t>
  </si>
  <si>
    <t>cg06693575</t>
  </si>
  <si>
    <t>cg06695812</t>
  </si>
  <si>
    <t>cg06696963</t>
  </si>
  <si>
    <t>cg06706029</t>
  </si>
  <si>
    <t>cg06710927</t>
  </si>
  <si>
    <t>cg06712204</t>
  </si>
  <si>
    <t>cg06712335</t>
  </si>
  <si>
    <t>cg06712792</t>
  </si>
  <si>
    <t>cg06714021</t>
  </si>
  <si>
    <t>cg06714655</t>
  </si>
  <si>
    <t>cg06715160</t>
  </si>
  <si>
    <t>cg06715352</t>
  </si>
  <si>
    <t>cg06716402</t>
  </si>
  <si>
    <t>cg06716411</t>
  </si>
  <si>
    <t>cg06718533</t>
  </si>
  <si>
    <t>cg06719532</t>
  </si>
  <si>
    <t>cg06720084</t>
  </si>
  <si>
    <t>cg06721300</t>
  </si>
  <si>
    <t>cg06722193</t>
  </si>
  <si>
    <t>cg06723057</t>
  </si>
  <si>
    <t>cg06723337</t>
  </si>
  <si>
    <t>cg06723694</t>
  </si>
  <si>
    <t>cg06726893</t>
  </si>
  <si>
    <t>cg06728335</t>
  </si>
  <si>
    <t>cg06730132</t>
  </si>
  <si>
    <t>cg06731639</t>
  </si>
  <si>
    <t>cg06733215</t>
  </si>
  <si>
    <t>cg06733971</t>
  </si>
  <si>
    <t>cg06734979</t>
  </si>
  <si>
    <t>cg06736444</t>
  </si>
  <si>
    <t>cg06736685</t>
  </si>
  <si>
    <t>cg06737666</t>
  </si>
  <si>
    <t>cg06741528</t>
  </si>
  <si>
    <t>cg06742162</t>
  </si>
  <si>
    <t>cg06744117</t>
  </si>
  <si>
    <t>cg06745229</t>
  </si>
  <si>
    <t>cg06746670</t>
  </si>
  <si>
    <t>cg06748884</t>
  </si>
  <si>
    <t>cg06751366</t>
  </si>
  <si>
    <t>cg06753684</t>
  </si>
  <si>
    <t>cg06754445</t>
  </si>
  <si>
    <t>cg06754565</t>
  </si>
  <si>
    <t>cg06755448</t>
  </si>
  <si>
    <t>cg06757487</t>
  </si>
  <si>
    <t>cg06758158</t>
  </si>
  <si>
    <t>cg06758207</t>
  </si>
  <si>
    <t>cg06758559</t>
  </si>
  <si>
    <t>cg06759097</t>
  </si>
  <si>
    <t>cg06759117</t>
  </si>
  <si>
    <t>cg06759971</t>
  </si>
  <si>
    <t>cg06762395</t>
  </si>
  <si>
    <t>cg06763588</t>
  </si>
  <si>
    <t>cg06766367</t>
  </si>
  <si>
    <t>cg06768088</t>
  </si>
  <si>
    <t>cg06768741</t>
  </si>
  <si>
    <t>cg06771923</t>
  </si>
  <si>
    <t>cg06777352</t>
  </si>
  <si>
    <t>cg06777523</t>
  </si>
  <si>
    <t>cg06779421</t>
  </si>
  <si>
    <t>cg06784122</t>
  </si>
  <si>
    <t>cg06784594</t>
  </si>
  <si>
    <t>cg06786050</t>
  </si>
  <si>
    <t>cg06786237</t>
  </si>
  <si>
    <t>cg06786295</t>
  </si>
  <si>
    <t>cg06788321</t>
  </si>
  <si>
    <t>cg06788767</t>
  </si>
  <si>
    <t>cg06791664</t>
  </si>
  <si>
    <t>cg06793581</t>
  </si>
  <si>
    <t>cg06794744</t>
  </si>
  <si>
    <t>cg06796709</t>
  </si>
  <si>
    <t>cg06799321</t>
  </si>
  <si>
    <t>cg06802573</t>
  </si>
  <si>
    <t>cg06803821</t>
  </si>
  <si>
    <t>cg06806214</t>
  </si>
  <si>
    <t>cg06807063</t>
  </si>
  <si>
    <t>cg06810179</t>
  </si>
  <si>
    <t>cg06810461</t>
  </si>
  <si>
    <t>cg06811778</t>
  </si>
  <si>
    <t>cg06812033</t>
  </si>
  <si>
    <t>cg06812612</t>
  </si>
  <si>
    <t>cg06814256</t>
  </si>
  <si>
    <t>cg06815910</t>
  </si>
  <si>
    <t>cg06819375</t>
  </si>
  <si>
    <t>cg06819935</t>
  </si>
  <si>
    <t>cg06823060</t>
  </si>
  <si>
    <t>cg06825849</t>
  </si>
  <si>
    <t>cg06829391</t>
  </si>
  <si>
    <t>cg06830148</t>
  </si>
  <si>
    <t>cg06830319</t>
  </si>
  <si>
    <t>cg06831182</t>
  </si>
  <si>
    <t>cg06835509</t>
  </si>
  <si>
    <t>cg06836872</t>
  </si>
  <si>
    <t>cg06839111</t>
  </si>
  <si>
    <t>cg06841648</t>
  </si>
  <si>
    <t>cg06841964</t>
  </si>
  <si>
    <t>cg06846976</t>
  </si>
  <si>
    <t>cg06847021</t>
  </si>
  <si>
    <t>cg06847168</t>
  </si>
  <si>
    <t>cg06847237</t>
  </si>
  <si>
    <t>cg06848199</t>
  </si>
  <si>
    <t>cg06848775</t>
  </si>
  <si>
    <t>cg06849234</t>
  </si>
  <si>
    <t>cg06852240</t>
  </si>
  <si>
    <t>cg06855137</t>
  </si>
  <si>
    <t>cg06857887</t>
  </si>
  <si>
    <t>cg06859970</t>
  </si>
  <si>
    <t>cg06860422</t>
  </si>
  <si>
    <t>cg06861037</t>
  </si>
  <si>
    <t>cg06861181</t>
  </si>
  <si>
    <t>cg06862165</t>
  </si>
  <si>
    <t>cg06865119</t>
  </si>
  <si>
    <t>cg06866187</t>
  </si>
  <si>
    <t>cg06866208</t>
  </si>
  <si>
    <t>cg06866605</t>
  </si>
  <si>
    <t>cg06867531</t>
  </si>
  <si>
    <t>cg06871213</t>
  </si>
  <si>
    <t>cg06872243</t>
  </si>
  <si>
    <t>cg06873498</t>
  </si>
  <si>
    <t>cg06878960</t>
  </si>
  <si>
    <t>cg06879222</t>
  </si>
  <si>
    <t>cg06881040</t>
  </si>
  <si>
    <t>cg06881580</t>
  </si>
  <si>
    <t>cg06882571</t>
  </si>
  <si>
    <t>cg06884559</t>
  </si>
  <si>
    <t>cg06887778</t>
  </si>
  <si>
    <t>cg06888094</t>
  </si>
  <si>
    <t>cg06888383</t>
  </si>
  <si>
    <t>cg06889036</t>
  </si>
  <si>
    <t>cg06889547</t>
  </si>
  <si>
    <t>cg06890610</t>
  </si>
  <si>
    <t>cg06895005</t>
  </si>
  <si>
    <t>cg06895946</t>
  </si>
  <si>
    <t>cg06896529</t>
  </si>
  <si>
    <t>cg06896988</t>
  </si>
  <si>
    <t>cg06897606</t>
  </si>
  <si>
    <t>cg06901762</t>
  </si>
  <si>
    <t>cg06907405</t>
  </si>
  <si>
    <t>cg06908857</t>
  </si>
  <si>
    <t>cg06910661</t>
  </si>
  <si>
    <t>cg06916706</t>
  </si>
  <si>
    <t>cg06919553</t>
  </si>
  <si>
    <t>cg06920390</t>
  </si>
  <si>
    <t>cg06922496</t>
  </si>
  <si>
    <t>cg06922606</t>
  </si>
  <si>
    <t>cg06923233</t>
  </si>
  <si>
    <t>cg06926254</t>
  </si>
  <si>
    <t>cg06928325</t>
  </si>
  <si>
    <t>cg06928887</t>
  </si>
  <si>
    <t>cg06928952</t>
  </si>
  <si>
    <t>cg06929449</t>
  </si>
  <si>
    <t>cg06929595</t>
  </si>
  <si>
    <t>cg06931267</t>
  </si>
  <si>
    <t>cg06932837</t>
  </si>
  <si>
    <t>cg06934747</t>
  </si>
  <si>
    <t>cg06940299</t>
  </si>
  <si>
    <t>cg06941230</t>
  </si>
  <si>
    <t>cg06944758</t>
  </si>
  <si>
    <t>cg06945845</t>
  </si>
  <si>
    <t>cg06946797</t>
  </si>
  <si>
    <t>cg06946850</t>
  </si>
  <si>
    <t>cg06963132</t>
  </si>
  <si>
    <t>cg06963451</t>
  </si>
  <si>
    <t>cg06964876</t>
  </si>
  <si>
    <t>cg06965925</t>
  </si>
  <si>
    <t>cg06966613</t>
  </si>
  <si>
    <t>cg06969933</t>
  </si>
  <si>
    <t>cg06970228</t>
  </si>
  <si>
    <t>cg06972176</t>
  </si>
  <si>
    <t>cg06977257</t>
  </si>
  <si>
    <t>cg06979030</t>
  </si>
  <si>
    <t>cg06979281</t>
  </si>
  <si>
    <t>cg06979726</t>
  </si>
  <si>
    <t>cg06981033</t>
  </si>
  <si>
    <t>cg06985993</t>
  </si>
  <si>
    <t>cg06986489</t>
  </si>
  <si>
    <t>cg06988310</t>
  </si>
  <si>
    <t>cg06988897</t>
  </si>
  <si>
    <t>cg06989330</t>
  </si>
  <si>
    <t>cg06990194</t>
  </si>
  <si>
    <t>cg06993367</t>
  </si>
  <si>
    <t>cg06993429</t>
  </si>
  <si>
    <t>cg06994787</t>
  </si>
  <si>
    <t>cg06995565</t>
  </si>
  <si>
    <t>cg06995715</t>
  </si>
  <si>
    <t>cg06998361</t>
  </si>
  <si>
    <t>cg06998507</t>
  </si>
  <si>
    <t>cg06998685</t>
  </si>
  <si>
    <t>cg06999084</t>
  </si>
  <si>
    <t>cg07000116</t>
  </si>
  <si>
    <t>cg07000567</t>
  </si>
  <si>
    <t>cg07003558</t>
  </si>
  <si>
    <t>cg07005506</t>
  </si>
  <si>
    <t>cg07008911</t>
  </si>
  <si>
    <t>cg07011318</t>
  </si>
  <si>
    <t>cg07012702</t>
  </si>
  <si>
    <t>cg07013258</t>
  </si>
  <si>
    <t>cg07013955</t>
  </si>
  <si>
    <t>cg07020416</t>
  </si>
  <si>
    <t>cg07021331</t>
  </si>
  <si>
    <t>cg07023226</t>
  </si>
  <si>
    <t>cg07025134</t>
  </si>
  <si>
    <t>cg07025312</t>
  </si>
  <si>
    <t>cg07027430</t>
  </si>
  <si>
    <t>cg07031083</t>
  </si>
  <si>
    <t>cg07032866</t>
  </si>
  <si>
    <t>cg07039362</t>
  </si>
  <si>
    <t>cg07041323</t>
  </si>
  <si>
    <t>cg07041748</t>
  </si>
  <si>
    <t>cg07044724</t>
  </si>
  <si>
    <t>cg07046436</t>
  </si>
  <si>
    <t>cg07051704</t>
  </si>
  <si>
    <t>cg07051796</t>
  </si>
  <si>
    <t>cg07053162</t>
  </si>
  <si>
    <t>cg07053964</t>
  </si>
  <si>
    <t>cg07054502</t>
  </si>
  <si>
    <t>cg07057687</t>
  </si>
  <si>
    <t>cg07059052</t>
  </si>
  <si>
    <t>cg07060117</t>
  </si>
  <si>
    <t>cg07060864</t>
  </si>
  <si>
    <t>cg07060971</t>
  </si>
  <si>
    <t>cg07061260</t>
  </si>
  <si>
    <t>cg07064156</t>
  </si>
  <si>
    <t>cg07066067</t>
  </si>
  <si>
    <t>cg07066163</t>
  </si>
  <si>
    <t>cg07066561</t>
  </si>
  <si>
    <t>cg07067950</t>
  </si>
  <si>
    <t>cg07069636</t>
  </si>
  <si>
    <t>cg07073135</t>
  </si>
  <si>
    <t>cg07073662</t>
  </si>
  <si>
    <t>cg07078479</t>
  </si>
  <si>
    <t>cg07080946</t>
  </si>
  <si>
    <t>cg07082267</t>
  </si>
  <si>
    <t>cg07084143</t>
  </si>
  <si>
    <t>cg07085287</t>
  </si>
  <si>
    <t>cg07086179</t>
  </si>
  <si>
    <t>cg07087779</t>
  </si>
  <si>
    <t>cg07089275</t>
  </si>
  <si>
    <t>cg07089942</t>
  </si>
  <si>
    <t>cg07090074</t>
  </si>
  <si>
    <t>cg07091062</t>
  </si>
  <si>
    <t>cg07091758</t>
  </si>
  <si>
    <t>cg07093942</t>
  </si>
  <si>
    <t>cg07095197</t>
  </si>
  <si>
    <t>cg07095737</t>
  </si>
  <si>
    <t>cg07097367</t>
  </si>
  <si>
    <t>cg07098502</t>
  </si>
  <si>
    <t>cg07099810</t>
  </si>
  <si>
    <t>cg07099827</t>
  </si>
  <si>
    <t>cg07099991</t>
  </si>
  <si>
    <t>cg07101029</t>
  </si>
  <si>
    <t>cg07102001</t>
  </si>
  <si>
    <t>cg07103714</t>
  </si>
  <si>
    <t>cg07104116</t>
  </si>
  <si>
    <t>cg07105046</t>
  </si>
  <si>
    <t>cg07105499</t>
  </si>
  <si>
    <t>cg07106490</t>
  </si>
  <si>
    <t>cg07106737</t>
  </si>
  <si>
    <t>cg07109743</t>
  </si>
  <si>
    <t>cg07110801</t>
  </si>
  <si>
    <t>cg07112260</t>
  </si>
  <si>
    <t>cg07113322</t>
  </si>
  <si>
    <t>cg07114894</t>
  </si>
  <si>
    <t>cg07115761</t>
  </si>
  <si>
    <t>cg07117087</t>
  </si>
  <si>
    <t>cg07117311</t>
  </si>
  <si>
    <t>cg07118299</t>
  </si>
  <si>
    <t>cg07120134</t>
  </si>
  <si>
    <t>cg07123890</t>
  </si>
  <si>
    <t>cg07124138</t>
  </si>
  <si>
    <t>cg07124292</t>
  </si>
  <si>
    <t>cg07124995</t>
  </si>
  <si>
    <t>cg07125009</t>
  </si>
  <si>
    <t>cg07125278</t>
  </si>
  <si>
    <t>cg07125967</t>
  </si>
  <si>
    <t>cg07127456</t>
  </si>
  <si>
    <t>cg07128102</t>
  </si>
  <si>
    <t>cg07129104</t>
  </si>
  <si>
    <t>cg07130265</t>
  </si>
  <si>
    <t>cg07131540</t>
  </si>
  <si>
    <t>cg07131553</t>
  </si>
  <si>
    <t>cg07132650</t>
  </si>
  <si>
    <t>cg07133445</t>
  </si>
  <si>
    <t>cg07133629</t>
  </si>
  <si>
    <t>cg07135296</t>
  </si>
  <si>
    <t>cg07139533</t>
  </si>
  <si>
    <t>cg07143050</t>
  </si>
  <si>
    <t>cg07143635</t>
  </si>
  <si>
    <t>cg07147285</t>
  </si>
  <si>
    <t>cg07157333</t>
  </si>
  <si>
    <t>cg07157571</t>
  </si>
  <si>
    <t>cg07162727</t>
  </si>
  <si>
    <t>cg07163531</t>
  </si>
  <si>
    <t>cg07164875</t>
  </si>
  <si>
    <t>cg07165459</t>
  </si>
  <si>
    <t>cg07165637</t>
  </si>
  <si>
    <t>cg07170686</t>
  </si>
  <si>
    <t>cg07171780</t>
  </si>
  <si>
    <t>cg07173670</t>
  </si>
  <si>
    <t>cg07175797</t>
  </si>
  <si>
    <t>cg07176342</t>
  </si>
  <si>
    <t>cg07177724</t>
  </si>
  <si>
    <t>cg07178066</t>
  </si>
  <si>
    <t>cg07178896</t>
  </si>
  <si>
    <t>cg07181376</t>
  </si>
  <si>
    <t>cg07185854</t>
  </si>
  <si>
    <t>cg07186472</t>
  </si>
  <si>
    <t>cg07188665</t>
  </si>
  <si>
    <t>cg07190917</t>
  </si>
  <si>
    <t>cg07191348</t>
  </si>
  <si>
    <t>cg07191524</t>
  </si>
  <si>
    <t>cg07193666</t>
  </si>
  <si>
    <t>cg07194830</t>
  </si>
  <si>
    <t>cg07195622</t>
  </si>
  <si>
    <t>cg07197991</t>
  </si>
  <si>
    <t>cg07202092</t>
  </si>
  <si>
    <t>cg07204255</t>
  </si>
  <si>
    <t>cg07205277</t>
  </si>
  <si>
    <t>cg07205857</t>
  </si>
  <si>
    <t>cg07207367</t>
  </si>
  <si>
    <t>cg07207789</t>
  </si>
  <si>
    <t>cg07208891</t>
  </si>
  <si>
    <t>cg07212747</t>
  </si>
  <si>
    <t>cg07216399</t>
  </si>
  <si>
    <t>cg07218744</t>
  </si>
  <si>
    <t>cg07223648</t>
  </si>
  <si>
    <t>cg07224531</t>
  </si>
  <si>
    <t>cg07225829</t>
  </si>
  <si>
    <t>cg07228987</t>
  </si>
  <si>
    <t>cg07230690</t>
  </si>
  <si>
    <t>cg07231738</t>
  </si>
  <si>
    <t>cg07235885</t>
  </si>
  <si>
    <t>cg07239018</t>
  </si>
  <si>
    <t>cg07239613</t>
  </si>
  <si>
    <t>cg07241532</t>
  </si>
  <si>
    <t>cg07242178</t>
  </si>
  <si>
    <t>cg07243576</t>
  </si>
  <si>
    <t>cg07247103</t>
  </si>
  <si>
    <t>cg07248377</t>
  </si>
  <si>
    <t>cg07249224</t>
  </si>
  <si>
    <t>cg07249369</t>
  </si>
  <si>
    <t>cg07250177</t>
  </si>
  <si>
    <t>cg07251480</t>
  </si>
  <si>
    <t>cg07252892</t>
  </si>
  <si>
    <t>cg07253630</t>
  </si>
  <si>
    <t>cg07256732</t>
  </si>
  <si>
    <t>cg07260361</t>
  </si>
  <si>
    <t>cg07261196</t>
  </si>
  <si>
    <t>cg07262506</t>
  </si>
  <si>
    <t>cg07263153</t>
  </si>
  <si>
    <t>cg07265549</t>
  </si>
  <si>
    <t>cg07271253</t>
  </si>
  <si>
    <t>cg07271394</t>
  </si>
  <si>
    <t>cg07271512</t>
  </si>
  <si>
    <t>cg07273125</t>
  </si>
  <si>
    <t>cg07273222</t>
  </si>
  <si>
    <t>cg07274204</t>
  </si>
  <si>
    <t>cg07274572</t>
  </si>
  <si>
    <t>cg07275439</t>
  </si>
  <si>
    <t>cg07277633</t>
  </si>
  <si>
    <t>cg07277869</t>
  </si>
  <si>
    <t>cg07278153</t>
  </si>
  <si>
    <t>cg07280206</t>
  </si>
  <si>
    <t>cg07281938</t>
  </si>
  <si>
    <t>cg07282454</t>
  </si>
  <si>
    <t>cg07284994</t>
  </si>
  <si>
    <t>cg07285181</t>
  </si>
  <si>
    <t>cg07285209</t>
  </si>
  <si>
    <t>cg07285481</t>
  </si>
  <si>
    <t>cg07288347</t>
  </si>
  <si>
    <t>cg07289133</t>
  </si>
  <si>
    <t>cg07297322</t>
  </si>
  <si>
    <t>cg07297410</t>
  </si>
  <si>
    <t>cg07298177</t>
  </si>
  <si>
    <t>cg07298257</t>
  </si>
  <si>
    <t>cg07298547</t>
  </si>
  <si>
    <t>cg07299078</t>
  </si>
  <si>
    <t>cg07299144</t>
  </si>
  <si>
    <t>cg07299526</t>
  </si>
  <si>
    <t>cg07299746</t>
  </si>
  <si>
    <t>cg07300349</t>
  </si>
  <si>
    <t>cg07300610</t>
  </si>
  <si>
    <t>cg07300846</t>
  </si>
  <si>
    <t>cg07301574</t>
  </si>
  <si>
    <t>cg07302934</t>
  </si>
  <si>
    <t>cg07303450</t>
  </si>
  <si>
    <t>cg07304736</t>
  </si>
  <si>
    <t>cg07305563</t>
  </si>
  <si>
    <t>cg07306531</t>
  </si>
  <si>
    <t>cg07308243</t>
  </si>
  <si>
    <t>cg07312240</t>
  </si>
  <si>
    <t>cg07312485</t>
  </si>
  <si>
    <t>cg07315521</t>
  </si>
  <si>
    <t>cg07320140</t>
  </si>
  <si>
    <t>cg07323145</t>
  </si>
  <si>
    <t>cg07323447</t>
  </si>
  <si>
    <t>cg07323979</t>
  </si>
  <si>
    <t>cg07326074</t>
  </si>
  <si>
    <t>cg07326665</t>
  </si>
  <si>
    <t>cg07329987</t>
  </si>
  <si>
    <t>cg07336438</t>
  </si>
  <si>
    <t>cg07337290</t>
  </si>
  <si>
    <t>cg07337796</t>
  </si>
  <si>
    <t>cg07340241</t>
  </si>
  <si>
    <t>cg07342647</t>
  </si>
  <si>
    <t>cg07343708</t>
  </si>
  <si>
    <t>cg07344397</t>
  </si>
  <si>
    <t>cg07346607</t>
  </si>
  <si>
    <t>cg07347019</t>
  </si>
  <si>
    <t>cg07352600</t>
  </si>
  <si>
    <t>cg07352859</t>
  </si>
  <si>
    <t>cg07356338</t>
  </si>
  <si>
    <t>cg07356861</t>
  </si>
  <si>
    <t>cg07359991</t>
  </si>
  <si>
    <t>cg07361448</t>
  </si>
  <si>
    <t>cg07363131</t>
  </si>
  <si>
    <t>cg07369174</t>
  </si>
  <si>
    <t>cg07369399</t>
  </si>
  <si>
    <t>cg07371747</t>
  </si>
  <si>
    <t>cg07372596</t>
  </si>
  <si>
    <t>cg07375207</t>
  </si>
  <si>
    <t>cg07376134</t>
  </si>
  <si>
    <t>cg07377859</t>
  </si>
  <si>
    <t>cg07377907</t>
  </si>
  <si>
    <t>cg07378245</t>
  </si>
  <si>
    <t>cg07379557</t>
  </si>
  <si>
    <t>cg07379707</t>
  </si>
  <si>
    <t>cg07380219</t>
  </si>
  <si>
    <t>cg07380590</t>
  </si>
  <si>
    <t>cg07383076</t>
  </si>
  <si>
    <t>cg07384961</t>
  </si>
  <si>
    <t>cg07385501</t>
  </si>
  <si>
    <t>cg07391800</t>
  </si>
  <si>
    <t>cg07393169</t>
  </si>
  <si>
    <t>cg07398350</t>
  </si>
  <si>
    <t>cg07399537</t>
  </si>
  <si>
    <t>cg07402062</t>
  </si>
  <si>
    <t>cg07404223</t>
  </si>
  <si>
    <t>cg07404961</t>
  </si>
  <si>
    <t>cg07405083</t>
  </si>
  <si>
    <t>cg07405121</t>
  </si>
  <si>
    <t>cg07405255</t>
  </si>
  <si>
    <t>cg07405534</t>
  </si>
  <si>
    <t>cg07406296</t>
  </si>
  <si>
    <t>cg07420261</t>
  </si>
  <si>
    <t>cg07422940</t>
  </si>
  <si>
    <t>cg07425780</t>
  </si>
  <si>
    <t>cg07427211</t>
  </si>
  <si>
    <t>cg07427438</t>
  </si>
  <si>
    <t>cg07429581</t>
  </si>
  <si>
    <t>cg07430849</t>
  </si>
  <si>
    <t>cg07431944</t>
  </si>
  <si>
    <t>cg07435237</t>
  </si>
  <si>
    <t>cg07437024</t>
  </si>
  <si>
    <t>cg07437235</t>
  </si>
  <si>
    <t>cg07437988</t>
  </si>
  <si>
    <t>cg07439791</t>
  </si>
  <si>
    <t>cg07440507</t>
  </si>
  <si>
    <t>cg07440826</t>
  </si>
  <si>
    <t>cg07444251</t>
  </si>
  <si>
    <t>cg07447567</t>
  </si>
  <si>
    <t>cg07450021</t>
  </si>
  <si>
    <t>cg07451886</t>
  </si>
  <si>
    <t>cg07452625</t>
  </si>
  <si>
    <t>cg07461837</t>
  </si>
  <si>
    <t>cg07463519</t>
  </si>
  <si>
    <t>cg07464859</t>
  </si>
  <si>
    <t>cg07469744</t>
  </si>
  <si>
    <t>cg07474477</t>
  </si>
  <si>
    <t>cg07474682</t>
  </si>
  <si>
    <t>cg07474797</t>
  </si>
  <si>
    <t>cg07477924</t>
  </si>
  <si>
    <t>cg07478245</t>
  </si>
  <si>
    <t>cg07478629</t>
  </si>
  <si>
    <t>cg07479337</t>
  </si>
  <si>
    <t>cg07480754</t>
  </si>
  <si>
    <t>cg07483266</t>
  </si>
  <si>
    <t>cg07485866</t>
  </si>
  <si>
    <t>cg07487786</t>
  </si>
  <si>
    <t>cg07492924</t>
  </si>
  <si>
    <t>cg07494259</t>
  </si>
  <si>
    <t>cg07497911</t>
  </si>
  <si>
    <t>cg07498624</t>
  </si>
  <si>
    <t>cg07501827</t>
  </si>
  <si>
    <t>cg07503294</t>
  </si>
  <si>
    <t>cg07503593</t>
  </si>
  <si>
    <t>cg07504616</t>
  </si>
  <si>
    <t>cg07504768</t>
  </si>
  <si>
    <t>cg07508446</t>
  </si>
  <si>
    <t>cg07511587</t>
  </si>
  <si>
    <t>cg07512993</t>
  </si>
  <si>
    <t>cg07514158</t>
  </si>
  <si>
    <t>cg07515667</t>
  </si>
  <si>
    <t>cg07516445</t>
  </si>
  <si>
    <t>cg07520163</t>
  </si>
  <si>
    <t>cg07522807</t>
  </si>
  <si>
    <t>cg07524000</t>
  </si>
  <si>
    <t>cg07527105</t>
  </si>
  <si>
    <t>cg07527625</t>
  </si>
  <si>
    <t>cg07531020</t>
  </si>
  <si>
    <t>cg07531158</t>
  </si>
  <si>
    <t>cg07531182</t>
  </si>
  <si>
    <t>cg07536627</t>
  </si>
  <si>
    <t>cg07537551</t>
  </si>
  <si>
    <t>cg07540386</t>
  </si>
  <si>
    <t>cg07545858</t>
  </si>
  <si>
    <t>cg07547859</t>
  </si>
  <si>
    <t>cg07553079</t>
  </si>
  <si>
    <t>cg07553338</t>
  </si>
  <si>
    <t>cg07559358</t>
  </si>
  <si>
    <t>cg07559526</t>
  </si>
  <si>
    <t>cg07565701</t>
  </si>
  <si>
    <t>cg07569264</t>
  </si>
  <si>
    <t>cg07572930</t>
  </si>
  <si>
    <t>cg07576033</t>
  </si>
  <si>
    <t>cg07582157</t>
  </si>
  <si>
    <t>cg07584669</t>
  </si>
  <si>
    <t>cg07587117</t>
  </si>
  <si>
    <t>cg07590196</t>
  </si>
  <si>
    <t>cg07592723</t>
  </si>
  <si>
    <t>cg07595906</t>
  </si>
  <si>
    <t>cg07597022</t>
  </si>
  <si>
    <t>cg07597976</t>
  </si>
  <si>
    <t>cg07599484</t>
  </si>
  <si>
    <t>cg07602072</t>
  </si>
  <si>
    <t>cg07602841</t>
  </si>
  <si>
    <t>cg07604732</t>
  </si>
  <si>
    <t>cg07605834</t>
  </si>
  <si>
    <t>cg07609391</t>
  </si>
  <si>
    <t>cg07609780</t>
  </si>
  <si>
    <t>cg07610178</t>
  </si>
  <si>
    <t>cg07610776</t>
  </si>
  <si>
    <t>cg07612768</t>
  </si>
  <si>
    <t>cg07613792</t>
  </si>
  <si>
    <t>cg07614174</t>
  </si>
  <si>
    <t>cg07615351</t>
  </si>
  <si>
    <t>cg07617560</t>
  </si>
  <si>
    <t>cg07618675</t>
  </si>
  <si>
    <t>cg07620114</t>
  </si>
  <si>
    <t>cg07620544</t>
  </si>
  <si>
    <t>cg07620968</t>
  </si>
  <si>
    <t>cg07621825</t>
  </si>
  <si>
    <t>cg07622957</t>
  </si>
  <si>
    <t>cg07627675</t>
  </si>
  <si>
    <t>cg07629796</t>
  </si>
  <si>
    <t>cg07629951</t>
  </si>
  <si>
    <t>cg07630078</t>
  </si>
  <si>
    <t>cg07630931</t>
  </si>
  <si>
    <t>cg07633317</t>
  </si>
  <si>
    <t>cg07633530</t>
  </si>
  <si>
    <t>cg07633598</t>
  </si>
  <si>
    <t>cg07634706</t>
  </si>
  <si>
    <t>cg07635017</t>
  </si>
  <si>
    <t>cg07636145</t>
  </si>
  <si>
    <t>cg07639473</t>
  </si>
  <si>
    <t>cg07643930</t>
  </si>
  <si>
    <t>cg07644807</t>
  </si>
  <si>
    <t>cg07647796</t>
  </si>
  <si>
    <t>cg07648215</t>
  </si>
  <si>
    <t>cg07648639</t>
  </si>
  <si>
    <t>cg07650554</t>
  </si>
  <si>
    <t>cg07652482</t>
  </si>
  <si>
    <t>cg07655761</t>
  </si>
  <si>
    <t>cg07657357</t>
  </si>
  <si>
    <t>cg07659529</t>
  </si>
  <si>
    <t>cg07660473</t>
  </si>
  <si>
    <t>cg07660635</t>
  </si>
  <si>
    <t>cg07660929</t>
  </si>
  <si>
    <t>cg07661162</t>
  </si>
  <si>
    <t>cg07663765</t>
  </si>
  <si>
    <t>cg07664915</t>
  </si>
  <si>
    <t>cg07670227</t>
  </si>
  <si>
    <t>cg07671622</t>
  </si>
  <si>
    <t>cg07671695</t>
  </si>
  <si>
    <t>cg07677296</t>
  </si>
  <si>
    <t>cg07684310</t>
  </si>
  <si>
    <t>cg07685557</t>
  </si>
  <si>
    <t>cg07685869</t>
  </si>
  <si>
    <t>cg07687172</t>
  </si>
  <si>
    <t>cg07689148</t>
  </si>
  <si>
    <t>cg07690692</t>
  </si>
  <si>
    <t>cg07692529</t>
  </si>
  <si>
    <t>cg07693974</t>
  </si>
  <si>
    <t>cg07694319</t>
  </si>
  <si>
    <t>cg07697465</t>
  </si>
  <si>
    <t>cg07698523</t>
  </si>
  <si>
    <t>cg07698811</t>
  </si>
  <si>
    <t>cg07701282</t>
  </si>
  <si>
    <t>cg07701514</t>
  </si>
  <si>
    <t>cg07705739</t>
  </si>
  <si>
    <t>cg07708487</t>
  </si>
  <si>
    <t>cg07710450</t>
  </si>
  <si>
    <t>cg07710971</t>
  </si>
  <si>
    <t>cg07714420</t>
  </si>
  <si>
    <t>cg07716624</t>
  </si>
  <si>
    <t>cg07717158</t>
  </si>
  <si>
    <t>cg07718251</t>
  </si>
  <si>
    <t>cg07719604</t>
  </si>
  <si>
    <t>cg07719610</t>
  </si>
  <si>
    <t>cg07720851</t>
  </si>
  <si>
    <t>cg07724674</t>
  </si>
  <si>
    <t>cg07726222</t>
  </si>
  <si>
    <t>cg07728507</t>
  </si>
  <si>
    <t>cg07729681</t>
  </si>
  <si>
    <t>cg07730183</t>
  </si>
  <si>
    <t>cg07731312</t>
  </si>
  <si>
    <t>cg07732115</t>
  </si>
  <si>
    <t>cg07733198</t>
  </si>
  <si>
    <t>cg07734161</t>
  </si>
  <si>
    <t>cg07734253</t>
  </si>
  <si>
    <t>cg07734293</t>
  </si>
  <si>
    <t>cg07735969</t>
  </si>
  <si>
    <t>cg07736335</t>
  </si>
  <si>
    <t>cg07737682</t>
  </si>
  <si>
    <t>cg07739257</t>
  </si>
  <si>
    <t>cg07739668</t>
  </si>
  <si>
    <t>cg07740599</t>
  </si>
  <si>
    <t>cg07741192</t>
  </si>
  <si>
    <t>cg07744912</t>
  </si>
  <si>
    <t>cg07747994</t>
  </si>
  <si>
    <t>cg07748217</t>
  </si>
  <si>
    <t>cg07748753</t>
  </si>
  <si>
    <t>cg07752134</t>
  </si>
  <si>
    <t>cg07754880</t>
  </si>
  <si>
    <t>cg07757094</t>
  </si>
  <si>
    <t>cg07759258</t>
  </si>
  <si>
    <t>cg07759907</t>
  </si>
  <si>
    <t>cg07760369</t>
  </si>
  <si>
    <t>cg07762474</t>
  </si>
  <si>
    <t>cg07765595</t>
  </si>
  <si>
    <t>cg07766572</t>
  </si>
  <si>
    <t>cg07768268</t>
  </si>
  <si>
    <t>cg07773186</t>
  </si>
  <si>
    <t>cg07773642</t>
  </si>
  <si>
    <t>cg07779179</t>
  </si>
  <si>
    <t>cg07780164</t>
  </si>
  <si>
    <t>cg07783684</t>
  </si>
  <si>
    <t>cg07789940</t>
  </si>
  <si>
    <t>cg07792815</t>
  </si>
  <si>
    <t>cg07792978</t>
  </si>
  <si>
    <t>cg07793033</t>
  </si>
  <si>
    <t>cg07794367</t>
  </si>
  <si>
    <t>cg07795346</t>
  </si>
  <si>
    <t>cg07799035</t>
  </si>
  <si>
    <t>cg07801181</t>
  </si>
  <si>
    <t>cg07801332</t>
  </si>
  <si>
    <t>cg07811262</t>
  </si>
  <si>
    <t>cg07813747</t>
  </si>
  <si>
    <t>cg07814974</t>
  </si>
  <si>
    <t>cg07816095</t>
  </si>
  <si>
    <t>cg07820996</t>
  </si>
  <si>
    <t>cg07821986</t>
  </si>
  <si>
    <t>cg07824497</t>
  </si>
  <si>
    <t>cg07824649</t>
  </si>
  <si>
    <t>cg07825606</t>
  </si>
  <si>
    <t>cg07829181</t>
  </si>
  <si>
    <t>cg07829693</t>
  </si>
  <si>
    <t>cg07830287</t>
  </si>
  <si>
    <t>cg07831164</t>
  </si>
  <si>
    <t>cg07832442</t>
  </si>
  <si>
    <t>cg07833554</t>
  </si>
  <si>
    <t>cg07835270</t>
  </si>
  <si>
    <t>cg07835443</t>
  </si>
  <si>
    <t>cg07836413</t>
  </si>
  <si>
    <t>cg07837520</t>
  </si>
  <si>
    <t>cg07837642</t>
  </si>
  <si>
    <t>cg07838048</t>
  </si>
  <si>
    <t>cg07838993</t>
  </si>
  <si>
    <t>cg07839457</t>
  </si>
  <si>
    <t>cg07841232</t>
  </si>
  <si>
    <t>cg07842062</t>
  </si>
  <si>
    <t>cg07842521</t>
  </si>
  <si>
    <t>cg07842593</t>
  </si>
  <si>
    <t>cg07843576</t>
  </si>
  <si>
    <t>cg07843882</t>
  </si>
  <si>
    <t>cg07844518</t>
  </si>
  <si>
    <t>cg07846230</t>
  </si>
  <si>
    <t>cg07847452</t>
  </si>
  <si>
    <t>cg07855319</t>
  </si>
  <si>
    <t>cg07856138</t>
  </si>
  <si>
    <t>cg07862608</t>
  </si>
  <si>
    <t>cg07866632</t>
  </si>
  <si>
    <t>cg07866823</t>
  </si>
  <si>
    <t>cg07867517</t>
  </si>
  <si>
    <t>cg07871059</t>
  </si>
  <si>
    <t>cg07872448</t>
  </si>
  <si>
    <t>cg07873449</t>
  </si>
  <si>
    <t>cg07874484</t>
  </si>
  <si>
    <t>cg07875082</t>
  </si>
  <si>
    <t>cg07876105</t>
  </si>
  <si>
    <t>cg07876131</t>
  </si>
  <si>
    <t>cg07877629</t>
  </si>
  <si>
    <t>cg07877964</t>
  </si>
  <si>
    <t>cg07878951</t>
  </si>
  <si>
    <t>cg07879977</t>
  </si>
  <si>
    <t>cg07880741</t>
  </si>
  <si>
    <t>cg07882302</t>
  </si>
  <si>
    <t>cg07883869</t>
  </si>
  <si>
    <t>cg07884213</t>
  </si>
  <si>
    <t>cg07885166</t>
  </si>
  <si>
    <t>cg07886017</t>
  </si>
  <si>
    <t>cg07888679</t>
  </si>
  <si>
    <t>cg07890233</t>
  </si>
  <si>
    <t>cg07891440</t>
  </si>
  <si>
    <t>cg07895124</t>
  </si>
  <si>
    <t>cg07896984</t>
  </si>
  <si>
    <t>cg07897169</t>
  </si>
  <si>
    <t>cg07897180</t>
  </si>
  <si>
    <t>cg07903153</t>
  </si>
  <si>
    <t>cg07905568</t>
  </si>
  <si>
    <t>cg07905627</t>
  </si>
  <si>
    <t>cg07906473</t>
  </si>
  <si>
    <t>cg07909527</t>
  </si>
  <si>
    <t>cg07912888</t>
  </si>
  <si>
    <t>cg07915516</t>
  </si>
  <si>
    <t>cg07918458</t>
  </si>
  <si>
    <t>cg07919131</t>
  </si>
  <si>
    <t>cg07922411</t>
  </si>
  <si>
    <t>cg07922759</t>
  </si>
  <si>
    <t>cg07924503</t>
  </si>
  <si>
    <t>cg07925311</t>
  </si>
  <si>
    <t>cg07925758</t>
  </si>
  <si>
    <t>cg07925867</t>
  </si>
  <si>
    <t>cg07929310</t>
  </si>
  <si>
    <t>cg07929642</t>
  </si>
  <si>
    <t>cg07929956</t>
  </si>
  <si>
    <t>cg07935733</t>
  </si>
  <si>
    <t>cg07936928</t>
  </si>
  <si>
    <t>cg07943630</t>
  </si>
  <si>
    <t>cg07944420</t>
  </si>
  <si>
    <t>cg07953307</t>
  </si>
  <si>
    <t>cg07956936</t>
  </si>
  <si>
    <t>cg07957035</t>
  </si>
  <si>
    <t>cg07957661</t>
  </si>
  <si>
    <t>cg07957690</t>
  </si>
  <si>
    <t>cg07959068</t>
  </si>
  <si>
    <t>cg07961104</t>
  </si>
  <si>
    <t>cg07965331</t>
  </si>
  <si>
    <t>cg07968770</t>
  </si>
  <si>
    <t>cg07969308</t>
  </si>
  <si>
    <t>cg07974615</t>
  </si>
  <si>
    <t>cg07975573</t>
  </si>
  <si>
    <t>cg07977490</t>
  </si>
  <si>
    <t>cg07978924</t>
  </si>
  <si>
    <t>cg07982263</t>
  </si>
  <si>
    <t>cg07983575</t>
  </si>
  <si>
    <t>cg07984286</t>
  </si>
  <si>
    <t>cg07984365</t>
  </si>
  <si>
    <t>cg07984684</t>
  </si>
  <si>
    <t>cg07987449</t>
  </si>
  <si>
    <t>cg07990658</t>
  </si>
  <si>
    <t>cg07991167</t>
  </si>
  <si>
    <t>cg07991586</t>
  </si>
  <si>
    <t>cg07992604</t>
  </si>
  <si>
    <t>cg07992840</t>
  </si>
  <si>
    <t>cg07994487</t>
  </si>
  <si>
    <t>cg07994580</t>
  </si>
  <si>
    <t>cg07994696</t>
  </si>
  <si>
    <t>cg07995558</t>
  </si>
  <si>
    <t>cg07996615</t>
  </si>
  <si>
    <t>cg07997370</t>
  </si>
  <si>
    <t>cg08000325</t>
  </si>
  <si>
    <t>cg08003810</t>
  </si>
  <si>
    <t>cg08006309</t>
  </si>
  <si>
    <t>cg08007074</t>
  </si>
  <si>
    <t>cg08007639</t>
  </si>
  <si>
    <t>cg08008072</t>
  </si>
  <si>
    <t>cg08008286</t>
  </si>
  <si>
    <t>cg08011335</t>
  </si>
  <si>
    <t>cg08017156</t>
  </si>
  <si>
    <t>cg08017409</t>
  </si>
  <si>
    <t>cg08021727</t>
  </si>
  <si>
    <t>cg08021797</t>
  </si>
  <si>
    <t>cg08022819</t>
  </si>
  <si>
    <t>cg08024097</t>
  </si>
  <si>
    <t>cg08025511</t>
  </si>
  <si>
    <t>cg08026818</t>
  </si>
  <si>
    <t>cg08027123</t>
  </si>
  <si>
    <t>cg08030851</t>
  </si>
  <si>
    <t>cg08032483</t>
  </si>
  <si>
    <t>cg08033285</t>
  </si>
  <si>
    <t>cg08033548</t>
  </si>
  <si>
    <t>cg08033935</t>
  </si>
  <si>
    <t>cg08039952</t>
  </si>
  <si>
    <t>cg08040115</t>
  </si>
  <si>
    <t>cg08043994</t>
  </si>
  <si>
    <t>cg08047629</t>
  </si>
  <si>
    <t>cg08050115</t>
  </si>
  <si>
    <t>cg08051231</t>
  </si>
  <si>
    <t>cg08051625</t>
  </si>
  <si>
    <t>cg08058836</t>
  </si>
  <si>
    <t>cg08059678</t>
  </si>
  <si>
    <t>cg08060248</t>
  </si>
  <si>
    <t>cg08064553</t>
  </si>
  <si>
    <t>cg08066417</t>
  </si>
  <si>
    <t>cg08067023</t>
  </si>
  <si>
    <t>cg08068296</t>
  </si>
  <si>
    <t>cg08069310</t>
  </si>
  <si>
    <t>cg08075631</t>
  </si>
  <si>
    <t>cg08077682</t>
  </si>
  <si>
    <t>cg08079376</t>
  </si>
  <si>
    <t>cg08081659</t>
  </si>
  <si>
    <t>cg08081725</t>
  </si>
  <si>
    <t>cg08082299</t>
  </si>
  <si>
    <t>cg08082763</t>
  </si>
  <si>
    <t>cg08082862</t>
  </si>
  <si>
    <t>cg08083427</t>
  </si>
  <si>
    <t>cg08083816</t>
  </si>
  <si>
    <t>cg08084956</t>
  </si>
  <si>
    <t>cg08094280</t>
  </si>
  <si>
    <t>cg08098402</t>
  </si>
  <si>
    <t>cg08098420</t>
  </si>
  <si>
    <t>cg08098950</t>
  </si>
  <si>
    <t>cg08099570</t>
  </si>
  <si>
    <t>cg08099685</t>
  </si>
  <si>
    <t>cg08100903</t>
  </si>
  <si>
    <t>cg08103220</t>
  </si>
  <si>
    <t>cg08103706</t>
  </si>
  <si>
    <t>cg08104224</t>
  </si>
  <si>
    <t>cg08104402</t>
  </si>
  <si>
    <t>cg08104780</t>
  </si>
  <si>
    <t>cg08110076</t>
  </si>
  <si>
    <t>cg08110413</t>
  </si>
  <si>
    <t>cg08110692</t>
  </si>
  <si>
    <t>cg08111414</t>
  </si>
  <si>
    <t>cg08111426</t>
  </si>
  <si>
    <t>cg08114547</t>
  </si>
  <si>
    <t>cg08115100</t>
  </si>
  <si>
    <t>cg08116651</t>
  </si>
  <si>
    <t>cg08119007</t>
  </si>
  <si>
    <t>cg08120951</t>
  </si>
  <si>
    <t>cg08122051</t>
  </si>
  <si>
    <t>cg08125959</t>
  </si>
  <si>
    <t>cg08126789</t>
  </si>
  <si>
    <t>cg08128361</t>
  </si>
  <si>
    <t>cg08130222</t>
  </si>
  <si>
    <t>cg08130612</t>
  </si>
  <si>
    <t>cg08133816</t>
  </si>
  <si>
    <t>cg08138475</t>
  </si>
  <si>
    <t>cg08139238</t>
  </si>
  <si>
    <t>cg08140236</t>
  </si>
  <si>
    <t>cg08142918</t>
  </si>
  <si>
    <t>cg08142943</t>
  </si>
  <si>
    <t>cg08155338</t>
  </si>
  <si>
    <t>cg08155347</t>
  </si>
  <si>
    <t>cg08156927</t>
  </si>
  <si>
    <t>cg08159743</t>
  </si>
  <si>
    <t>cg08160063</t>
  </si>
  <si>
    <t>cg08160619</t>
  </si>
  <si>
    <t>cg08166154</t>
  </si>
  <si>
    <t>cg08166214</t>
  </si>
  <si>
    <t>cg08166431</t>
  </si>
  <si>
    <t>cg08166554</t>
  </si>
  <si>
    <t>cg08170679</t>
  </si>
  <si>
    <t>cg08176277</t>
  </si>
  <si>
    <t>cg08179808</t>
  </si>
  <si>
    <t>cg08180553</t>
  </si>
  <si>
    <t>cg08181850</t>
  </si>
  <si>
    <t>cg08182597</t>
  </si>
  <si>
    <t>cg08186892</t>
  </si>
  <si>
    <t>cg08187843</t>
  </si>
  <si>
    <t>cg08188486</t>
  </si>
  <si>
    <t>cg08190844</t>
  </si>
  <si>
    <t>cg08193132</t>
  </si>
  <si>
    <t>cg08194933</t>
  </si>
  <si>
    <t>cg08195632</t>
  </si>
  <si>
    <t>cg08195758</t>
  </si>
  <si>
    <t>cg08197981</t>
  </si>
  <si>
    <t>cg08199013</t>
  </si>
  <si>
    <t>cg08202507</t>
  </si>
  <si>
    <t>cg08202972</t>
  </si>
  <si>
    <t>cg08204027</t>
  </si>
  <si>
    <t>cg08207170</t>
  </si>
  <si>
    <t>cg08209473</t>
  </si>
  <si>
    <t>cg08209934</t>
  </si>
  <si>
    <t>cg08211120</t>
  </si>
  <si>
    <t>cg08212438</t>
  </si>
  <si>
    <t>cg08213689</t>
  </si>
  <si>
    <t>cg08214455</t>
  </si>
  <si>
    <t>cg08214995</t>
  </si>
  <si>
    <t>cg08218877</t>
  </si>
  <si>
    <t>cg08218971</t>
  </si>
  <si>
    <t>cg08219459</t>
  </si>
  <si>
    <t>cg08229502</t>
  </si>
  <si>
    <t>cg08230658</t>
  </si>
  <si>
    <t>cg08232160</t>
  </si>
  <si>
    <t>cg08234372</t>
  </si>
  <si>
    <t>cg08236416</t>
  </si>
  <si>
    <t>cg08237309</t>
  </si>
  <si>
    <t>cg08237521</t>
  </si>
  <si>
    <t>cg08241330</t>
  </si>
  <si>
    <t>cg08242636</t>
  </si>
  <si>
    <t>cg08246316</t>
  </si>
  <si>
    <t>cg08248356</t>
  </si>
  <si>
    <t>cg08248577</t>
  </si>
  <si>
    <t>cg08249385</t>
  </si>
  <si>
    <t>cg08250921</t>
  </si>
  <si>
    <t>cg08251776</t>
  </si>
  <si>
    <t>cg08256260</t>
  </si>
  <si>
    <t>cg08259413</t>
  </si>
  <si>
    <t>cg08259838</t>
  </si>
  <si>
    <t>cg08270434</t>
  </si>
  <si>
    <t>cg08277259</t>
  </si>
  <si>
    <t>cg08278731</t>
  </si>
  <si>
    <t>cg08280468</t>
  </si>
  <si>
    <t>cg08281415</t>
  </si>
  <si>
    <t>cg08281590</t>
  </si>
  <si>
    <t>cg08281777</t>
  </si>
  <si>
    <t>cg08282578</t>
  </si>
  <si>
    <t>cg08284233</t>
  </si>
  <si>
    <t>cg08284564</t>
  </si>
  <si>
    <t>cg08284993</t>
  </si>
  <si>
    <t>cg08287162</t>
  </si>
  <si>
    <t>cg08287288</t>
  </si>
  <si>
    <t>cg08287306</t>
  </si>
  <si>
    <t>cg08288561</t>
  </si>
  <si>
    <t>cg08295543</t>
  </si>
  <si>
    <t>cg08296335</t>
  </si>
  <si>
    <t>cg08296969</t>
  </si>
  <si>
    <t>cg08297053</t>
  </si>
  <si>
    <t>cg08297985</t>
  </si>
  <si>
    <t>cg08302771</t>
  </si>
  <si>
    <t>cg08304547</t>
  </si>
  <si>
    <t>cg08305942</t>
  </si>
  <si>
    <t>cg08308162</t>
  </si>
  <si>
    <t>cg08310837</t>
  </si>
  <si>
    <t>cg08317243</t>
  </si>
  <si>
    <t>cg08317580</t>
  </si>
  <si>
    <t>cg08318085</t>
  </si>
  <si>
    <t>cg08318600</t>
  </si>
  <si>
    <t>cg08318842</t>
  </si>
  <si>
    <t>cg08318985</t>
  </si>
  <si>
    <t>cg08322467</t>
  </si>
  <si>
    <t>cg08324636</t>
  </si>
  <si>
    <t>cg08326468</t>
  </si>
  <si>
    <t>cg08327423</t>
  </si>
  <si>
    <t>cg08330224</t>
  </si>
  <si>
    <t>cg08330349</t>
  </si>
  <si>
    <t>cg08331345</t>
  </si>
  <si>
    <t>cg08331635</t>
  </si>
  <si>
    <t>cg08332074</t>
  </si>
  <si>
    <t>cg08333555</t>
  </si>
  <si>
    <t>cg08341079</t>
  </si>
  <si>
    <t>cg08344135</t>
  </si>
  <si>
    <t>cg08346627</t>
  </si>
  <si>
    <t>cg08350047</t>
  </si>
  <si>
    <t>cg08350734</t>
  </si>
  <si>
    <t>cg08353479</t>
  </si>
  <si>
    <t>cg08354751</t>
  </si>
  <si>
    <t>cg08356805</t>
  </si>
  <si>
    <t>cg08358276</t>
  </si>
  <si>
    <t>cg08358964</t>
  </si>
  <si>
    <t>cg08362589</t>
  </si>
  <si>
    <t>cg08363067</t>
  </si>
  <si>
    <t>cg08367638</t>
  </si>
  <si>
    <t>cg08368934</t>
  </si>
  <si>
    <t>cg08369576</t>
  </si>
  <si>
    <t>cg08370757</t>
  </si>
  <si>
    <t>cg08371223</t>
  </si>
  <si>
    <t>cg08371556</t>
  </si>
  <si>
    <t>cg08371685</t>
  </si>
  <si>
    <t>cg08372350</t>
  </si>
  <si>
    <t>cg08372680</t>
  </si>
  <si>
    <t>cg08374472</t>
  </si>
  <si>
    <t>cg08374596</t>
  </si>
  <si>
    <t>cg08376992</t>
  </si>
  <si>
    <t>cg08381596</t>
  </si>
  <si>
    <t>cg08382220</t>
  </si>
  <si>
    <t>cg08383705</t>
  </si>
  <si>
    <t>cg08384171</t>
  </si>
  <si>
    <t>cg08384658</t>
  </si>
  <si>
    <t>cg08384920</t>
  </si>
  <si>
    <t>cg08387174</t>
  </si>
  <si>
    <t>cg08389017</t>
  </si>
  <si>
    <t>cg08390381</t>
  </si>
  <si>
    <t>cg08391745</t>
  </si>
  <si>
    <t>cg08392069</t>
  </si>
  <si>
    <t>cg08392591</t>
  </si>
  <si>
    <t>cg08393008</t>
  </si>
  <si>
    <t>cg08394412</t>
  </si>
  <si>
    <t>cg08395706</t>
  </si>
  <si>
    <t>cg08402568</t>
  </si>
  <si>
    <t>cg08402842</t>
  </si>
  <si>
    <t>cg08404299</t>
  </si>
  <si>
    <t>cg08404509</t>
  </si>
  <si>
    <t>cg08404749</t>
  </si>
  <si>
    <t>cg08414528</t>
  </si>
  <si>
    <t>cg08414605</t>
  </si>
  <si>
    <t>cg08415046</t>
  </si>
  <si>
    <t>cg08420239</t>
  </si>
  <si>
    <t>cg08422172</t>
  </si>
  <si>
    <t>cg08423857</t>
  </si>
  <si>
    <t>cg08424513</t>
  </si>
  <si>
    <t>cg08428197</t>
  </si>
  <si>
    <t>cg08430972</t>
  </si>
  <si>
    <t>cg08434997</t>
  </si>
  <si>
    <t>cg08439515</t>
  </si>
  <si>
    <t>cg08440349</t>
  </si>
  <si>
    <t>cg08440418</t>
  </si>
  <si>
    <t>cg08441546</t>
  </si>
  <si>
    <t>cg08441633</t>
  </si>
  <si>
    <t>cg08442217</t>
  </si>
  <si>
    <t>cg08442550</t>
  </si>
  <si>
    <t>cg08443038</t>
  </si>
  <si>
    <t>cg08449748</t>
  </si>
  <si>
    <t>cg08452002</t>
  </si>
  <si>
    <t>cg08458852</t>
  </si>
  <si>
    <t>cg08460198</t>
  </si>
  <si>
    <t>cg08460326</t>
  </si>
  <si>
    <t>cg08461397</t>
  </si>
  <si>
    <t>cg08462497</t>
  </si>
  <si>
    <t>cg08464513</t>
  </si>
  <si>
    <t>cg08465526</t>
  </si>
  <si>
    <t>cg08466082</t>
  </si>
  <si>
    <t>cg08466889</t>
  </si>
  <si>
    <t>cg08467866</t>
  </si>
  <si>
    <t>cg08468995</t>
  </si>
  <si>
    <t>cg08470264</t>
  </si>
  <si>
    <t>cg08470892</t>
  </si>
  <si>
    <t>cg08471420</t>
  </si>
  <si>
    <t>cg08472633</t>
  </si>
  <si>
    <t>cg08473533</t>
  </si>
  <si>
    <t>cg08474968</t>
  </si>
  <si>
    <t>cg08475576</t>
  </si>
  <si>
    <t>cg08478006</t>
  </si>
  <si>
    <t>cg08478053</t>
  </si>
  <si>
    <t>cg08478691</t>
  </si>
  <si>
    <t>cg08479294</t>
  </si>
  <si>
    <t>cg08480903</t>
  </si>
  <si>
    <t>cg08482274</t>
  </si>
  <si>
    <t>cg08488529</t>
  </si>
  <si>
    <t>cg08490220</t>
  </si>
  <si>
    <t>cg08491150</t>
  </si>
  <si>
    <t>cg08493063</t>
  </si>
  <si>
    <t>cg08494871</t>
  </si>
  <si>
    <t>cg08496964</t>
  </si>
  <si>
    <t>cg08497311</t>
  </si>
  <si>
    <t>cg08500908</t>
  </si>
  <si>
    <t>cg08503994</t>
  </si>
  <si>
    <t>cg08506924</t>
  </si>
  <si>
    <t>cg08511757</t>
  </si>
  <si>
    <t>cg08513626</t>
  </si>
  <si>
    <t>cg08514304</t>
  </si>
  <si>
    <t>cg08514311</t>
  </si>
  <si>
    <t>cg08514765</t>
  </si>
  <si>
    <t>cg08515427</t>
  </si>
  <si>
    <t>cg08521396</t>
  </si>
  <si>
    <t>cg08521777</t>
  </si>
  <si>
    <t>cg08523727</t>
  </si>
  <si>
    <t>cg08524372</t>
  </si>
  <si>
    <t>cg08524641</t>
  </si>
  <si>
    <t>cg08525712</t>
  </si>
  <si>
    <t>cg08527467</t>
  </si>
  <si>
    <t>cg08528231</t>
  </si>
  <si>
    <t>cg08529259</t>
  </si>
  <si>
    <t>cg08529399</t>
  </si>
  <si>
    <t>cg08531623</t>
  </si>
  <si>
    <t>cg08532673</t>
  </si>
  <si>
    <t>cg08535091</t>
  </si>
  <si>
    <t>cg08535918</t>
  </si>
  <si>
    <t>cg08536561</t>
  </si>
  <si>
    <t>cg08537215</t>
  </si>
  <si>
    <t>cg08539210</t>
  </si>
  <si>
    <t>cg08539889</t>
  </si>
  <si>
    <t>cg08542976</t>
  </si>
  <si>
    <t>cg08549216</t>
  </si>
  <si>
    <t>cg08550517</t>
  </si>
  <si>
    <t>cg08550881</t>
  </si>
  <si>
    <t>cg08551036</t>
  </si>
  <si>
    <t>cg08552189</t>
  </si>
  <si>
    <t>cg08553999</t>
  </si>
  <si>
    <t>cg08558449</t>
  </si>
  <si>
    <t>cg08560952</t>
  </si>
  <si>
    <t>cg08561442</t>
  </si>
  <si>
    <t>cg08561469</t>
  </si>
  <si>
    <t>cg08565632</t>
  </si>
  <si>
    <t>cg08568163</t>
  </si>
  <si>
    <t>cg08571821</t>
  </si>
  <si>
    <t>cg08571905</t>
  </si>
  <si>
    <t>cg08576185</t>
  </si>
  <si>
    <t>cg08577231</t>
  </si>
  <si>
    <t>cg08577776</t>
  </si>
  <si>
    <t>cg08578212</t>
  </si>
  <si>
    <t>cg08578568</t>
  </si>
  <si>
    <t>cg08579468</t>
  </si>
  <si>
    <t>cg08580187</t>
  </si>
  <si>
    <t>cg08582701</t>
  </si>
  <si>
    <t>cg08583277</t>
  </si>
  <si>
    <t>cg08583780</t>
  </si>
  <si>
    <t>cg08583973</t>
  </si>
  <si>
    <t>cg08585897</t>
  </si>
  <si>
    <t>cg08586228</t>
  </si>
  <si>
    <t>cg08587321</t>
  </si>
  <si>
    <t>cg08589354</t>
  </si>
  <si>
    <t>cg08591299</t>
  </si>
  <si>
    <t>cg08592157</t>
  </si>
  <si>
    <t>cg08592890</t>
  </si>
  <si>
    <t>cg08597056</t>
  </si>
  <si>
    <t>cg08598108</t>
  </si>
  <si>
    <t>cg08610383</t>
  </si>
  <si>
    <t>cg08613888</t>
  </si>
  <si>
    <t>cg08615070</t>
  </si>
  <si>
    <t>cg08616182</t>
  </si>
  <si>
    <t>cg08616585</t>
  </si>
  <si>
    <t>cg08616681</t>
  </si>
  <si>
    <t>cg08617020</t>
  </si>
  <si>
    <t>cg08618981</t>
  </si>
  <si>
    <t>cg08619455</t>
  </si>
  <si>
    <t>cg08619515</t>
  </si>
  <si>
    <t>cg08620267</t>
  </si>
  <si>
    <t>cg08623215</t>
  </si>
  <si>
    <t>cg08624878</t>
  </si>
  <si>
    <t>cg08626138</t>
  </si>
  <si>
    <t>cg08626445</t>
  </si>
  <si>
    <t>cg08627125</t>
  </si>
  <si>
    <t>cg08632420</t>
  </si>
  <si>
    <t>cg08634357</t>
  </si>
  <si>
    <t>cg08637473</t>
  </si>
  <si>
    <t>cg08638180</t>
  </si>
  <si>
    <t>cg08638917</t>
  </si>
  <si>
    <t>cg08641445</t>
  </si>
  <si>
    <t>cg08643436</t>
  </si>
  <si>
    <t>cg08644341</t>
  </si>
  <si>
    <t>cg08644980</t>
  </si>
  <si>
    <t>cg08645402</t>
  </si>
  <si>
    <t>cg08645860</t>
  </si>
  <si>
    <t>cg08647091</t>
  </si>
  <si>
    <t>cg08647453</t>
  </si>
  <si>
    <t>cg08648499</t>
  </si>
  <si>
    <t>cg08651584</t>
  </si>
  <si>
    <t>cg08655664</t>
  </si>
  <si>
    <t>cg08657710</t>
  </si>
  <si>
    <t>cg08658851</t>
  </si>
  <si>
    <t>cg08659494</t>
  </si>
  <si>
    <t>cg08663466</t>
  </si>
  <si>
    <t>cg08666152</t>
  </si>
  <si>
    <t>cg08667740</t>
  </si>
  <si>
    <t>cg08667786</t>
  </si>
  <si>
    <t>cg08669954</t>
  </si>
  <si>
    <t>cg08675364</t>
  </si>
  <si>
    <t>cg08681117</t>
  </si>
  <si>
    <t>cg08681497</t>
  </si>
  <si>
    <t>cg08682334</t>
  </si>
  <si>
    <t>cg08683263</t>
  </si>
  <si>
    <t>cg08684477</t>
  </si>
  <si>
    <t>cg08684854</t>
  </si>
  <si>
    <t>cg08685832</t>
  </si>
  <si>
    <t>cg08687941</t>
  </si>
  <si>
    <t>cg08690664</t>
  </si>
  <si>
    <t>cg08690730</t>
  </si>
  <si>
    <t>cg08691159</t>
  </si>
  <si>
    <t>cg08692277</t>
  </si>
  <si>
    <t>cg08692903</t>
  </si>
  <si>
    <t>cg08694699</t>
  </si>
  <si>
    <t>cg08694802</t>
  </si>
  <si>
    <t>cg08695452</t>
  </si>
  <si>
    <t>cg08698477</t>
  </si>
  <si>
    <t>cg08699512</t>
  </si>
  <si>
    <t>cg08699794</t>
  </si>
  <si>
    <t>cg08703231</t>
  </si>
  <si>
    <t>cg08707123</t>
  </si>
  <si>
    <t>cg08708790</t>
  </si>
  <si>
    <t>cg08708943</t>
  </si>
  <si>
    <t>cg08712008</t>
  </si>
  <si>
    <t>cg08713437</t>
  </si>
  <si>
    <t>cg08713858</t>
  </si>
  <si>
    <t>cg08715862</t>
  </si>
  <si>
    <t>cg08717632</t>
  </si>
  <si>
    <t>cg08720503</t>
  </si>
  <si>
    <t>cg08720519</t>
  </si>
  <si>
    <t>cg08721324</t>
  </si>
  <si>
    <t>cg08726692</t>
  </si>
  <si>
    <t>cg08727692</t>
  </si>
  <si>
    <t>cg08728448</t>
  </si>
  <si>
    <t>cg08729927</t>
  </si>
  <si>
    <t>cg08730348</t>
  </si>
  <si>
    <t>cg08730460</t>
  </si>
  <si>
    <t>cg08730778</t>
  </si>
  <si>
    <t>cg08735550</t>
  </si>
  <si>
    <t>cg08736072</t>
  </si>
  <si>
    <t>cg08737236</t>
  </si>
  <si>
    <t>cg08737499</t>
  </si>
  <si>
    <t>cg08738269</t>
  </si>
  <si>
    <t>cg08739696</t>
  </si>
  <si>
    <t>cg08745197</t>
  </si>
  <si>
    <t>cg08747377</t>
  </si>
  <si>
    <t>cg08748105</t>
  </si>
  <si>
    <t>cg08748884</t>
  </si>
  <si>
    <t>cg08750206</t>
  </si>
  <si>
    <t>cg08753091</t>
  </si>
  <si>
    <t>cg08757695</t>
  </si>
  <si>
    <t>cg08759276</t>
  </si>
  <si>
    <t>cg08761264</t>
  </si>
  <si>
    <t>cg08761659</t>
  </si>
  <si>
    <t>cg08761844</t>
  </si>
  <si>
    <t>cg08764908</t>
  </si>
  <si>
    <t>cg08766256</t>
  </si>
  <si>
    <t>cg08766770</t>
  </si>
  <si>
    <t>cg08768385</t>
  </si>
  <si>
    <t>cg08768435</t>
  </si>
  <si>
    <t>cg08770761</t>
  </si>
  <si>
    <t>cg08772106</t>
  </si>
  <si>
    <t>cg08773078</t>
  </si>
  <si>
    <t>cg08774694</t>
  </si>
  <si>
    <t>cg08774871</t>
  </si>
  <si>
    <t>cg08776331</t>
  </si>
  <si>
    <t>cg08776660</t>
  </si>
  <si>
    <t>cg08776942</t>
  </si>
  <si>
    <t>cg08779305</t>
  </si>
  <si>
    <t>cg08781340</t>
  </si>
  <si>
    <t>cg08781365</t>
  </si>
  <si>
    <t>cg08783219</t>
  </si>
  <si>
    <t>cg08785784</t>
  </si>
  <si>
    <t>cg08787769</t>
  </si>
  <si>
    <t>cg08788681</t>
  </si>
  <si>
    <t>cg08789739</t>
  </si>
  <si>
    <t>cg08789908</t>
  </si>
  <si>
    <t>cg08789933</t>
  </si>
  <si>
    <t>cg08790319</t>
  </si>
  <si>
    <t>cg08793208</t>
  </si>
  <si>
    <t>cg08795279</t>
  </si>
  <si>
    <t>cg08797423</t>
  </si>
  <si>
    <t>cg08797704</t>
  </si>
  <si>
    <t>cg08798862</t>
  </si>
  <si>
    <t>cg08799467</t>
  </si>
  <si>
    <t>cg08799656</t>
  </si>
  <si>
    <t>cg08802375</t>
  </si>
  <si>
    <t>cg08804013</t>
  </si>
  <si>
    <t>cg08805041</t>
  </si>
  <si>
    <t>cg08807341</t>
  </si>
  <si>
    <t>cg08807414</t>
  </si>
  <si>
    <t>cg08808812</t>
  </si>
  <si>
    <t>cg08809405</t>
  </si>
  <si>
    <t>cg08809408</t>
  </si>
  <si>
    <t>cg08810106</t>
  </si>
  <si>
    <t>cg08810397</t>
  </si>
  <si>
    <t>cg08810813</t>
  </si>
  <si>
    <t>cg08811227</t>
  </si>
  <si>
    <t>cg08813207</t>
  </si>
  <si>
    <t>cg08815306</t>
  </si>
  <si>
    <t>cg08815320</t>
  </si>
  <si>
    <t>cg08818284</t>
  </si>
  <si>
    <t>cg08821811</t>
  </si>
  <si>
    <t>cg08822689</t>
  </si>
  <si>
    <t>cg08825075</t>
  </si>
  <si>
    <t>cg08825291</t>
  </si>
  <si>
    <t>cg08825645</t>
  </si>
  <si>
    <t>cg08826040</t>
  </si>
  <si>
    <t>cg08826468</t>
  </si>
  <si>
    <t>cg08827358</t>
  </si>
  <si>
    <t>cg08829024</t>
  </si>
  <si>
    <t>cg08830502</t>
  </si>
  <si>
    <t>cg08830576</t>
  </si>
  <si>
    <t>cg08831531</t>
  </si>
  <si>
    <t>cg08832054</t>
  </si>
  <si>
    <t>cg08834902</t>
  </si>
  <si>
    <t>cg08835258</t>
  </si>
  <si>
    <t>cg08835910</t>
  </si>
  <si>
    <t>cg08836861</t>
  </si>
  <si>
    <t>cg08838096</t>
  </si>
  <si>
    <t>cg08839129</t>
  </si>
  <si>
    <t>cg08841098</t>
  </si>
  <si>
    <t>cg08842616</t>
  </si>
  <si>
    <t>cg08843623</t>
  </si>
  <si>
    <t>cg08843902</t>
  </si>
  <si>
    <t>cg08844698</t>
  </si>
  <si>
    <t>cg08846467</t>
  </si>
  <si>
    <t>cg08848643</t>
  </si>
  <si>
    <t>cg08849717</t>
  </si>
  <si>
    <t>cg08851837</t>
  </si>
  <si>
    <t>cg08855671</t>
  </si>
  <si>
    <t>cg08858669</t>
  </si>
  <si>
    <t>cg08860287</t>
  </si>
  <si>
    <t>cg08862203</t>
  </si>
  <si>
    <t>cg08862366</t>
  </si>
  <si>
    <t>cg08863775</t>
  </si>
  <si>
    <t>cg08864037</t>
  </si>
  <si>
    <t>cg08865634</t>
  </si>
  <si>
    <t>cg08866129</t>
  </si>
  <si>
    <t>cg08871354</t>
  </si>
  <si>
    <t>cg08872742</t>
  </si>
  <si>
    <t>cg08873779</t>
  </si>
  <si>
    <t>cg08875273</t>
  </si>
  <si>
    <t>cg08876370</t>
  </si>
  <si>
    <t>cg08877257</t>
  </si>
  <si>
    <t>cg08877512</t>
  </si>
  <si>
    <t>cg08877617</t>
  </si>
  <si>
    <t>cg08878263</t>
  </si>
  <si>
    <t>cg08878757</t>
  </si>
  <si>
    <t>cg08882278</t>
  </si>
  <si>
    <t>cg08883955</t>
  </si>
  <si>
    <t>cg08884420</t>
  </si>
  <si>
    <t>cg08888412</t>
  </si>
  <si>
    <t>cg08888510</t>
  </si>
  <si>
    <t>cg08888553</t>
  </si>
  <si>
    <t>cg08890824</t>
  </si>
  <si>
    <t>cg08892068</t>
  </si>
  <si>
    <t>cg08892175</t>
  </si>
  <si>
    <t>cg08893269</t>
  </si>
  <si>
    <t>cg08894588</t>
  </si>
  <si>
    <t>cg08894593</t>
  </si>
  <si>
    <t>cg08895311</t>
  </si>
  <si>
    <t>cg08895633</t>
  </si>
  <si>
    <t>cg08897778</t>
  </si>
  <si>
    <t>cg08900781</t>
  </si>
  <si>
    <t>cg08902205</t>
  </si>
  <si>
    <t>cg08903381</t>
  </si>
  <si>
    <t>cg08903939</t>
  </si>
  <si>
    <t>cg08904623</t>
  </si>
  <si>
    <t>cg08907118</t>
  </si>
  <si>
    <t>cg08907834</t>
  </si>
  <si>
    <t>cg08916477</t>
  </si>
  <si>
    <t>cg08917795</t>
  </si>
  <si>
    <t>cg08923160</t>
  </si>
  <si>
    <t>cg08932316</t>
  </si>
  <si>
    <t>cg08933790</t>
  </si>
  <si>
    <t>cg08935125</t>
  </si>
  <si>
    <t>cg08935602</t>
  </si>
  <si>
    <t>cg08936056</t>
  </si>
  <si>
    <t>cg08936549</t>
  </si>
  <si>
    <t>cg08937107</t>
  </si>
  <si>
    <t>cg08938612</t>
  </si>
  <si>
    <t>cg08940669</t>
  </si>
  <si>
    <t>cg08941639</t>
  </si>
  <si>
    <t>cg08942052</t>
  </si>
  <si>
    <t>cg08944236</t>
  </si>
  <si>
    <t>cg08946161</t>
  </si>
  <si>
    <t>cg08949164</t>
  </si>
  <si>
    <t>cg08949735</t>
  </si>
  <si>
    <t>cg08950929</t>
  </si>
  <si>
    <t>cg08951051</t>
  </si>
  <si>
    <t>cg08951186</t>
  </si>
  <si>
    <t>cg08952781</t>
  </si>
  <si>
    <t>cg08954701</t>
  </si>
  <si>
    <t>cg08954761</t>
  </si>
  <si>
    <t>cg08957564</t>
  </si>
  <si>
    <t>cg08958168</t>
  </si>
  <si>
    <t>cg08958747</t>
  </si>
  <si>
    <t>cg08961416</t>
  </si>
  <si>
    <t>cg08961893</t>
  </si>
  <si>
    <t>cg08962216</t>
  </si>
  <si>
    <t>cg08963118</t>
  </si>
  <si>
    <t>cg08965527</t>
  </si>
  <si>
    <t>cg08966293</t>
  </si>
  <si>
    <t>cg08968184</t>
  </si>
  <si>
    <t>cg08968329</t>
  </si>
  <si>
    <t>cg08968603</t>
  </si>
  <si>
    <t>cg08968636</t>
  </si>
  <si>
    <t>cg08969855</t>
  </si>
  <si>
    <t>cg08972632</t>
  </si>
  <si>
    <t>cg08977371</t>
  </si>
  <si>
    <t>cg08977639</t>
  </si>
  <si>
    <t>cg08978665</t>
  </si>
  <si>
    <t>cg08984500</t>
  </si>
  <si>
    <t>cg08985333</t>
  </si>
  <si>
    <t>cg08987855</t>
  </si>
  <si>
    <t>cg08988156</t>
  </si>
  <si>
    <t>cg08988949</t>
  </si>
  <si>
    <t>cg08988951</t>
  </si>
  <si>
    <t>cg08989290</t>
  </si>
  <si>
    <t>cg08992854</t>
  </si>
  <si>
    <t>cg08993091</t>
  </si>
  <si>
    <t>cg08996445</t>
  </si>
  <si>
    <t>cg08996483</t>
  </si>
  <si>
    <t>cg08996506</t>
  </si>
  <si>
    <t>cg08998375</t>
  </si>
  <si>
    <t>cg08998657</t>
  </si>
  <si>
    <t>cg09001143</t>
  </si>
  <si>
    <t>cg09001440</t>
  </si>
  <si>
    <t>cg09008063</t>
  </si>
  <si>
    <t>cg09010156</t>
  </si>
  <si>
    <t>cg09010891</t>
  </si>
  <si>
    <t>cg09011038</t>
  </si>
  <si>
    <t>cg09016926</t>
  </si>
  <si>
    <t>cg09018739</t>
  </si>
  <si>
    <t>cg09020697</t>
  </si>
  <si>
    <t>cg09020705</t>
  </si>
  <si>
    <t>cg09022552</t>
  </si>
  <si>
    <t>cg09025174</t>
  </si>
  <si>
    <t>cg09029538</t>
  </si>
  <si>
    <t>cg09031790</t>
  </si>
  <si>
    <t>cg09032423</t>
  </si>
  <si>
    <t>cg09033641</t>
  </si>
  <si>
    <t>cg09036290</t>
  </si>
  <si>
    <t>cg09037288</t>
  </si>
  <si>
    <t>cg09037532</t>
  </si>
  <si>
    <t>cg09038527</t>
  </si>
  <si>
    <t>cg09039698</t>
  </si>
  <si>
    <t>cg09041207</t>
  </si>
  <si>
    <t>cg09041483</t>
  </si>
  <si>
    <t>cg09044708</t>
  </si>
  <si>
    <t>cg09046979</t>
  </si>
  <si>
    <t>cg09048038</t>
  </si>
  <si>
    <t>cg09051215</t>
  </si>
  <si>
    <t>cg09051393</t>
  </si>
  <si>
    <t>cg09058991</t>
  </si>
  <si>
    <t>cg09065658</t>
  </si>
  <si>
    <t>cg09067117</t>
  </si>
  <si>
    <t>cg09067465</t>
  </si>
  <si>
    <t>cg09070371</t>
  </si>
  <si>
    <t>cg09071459</t>
  </si>
  <si>
    <t>cg09074450</t>
  </si>
  <si>
    <t>cg09076877</t>
  </si>
  <si>
    <t>cg09078293</t>
  </si>
  <si>
    <t>cg09079580</t>
  </si>
  <si>
    <t>cg09080030</t>
  </si>
  <si>
    <t>cg09080909</t>
  </si>
  <si>
    <t>cg09084746</t>
  </si>
  <si>
    <t>cg09086087</t>
  </si>
  <si>
    <t>cg09090733</t>
  </si>
  <si>
    <t>cg09091110</t>
  </si>
  <si>
    <t>cg09091766</t>
  </si>
  <si>
    <t>cg09094037</t>
  </si>
  <si>
    <t>cg09094674</t>
  </si>
  <si>
    <t>cg09095551</t>
  </si>
  <si>
    <t>cg09096087</t>
  </si>
  <si>
    <t>cg09096824</t>
  </si>
  <si>
    <t>cg09100343</t>
  </si>
  <si>
    <t>cg09102714</t>
  </si>
  <si>
    <t>cg09108073</t>
  </si>
  <si>
    <t>cg09108394</t>
  </si>
  <si>
    <t>cg09108404</t>
  </si>
  <si>
    <t>cg09109133</t>
  </si>
  <si>
    <t>cg09109520</t>
  </si>
  <si>
    <t>cg09111663</t>
  </si>
  <si>
    <t>cg09113665</t>
  </si>
  <si>
    <t>cg09113939</t>
  </si>
  <si>
    <t>cg09114546</t>
  </si>
  <si>
    <t>cg09114584</t>
  </si>
  <si>
    <t>cg09115984</t>
  </si>
  <si>
    <t>cg09118169</t>
  </si>
  <si>
    <t>cg09119757</t>
  </si>
  <si>
    <t>cg09121516</t>
  </si>
  <si>
    <t>cg09121920</t>
  </si>
  <si>
    <t>cg09122799</t>
  </si>
  <si>
    <t>cg09123155</t>
  </si>
  <si>
    <t>cg09123625</t>
  </si>
  <si>
    <t>cg09124351</t>
  </si>
  <si>
    <t>cg09125477</t>
  </si>
  <si>
    <t>cg09126659</t>
  </si>
  <si>
    <t>cg09132256</t>
  </si>
  <si>
    <t>cg09132500</t>
  </si>
  <si>
    <t>cg09132909</t>
  </si>
  <si>
    <t>cg09133452</t>
  </si>
  <si>
    <t>cg09133979</t>
  </si>
  <si>
    <t>cg09137124</t>
  </si>
  <si>
    <t>cg09139409</t>
  </si>
  <si>
    <t>cg09142117</t>
  </si>
  <si>
    <t>cg09142647</t>
  </si>
  <si>
    <t>cg09144422</t>
  </si>
  <si>
    <t>cg09145053</t>
  </si>
  <si>
    <t>cg09145546</t>
  </si>
  <si>
    <t>cg09145851</t>
  </si>
  <si>
    <t>cg09146781</t>
  </si>
  <si>
    <t>cg09147068</t>
  </si>
  <si>
    <t>cg09147400</t>
  </si>
  <si>
    <t>cg09147843</t>
  </si>
  <si>
    <t>cg09155044</t>
  </si>
  <si>
    <t>cg09155346</t>
  </si>
  <si>
    <t>cg09156721</t>
  </si>
  <si>
    <t>cg09160589</t>
  </si>
  <si>
    <t>cg09161138</t>
  </si>
  <si>
    <t>cg09161211</t>
  </si>
  <si>
    <t>cg09162137</t>
  </si>
  <si>
    <t>cg09165088</t>
  </si>
  <si>
    <t>cg09172973</t>
  </si>
  <si>
    <t>cg09174870</t>
  </si>
  <si>
    <t>cg09175009</t>
  </si>
  <si>
    <t>cg09175137</t>
  </si>
  <si>
    <t>cg09179046</t>
  </si>
  <si>
    <t>cg09179347</t>
  </si>
  <si>
    <t>cg09180605</t>
  </si>
  <si>
    <t>cg09184675</t>
  </si>
  <si>
    <t>cg09185826</t>
  </si>
  <si>
    <t>cg09186244</t>
  </si>
  <si>
    <t>cg09186685</t>
  </si>
  <si>
    <t>cg09186979</t>
  </si>
  <si>
    <t>cg09190795</t>
  </si>
  <si>
    <t>cg09191731</t>
  </si>
  <si>
    <t>cg09192898</t>
  </si>
  <si>
    <t>cg09194755</t>
  </si>
  <si>
    <t>cg09195657</t>
  </si>
  <si>
    <t>cg09196386</t>
  </si>
  <si>
    <t>cg09204302</t>
  </si>
  <si>
    <t>cg09205083</t>
  </si>
  <si>
    <t>cg09205293</t>
  </si>
  <si>
    <t>cg09210079</t>
  </si>
  <si>
    <t>cg09214983</t>
  </si>
  <si>
    <t>cg09217878</t>
  </si>
  <si>
    <t>cg09219877</t>
  </si>
  <si>
    <t>cg09220816</t>
  </si>
  <si>
    <t>cg09222577</t>
  </si>
  <si>
    <t>cg09222791</t>
  </si>
  <si>
    <t>cg09223516</t>
  </si>
  <si>
    <t>cg09228988</t>
  </si>
  <si>
    <t>cg09229061</t>
  </si>
  <si>
    <t>cg09229492</t>
  </si>
  <si>
    <t>cg09230646</t>
  </si>
  <si>
    <t>cg09230756</t>
  </si>
  <si>
    <t>cg09231031</t>
  </si>
  <si>
    <t>cg09231171</t>
  </si>
  <si>
    <t>cg09231536</t>
  </si>
  <si>
    <t>cg09232225</t>
  </si>
  <si>
    <t>cg09234872</t>
  </si>
  <si>
    <t>cg09238470</t>
  </si>
  <si>
    <t>cg09239064</t>
  </si>
  <si>
    <t>cg09241279</t>
  </si>
  <si>
    <t>cg09242293</t>
  </si>
  <si>
    <t>cg09243454</t>
  </si>
  <si>
    <t>cg09245872</t>
  </si>
  <si>
    <t>cg09247061</t>
  </si>
  <si>
    <t>cg09248007</t>
  </si>
  <si>
    <t>cg09248197</t>
  </si>
  <si>
    <t>cg09250965</t>
  </si>
  <si>
    <t>cg09256964</t>
  </si>
  <si>
    <t>cg09259710</t>
  </si>
  <si>
    <t>cg09260667</t>
  </si>
  <si>
    <t>cg09262011</t>
  </si>
  <si>
    <t>cg09263316</t>
  </si>
  <si>
    <t>cg09268961</t>
  </si>
  <si>
    <t>cg09269891</t>
  </si>
  <si>
    <t>cg09274827</t>
  </si>
  <si>
    <t>cg09274961</t>
  </si>
  <si>
    <t>cg09276072</t>
  </si>
  <si>
    <t>cg09276451</t>
  </si>
  <si>
    <t>cg09276655</t>
  </si>
  <si>
    <t>cg09278687</t>
  </si>
  <si>
    <t>cg09280800</t>
  </si>
  <si>
    <t>cg09281683</t>
  </si>
  <si>
    <t>cg09289251</t>
  </si>
  <si>
    <t>cg09291817</t>
  </si>
  <si>
    <t>cg09291896</t>
  </si>
  <si>
    <t>cg09292409</t>
  </si>
  <si>
    <t>cg09293534</t>
  </si>
  <si>
    <t>cg09293559</t>
  </si>
  <si>
    <t>cg09293925</t>
  </si>
  <si>
    <t>cg09297447</t>
  </si>
  <si>
    <t>cg09301932</t>
  </si>
  <si>
    <t>cg09303678</t>
  </si>
  <si>
    <t>cg09304395</t>
  </si>
  <si>
    <t>cg09305478</t>
  </si>
  <si>
    <t>cg09305883</t>
  </si>
  <si>
    <t>cg09306186</t>
  </si>
  <si>
    <t>cg09308553</t>
  </si>
  <si>
    <t>cg09309024</t>
  </si>
  <si>
    <t>cg09313046</t>
  </si>
  <si>
    <t>cg09313938</t>
  </si>
  <si>
    <t>cg09317752</t>
  </si>
  <si>
    <t>cg09319227</t>
  </si>
  <si>
    <t>cg09320079</t>
  </si>
  <si>
    <t>cg09320346</t>
  </si>
  <si>
    <t>cg09321029</t>
  </si>
  <si>
    <t>cg09321109</t>
  </si>
  <si>
    <t>cg09321307</t>
  </si>
  <si>
    <t>cg09321520</t>
  </si>
  <si>
    <t>cg09322513</t>
  </si>
  <si>
    <t>cg09323092</t>
  </si>
  <si>
    <t>cg09325360</t>
  </si>
  <si>
    <t>cg09326345</t>
  </si>
  <si>
    <t>cg09326409</t>
  </si>
  <si>
    <t>cg09327847</t>
  </si>
  <si>
    <t>cg09331206</t>
  </si>
  <si>
    <t>cg09331545</t>
  </si>
  <si>
    <t>cg09333956</t>
  </si>
  <si>
    <t>cg09336277</t>
  </si>
  <si>
    <t>cg09336508</t>
  </si>
  <si>
    <t>cg09338148</t>
  </si>
  <si>
    <t>cg09338251</t>
  </si>
  <si>
    <t>cg09338875</t>
  </si>
  <si>
    <t>cg09340513</t>
  </si>
  <si>
    <t>cg09341491</t>
  </si>
  <si>
    <t>cg09345153</t>
  </si>
  <si>
    <t>cg09349940</t>
  </si>
  <si>
    <t>cg09354454</t>
  </si>
  <si>
    <t>cg09354518</t>
  </si>
  <si>
    <t>cg09356442</t>
  </si>
  <si>
    <t>cg09363128</t>
  </si>
  <si>
    <t>cg09364501</t>
  </si>
  <si>
    <t>cg09367855</t>
  </si>
  <si>
    <t>cg09370585</t>
  </si>
  <si>
    <t>cg09370982</t>
  </si>
  <si>
    <t>cg09371059</t>
  </si>
  <si>
    <t>cg09372449</t>
  </si>
  <si>
    <t>cg09372728</t>
  </si>
  <si>
    <t>cg09373102</t>
  </si>
  <si>
    <t>cg09373350</t>
  </si>
  <si>
    <t>cg09376583</t>
  </si>
  <si>
    <t>cg09378228</t>
  </si>
  <si>
    <t>cg09380409</t>
  </si>
  <si>
    <t>cg09381666</t>
  </si>
  <si>
    <t>cg09383106</t>
  </si>
  <si>
    <t>cg09385650</t>
  </si>
  <si>
    <t>cg09385815</t>
  </si>
  <si>
    <t>cg09385972</t>
  </si>
  <si>
    <t>cg09387587</t>
  </si>
  <si>
    <t>cg09389370</t>
  </si>
  <si>
    <t>cg09393535</t>
  </si>
  <si>
    <t>cg09395612</t>
  </si>
  <si>
    <t>cg09397293</t>
  </si>
  <si>
    <t>cg09397900</t>
  </si>
  <si>
    <t>cg09399224</t>
  </si>
  <si>
    <t>cg09402314</t>
  </si>
  <si>
    <t>cg09403559</t>
  </si>
  <si>
    <t>cg09405758</t>
  </si>
  <si>
    <t>cg09406989</t>
  </si>
  <si>
    <t>cg09407650</t>
  </si>
  <si>
    <t>cg09407859</t>
  </si>
  <si>
    <t>cg09408143</t>
  </si>
  <si>
    <t>cg09411121</t>
  </si>
  <si>
    <t>cg09412619</t>
  </si>
  <si>
    <t>cg09414620</t>
  </si>
  <si>
    <t>cg09415485</t>
  </si>
  <si>
    <t>cg09416109</t>
  </si>
  <si>
    <t>cg09416543</t>
  </si>
  <si>
    <t>cg09417761</t>
  </si>
  <si>
    <t>cg09420961</t>
  </si>
  <si>
    <t>cg09420993</t>
  </si>
  <si>
    <t>cg09424398</t>
  </si>
  <si>
    <t>cg09425333</t>
  </si>
  <si>
    <t>cg09425611</t>
  </si>
  <si>
    <t>cg09426937</t>
  </si>
  <si>
    <t>cg09427944</t>
  </si>
  <si>
    <t>cg09430181</t>
  </si>
  <si>
    <t>cg09435411</t>
  </si>
  <si>
    <t>cg09435824</t>
  </si>
  <si>
    <t>cg09435890</t>
  </si>
  <si>
    <t>cg09436290</t>
  </si>
  <si>
    <t>cg09439599</t>
  </si>
  <si>
    <t>cg09439788</t>
  </si>
  <si>
    <t>cg09440986</t>
  </si>
  <si>
    <t>cg09440989</t>
  </si>
  <si>
    <t>cg09449449</t>
  </si>
  <si>
    <t>cg09450828</t>
  </si>
  <si>
    <t>cg09452257</t>
  </si>
  <si>
    <t>cg09452293</t>
  </si>
  <si>
    <t>cg09456516</t>
  </si>
  <si>
    <t>cg09459561</t>
  </si>
  <si>
    <t>cg09461286</t>
  </si>
  <si>
    <t>cg09463706</t>
  </si>
  <si>
    <t>cg09465712</t>
  </si>
  <si>
    <t>cg09466067</t>
  </si>
  <si>
    <t>cg09466397</t>
  </si>
  <si>
    <t>cg09470219</t>
  </si>
  <si>
    <t>cg09473249</t>
  </si>
  <si>
    <t>cg09474599</t>
  </si>
  <si>
    <t>cg09475221</t>
  </si>
  <si>
    <t>cg09476347</t>
  </si>
  <si>
    <t>cg09480047</t>
  </si>
  <si>
    <t>cg09480855</t>
  </si>
  <si>
    <t>cg09481056</t>
  </si>
  <si>
    <t>cg09486407</t>
  </si>
  <si>
    <t>cg09488241</t>
  </si>
  <si>
    <t>cg09488452</t>
  </si>
  <si>
    <t>cg09489249</t>
  </si>
  <si>
    <t>cg09489686</t>
  </si>
  <si>
    <t>cg09493833</t>
  </si>
  <si>
    <t>cg09495207</t>
  </si>
  <si>
    <t>cg09496634</t>
  </si>
  <si>
    <t>cg09497472</t>
  </si>
  <si>
    <t>cg09497752</t>
  </si>
  <si>
    <t>cg09499421</t>
  </si>
  <si>
    <t>cg09501762</t>
  </si>
  <si>
    <t>cg09502865</t>
  </si>
  <si>
    <t>cg09510707</t>
  </si>
  <si>
    <t>cg09512406</t>
  </si>
  <si>
    <t>cg09515766</t>
  </si>
  <si>
    <t>cg09520536</t>
  </si>
  <si>
    <t>cg09524639</t>
  </si>
  <si>
    <t>cg09529437</t>
  </si>
  <si>
    <t>cg09532267</t>
  </si>
  <si>
    <t>cg09539058</t>
  </si>
  <si>
    <t>cg09540626</t>
  </si>
  <si>
    <t>cg09541694</t>
  </si>
  <si>
    <t>cg09546272</t>
  </si>
  <si>
    <t>cg09547909</t>
  </si>
  <si>
    <t>cg09548179</t>
  </si>
  <si>
    <t>cg09548897</t>
  </si>
  <si>
    <t>cg09550945</t>
  </si>
  <si>
    <t>cg09551544</t>
  </si>
  <si>
    <t>cg09552213</t>
  </si>
  <si>
    <t>cg09552277</t>
  </si>
  <si>
    <t>cg09552399</t>
  </si>
  <si>
    <t>cg09552652</t>
  </si>
  <si>
    <t>cg09553232</t>
  </si>
  <si>
    <t>cg09554007</t>
  </si>
  <si>
    <t>cg09555736</t>
  </si>
  <si>
    <t>cg09559823</t>
  </si>
  <si>
    <t>cg09560549</t>
  </si>
  <si>
    <t>cg09561419</t>
  </si>
  <si>
    <t>cg09563325</t>
  </si>
  <si>
    <t>cg09564493</t>
  </si>
  <si>
    <t>cg09566302</t>
  </si>
  <si>
    <t>cg09567485</t>
  </si>
  <si>
    <t>cg09567725</t>
  </si>
  <si>
    <t>cg09573515</t>
  </si>
  <si>
    <t>cg09580147</t>
  </si>
  <si>
    <t>cg09580284</t>
  </si>
  <si>
    <t>cg09581649</t>
  </si>
  <si>
    <t>cg09584658</t>
  </si>
  <si>
    <t>cg09584711</t>
  </si>
  <si>
    <t>cg09584855</t>
  </si>
  <si>
    <t>cg09585195</t>
  </si>
  <si>
    <t>cg09585834</t>
  </si>
  <si>
    <t>cg09588492</t>
  </si>
  <si>
    <t>cg09591886</t>
  </si>
  <si>
    <t>cg09596025</t>
  </si>
  <si>
    <t>cg09604106</t>
  </si>
  <si>
    <t>cg09604725</t>
  </si>
  <si>
    <t>cg09604840</t>
  </si>
  <si>
    <t>cg09605317</t>
  </si>
  <si>
    <t>cg09607047</t>
  </si>
  <si>
    <t>cg09607396</t>
  </si>
  <si>
    <t>cg09608652</t>
  </si>
  <si>
    <t>cg09611642</t>
  </si>
  <si>
    <t>cg09612502</t>
  </si>
  <si>
    <t>cg09615982</t>
  </si>
  <si>
    <t>cg09616053</t>
  </si>
  <si>
    <t>cg09616608</t>
  </si>
  <si>
    <t>cg09616692</t>
  </si>
  <si>
    <t>cg09617747</t>
  </si>
  <si>
    <t>cg09619706</t>
  </si>
  <si>
    <t>cg09620016</t>
  </si>
  <si>
    <t>cg09620131</t>
  </si>
  <si>
    <t>cg09620277</t>
  </si>
  <si>
    <t>cg09622420</t>
  </si>
  <si>
    <t>cg09623162</t>
  </si>
  <si>
    <t>cg09624807</t>
  </si>
  <si>
    <t>cg09626061</t>
  </si>
  <si>
    <t>cg09626363</t>
  </si>
  <si>
    <t>cg09627567</t>
  </si>
  <si>
    <t>cg09627744</t>
  </si>
  <si>
    <t>cg09632858</t>
  </si>
  <si>
    <t>cg09632876</t>
  </si>
  <si>
    <t>cg09635586</t>
  </si>
  <si>
    <t>cg09636263</t>
  </si>
  <si>
    <t>cg09636313</t>
  </si>
  <si>
    <t>cg09638208</t>
  </si>
  <si>
    <t>cg09639264</t>
  </si>
  <si>
    <t>cg09640571</t>
  </si>
  <si>
    <t>cg09640686</t>
  </si>
  <si>
    <t>cg09642525</t>
  </si>
  <si>
    <t>cg09644558</t>
  </si>
  <si>
    <t>cg09645925</t>
  </si>
  <si>
    <t>cg09648454</t>
  </si>
  <si>
    <t>cg09650189</t>
  </si>
  <si>
    <t>cg09652746</t>
  </si>
  <si>
    <t>cg09662162</t>
  </si>
  <si>
    <t>cg09662852</t>
  </si>
  <si>
    <t>cg09664596</t>
  </si>
  <si>
    <t>cg09666444</t>
  </si>
  <si>
    <t>cg09669099</t>
  </si>
  <si>
    <t>cg09669354</t>
  </si>
  <si>
    <t>cg09671611</t>
  </si>
  <si>
    <t>cg09672448</t>
  </si>
  <si>
    <t>cg09674048</t>
  </si>
  <si>
    <t>cg09674500</t>
  </si>
  <si>
    <t>cg09674546</t>
  </si>
  <si>
    <t>cg09675895</t>
  </si>
  <si>
    <t>cg09678093</t>
  </si>
  <si>
    <t>cg09683430</t>
  </si>
  <si>
    <t>cg09685472</t>
  </si>
  <si>
    <t>cg09685682</t>
  </si>
  <si>
    <t>cg09689342</t>
  </si>
  <si>
    <t>cg09689633</t>
  </si>
  <si>
    <t>cg09692355</t>
  </si>
  <si>
    <t>cg09697245</t>
  </si>
  <si>
    <t>cg09697458</t>
  </si>
  <si>
    <t>cg09697644</t>
  </si>
  <si>
    <t>cg09698221</t>
  </si>
  <si>
    <t>cg09699128</t>
  </si>
  <si>
    <t>cg09699373</t>
  </si>
  <si>
    <t>cg09699726</t>
  </si>
  <si>
    <t>cg09709592</t>
  </si>
  <si>
    <t>cg09712234</t>
  </si>
  <si>
    <t>cg09712682</t>
  </si>
  <si>
    <t>cg09713758</t>
  </si>
  <si>
    <t>cg09714919</t>
  </si>
  <si>
    <t>cg09716762</t>
  </si>
  <si>
    <t>cg09721380</t>
  </si>
  <si>
    <t>cg09721469</t>
  </si>
  <si>
    <t>cg09722408</t>
  </si>
  <si>
    <t>cg09723341</t>
  </si>
  <si>
    <t>cg09723511</t>
  </si>
  <si>
    <t>cg09728392</t>
  </si>
  <si>
    <t>cg09728985</t>
  </si>
  <si>
    <t>cg09730123</t>
  </si>
  <si>
    <t>cg09730500</t>
  </si>
  <si>
    <t>cg09731073</t>
  </si>
  <si>
    <t>cg09734162</t>
  </si>
  <si>
    <t>cg09735146</t>
  </si>
  <si>
    <t>cg09736526</t>
  </si>
  <si>
    <t>cg09737078</t>
  </si>
  <si>
    <t>cg09739932</t>
  </si>
  <si>
    <t>cg09742346</t>
  </si>
  <si>
    <t>cg09743596</t>
  </si>
  <si>
    <t>cg09743650</t>
  </si>
  <si>
    <t>cg09743906</t>
  </si>
  <si>
    <t>cg09743950</t>
  </si>
  <si>
    <t>cg09745688</t>
  </si>
  <si>
    <t>cg09745791</t>
  </si>
  <si>
    <t>cg09745987</t>
  </si>
  <si>
    <t>cg09751673</t>
  </si>
  <si>
    <t>cg09756419</t>
  </si>
  <si>
    <t>cg09757087</t>
  </si>
  <si>
    <t>cg09758386</t>
  </si>
  <si>
    <t>cg09758796</t>
  </si>
  <si>
    <t>cg09762897</t>
  </si>
  <si>
    <t>cg09763373</t>
  </si>
  <si>
    <t>cg09764984</t>
  </si>
  <si>
    <t>cg09766510</t>
  </si>
  <si>
    <t>cg09767154</t>
  </si>
  <si>
    <t>cg09770579</t>
  </si>
  <si>
    <t>cg09774289</t>
  </si>
  <si>
    <t>cg09775238</t>
  </si>
  <si>
    <t>cg09780767</t>
  </si>
  <si>
    <t>cg09781414</t>
  </si>
  <si>
    <t>cg09781650</t>
  </si>
  <si>
    <t>cg09786479</t>
  </si>
  <si>
    <t>cg09790780</t>
  </si>
  <si>
    <t>cg09791102</t>
  </si>
  <si>
    <t>cg09793988</t>
  </si>
  <si>
    <t>cg09798061</t>
  </si>
  <si>
    <t>cg09798333</t>
  </si>
  <si>
    <t>cg09799938</t>
  </si>
  <si>
    <t>cg09801621</t>
  </si>
  <si>
    <t>cg09803177</t>
  </si>
  <si>
    <t>cg09804008</t>
  </si>
  <si>
    <t>cg09812623</t>
  </si>
  <si>
    <t>cg09815776</t>
  </si>
  <si>
    <t>cg09816471</t>
  </si>
  <si>
    <t>cg09818632</t>
  </si>
  <si>
    <t>cg09818930</t>
  </si>
  <si>
    <t>cg09821218</t>
  </si>
  <si>
    <t>cg09822018</t>
  </si>
  <si>
    <t>cg09825080</t>
  </si>
  <si>
    <t>cg09825093</t>
  </si>
  <si>
    <t>cg09826790</t>
  </si>
  <si>
    <t>cg09827496</t>
  </si>
  <si>
    <t>cg09829222</t>
  </si>
  <si>
    <t>cg09829551</t>
  </si>
  <si>
    <t>cg09831311</t>
  </si>
  <si>
    <t>cg09834822</t>
  </si>
  <si>
    <t>cg09835675</t>
  </si>
  <si>
    <t>cg09839874</t>
  </si>
  <si>
    <t>cg09842237</t>
  </si>
  <si>
    <t>cg09842735</t>
  </si>
  <si>
    <t>cg09845205</t>
  </si>
  <si>
    <t>cg09848947</t>
  </si>
  <si>
    <t>cg09849600</t>
  </si>
  <si>
    <t>cg09850601</t>
  </si>
  <si>
    <t>cg09851072</t>
  </si>
  <si>
    <t>cg09852871</t>
  </si>
  <si>
    <t>cg09857324</t>
  </si>
  <si>
    <t>cg09857708</t>
  </si>
  <si>
    <t>cg09859898</t>
  </si>
  <si>
    <t>cg09860092</t>
  </si>
  <si>
    <t>cg09864712</t>
  </si>
  <si>
    <t>cg09866569</t>
  </si>
  <si>
    <t>cg09866598</t>
  </si>
  <si>
    <t>cg09867070</t>
  </si>
  <si>
    <t>cg09867143</t>
  </si>
  <si>
    <t>cg09867358</t>
  </si>
  <si>
    <t>cg09867953</t>
  </si>
  <si>
    <t>cg09869502</t>
  </si>
  <si>
    <t>cg09869531</t>
  </si>
  <si>
    <t>cg09869647</t>
  </si>
  <si>
    <t>cg09869811</t>
  </si>
  <si>
    <t>cg09870004</t>
  </si>
  <si>
    <t>cg09870606</t>
  </si>
  <si>
    <t>cg09871133</t>
  </si>
  <si>
    <t>cg09873772</t>
  </si>
  <si>
    <t>cg09875326</t>
  </si>
  <si>
    <t>cg09880681</t>
  </si>
  <si>
    <t>cg09881917</t>
  </si>
  <si>
    <t>cg09882901</t>
  </si>
  <si>
    <t>cg09883524</t>
  </si>
  <si>
    <t>cg09883860</t>
  </si>
  <si>
    <t>cg09889350</t>
  </si>
  <si>
    <t>cg09889479</t>
  </si>
  <si>
    <t>cg09891393</t>
  </si>
  <si>
    <t>cg09894072</t>
  </si>
  <si>
    <t>cg09894383</t>
  </si>
  <si>
    <t>cg09898848</t>
  </si>
  <si>
    <t>cg09899215</t>
  </si>
  <si>
    <t>cg09900105</t>
  </si>
  <si>
    <t>cg09900317</t>
  </si>
  <si>
    <t>cg09900463</t>
  </si>
  <si>
    <t>cg09901735</t>
  </si>
  <si>
    <t>cg09904091</t>
  </si>
  <si>
    <t>cg09904140</t>
  </si>
  <si>
    <t>cg09905047</t>
  </si>
  <si>
    <t>cg09905605</t>
  </si>
  <si>
    <t>cg09905732</t>
  </si>
  <si>
    <t>cg09906145</t>
  </si>
  <si>
    <t>cg09906575</t>
  </si>
  <si>
    <t>cg09906857</t>
  </si>
  <si>
    <t>cg09907219</t>
  </si>
  <si>
    <t>cg09907628</t>
  </si>
  <si>
    <t>cg09909151</t>
  </si>
  <si>
    <t>cg09910000</t>
  </si>
  <si>
    <t>cg09910876</t>
  </si>
  <si>
    <t>cg09911086</t>
  </si>
  <si>
    <t>cg09912203</t>
  </si>
  <si>
    <t>cg09916810</t>
  </si>
  <si>
    <t>cg09919392</t>
  </si>
  <si>
    <t>cg09920228</t>
  </si>
  <si>
    <t>cg09921810</t>
  </si>
  <si>
    <t>cg09922452</t>
  </si>
  <si>
    <t>cg09923769</t>
  </si>
  <si>
    <t>cg09924669</t>
  </si>
  <si>
    <t>cg09934309</t>
  </si>
  <si>
    <t>cg09934892</t>
  </si>
  <si>
    <t>cg09938443</t>
  </si>
  <si>
    <t>cg09939392</t>
  </si>
  <si>
    <t>cg09940476</t>
  </si>
  <si>
    <t>cg09941601</t>
  </si>
  <si>
    <t>cg09942293</t>
  </si>
  <si>
    <t>cg09942492</t>
  </si>
  <si>
    <t>cg09944171</t>
  </si>
  <si>
    <t>cg09944213</t>
  </si>
  <si>
    <t>cg09944434</t>
  </si>
  <si>
    <t>cg09945381</t>
  </si>
  <si>
    <t>cg09947736</t>
  </si>
  <si>
    <t>cg09950688</t>
  </si>
  <si>
    <t>cg09950871</t>
  </si>
  <si>
    <t>cg09954348</t>
  </si>
  <si>
    <t>cg09955858</t>
  </si>
  <si>
    <t>cg09956047</t>
  </si>
  <si>
    <t>cg09958559</t>
  </si>
  <si>
    <t>cg09959112</t>
  </si>
  <si>
    <t>cg09960553</t>
  </si>
  <si>
    <t>cg09960794</t>
  </si>
  <si>
    <t>cg09962377</t>
  </si>
  <si>
    <t>cg09963654</t>
  </si>
  <si>
    <t>cg09963814</t>
  </si>
  <si>
    <t>cg09965085</t>
  </si>
  <si>
    <t>cg09965996</t>
  </si>
  <si>
    <t>cg09967329</t>
  </si>
  <si>
    <t>cg09967487</t>
  </si>
  <si>
    <t>cg09969011</t>
  </si>
  <si>
    <t>cg09970332</t>
  </si>
  <si>
    <t>cg09970941</t>
  </si>
  <si>
    <t>cg09971549</t>
  </si>
  <si>
    <t>cg09971653</t>
  </si>
  <si>
    <t>cg09974304</t>
  </si>
  <si>
    <t>cg09975406</t>
  </si>
  <si>
    <t>cg09975561</t>
  </si>
  <si>
    <t>cg09975659</t>
  </si>
  <si>
    <t>cg09977031</t>
  </si>
  <si>
    <t>cg09979356</t>
  </si>
  <si>
    <t>cg09980626</t>
  </si>
  <si>
    <t>cg09981029</t>
  </si>
  <si>
    <t>cg09981030</t>
  </si>
  <si>
    <t>cg09985344</t>
  </si>
  <si>
    <t>cg09987150</t>
  </si>
  <si>
    <t>cg09988059</t>
  </si>
  <si>
    <t>cg09989938</t>
  </si>
  <si>
    <t>cg09991470</t>
  </si>
  <si>
    <t>cg09994114</t>
  </si>
  <si>
    <t>cg09996076</t>
  </si>
  <si>
    <t>cg09996597</t>
  </si>
  <si>
    <t>cg09996789</t>
  </si>
  <si>
    <t>cg09998861</t>
  </si>
  <si>
    <t>cg10006042</t>
  </si>
  <si>
    <t>cg10006157</t>
  </si>
  <si>
    <t>cg10008120</t>
  </si>
  <si>
    <t>cg10008725</t>
  </si>
  <si>
    <t>cg10009207</t>
  </si>
  <si>
    <t>cg10010898</t>
  </si>
  <si>
    <t>cg10011746</t>
  </si>
  <si>
    <t>cg10011963</t>
  </si>
  <si>
    <t>cg10014293</t>
  </si>
  <si>
    <t>cg10016175</t>
  </si>
  <si>
    <t>cg10017167</t>
  </si>
  <si>
    <t>cg10017411</t>
  </si>
  <si>
    <t>cg10020520</t>
  </si>
  <si>
    <t>cg10020890</t>
  </si>
  <si>
    <t>cg10024478</t>
  </si>
  <si>
    <t>cg10024987</t>
  </si>
  <si>
    <t>cg10027237</t>
  </si>
  <si>
    <t>cg10027487</t>
  </si>
  <si>
    <t>cg10030162</t>
  </si>
  <si>
    <t>cg10030250</t>
  </si>
  <si>
    <t>cg10031648</t>
  </si>
  <si>
    <t>cg10032375</t>
  </si>
  <si>
    <t>cg10033488</t>
  </si>
  <si>
    <t>cg10034578</t>
  </si>
  <si>
    <t>cg10034642</t>
  </si>
  <si>
    <t>cg10035270</t>
  </si>
  <si>
    <t>cg10035607</t>
  </si>
  <si>
    <t>cg10041830</t>
  </si>
  <si>
    <t>cg10042856</t>
  </si>
  <si>
    <t>cg10045909</t>
  </si>
  <si>
    <t>cg10052190</t>
  </si>
  <si>
    <t>cg10052782</t>
  </si>
  <si>
    <t>cg10053879</t>
  </si>
  <si>
    <t>cg10055227</t>
  </si>
  <si>
    <t>cg10057614</t>
  </si>
  <si>
    <t>cg10059378</t>
  </si>
  <si>
    <t>cg10062329</t>
  </si>
  <si>
    <t>cg10064892</t>
  </si>
  <si>
    <t>cg10067538</t>
  </si>
  <si>
    <t>cg10067787</t>
  </si>
  <si>
    <t>cg10068222</t>
  </si>
  <si>
    <t>cg10069716</t>
  </si>
  <si>
    <t>cg10071431</t>
  </si>
  <si>
    <t>cg10071493</t>
  </si>
  <si>
    <t>cg10071602</t>
  </si>
  <si>
    <t>cg10074498</t>
  </si>
  <si>
    <t>cg10075157</t>
  </si>
  <si>
    <t>cg10075378</t>
  </si>
  <si>
    <t>cg10076951</t>
  </si>
  <si>
    <t>cg10078415</t>
  </si>
  <si>
    <t>cg10082445</t>
  </si>
  <si>
    <t>cg10083806</t>
  </si>
  <si>
    <t>cg10084993</t>
  </si>
  <si>
    <t>cg10085057</t>
  </si>
  <si>
    <t>cg10085651</t>
  </si>
  <si>
    <t>cg10085844</t>
  </si>
  <si>
    <t>cg10088879</t>
  </si>
  <si>
    <t>cg10089193</t>
  </si>
  <si>
    <t>cg10089978</t>
  </si>
  <si>
    <t>cg10091053</t>
  </si>
  <si>
    <t>cg10091996</t>
  </si>
  <si>
    <t>cg10092263</t>
  </si>
  <si>
    <t>cg10096052</t>
  </si>
  <si>
    <t>cg10096286</t>
  </si>
  <si>
    <t>cg10097681</t>
  </si>
  <si>
    <t>cg10103580</t>
  </si>
  <si>
    <t>cg10103630</t>
  </si>
  <si>
    <t>cg10103751</t>
  </si>
  <si>
    <t>cg10104480</t>
  </si>
  <si>
    <t>cg10105149</t>
  </si>
  <si>
    <t>cg10108042</t>
  </si>
  <si>
    <t>cg10110271</t>
  </si>
  <si>
    <t>cg10110376</t>
  </si>
  <si>
    <t>cg10110957</t>
  </si>
  <si>
    <t>cg10111352</t>
  </si>
  <si>
    <t>cg10111816</t>
  </si>
  <si>
    <t>cg10112854</t>
  </si>
  <si>
    <t>cg10113069</t>
  </si>
  <si>
    <t>cg10115075</t>
  </si>
  <si>
    <t>cg10116505</t>
  </si>
  <si>
    <t>cg10118456</t>
  </si>
  <si>
    <t>cg10120698</t>
  </si>
  <si>
    <t>cg10121058</t>
  </si>
  <si>
    <t>cg10122558</t>
  </si>
  <si>
    <t>cg10125193</t>
  </si>
  <si>
    <t>cg10126903</t>
  </si>
  <si>
    <t>cg10131891</t>
  </si>
  <si>
    <t>cg10133674</t>
  </si>
  <si>
    <t>cg10135427</t>
  </si>
  <si>
    <t>cg10136263</t>
  </si>
  <si>
    <t>cg10136473</t>
  </si>
  <si>
    <t>cg10139614</t>
  </si>
  <si>
    <t>cg10139742</t>
  </si>
  <si>
    <t>cg10140104</t>
  </si>
  <si>
    <t>cg10140957</t>
  </si>
  <si>
    <t>cg10141942</t>
  </si>
  <si>
    <t>cg10143108</t>
  </si>
  <si>
    <t>cg10143603</t>
  </si>
  <si>
    <t>cg10143781</t>
  </si>
  <si>
    <t>cg10146880</t>
  </si>
  <si>
    <t>cg10148614</t>
  </si>
  <si>
    <t>cg10148755</t>
  </si>
  <si>
    <t>cg10149123</t>
  </si>
  <si>
    <t>cg10149336</t>
  </si>
  <si>
    <t>cg10151162</t>
  </si>
  <si>
    <t>cg10151953</t>
  </si>
  <si>
    <t>cg10155261</t>
  </si>
  <si>
    <t>cg10155875</t>
  </si>
  <si>
    <t>cg10156586</t>
  </si>
  <si>
    <t>cg10158369</t>
  </si>
  <si>
    <t>cg10160612</t>
  </si>
  <si>
    <t>cg10161039</t>
  </si>
  <si>
    <t>cg10163825</t>
  </si>
  <si>
    <t>cg10165518</t>
  </si>
  <si>
    <t>cg10166735</t>
  </si>
  <si>
    <t>cg10169763</t>
  </si>
  <si>
    <t>cg10169836</t>
  </si>
  <si>
    <t>cg10173831</t>
  </si>
  <si>
    <t>cg10174031</t>
  </si>
  <si>
    <t>cg10174191</t>
  </si>
  <si>
    <t>cg10174387</t>
  </si>
  <si>
    <t>cg10176059</t>
  </si>
  <si>
    <t>cg10176070</t>
  </si>
  <si>
    <t>cg10178960</t>
  </si>
  <si>
    <t>cg10180297</t>
  </si>
  <si>
    <t>cg10184845</t>
  </si>
  <si>
    <t>cg10185478</t>
  </si>
  <si>
    <t>cg10185519</t>
  </si>
  <si>
    <t>cg10185775</t>
  </si>
  <si>
    <t>cg10189135</t>
  </si>
  <si>
    <t>cg10191283</t>
  </si>
  <si>
    <t>cg10192164</t>
  </si>
  <si>
    <t>cg10192872</t>
  </si>
  <si>
    <t>cg10194884</t>
  </si>
  <si>
    <t>cg10196158</t>
  </si>
  <si>
    <t>cg10196372</t>
  </si>
  <si>
    <t>cg10196861</t>
  </si>
  <si>
    <t>cg10197405</t>
  </si>
  <si>
    <t>cg10202874</t>
  </si>
  <si>
    <t>cg10203440</t>
  </si>
  <si>
    <t>cg10205629</t>
  </si>
  <si>
    <t>cg10206250</t>
  </si>
  <si>
    <t>cg10206344</t>
  </si>
  <si>
    <t>cg10206380</t>
  </si>
  <si>
    <t>cg10206774</t>
  </si>
  <si>
    <t>cg10208294</t>
  </si>
  <si>
    <t>cg10209481</t>
  </si>
  <si>
    <t>cg10211873</t>
  </si>
  <si>
    <t>cg10213873</t>
  </si>
  <si>
    <t>cg10214757</t>
  </si>
  <si>
    <t>cg10217183</t>
  </si>
  <si>
    <t>cg10218733</t>
  </si>
  <si>
    <t>cg10219917</t>
  </si>
  <si>
    <t>cg10222254</t>
  </si>
  <si>
    <t>cg10222361</t>
  </si>
  <si>
    <t>cg10225488</t>
  </si>
  <si>
    <t>cg10227665</t>
  </si>
  <si>
    <t>cg10227678</t>
  </si>
  <si>
    <t>cg10228981</t>
  </si>
  <si>
    <t>cg10231626</t>
  </si>
  <si>
    <t>cg10233104</t>
  </si>
  <si>
    <t>cg10233539</t>
  </si>
  <si>
    <t>cg10235453</t>
  </si>
  <si>
    <t>cg10238917</t>
  </si>
  <si>
    <t>cg10240083</t>
  </si>
  <si>
    <t>cg10241484</t>
  </si>
  <si>
    <t>cg10243266</t>
  </si>
  <si>
    <t>cg10244414</t>
  </si>
  <si>
    <t>cg10246450</t>
  </si>
  <si>
    <t>cg10246473</t>
  </si>
  <si>
    <t>cg10247162</t>
  </si>
  <si>
    <t>cg10251936</t>
  </si>
  <si>
    <t>cg10254923</t>
  </si>
  <si>
    <t>cg10257110</t>
  </si>
  <si>
    <t>cg10262662</t>
  </si>
  <si>
    <t>cg10263737</t>
  </si>
  <si>
    <t>cg10264687</t>
  </si>
  <si>
    <t>cg10266904</t>
  </si>
  <si>
    <t>cg10269081</t>
  </si>
  <si>
    <t>cg10273669</t>
  </si>
  <si>
    <t>cg10274950</t>
  </si>
  <si>
    <t>cg10275969</t>
  </si>
  <si>
    <t>cg10276400</t>
  </si>
  <si>
    <t>cg10276869</t>
  </si>
  <si>
    <t>cg10277624</t>
  </si>
  <si>
    <t>cg10277770</t>
  </si>
  <si>
    <t>cg10278046</t>
  </si>
  <si>
    <t>cg10279294</t>
  </si>
  <si>
    <t>cg10281638</t>
  </si>
  <si>
    <t>cg10281889</t>
  </si>
  <si>
    <t>cg10282491</t>
  </si>
  <si>
    <t>cg10284425</t>
  </si>
  <si>
    <t>cg10284662</t>
  </si>
  <si>
    <t>cg10287545</t>
  </si>
  <si>
    <t>cg10293297</t>
  </si>
  <si>
    <t>cg10293354</t>
  </si>
  <si>
    <t>cg10294474</t>
  </si>
  <si>
    <t>cg10294820</t>
  </si>
  <si>
    <t>cg10296496</t>
  </si>
  <si>
    <t>cg10298059</t>
  </si>
  <si>
    <t>cg10298741</t>
  </si>
  <si>
    <t>cg10298992</t>
  </si>
  <si>
    <t>cg10299746</t>
  </si>
  <si>
    <t>cg10303721</t>
  </si>
  <si>
    <t>cg10304084</t>
  </si>
  <si>
    <t>cg10305000</t>
  </si>
  <si>
    <t>cg10306028</t>
  </si>
  <si>
    <t>cg10306757</t>
  </si>
  <si>
    <t>cg10311173</t>
  </si>
  <si>
    <t>cg10311610</t>
  </si>
  <si>
    <t>cg10312981</t>
  </si>
  <si>
    <t>cg10313337</t>
  </si>
  <si>
    <t>cg10313463</t>
  </si>
  <si>
    <t>cg10314406</t>
  </si>
  <si>
    <t>cg10315821</t>
  </si>
  <si>
    <t>cg10315962</t>
  </si>
  <si>
    <t>cg10316922</t>
  </si>
  <si>
    <t>cg10318359</t>
  </si>
  <si>
    <t>cg10325224</t>
  </si>
  <si>
    <t>cg10326234</t>
  </si>
  <si>
    <t>cg10329001</t>
  </si>
  <si>
    <t>cg10329333</t>
  </si>
  <si>
    <t>cg10330187</t>
  </si>
  <si>
    <t>cg10331518</t>
  </si>
  <si>
    <t>cg10332723</t>
  </si>
  <si>
    <t>cg10332816</t>
  </si>
  <si>
    <t>cg10333214</t>
  </si>
  <si>
    <t>cg10333594</t>
  </si>
  <si>
    <t>cg10336568</t>
  </si>
  <si>
    <t>cg10337500</t>
  </si>
  <si>
    <t>cg10338848</t>
  </si>
  <si>
    <t>cg10341242</t>
  </si>
  <si>
    <t>cg10342663</t>
  </si>
  <si>
    <t>cg10349874</t>
  </si>
  <si>
    <t>cg10350251</t>
  </si>
  <si>
    <t>cg10352303</t>
  </si>
  <si>
    <t>cg10352418</t>
  </si>
  <si>
    <t>cg10354730</t>
  </si>
  <si>
    <t>cg10354764</t>
  </si>
  <si>
    <t>cg10359807</t>
  </si>
  <si>
    <t>cg10359913</t>
  </si>
  <si>
    <t>cg10362591</t>
  </si>
  <si>
    <t>cg10366647</t>
  </si>
  <si>
    <t>cg10367330</t>
  </si>
  <si>
    <t>cg10368536</t>
  </si>
  <si>
    <t>cg10371560</t>
  </si>
  <si>
    <t>cg10372421</t>
  </si>
  <si>
    <t>cg10373196</t>
  </si>
  <si>
    <t>cg10373676</t>
  </si>
  <si>
    <t>cg10376337</t>
  </si>
  <si>
    <t>cg10377726</t>
  </si>
  <si>
    <t>cg10379077</t>
  </si>
  <si>
    <t>cg10379112</t>
  </si>
  <si>
    <t>cg10380221</t>
  </si>
  <si>
    <t>cg10382845</t>
  </si>
  <si>
    <t>cg10387662</t>
  </si>
  <si>
    <t>cg10389262</t>
  </si>
  <si>
    <t>cg10394757</t>
  </si>
  <si>
    <t>cg10396357</t>
  </si>
  <si>
    <t>cg10396423</t>
  </si>
  <si>
    <t>cg10396673</t>
  </si>
  <si>
    <t>cg10398993</t>
  </si>
  <si>
    <t>cg10399269</t>
  </si>
  <si>
    <t>cg10400804</t>
  </si>
  <si>
    <t>cg10405075</t>
  </si>
  <si>
    <t>cg10406027</t>
  </si>
  <si>
    <t>cg10406676</t>
  </si>
  <si>
    <t>cg10406696</t>
  </si>
  <si>
    <t>cg10409443</t>
  </si>
  <si>
    <t>cg10409860</t>
  </si>
  <si>
    <t>cg10412602</t>
  </si>
  <si>
    <t>cg10413476</t>
  </si>
  <si>
    <t>cg10413513</t>
  </si>
  <si>
    <t>cg10415354</t>
  </si>
  <si>
    <t>cg10416668</t>
  </si>
  <si>
    <t>cg10418162</t>
  </si>
  <si>
    <t>cg10421029</t>
  </si>
  <si>
    <t>cg10424303</t>
  </si>
  <si>
    <t>cg10426893</t>
  </si>
  <si>
    <t>cg10429508</t>
  </si>
  <si>
    <t>cg10432620</t>
  </si>
  <si>
    <t>cg10433547</t>
  </si>
  <si>
    <t>cg10436286</t>
  </si>
  <si>
    <t>cg10436792</t>
  </si>
  <si>
    <t>cg10439725</t>
  </si>
  <si>
    <t>cg10443421</t>
  </si>
  <si>
    <t>cg10443980</t>
  </si>
  <si>
    <t>cg10444556</t>
  </si>
  <si>
    <t>cg10447095</t>
  </si>
  <si>
    <t>cg10448227</t>
  </si>
  <si>
    <t>cg10450175</t>
  </si>
  <si>
    <t>cg10450635</t>
  </si>
  <si>
    <t>cg10451425</t>
  </si>
  <si>
    <t>cg10451461</t>
  </si>
  <si>
    <t>cg10453071</t>
  </si>
  <si>
    <t>cg10454258</t>
  </si>
  <si>
    <t>cg10454327</t>
  </si>
  <si>
    <t>cg10456069</t>
  </si>
  <si>
    <t>cg10457079</t>
  </si>
  <si>
    <t>cg10457361</t>
  </si>
  <si>
    <t>cg10458473</t>
  </si>
  <si>
    <t>cg10458734</t>
  </si>
  <si>
    <t>cg10458876</t>
  </si>
  <si>
    <t>cg10459187</t>
  </si>
  <si>
    <t>cg10462803</t>
  </si>
  <si>
    <t>cg10465465</t>
  </si>
  <si>
    <t>cg10465839</t>
  </si>
  <si>
    <t>cg10465949</t>
  </si>
  <si>
    <t>cg10466548</t>
  </si>
  <si>
    <t>cg10467989</t>
  </si>
  <si>
    <t>cg10468236</t>
  </si>
  <si>
    <t>cg10468369</t>
  </si>
  <si>
    <t>cg10469507</t>
  </si>
  <si>
    <t>cg10469906</t>
  </si>
  <si>
    <t>cg10469980</t>
  </si>
  <si>
    <t>cg10470208</t>
  </si>
  <si>
    <t>cg10470408</t>
  </si>
  <si>
    <t>cg10472651</t>
  </si>
  <si>
    <t>cg10475433</t>
  </si>
  <si>
    <t>cg10475689</t>
  </si>
  <si>
    <t>cg10478237</t>
  </si>
  <si>
    <t>cg10479434</t>
  </si>
  <si>
    <t>cg10482356</t>
  </si>
  <si>
    <t>cg10483525</t>
  </si>
  <si>
    <t>cg10484107</t>
  </si>
  <si>
    <t>cg10485881</t>
  </si>
  <si>
    <t>cg10487659</t>
  </si>
  <si>
    <t>cg10492417</t>
  </si>
  <si>
    <t>cg10495931</t>
  </si>
  <si>
    <t>cg10496690</t>
  </si>
  <si>
    <t>cg10496762</t>
  </si>
  <si>
    <t>cg10497173</t>
  </si>
  <si>
    <t>cg10497918</t>
  </si>
  <si>
    <t>cg10501305</t>
  </si>
  <si>
    <t>cg10505740</t>
  </si>
  <si>
    <t>cg10508883</t>
  </si>
  <si>
    <t>cg10511186</t>
  </si>
  <si>
    <t>cg10511467</t>
  </si>
  <si>
    <t>cg10512259</t>
  </si>
  <si>
    <t>cg10512278</t>
  </si>
  <si>
    <t>cg10512427</t>
  </si>
  <si>
    <t>cg10514594</t>
  </si>
  <si>
    <t>cg10515125</t>
  </si>
  <si>
    <t>cg10520780</t>
  </si>
  <si>
    <t>cg10522125</t>
  </si>
  <si>
    <t>cg10525820</t>
  </si>
  <si>
    <t>cg10526478</t>
  </si>
  <si>
    <t>cg10527606</t>
  </si>
  <si>
    <t>cg10529845</t>
  </si>
  <si>
    <t>cg10532489</t>
  </si>
  <si>
    <t>cg10533060</t>
  </si>
  <si>
    <t>cg10544611</t>
  </si>
  <si>
    <t>cg10552592</t>
  </si>
  <si>
    <t>cg10574376</t>
  </si>
  <si>
    <t>cg10574499</t>
  </si>
  <si>
    <t>cg10575367</t>
  </si>
  <si>
    <t>cg10586756</t>
  </si>
  <si>
    <t>cg10606534</t>
  </si>
  <si>
    <t>cg10609615</t>
  </si>
  <si>
    <t>cg10618159</t>
  </si>
  <si>
    <t>cg10624445</t>
  </si>
  <si>
    <t>cg10637565</t>
  </si>
  <si>
    <t>cg10638734</t>
  </si>
  <si>
    <t>cg10638827</t>
  </si>
  <si>
    <t>cg10678190</t>
  </si>
  <si>
    <t>cg10682803</t>
  </si>
  <si>
    <t>cg10683939</t>
  </si>
  <si>
    <t>cg10686375</t>
  </si>
  <si>
    <t>cg10689889</t>
  </si>
  <si>
    <t>cg10692753</t>
  </si>
  <si>
    <t>cg10702669</t>
  </si>
  <si>
    <t>cg10705951</t>
  </si>
  <si>
    <t>cg10708675</t>
  </si>
  <si>
    <t>cg10709785</t>
  </si>
  <si>
    <t>cg10712835</t>
  </si>
  <si>
    <t>cg10756578</t>
  </si>
  <si>
    <t>cg10757684</t>
  </si>
  <si>
    <t>cg10784067</t>
  </si>
  <si>
    <t>cg10784785</t>
  </si>
  <si>
    <t>cg10784813</t>
  </si>
  <si>
    <t>cg10796538</t>
  </si>
  <si>
    <t>cg10805676</t>
  </si>
  <si>
    <t>cg10810804</t>
  </si>
  <si>
    <t>cg10813070</t>
  </si>
  <si>
    <t>cg10814364</t>
  </si>
  <si>
    <t>cg10819446</t>
  </si>
  <si>
    <t>cg10824810</t>
  </si>
  <si>
    <t>cg10832708</t>
  </si>
  <si>
    <t>cg10863145</t>
  </si>
  <si>
    <t>cg10878287</t>
  </si>
  <si>
    <t>cg10879418</t>
  </si>
  <si>
    <t>cg10908196</t>
  </si>
  <si>
    <t>cg10909154</t>
  </si>
  <si>
    <t>cg10917602</t>
  </si>
  <si>
    <t>cg10920957</t>
  </si>
  <si>
    <t>cg10922280</t>
  </si>
  <si>
    <t>cg10926516</t>
  </si>
  <si>
    <t>cg10938486</t>
  </si>
  <si>
    <t>cg10947003</t>
  </si>
  <si>
    <t>cg10947592</t>
  </si>
  <si>
    <t>cg10950113</t>
  </si>
  <si>
    <t>cg10957584</t>
  </si>
  <si>
    <t>cg10963021</t>
  </si>
  <si>
    <t>cg10967191</t>
  </si>
  <si>
    <t>cg10976172</t>
  </si>
  <si>
    <t>cg10977667</t>
  </si>
  <si>
    <t>cg10985987</t>
  </si>
  <si>
    <t>cg10995380</t>
  </si>
  <si>
    <t>cg11027772</t>
  </si>
  <si>
    <t>cg11032038</t>
  </si>
  <si>
    <t>cg11032474</t>
  </si>
  <si>
    <t>cg11034861</t>
  </si>
  <si>
    <t>cg11053632</t>
  </si>
  <si>
    <t>cg11058916</t>
  </si>
  <si>
    <t>cg11059800</t>
  </si>
  <si>
    <t>cg11065244</t>
  </si>
  <si>
    <t>cg11082282</t>
  </si>
  <si>
    <t>cg11090131</t>
  </si>
  <si>
    <t>cg11092441</t>
  </si>
  <si>
    <t>cg11093356</t>
  </si>
  <si>
    <t>cg11094938</t>
  </si>
  <si>
    <t>cg11115391</t>
  </si>
  <si>
    <t>cg11115702</t>
  </si>
  <si>
    <t>cg11140307</t>
  </si>
  <si>
    <t>cg11145749</t>
  </si>
  <si>
    <t>cg11171778</t>
  </si>
  <si>
    <t>cg11181171</t>
  </si>
  <si>
    <t>cg11203985</t>
  </si>
  <si>
    <t>cg11214362</t>
  </si>
  <si>
    <t>cg11220950</t>
  </si>
  <si>
    <t>cg11231977</t>
  </si>
  <si>
    <t>cg11255039</t>
  </si>
  <si>
    <t>cg11255163</t>
  </si>
  <si>
    <t>cg11258532</t>
  </si>
  <si>
    <t>cg11297236</t>
  </si>
  <si>
    <t>cg11323198</t>
  </si>
  <si>
    <t>cg11323230</t>
  </si>
  <si>
    <t>cg11339718</t>
  </si>
  <si>
    <t>cg11353547</t>
  </si>
  <si>
    <t>cg11386746</t>
  </si>
  <si>
    <t>cg11389773</t>
  </si>
  <si>
    <t>cg11394588</t>
  </si>
  <si>
    <t>cg11395975</t>
  </si>
  <si>
    <t>cg11396746</t>
  </si>
  <si>
    <t>cg11399527</t>
  </si>
  <si>
    <t>cg11403322</t>
  </si>
  <si>
    <t>cg11410436</t>
  </si>
  <si>
    <t>cg11419186</t>
  </si>
  <si>
    <t>cg11422964</t>
  </si>
  <si>
    <t>cg11430352</t>
  </si>
  <si>
    <t>cg11432797</t>
  </si>
  <si>
    <t>cg11444428</t>
  </si>
  <si>
    <t>cg11451801</t>
  </si>
  <si>
    <t>cg11455018</t>
  </si>
  <si>
    <t>cg11470399</t>
  </si>
  <si>
    <t>cg11476254</t>
  </si>
  <si>
    <t>cg11488401</t>
  </si>
  <si>
    <t>cg11510825</t>
  </si>
  <si>
    <t>cg11530914</t>
  </si>
  <si>
    <t>cg11536410</t>
  </si>
  <si>
    <t>cg11564268</t>
  </si>
  <si>
    <t>cg11602555</t>
  </si>
  <si>
    <t>cg11614195</t>
  </si>
  <si>
    <t>cg11614860</t>
  </si>
  <si>
    <t>cg11625868</t>
  </si>
  <si>
    <t>cg11630989</t>
  </si>
  <si>
    <t>cg11637718</t>
  </si>
  <si>
    <t>cg11640773</t>
  </si>
  <si>
    <t>cg11648456</t>
  </si>
  <si>
    <t>cg11660537</t>
  </si>
  <si>
    <t>cg11667754</t>
  </si>
  <si>
    <t>cg11682528</t>
  </si>
  <si>
    <t>cg11698099</t>
  </si>
  <si>
    <t>cg11705699</t>
  </si>
  <si>
    <t>cg11706111</t>
  </si>
  <si>
    <t>cg11720818</t>
  </si>
  <si>
    <t>cg11723904</t>
  </si>
  <si>
    <t>cg11733057</t>
  </si>
  <si>
    <t>cg11762513</t>
  </si>
  <si>
    <t>cg11789492</t>
  </si>
  <si>
    <t>cg11797809</t>
  </si>
  <si>
    <t>cg11824827</t>
  </si>
  <si>
    <t>cg11846580</t>
  </si>
  <si>
    <t>cg11876012</t>
  </si>
  <si>
    <t>cg11879577</t>
  </si>
  <si>
    <t>cg11893236</t>
  </si>
  <si>
    <t>cg11911951</t>
  </si>
  <si>
    <t>cg11919694</t>
  </si>
  <si>
    <t>cg11933375</t>
  </si>
  <si>
    <t>cg11940219</t>
  </si>
  <si>
    <t>cg11967654</t>
  </si>
  <si>
    <t>cg11970301</t>
  </si>
  <si>
    <t>cg11970458</t>
  </si>
  <si>
    <t>cg11996632</t>
  </si>
  <si>
    <t>cg12014145</t>
  </si>
  <si>
    <t>cg12026891</t>
  </si>
  <si>
    <t>cg12069856</t>
  </si>
  <si>
    <t>cg12071544</t>
  </si>
  <si>
    <t>cg12085044</t>
  </si>
  <si>
    <t>cg12100791</t>
  </si>
  <si>
    <t>cg12108730</t>
  </si>
  <si>
    <t>cg12119029</t>
  </si>
  <si>
    <t>cg12120904</t>
  </si>
  <si>
    <t>cg12125117</t>
  </si>
  <si>
    <t>cg12136772</t>
  </si>
  <si>
    <t>cg12148714</t>
  </si>
  <si>
    <t>cg12163490</t>
  </si>
  <si>
    <t>cg12190057</t>
  </si>
  <si>
    <t>cg12229081</t>
  </si>
  <si>
    <t>cg12245040</t>
  </si>
  <si>
    <t>cg12249591</t>
  </si>
  <si>
    <t>cg12265604</t>
  </si>
  <si>
    <t>cg12268344</t>
  </si>
  <si>
    <t>cg12277495</t>
  </si>
  <si>
    <t>cg12310850</t>
  </si>
  <si>
    <t>cg12312863</t>
  </si>
  <si>
    <t>cg12317456</t>
  </si>
  <si>
    <t>cg12347740</t>
  </si>
  <si>
    <t>cg12359381</t>
  </si>
  <si>
    <t>cg12360373</t>
  </si>
  <si>
    <t>cg12384802</t>
  </si>
  <si>
    <t>cg12391048</t>
  </si>
  <si>
    <t>cg12398332</t>
  </si>
  <si>
    <t>cg12400121</t>
  </si>
  <si>
    <t>cg12400881</t>
  </si>
  <si>
    <t>cg12403575</t>
  </si>
  <si>
    <t>cg12441964</t>
  </si>
  <si>
    <t>cg12451120</t>
  </si>
  <si>
    <t>cg12454725</t>
  </si>
  <si>
    <t>cg12486287</t>
  </si>
  <si>
    <t>cg12492345</t>
  </si>
  <si>
    <t>cg12499872</t>
  </si>
  <si>
    <t>cg12508331</t>
  </si>
  <si>
    <t>cg12513308</t>
  </si>
  <si>
    <t>cg12521055</t>
  </si>
  <si>
    <t>cg12521167</t>
  </si>
  <si>
    <t>cg12529801</t>
  </si>
  <si>
    <t>cg12532477</t>
  </si>
  <si>
    <t>cg12551166</t>
  </si>
  <si>
    <t>cg12554476</t>
  </si>
  <si>
    <t>cg12564453</t>
  </si>
  <si>
    <t>cg12585429</t>
  </si>
  <si>
    <t>cg12599700</t>
  </si>
  <si>
    <t>cg12612277</t>
  </si>
  <si>
    <t>cg12615235</t>
  </si>
  <si>
    <t>cg12654412</t>
  </si>
  <si>
    <t>cg12663223</t>
  </si>
  <si>
    <t>cg12667939</t>
  </si>
  <si>
    <t>cg12686273</t>
  </si>
  <si>
    <t>cg12688670</t>
  </si>
  <si>
    <t>cg12691198</t>
  </si>
  <si>
    <t>cg12707926</t>
  </si>
  <si>
    <t>cg12741488</t>
  </si>
  <si>
    <t>cg12743398</t>
  </si>
  <si>
    <t>cg12774921</t>
  </si>
  <si>
    <t>cg12777672</t>
  </si>
  <si>
    <t>cg12777862</t>
  </si>
  <si>
    <t>cg12797788</t>
  </si>
  <si>
    <t>cg12829360</t>
  </si>
  <si>
    <t>cg12839813</t>
  </si>
  <si>
    <t>cg12845249</t>
  </si>
  <si>
    <t>cg12853573</t>
  </si>
  <si>
    <t>cg12876855</t>
  </si>
  <si>
    <t>cg12878183</t>
  </si>
  <si>
    <t>cg12897458</t>
  </si>
  <si>
    <t>cg12950066</t>
  </si>
  <si>
    <t>cg12960248</t>
  </si>
  <si>
    <t>cg12981843</t>
  </si>
  <si>
    <t>cg12991522</t>
  </si>
  <si>
    <t>cg12997627</t>
  </si>
  <si>
    <t>cg13005329</t>
  </si>
  <si>
    <t>cg13015300</t>
  </si>
  <si>
    <t>cg13029423</t>
  </si>
  <si>
    <t>cg13067215</t>
  </si>
  <si>
    <t>cg13085470</t>
  </si>
  <si>
    <t>cg13097319</t>
  </si>
  <si>
    <t>cg13113599</t>
  </si>
  <si>
    <t>cg13125997</t>
  </si>
  <si>
    <t>cg13135456</t>
  </si>
  <si>
    <t>cg13147301</t>
  </si>
  <si>
    <t>cg13150441</t>
  </si>
  <si>
    <t>cg13156121</t>
  </si>
  <si>
    <t>cg13232900</t>
  </si>
  <si>
    <t>cg13244707</t>
  </si>
  <si>
    <t>cg13247990</t>
  </si>
  <si>
    <t>cg13253791</t>
  </si>
  <si>
    <t>cg13271951</t>
  </si>
  <si>
    <t>cg13277179</t>
  </si>
  <si>
    <t>cg13302217</t>
  </si>
  <si>
    <t>cg13307023</t>
  </si>
  <si>
    <t>cg13310628</t>
  </si>
  <si>
    <t>cg13319139</t>
  </si>
  <si>
    <t>cg13334492</t>
  </si>
  <si>
    <t>cg13342195</t>
  </si>
  <si>
    <t>cg13352836</t>
  </si>
  <si>
    <t>cg13365761</t>
  </si>
  <si>
    <t>cg13377530</t>
  </si>
  <si>
    <t>cg13391235</t>
  </si>
  <si>
    <t>cg13393964</t>
  </si>
  <si>
    <t>cg13397057</t>
  </si>
  <si>
    <t>cg13416109</t>
  </si>
  <si>
    <t>cg13426503</t>
  </si>
  <si>
    <t>cg13439730</t>
  </si>
  <si>
    <t>cg13441891</t>
  </si>
  <si>
    <t>cg13446235</t>
  </si>
  <si>
    <t>cg13473336</t>
  </si>
  <si>
    <t>cg13476204</t>
  </si>
  <si>
    <t>cg13478617</t>
  </si>
  <si>
    <t>cg13480010</t>
  </si>
  <si>
    <t>cg13483597</t>
  </si>
  <si>
    <t>cg13494498</t>
  </si>
  <si>
    <t>cg13516796</t>
  </si>
  <si>
    <t>cg13552869</t>
  </si>
  <si>
    <t>cg13578400</t>
  </si>
  <si>
    <t>cg13613146</t>
  </si>
  <si>
    <t>cg13623690</t>
  </si>
  <si>
    <t>cg13626907</t>
  </si>
  <si>
    <t>cg13652556</t>
  </si>
  <si>
    <t>cg13701124</t>
  </si>
  <si>
    <t>cg13706784</t>
  </si>
  <si>
    <t>cg13726463</t>
  </si>
  <si>
    <t>cg13744172</t>
  </si>
  <si>
    <t>cg13745346</t>
  </si>
  <si>
    <t>cg13752949</t>
  </si>
  <si>
    <t>cg13763550</t>
  </si>
  <si>
    <t>cg13792147</t>
  </si>
  <si>
    <t>cg13798289</t>
  </si>
  <si>
    <t>cg13810511</t>
  </si>
  <si>
    <t>cg13813391</t>
  </si>
  <si>
    <t>cg13825375</t>
  </si>
  <si>
    <t>cg13851211</t>
  </si>
  <si>
    <t>cg13883681</t>
  </si>
  <si>
    <t>cg13897627</t>
  </si>
  <si>
    <t>cg13901319</t>
  </si>
  <si>
    <t>cg13906548</t>
  </si>
  <si>
    <t>cg13906968</t>
  </si>
  <si>
    <t>cg13928306</t>
  </si>
  <si>
    <t>cg13928411</t>
  </si>
  <si>
    <t>cg13936125</t>
  </si>
  <si>
    <t>cg13951797</t>
  </si>
  <si>
    <t>cg13951948</t>
  </si>
  <si>
    <t>cg13961172</t>
  </si>
  <si>
    <t>cg13969273</t>
  </si>
  <si>
    <t>cg13969584</t>
  </si>
  <si>
    <t>cg13974531</t>
  </si>
  <si>
    <t>cg13975336</t>
  </si>
  <si>
    <t>cg14005217</t>
  </si>
  <si>
    <t>cg14008524</t>
  </si>
  <si>
    <t>cg14010159</t>
  </si>
  <si>
    <t>cg14026602</t>
  </si>
  <si>
    <t>cg14054522</t>
  </si>
  <si>
    <t>cg14055374</t>
  </si>
  <si>
    <t>cg14060906</t>
  </si>
  <si>
    <t>cg14102807</t>
  </si>
  <si>
    <t>cg14125292</t>
  </si>
  <si>
    <t>cg14129103</t>
  </si>
  <si>
    <t>cg14134732</t>
  </si>
  <si>
    <t>cg14141984</t>
  </si>
  <si>
    <t>cg14156650</t>
  </si>
  <si>
    <t>cg14174336</t>
  </si>
  <si>
    <t>cg14176836</t>
  </si>
  <si>
    <t>cg14187965</t>
  </si>
  <si>
    <t>cg14209854</t>
  </si>
  <si>
    <t>cg14211015</t>
  </si>
  <si>
    <t>cg14220544</t>
  </si>
  <si>
    <t>cg14221831</t>
  </si>
  <si>
    <t>cg14223135</t>
  </si>
  <si>
    <t>cg14223671</t>
  </si>
  <si>
    <t>cg14244577</t>
  </si>
  <si>
    <t>cg14257263</t>
  </si>
  <si>
    <t>cg14269223</t>
  </si>
  <si>
    <t>cg14278260</t>
  </si>
  <si>
    <t>cg14289511</t>
  </si>
  <si>
    <t>cg14290127</t>
  </si>
  <si>
    <t>cg14301190</t>
  </si>
  <si>
    <t>cg14309262</t>
  </si>
  <si>
    <t>cg14357669</t>
  </si>
  <si>
    <t>cg14370448</t>
  </si>
  <si>
    <t>cg14381313</t>
  </si>
  <si>
    <t>cg14386870</t>
  </si>
  <si>
    <t>cg14400118</t>
  </si>
  <si>
    <t>cg14422303</t>
  </si>
  <si>
    <t>cg14443090</t>
  </si>
  <si>
    <t>cg14444710</t>
  </si>
  <si>
    <t>cg14462566</t>
  </si>
  <si>
    <t>cg14468741</t>
  </si>
  <si>
    <t>cg14470121</t>
  </si>
  <si>
    <t>cg14496574</t>
  </si>
  <si>
    <t>cg14496969</t>
  </si>
  <si>
    <t>cg14521724</t>
  </si>
  <si>
    <t>cg14536303</t>
  </si>
  <si>
    <t>cg14544620</t>
  </si>
  <si>
    <t>cg14585371</t>
  </si>
  <si>
    <t>cg14613215</t>
  </si>
  <si>
    <t>cg14618624</t>
  </si>
  <si>
    <t>cg14642432</t>
  </si>
  <si>
    <t>cg14654875</t>
  </si>
  <si>
    <t>cg14658470</t>
  </si>
  <si>
    <t>cg14676592</t>
  </si>
  <si>
    <t>cg14705079</t>
  </si>
  <si>
    <t>cg14710524</t>
  </si>
  <si>
    <t>cg14711016</t>
  </si>
  <si>
    <t>cg14720455</t>
  </si>
  <si>
    <t>cg14757311</t>
  </si>
  <si>
    <t>cg14760951</t>
  </si>
  <si>
    <t>cg14766885</t>
  </si>
  <si>
    <t>cg14791747</t>
  </si>
  <si>
    <t>cg14804633</t>
  </si>
  <si>
    <t>cg14820573</t>
  </si>
  <si>
    <t>cg14821083</t>
  </si>
  <si>
    <t>cg14828965</t>
  </si>
  <si>
    <t>cg14842398</t>
  </si>
  <si>
    <t>cg14844118</t>
  </si>
  <si>
    <t>cg14850784</t>
  </si>
  <si>
    <t>cg14866866</t>
  </si>
  <si>
    <t>cg14933439</t>
  </si>
  <si>
    <t>cg14939446</t>
  </si>
  <si>
    <t>cg14947010</t>
  </si>
  <si>
    <t>cg14948757</t>
  </si>
  <si>
    <t>cg14951292</t>
  </si>
  <si>
    <t>cg14959506</t>
  </si>
  <si>
    <t>cg14959707</t>
  </si>
  <si>
    <t>cg14974711</t>
  </si>
  <si>
    <t>cg14976500</t>
  </si>
  <si>
    <t>cg14986962</t>
  </si>
  <si>
    <t>cg14994452</t>
  </si>
  <si>
    <t>cg15017278</t>
  </si>
  <si>
    <t>cg15027563</t>
  </si>
  <si>
    <t>cg15042806</t>
  </si>
  <si>
    <t>cg15047833</t>
  </si>
  <si>
    <t>cg15105901</t>
  </si>
  <si>
    <t>cg15116368</t>
  </si>
  <si>
    <t>cg15134033</t>
  </si>
  <si>
    <t>cg15134649</t>
  </si>
  <si>
    <t>cg15139008</t>
  </si>
  <si>
    <t>cg15153383</t>
  </si>
  <si>
    <t>cg15195353</t>
  </si>
  <si>
    <t>cg15195412</t>
  </si>
  <si>
    <t>cg15201635</t>
  </si>
  <si>
    <t>cg15206445</t>
  </si>
  <si>
    <t>cg15213605</t>
  </si>
  <si>
    <t>cg15226501</t>
  </si>
  <si>
    <t>cg15237356</t>
  </si>
  <si>
    <t>cg15239263</t>
  </si>
  <si>
    <t>cg15239579</t>
  </si>
  <si>
    <t>cg15246706</t>
  </si>
  <si>
    <t>cg15247144</t>
  </si>
  <si>
    <t>cg15258754</t>
  </si>
  <si>
    <t>cg15264808</t>
  </si>
  <si>
    <t>cg15272690</t>
  </si>
  <si>
    <t>cg15282819</t>
  </si>
  <si>
    <t>cg15286847</t>
  </si>
  <si>
    <t>cg15301525</t>
  </si>
  <si>
    <t>cg15306012</t>
  </si>
  <si>
    <t>cg15311711</t>
  </si>
  <si>
    <t>cg15321396</t>
  </si>
  <si>
    <t>cg15334372</t>
  </si>
  <si>
    <t>cg15337006</t>
  </si>
  <si>
    <t>cg15403900</t>
  </si>
  <si>
    <t>cg15413177</t>
  </si>
  <si>
    <t>cg15424593</t>
  </si>
  <si>
    <t>cg15426734</t>
  </si>
  <si>
    <t>cg15446115</t>
  </si>
  <si>
    <t>cg15456476</t>
  </si>
  <si>
    <t>cg15460516</t>
  </si>
  <si>
    <t>cg15468095</t>
  </si>
  <si>
    <t>cg15473868</t>
  </si>
  <si>
    <t>cg15482422</t>
  </si>
  <si>
    <t>cg15518345</t>
  </si>
  <si>
    <t>cg15524224</t>
  </si>
  <si>
    <t>cg15531249</t>
  </si>
  <si>
    <t>cg15547140</t>
  </si>
  <si>
    <t>cg15547825</t>
  </si>
  <si>
    <t>cg15581500</t>
  </si>
  <si>
    <t>cg15600422</t>
  </si>
  <si>
    <t>cg15624725</t>
  </si>
  <si>
    <t>cg15638620</t>
  </si>
  <si>
    <t>cg15643724</t>
  </si>
  <si>
    <t>cg15645784</t>
  </si>
  <si>
    <t>cg15663121</t>
  </si>
  <si>
    <t>cg15669092</t>
  </si>
  <si>
    <t>cg15703512</t>
  </si>
  <si>
    <t>cg15712310</t>
  </si>
  <si>
    <t>cg15737365</t>
  </si>
  <si>
    <t>cg15755548</t>
  </si>
  <si>
    <t>cg15768556</t>
  </si>
  <si>
    <t>cg15783696</t>
  </si>
  <si>
    <t>cg15785580</t>
  </si>
  <si>
    <t>cg15786879</t>
  </si>
  <si>
    <t>cg15812873</t>
  </si>
  <si>
    <t>cg15817542</t>
  </si>
  <si>
    <t>cg15824705</t>
  </si>
  <si>
    <t>cg15824968</t>
  </si>
  <si>
    <t>cg15833579</t>
  </si>
  <si>
    <t>cg15837383</t>
  </si>
  <si>
    <t>cg15852700</t>
  </si>
  <si>
    <t>cg15890111</t>
  </si>
  <si>
    <t>cg15909006</t>
  </si>
  <si>
    <t>cg15915427</t>
  </si>
  <si>
    <t>cg15928446</t>
  </si>
  <si>
    <t>cg15948509</t>
  </si>
  <si>
    <t>cg15970621</t>
  </si>
  <si>
    <t>cg16003913</t>
  </si>
  <si>
    <t>cg16031065</t>
  </si>
  <si>
    <t>cg16034046</t>
  </si>
  <si>
    <t>cg16050957</t>
  </si>
  <si>
    <t>cg16085531</t>
  </si>
  <si>
    <t>cg16133244</t>
  </si>
  <si>
    <t>cg16152813</t>
  </si>
  <si>
    <t>cg16155449</t>
  </si>
  <si>
    <t>cg16166762</t>
  </si>
  <si>
    <t>cg16176379</t>
  </si>
  <si>
    <t>cg16181803</t>
  </si>
  <si>
    <t>cg16208433</t>
  </si>
  <si>
    <t>cg16219266</t>
  </si>
  <si>
    <t>cg16219879</t>
  </si>
  <si>
    <t>cg16228090</t>
  </si>
  <si>
    <t>cg16229412</t>
  </si>
  <si>
    <t>cg16237529</t>
  </si>
  <si>
    <t>cg16263182</t>
  </si>
  <si>
    <t>cg16270890</t>
  </si>
  <si>
    <t>cg16303453</t>
  </si>
  <si>
    <t>cg16327326</t>
  </si>
  <si>
    <t>cg16328271</t>
  </si>
  <si>
    <t>cg16331828</t>
  </si>
  <si>
    <t>cg16332159</t>
  </si>
  <si>
    <t>cg16335762</t>
  </si>
  <si>
    <t>cg16336802</t>
  </si>
  <si>
    <t>cg16344234</t>
  </si>
  <si>
    <t>cg16348385</t>
  </si>
  <si>
    <t>cg16348962</t>
  </si>
  <si>
    <t>cg16349724</t>
  </si>
  <si>
    <t>cg16352485</t>
  </si>
  <si>
    <t>cg16352799</t>
  </si>
  <si>
    <t>cg16353254</t>
  </si>
  <si>
    <t>cg16353318</t>
  </si>
  <si>
    <t>cg16355550</t>
  </si>
  <si>
    <t>cg16356743</t>
  </si>
  <si>
    <t>cg16359547</t>
  </si>
  <si>
    <t>cg16361303</t>
  </si>
  <si>
    <t>cg16364817</t>
  </si>
  <si>
    <t>cg16367168</t>
  </si>
  <si>
    <t>cg16367606</t>
  </si>
  <si>
    <t>cg16372869</t>
  </si>
  <si>
    <t>cg16375179</t>
  </si>
  <si>
    <t>cg16378003</t>
  </si>
  <si>
    <t>cg16378117</t>
  </si>
  <si>
    <t>cg16379316</t>
  </si>
  <si>
    <t>cg16383109</t>
  </si>
  <si>
    <t>cg16383503</t>
  </si>
  <si>
    <t>cg16386079</t>
  </si>
  <si>
    <t>cg16387516</t>
  </si>
  <si>
    <t>cg16387593</t>
  </si>
  <si>
    <t>cg16389465</t>
  </si>
  <si>
    <t>cg16392195</t>
  </si>
  <si>
    <t>cg16392797</t>
  </si>
  <si>
    <t>cg16395205</t>
  </si>
  <si>
    <t>cg16404903</t>
  </si>
  <si>
    <t>cg16405663</t>
  </si>
  <si>
    <t>cg16411857</t>
  </si>
  <si>
    <t>cg16412228</t>
  </si>
  <si>
    <t>cg16412914</t>
  </si>
  <si>
    <t>cg16413327</t>
  </si>
  <si>
    <t>cg16413445</t>
  </si>
  <si>
    <t>cg16413675</t>
  </si>
  <si>
    <t>cg16414052</t>
  </si>
  <si>
    <t>cg16416152</t>
  </si>
  <si>
    <t>cg16416939</t>
  </si>
  <si>
    <t>cg16419136</t>
  </si>
  <si>
    <t>cg16420089</t>
  </si>
  <si>
    <t>cg16421359</t>
  </si>
  <si>
    <t>cg16421621</t>
  </si>
  <si>
    <t>cg16422137</t>
  </si>
  <si>
    <t>cg16422492</t>
  </si>
  <si>
    <t>cg16423411</t>
  </si>
  <si>
    <t>cg16424182</t>
  </si>
  <si>
    <t>cg16424519</t>
  </si>
  <si>
    <t>cg16426215</t>
  </si>
  <si>
    <t>cg16426779</t>
  </si>
  <si>
    <t>cg16428517</t>
  </si>
  <si>
    <t>cg16429725</t>
  </si>
  <si>
    <t>cg16430365</t>
  </si>
  <si>
    <t>cg16430819</t>
  </si>
  <si>
    <t>cg16433493</t>
  </si>
  <si>
    <t>cg16434365</t>
  </si>
  <si>
    <t>cg16435922</t>
  </si>
  <si>
    <t>cg16438303</t>
  </si>
  <si>
    <t>cg16439003</t>
  </si>
  <si>
    <t>cg16440299</t>
  </si>
  <si>
    <t>cg16445708</t>
  </si>
  <si>
    <t>cg16449262</t>
  </si>
  <si>
    <t>cg16450200</t>
  </si>
  <si>
    <t>cg16451995</t>
  </si>
  <si>
    <t>cg16453617</t>
  </si>
  <si>
    <t>cg16454349</t>
  </si>
  <si>
    <t>cg16454902</t>
  </si>
  <si>
    <t>cg16455798</t>
  </si>
  <si>
    <t>cg16457876</t>
  </si>
  <si>
    <t>cg16459020</t>
  </si>
  <si>
    <t>cg16462073</t>
  </si>
  <si>
    <t>cg16463165</t>
  </si>
  <si>
    <t>cg16465128</t>
  </si>
  <si>
    <t>cg16465369</t>
  </si>
  <si>
    <t>cg16467775</t>
  </si>
  <si>
    <t>cg16468174</t>
  </si>
  <si>
    <t>cg16470877</t>
  </si>
  <si>
    <t>cg16471167</t>
  </si>
  <si>
    <t>cg16472896</t>
  </si>
  <si>
    <t>cg16474948</t>
  </si>
  <si>
    <t>cg16474952</t>
  </si>
  <si>
    <t>cg16477259</t>
  </si>
  <si>
    <t>cg16478737</t>
  </si>
  <si>
    <t>cg16480209</t>
  </si>
  <si>
    <t>cg16481584</t>
  </si>
  <si>
    <t>cg16481969</t>
  </si>
  <si>
    <t>cg16484020</t>
  </si>
  <si>
    <t>cg16484042</t>
  </si>
  <si>
    <t>cg16485385</t>
  </si>
  <si>
    <t>cg16486932</t>
  </si>
  <si>
    <t>cg16488021</t>
  </si>
  <si>
    <t>cg16489547</t>
  </si>
  <si>
    <t>cg16489582</t>
  </si>
  <si>
    <t>cg16490062</t>
  </si>
  <si>
    <t>cg16490191</t>
  </si>
  <si>
    <t>cg16490526</t>
  </si>
  <si>
    <t>cg16492955</t>
  </si>
  <si>
    <t>cg16493755</t>
  </si>
  <si>
    <t>cg16494747</t>
  </si>
  <si>
    <t>cg16495975</t>
  </si>
  <si>
    <t>cg16497293</t>
  </si>
  <si>
    <t>cg16498314</t>
  </si>
  <si>
    <t>cg16500916</t>
  </si>
  <si>
    <t>cg16503279</t>
  </si>
  <si>
    <t>cg16504019</t>
  </si>
  <si>
    <t>cg16507357</t>
  </si>
  <si>
    <t>cg16508168</t>
  </si>
  <si>
    <t>cg16508627</t>
  </si>
  <si>
    <t>cg16514113</t>
  </si>
  <si>
    <t>cg16514838</t>
  </si>
  <si>
    <t>cg16515546</t>
  </si>
  <si>
    <t>cg16516248</t>
  </si>
  <si>
    <t>cg16518772</t>
  </si>
  <si>
    <t>cg16519668</t>
  </si>
  <si>
    <t>cg16519923</t>
  </si>
  <si>
    <t>cg16521110</t>
  </si>
  <si>
    <t>cg16524960</t>
  </si>
  <si>
    <t>cg16525330</t>
  </si>
  <si>
    <t>cg16525974</t>
  </si>
  <si>
    <t>cg16527107</t>
  </si>
  <si>
    <t>cg16527703</t>
  </si>
  <si>
    <t>cg16528497</t>
  </si>
  <si>
    <t>cg16528596</t>
  </si>
  <si>
    <t>cg16528738</t>
  </si>
  <si>
    <t>cg16530426</t>
  </si>
  <si>
    <t>cg16534399</t>
  </si>
  <si>
    <t>cg16537164</t>
  </si>
  <si>
    <t>cg16538366</t>
  </si>
  <si>
    <t>cg16540789</t>
  </si>
  <si>
    <t>cg16542646</t>
  </si>
  <si>
    <t>cg16544989</t>
  </si>
  <si>
    <t>cg16546017</t>
  </si>
  <si>
    <t>cg16547186</t>
  </si>
  <si>
    <t>cg16548265</t>
  </si>
  <si>
    <t>cg16548911</t>
  </si>
  <si>
    <t>cg16552128</t>
  </si>
  <si>
    <t>cg16553026</t>
  </si>
  <si>
    <t>cg16553435</t>
  </si>
  <si>
    <t>cg16555341</t>
  </si>
  <si>
    <t>cg16556397</t>
  </si>
  <si>
    <t>cg16556656</t>
  </si>
  <si>
    <t>cg16557526</t>
  </si>
  <si>
    <t>cg16559302</t>
  </si>
  <si>
    <t>cg16562724</t>
  </si>
  <si>
    <t>cg16563187</t>
  </si>
  <si>
    <t>cg16563510</t>
  </si>
  <si>
    <t>cg16566355</t>
  </si>
  <si>
    <t>cg16566579</t>
  </si>
  <si>
    <t>cg16568360</t>
  </si>
  <si>
    <t>cg16569063</t>
  </si>
  <si>
    <t>cg16570414</t>
  </si>
  <si>
    <t>cg16570634</t>
  </si>
  <si>
    <t>cg16574310</t>
  </si>
  <si>
    <t>cg16575444</t>
  </si>
  <si>
    <t>cg16576160</t>
  </si>
  <si>
    <t>cg16576597</t>
  </si>
  <si>
    <t>cg16579431</t>
  </si>
  <si>
    <t>cg16580912</t>
  </si>
  <si>
    <t>cg16581224</t>
  </si>
  <si>
    <t>cg16581360</t>
  </si>
  <si>
    <t>cg16582469</t>
  </si>
  <si>
    <t>cg16586261</t>
  </si>
  <si>
    <t>cg16586336</t>
  </si>
  <si>
    <t>cg16586594</t>
  </si>
  <si>
    <t>cg16587006</t>
  </si>
  <si>
    <t>cg16589807</t>
  </si>
  <si>
    <t>cg16590154</t>
  </si>
  <si>
    <t>cg16590466</t>
  </si>
  <si>
    <t>cg16590552</t>
  </si>
  <si>
    <t>cg16591048</t>
  </si>
  <si>
    <t>cg16591159</t>
  </si>
  <si>
    <t>cg16594957</t>
  </si>
  <si>
    <t>cg16596367</t>
  </si>
  <si>
    <t>cg16596957</t>
  </si>
  <si>
    <t>cg16603896</t>
  </si>
  <si>
    <t>cg16606674</t>
  </si>
  <si>
    <t>cg16606974</t>
  </si>
  <si>
    <t>cg16609297</t>
  </si>
  <si>
    <t>cg16609966</t>
  </si>
  <si>
    <t>cg16613029</t>
  </si>
  <si>
    <t>cg16615058</t>
  </si>
  <si>
    <t>cg16616769</t>
  </si>
  <si>
    <t>cg16619935</t>
  </si>
  <si>
    <t>cg16621633</t>
  </si>
  <si>
    <t>cg16625119</t>
  </si>
  <si>
    <t>cg16627489</t>
  </si>
  <si>
    <t>cg16630572</t>
  </si>
  <si>
    <t>cg16631088</t>
  </si>
  <si>
    <t>cg16638558</t>
  </si>
  <si>
    <t>cg16640553</t>
  </si>
  <si>
    <t>cg16644245</t>
  </si>
  <si>
    <t>cg16644366</t>
  </si>
  <si>
    <t>cg16644760</t>
  </si>
  <si>
    <t>cg16644967</t>
  </si>
  <si>
    <t>cg16646546</t>
  </si>
  <si>
    <t>cg16648110</t>
  </si>
  <si>
    <t>cg16649560</t>
  </si>
  <si>
    <t>cg16649999</t>
  </si>
  <si>
    <t>cg16651606</t>
  </si>
  <si>
    <t>cg16651895</t>
  </si>
  <si>
    <t>cg16651900</t>
  </si>
  <si>
    <t>cg16651953</t>
  </si>
  <si>
    <t>cg16652241</t>
  </si>
  <si>
    <t>cg16658473</t>
  </si>
  <si>
    <t>cg16658616</t>
  </si>
  <si>
    <t>cg16658734</t>
  </si>
  <si>
    <t>cg16660091</t>
  </si>
  <si>
    <t>cg16660359</t>
  </si>
  <si>
    <t>cg16663142</t>
  </si>
  <si>
    <t>cg16664496</t>
  </si>
  <si>
    <t>cg16666698</t>
  </si>
  <si>
    <t>cg16668180</t>
  </si>
  <si>
    <t>cg16668397</t>
  </si>
  <si>
    <t>cg16671360</t>
  </si>
  <si>
    <t>cg16672223</t>
  </si>
  <si>
    <t>cg16672770</t>
  </si>
  <si>
    <t>cg16672922</t>
  </si>
  <si>
    <t>cg16683043</t>
  </si>
  <si>
    <t>cg16683647</t>
  </si>
  <si>
    <t>cg16686839</t>
  </si>
  <si>
    <t>cg16688112</t>
  </si>
  <si>
    <t>cg16689434</t>
  </si>
  <si>
    <t>cg16691023</t>
  </si>
  <si>
    <t>cg16697493</t>
  </si>
  <si>
    <t>cg16698748</t>
  </si>
  <si>
    <t>cg16699716</t>
  </si>
  <si>
    <t>cg16699818</t>
  </si>
  <si>
    <t>cg16699956</t>
  </si>
  <si>
    <t>cg16700163</t>
  </si>
  <si>
    <t>cg16700620</t>
  </si>
  <si>
    <t>cg16701003</t>
  </si>
  <si>
    <t>cg16701852</t>
  </si>
  <si>
    <t>cg16702014</t>
  </si>
  <si>
    <t>cg16705546</t>
  </si>
  <si>
    <t>cg16707600</t>
  </si>
  <si>
    <t>cg16708495</t>
  </si>
  <si>
    <t>cg16710224</t>
  </si>
  <si>
    <t>cg16711124</t>
  </si>
  <si>
    <t>cg16712866</t>
  </si>
  <si>
    <t>cg16715508</t>
  </si>
  <si>
    <t>cg16720944</t>
  </si>
  <si>
    <t>cg16724332</t>
  </si>
  <si>
    <t>cg16725984</t>
  </si>
  <si>
    <t>cg16728225</t>
  </si>
  <si>
    <t>cg16733298</t>
  </si>
  <si>
    <t>cg16733670</t>
  </si>
  <si>
    <t>cg16733756</t>
  </si>
  <si>
    <t>cg16739178</t>
  </si>
  <si>
    <t>cg16739544</t>
  </si>
  <si>
    <t>cg16742028</t>
  </si>
  <si>
    <t>cg16743005</t>
  </si>
  <si>
    <t>cg16747717</t>
  </si>
  <si>
    <t>cg16748088</t>
  </si>
  <si>
    <t>cg16750946</t>
  </si>
  <si>
    <t>cg16752029</t>
  </si>
  <si>
    <t>cg16753122</t>
  </si>
  <si>
    <t>cg16753134</t>
  </si>
  <si>
    <t>cg16754613</t>
  </si>
  <si>
    <t>cg16756058</t>
  </si>
  <si>
    <t>cg16758037</t>
  </si>
  <si>
    <t>cg16758462</t>
  </si>
  <si>
    <t>cg16759443</t>
  </si>
  <si>
    <t>cg16760168</t>
  </si>
  <si>
    <t>cg16761550</t>
  </si>
  <si>
    <t>cg16762077</t>
  </si>
  <si>
    <t>cg16762408</t>
  </si>
  <si>
    <t>cg16763316</t>
  </si>
  <si>
    <t>cg16764362</t>
  </si>
  <si>
    <t>cg16765068</t>
  </si>
  <si>
    <t>cg16765487</t>
  </si>
  <si>
    <t>cg16766459</t>
  </si>
  <si>
    <t>cg16771652</t>
  </si>
  <si>
    <t>cg16773800</t>
  </si>
  <si>
    <t>cg16773814</t>
  </si>
  <si>
    <t>cg16774105</t>
  </si>
  <si>
    <t>cg16774375</t>
  </si>
  <si>
    <t>cg16774755</t>
  </si>
  <si>
    <t>cg16776421</t>
  </si>
  <si>
    <t>cg16777493</t>
  </si>
  <si>
    <t>cg16778018</t>
  </si>
  <si>
    <t>cg16778107</t>
  </si>
  <si>
    <t>cg16781880</t>
  </si>
  <si>
    <t>cg16784205</t>
  </si>
  <si>
    <t>cg16786971</t>
  </si>
  <si>
    <t>cg16788942</t>
  </si>
  <si>
    <t>cg16789707</t>
  </si>
  <si>
    <t>cg16792363</t>
  </si>
  <si>
    <t>cg16792969</t>
  </si>
  <si>
    <t>cg16794070</t>
  </si>
  <si>
    <t>cg16794579</t>
  </si>
  <si>
    <t>cg16795066</t>
  </si>
  <si>
    <t>cg16795184</t>
  </si>
  <si>
    <t>cg16798537</t>
  </si>
  <si>
    <t>cg16799087</t>
  </si>
  <si>
    <t>cg16802159</t>
  </si>
  <si>
    <t>cg16802855</t>
  </si>
  <si>
    <t>cg16804825</t>
  </si>
  <si>
    <t>cg16807297</t>
  </si>
  <si>
    <t>cg16808036</t>
  </si>
  <si>
    <t>cg16809526</t>
  </si>
  <si>
    <t>cg16810522</t>
  </si>
  <si>
    <t>cg16812519</t>
  </si>
  <si>
    <t>cg16825643</t>
  </si>
  <si>
    <t>cg16859906</t>
  </si>
  <si>
    <t>cg16863382</t>
  </si>
  <si>
    <t>cg16878641</t>
  </si>
  <si>
    <t>cg16888038</t>
  </si>
  <si>
    <t>cg16893574</t>
  </si>
  <si>
    <t>cg16899442</t>
  </si>
  <si>
    <t>cg16904585</t>
  </si>
  <si>
    <t>cg16923996</t>
  </si>
  <si>
    <t>cg16940935</t>
  </si>
  <si>
    <t>cg16953064</t>
  </si>
  <si>
    <t>cg16996262</t>
  </si>
  <si>
    <t>cg17101778</t>
  </si>
  <si>
    <t>cg17104388</t>
  </si>
  <si>
    <t>cg17105206</t>
  </si>
  <si>
    <t>cg17122311</t>
  </si>
  <si>
    <t>cg17152465</t>
  </si>
  <si>
    <t>cg17199481</t>
  </si>
  <si>
    <t>cg17208427</t>
  </si>
  <si>
    <t>cg17217677</t>
  </si>
  <si>
    <t>cg17228833</t>
  </si>
  <si>
    <t>cg17257944</t>
  </si>
  <si>
    <t>cg17282882</t>
  </si>
  <si>
    <t>cg17300750</t>
  </si>
  <si>
    <t>cg17302548</t>
  </si>
  <si>
    <t>cg17306401</t>
  </si>
  <si>
    <t>cg17328659</t>
  </si>
  <si>
    <t>cg17346857</t>
  </si>
  <si>
    <t>cg17354052</t>
  </si>
  <si>
    <t>cg17360233</t>
  </si>
  <si>
    <t>cg17386181</t>
  </si>
  <si>
    <t>cg17386700</t>
  </si>
  <si>
    <t>cg17402245</t>
  </si>
  <si>
    <t>cg17428423</t>
  </si>
  <si>
    <t>cg17463287</t>
  </si>
  <si>
    <t>cg17465631</t>
  </si>
  <si>
    <t>cg17484472</t>
  </si>
  <si>
    <t>cg17500962</t>
  </si>
  <si>
    <t>cg17501569</t>
  </si>
  <si>
    <t>cg17514851</t>
  </si>
  <si>
    <t>cg17524151</t>
  </si>
  <si>
    <t>cg17545418</t>
  </si>
  <si>
    <t>cg17561452</t>
  </si>
  <si>
    <t>cg17582250</t>
  </si>
  <si>
    <t>cg17585279</t>
  </si>
  <si>
    <t>cg17590589</t>
  </si>
  <si>
    <t>cg17621419</t>
  </si>
  <si>
    <t>cg17625032</t>
  </si>
  <si>
    <t>cg17655614</t>
  </si>
  <si>
    <t>cg17674229</t>
  </si>
  <si>
    <t>cg17675080</t>
  </si>
  <si>
    <t>cg17683110</t>
  </si>
  <si>
    <t>cg17696109</t>
  </si>
  <si>
    <t>cg17696377</t>
  </si>
  <si>
    <t>cg17698643</t>
  </si>
  <si>
    <t>cg17706173</t>
  </si>
  <si>
    <t>cg17710440</t>
  </si>
  <si>
    <t>cg17733331</t>
  </si>
  <si>
    <t>cg17759354</t>
  </si>
  <si>
    <t>cg17763192</t>
  </si>
  <si>
    <t>cg17794261</t>
  </si>
  <si>
    <t>cg17800442</t>
  </si>
  <si>
    <t>cg17804302</t>
  </si>
  <si>
    <t>cg17851105</t>
  </si>
  <si>
    <t>cg17874109</t>
  </si>
  <si>
    <t>cg17886959</t>
  </si>
  <si>
    <t>cg17896249</t>
  </si>
  <si>
    <t>cg17944412</t>
  </si>
  <si>
    <t>cg17987601</t>
  </si>
  <si>
    <t>cg18022344</t>
  </si>
  <si>
    <t>cg18055018</t>
  </si>
  <si>
    <t>cg18146152</t>
  </si>
  <si>
    <t>cg18160978</t>
  </si>
  <si>
    <t>cg18186486</t>
  </si>
  <si>
    <t>cg18200326</t>
  </si>
  <si>
    <t>cg18206040</t>
  </si>
  <si>
    <t>cg18238236</t>
  </si>
  <si>
    <t>cg18249108</t>
  </si>
  <si>
    <t>cg18279742</t>
  </si>
  <si>
    <t>cg18282543</t>
  </si>
  <si>
    <t>cg18293633</t>
  </si>
  <si>
    <t>cg18305837</t>
  </si>
  <si>
    <t>cg18306327</t>
  </si>
  <si>
    <t>cg18315103</t>
  </si>
  <si>
    <t>cg18328998</t>
  </si>
  <si>
    <t>cg18345369</t>
  </si>
  <si>
    <t>cg18347238</t>
  </si>
  <si>
    <t>cg18353864</t>
  </si>
  <si>
    <t>cg18383391</t>
  </si>
  <si>
    <t>cg18391758</t>
  </si>
  <si>
    <t>cg18408991</t>
  </si>
  <si>
    <t>cg18424968</t>
  </si>
  <si>
    <t>cg18428707</t>
  </si>
  <si>
    <t>cg18444267</t>
  </si>
  <si>
    <t>cg18445047</t>
  </si>
  <si>
    <t>cg18468219</t>
  </si>
  <si>
    <t>cg18499890</t>
  </si>
  <si>
    <t>cg18539745</t>
  </si>
  <si>
    <t>cg18567405</t>
  </si>
  <si>
    <t>cg18587271</t>
  </si>
  <si>
    <t>cg18595800</t>
  </si>
  <si>
    <t>cg18596043</t>
  </si>
  <si>
    <t>cg18601195</t>
  </si>
  <si>
    <t>cg18607308</t>
  </si>
  <si>
    <t>cg18633178</t>
  </si>
  <si>
    <t>cg18634560</t>
  </si>
  <si>
    <t>cg18642576</t>
  </si>
  <si>
    <t>cg18653534</t>
  </si>
  <si>
    <t>cg18682103</t>
  </si>
  <si>
    <t>cg18683774</t>
  </si>
  <si>
    <t>cg18693704</t>
  </si>
  <si>
    <t>cg18699004</t>
  </si>
  <si>
    <t>cg18700428</t>
  </si>
  <si>
    <t>cg18705279</t>
  </si>
  <si>
    <t>cg18711066</t>
  </si>
  <si>
    <t>cg18786718</t>
  </si>
  <si>
    <t>cg18795433</t>
  </si>
  <si>
    <t>cg18802138</t>
  </si>
  <si>
    <t>cg18813733</t>
  </si>
  <si>
    <t>cg18867659</t>
  </si>
  <si>
    <t>cg18891915</t>
  </si>
  <si>
    <t>cg18892212</t>
  </si>
  <si>
    <t>cg18897587</t>
  </si>
  <si>
    <t>cg18902057</t>
  </si>
  <si>
    <t>cg19030554</t>
  </si>
  <si>
    <t>cg19034028</t>
  </si>
  <si>
    <t>cg19048496</t>
  </si>
  <si>
    <t>cg19055280</t>
  </si>
  <si>
    <t>cg19063516</t>
  </si>
  <si>
    <t>cg19064258</t>
  </si>
  <si>
    <t>cg19065650</t>
  </si>
  <si>
    <t>cg19075081</t>
  </si>
  <si>
    <t>cg19094438</t>
  </si>
  <si>
    <t>cg19105690</t>
  </si>
  <si>
    <t>cg19110355</t>
  </si>
  <si>
    <t>cg19133466</t>
  </si>
  <si>
    <t>cg19168338</t>
  </si>
  <si>
    <t>cg19194454</t>
  </si>
  <si>
    <t>cg19212948</t>
  </si>
  <si>
    <t>cg19214300</t>
  </si>
  <si>
    <t>cg19215541</t>
  </si>
  <si>
    <t>cg19216839</t>
  </si>
  <si>
    <t>cg19224673</t>
  </si>
  <si>
    <t>cg19227170</t>
  </si>
  <si>
    <t>cg19229809</t>
  </si>
  <si>
    <t>cg19238840</t>
  </si>
  <si>
    <t>cg19289461</t>
  </si>
  <si>
    <t>cg19296571</t>
  </si>
  <si>
    <t>cg19297232</t>
  </si>
  <si>
    <t>cg19306640</t>
  </si>
  <si>
    <t>cg19328294</t>
  </si>
  <si>
    <t>cg19328639</t>
  </si>
  <si>
    <t>cg19364688</t>
  </si>
  <si>
    <t>cg19369556</t>
  </si>
  <si>
    <t>cg19378133</t>
  </si>
  <si>
    <t>cg19383577</t>
  </si>
  <si>
    <t>cg19403023</t>
  </si>
  <si>
    <t>cg19423311</t>
  </si>
  <si>
    <t>cg19428417</t>
  </si>
  <si>
    <t>cg19450025</t>
  </si>
  <si>
    <t>cg19450240</t>
  </si>
  <si>
    <t>cg19464252</t>
  </si>
  <si>
    <t>cg19494587</t>
  </si>
  <si>
    <t>cg19510999</t>
  </si>
  <si>
    <t>cg19511817</t>
  </si>
  <si>
    <t>cg19514469</t>
  </si>
  <si>
    <t>cg19534703</t>
  </si>
  <si>
    <t>cg19570309</t>
  </si>
  <si>
    <t>cg19571071</t>
  </si>
  <si>
    <t>cg19581275</t>
  </si>
  <si>
    <t>cg19582491</t>
  </si>
  <si>
    <t>cg19584660</t>
  </si>
  <si>
    <t>cg19605773</t>
  </si>
  <si>
    <t>cg19622714</t>
  </si>
  <si>
    <t>cg19663795</t>
  </si>
  <si>
    <t>cg19703826</t>
  </si>
  <si>
    <t>cg19706682</t>
  </si>
  <si>
    <t>cg19754709</t>
  </si>
  <si>
    <t>cg19761211</t>
  </si>
  <si>
    <t>cg19791043</t>
  </si>
  <si>
    <t>cg19797604</t>
  </si>
  <si>
    <t>cg19807685</t>
  </si>
  <si>
    <t>cg19815928</t>
  </si>
  <si>
    <t>cg19819571</t>
  </si>
  <si>
    <t>cg19819891</t>
  </si>
  <si>
    <t>cg19837824</t>
  </si>
  <si>
    <t>cg19854017</t>
  </si>
  <si>
    <t>cg19869415</t>
  </si>
  <si>
    <t>cg19881263</t>
  </si>
  <si>
    <t>cg19890739</t>
  </si>
  <si>
    <t>cg19899008</t>
  </si>
  <si>
    <t>cg19907055</t>
  </si>
  <si>
    <t>cg19935397</t>
  </si>
  <si>
    <t>cg19939627</t>
  </si>
  <si>
    <t>cg19973135</t>
  </si>
  <si>
    <t>cg19981839</t>
  </si>
  <si>
    <t>cg20023231</t>
  </si>
  <si>
    <t>cg20023898</t>
  </si>
  <si>
    <t>cg20035459</t>
  </si>
  <si>
    <t>cg20055101</t>
  </si>
  <si>
    <t>cg20065768</t>
  </si>
  <si>
    <t>cg20075315</t>
  </si>
  <si>
    <t>cg20083730</t>
  </si>
  <si>
    <t>cg20100381</t>
  </si>
  <si>
    <t>cg20100620</t>
  </si>
  <si>
    <t>cg20104307</t>
  </si>
  <si>
    <t>cg20141013</t>
  </si>
  <si>
    <t>cg20142224</t>
  </si>
  <si>
    <t>cg20158248</t>
  </si>
  <si>
    <t>cg20184917</t>
  </si>
  <si>
    <t>cg20195987</t>
  </si>
  <si>
    <t>cg20218520</t>
  </si>
  <si>
    <t>cg20220196</t>
  </si>
  <si>
    <t>cg20222869</t>
  </si>
  <si>
    <t>cg20247596</t>
  </si>
  <si>
    <t>cg20253700</t>
  </si>
  <si>
    <t>cg20264732</t>
  </si>
  <si>
    <t>cg20283771</t>
  </si>
  <si>
    <t>cg20286147</t>
  </si>
  <si>
    <t>cg20297053</t>
  </si>
  <si>
    <t>cg20312475</t>
  </si>
  <si>
    <t>cg20315643</t>
  </si>
  <si>
    <t>cg20319926</t>
  </si>
  <si>
    <t>cg20322611</t>
  </si>
  <si>
    <t>cg20337860</t>
  </si>
  <si>
    <t>cg20350269</t>
  </si>
  <si>
    <t>cg20364025</t>
  </si>
  <si>
    <t>cg20364187</t>
  </si>
  <si>
    <t>cg20368988</t>
  </si>
  <si>
    <t>cg20373326</t>
  </si>
  <si>
    <t>cg20376009</t>
  </si>
  <si>
    <t>cg20377627</t>
  </si>
  <si>
    <t>cg20401945</t>
  </si>
  <si>
    <t>cg20403387</t>
  </si>
  <si>
    <t>cg20427865</t>
  </si>
  <si>
    <t>cg20430434</t>
  </si>
  <si>
    <t>cg20431676</t>
  </si>
  <si>
    <t>cg20526663</t>
  </si>
  <si>
    <t>cg20527168</t>
  </si>
  <si>
    <t>cg20543416</t>
  </si>
  <si>
    <t>cg20555310</t>
  </si>
  <si>
    <t>cg20565740</t>
  </si>
  <si>
    <t>cg20566643</t>
  </si>
  <si>
    <t>cg20567721</t>
  </si>
  <si>
    <t>cg20573831</t>
  </si>
  <si>
    <t>cg20577878</t>
  </si>
  <si>
    <t>cg20587543</t>
  </si>
  <si>
    <t>cg20610177</t>
  </si>
  <si>
    <t>cg20610605</t>
  </si>
  <si>
    <t>cg20663777</t>
  </si>
  <si>
    <t>cg20669561</t>
  </si>
  <si>
    <t>cg20672044</t>
  </si>
  <si>
    <t>cg20687462</t>
  </si>
  <si>
    <t>cg20707345</t>
  </si>
  <si>
    <t>cg20712430</t>
  </si>
  <si>
    <t>cg20716119</t>
  </si>
  <si>
    <t>cg20722469</t>
  </si>
  <si>
    <t>cg20722590</t>
  </si>
  <si>
    <t>cg20744809</t>
  </si>
  <si>
    <t>cg20751926</t>
  </si>
  <si>
    <t>cg20757196</t>
  </si>
  <si>
    <t>cg20769774</t>
  </si>
  <si>
    <t>cg20772904</t>
  </si>
  <si>
    <t>cg20797766</t>
  </si>
  <si>
    <t>cg20807545</t>
  </si>
  <si>
    <t>cg20824109</t>
  </si>
  <si>
    <t>cg20836669</t>
  </si>
  <si>
    <t>cg20877811</t>
  </si>
  <si>
    <t>cg20886062</t>
  </si>
  <si>
    <t>cg20892135</t>
  </si>
  <si>
    <t>cg20911831</t>
  </si>
  <si>
    <t>cg20915212</t>
  </si>
  <si>
    <t>cg20929229</t>
  </si>
  <si>
    <t>cg20943255</t>
  </si>
  <si>
    <t>cg20946277</t>
  </si>
  <si>
    <t>cg20977864</t>
  </si>
  <si>
    <t>cg20981893</t>
  </si>
  <si>
    <t>cg20984188</t>
  </si>
  <si>
    <t>cg20999813</t>
  </si>
  <si>
    <t>cg21006836</t>
  </si>
  <si>
    <t>cg21024145</t>
  </si>
  <si>
    <t>cg21038123</t>
  </si>
  <si>
    <t>cg21038996</t>
  </si>
  <si>
    <t>cg21046068</t>
  </si>
  <si>
    <t>cg21048669</t>
  </si>
  <si>
    <t>cg21082427</t>
  </si>
  <si>
    <t>cg21085535</t>
  </si>
  <si>
    <t>cg21112925</t>
  </si>
  <si>
    <t>cg21142272</t>
  </si>
  <si>
    <t>cg21196187</t>
  </si>
  <si>
    <t>cg21198531</t>
  </si>
  <si>
    <t>cg21212066</t>
  </si>
  <si>
    <t>cg21228284</t>
  </si>
  <si>
    <t>cg21264724</t>
  </si>
  <si>
    <t>cg21275690</t>
  </si>
  <si>
    <t>cg21285383</t>
  </si>
  <si>
    <t>cg21369679</t>
  </si>
  <si>
    <t>cg21396064</t>
  </si>
  <si>
    <t>cg21433313</t>
  </si>
  <si>
    <t>cg21439450</t>
  </si>
  <si>
    <t>cg21445230</t>
  </si>
  <si>
    <t>cg21452411</t>
  </si>
  <si>
    <t>cg21458041</t>
  </si>
  <si>
    <t>cg21476593</t>
  </si>
  <si>
    <t>cg21491107</t>
  </si>
  <si>
    <t>cg21509097</t>
  </si>
  <si>
    <t>cg21514871</t>
  </si>
  <si>
    <t>cg21522797</t>
  </si>
  <si>
    <t>cg21530453</t>
  </si>
  <si>
    <t>cg21566086</t>
  </si>
  <si>
    <t>cg21593409</t>
  </si>
  <si>
    <t>cg21603914</t>
  </si>
  <si>
    <t>cg21608192</t>
  </si>
  <si>
    <t>cg21615663</t>
  </si>
  <si>
    <t>cg21622152</t>
  </si>
  <si>
    <t>cg21634842</t>
  </si>
  <si>
    <t>cg21644628</t>
  </si>
  <si>
    <t>cg21649442</t>
  </si>
  <si>
    <t>cg21657816</t>
  </si>
  <si>
    <t>cg21664030</t>
  </si>
  <si>
    <t>cg21686987</t>
  </si>
  <si>
    <t>cg21695020</t>
  </si>
  <si>
    <t>cg21702497</t>
  </si>
  <si>
    <t>cg21711333</t>
  </si>
  <si>
    <t>cg21742836</t>
  </si>
  <si>
    <t>cg21745164</t>
  </si>
  <si>
    <t>cg21757440</t>
  </si>
  <si>
    <t>cg21830962</t>
  </si>
  <si>
    <t>cg21839338</t>
  </si>
  <si>
    <t>cg21844038</t>
  </si>
  <si>
    <t>cg21910663</t>
  </si>
  <si>
    <t>cg21918026</t>
  </si>
  <si>
    <t>cg21928142</t>
  </si>
  <si>
    <t>cg21947488</t>
  </si>
  <si>
    <t>cg21954346</t>
  </si>
  <si>
    <t>cg21963318</t>
  </si>
  <si>
    <t>cg21982518</t>
  </si>
  <si>
    <t>cg21989500</t>
  </si>
  <si>
    <t>cg21996068</t>
  </si>
  <si>
    <t>cg22062239</t>
  </si>
  <si>
    <t>cg22103999</t>
  </si>
  <si>
    <t>cg22136326</t>
  </si>
  <si>
    <t>cg22144162</t>
  </si>
  <si>
    <t>cg22151587</t>
  </si>
  <si>
    <t>cg22167353</t>
  </si>
  <si>
    <t>cg22171142</t>
  </si>
  <si>
    <t>cg22178085</t>
  </si>
  <si>
    <t>cg22190721</t>
  </si>
  <si>
    <t>cg22217807</t>
  </si>
  <si>
    <t>cg22240667</t>
  </si>
  <si>
    <t>cg22244418</t>
  </si>
  <si>
    <t>cg22263059</t>
  </si>
  <si>
    <t>cg22271663</t>
  </si>
  <si>
    <t>cg22279504</t>
  </si>
  <si>
    <t>cg22285897</t>
  </si>
  <si>
    <t>cg22305782</t>
  </si>
  <si>
    <t>cg22311615</t>
  </si>
  <si>
    <t>cg22314562</t>
  </si>
  <si>
    <t>cg22321985</t>
  </si>
  <si>
    <t>cg22328890</t>
  </si>
  <si>
    <t>cg22337624</t>
  </si>
  <si>
    <t>cg22341968</t>
  </si>
  <si>
    <t>cg22377963</t>
  </si>
  <si>
    <t>cg22381196</t>
  </si>
  <si>
    <t>cg22388260</t>
  </si>
  <si>
    <t>cg22404481</t>
  </si>
  <si>
    <t>cg22412612</t>
  </si>
  <si>
    <t>cg22438525</t>
  </si>
  <si>
    <t>cg22466217</t>
  </si>
  <si>
    <t>cg22476645</t>
  </si>
  <si>
    <t>cg22478179</t>
  </si>
  <si>
    <t>cg22490695</t>
  </si>
  <si>
    <t>cg22499237</t>
  </si>
  <si>
    <t>cg22508957</t>
  </si>
  <si>
    <t>cg22530146</t>
  </si>
  <si>
    <t>cg22536398</t>
  </si>
  <si>
    <t>cg22563043</t>
  </si>
  <si>
    <t>cg22605342</t>
  </si>
  <si>
    <t>cg22616007</t>
  </si>
  <si>
    <t>cg22621780</t>
  </si>
  <si>
    <t>cg22637872</t>
  </si>
  <si>
    <t>cg22638268</t>
  </si>
  <si>
    <t>cg22655224</t>
  </si>
  <si>
    <t>cg22659426</t>
  </si>
  <si>
    <t>cg22660447</t>
  </si>
  <si>
    <t>cg22674717</t>
  </si>
  <si>
    <t>cg22676843</t>
  </si>
  <si>
    <t>cg22677246</t>
  </si>
  <si>
    <t>cg22721827</t>
  </si>
  <si>
    <t>cg22722802</t>
  </si>
  <si>
    <t>cg22724132</t>
  </si>
  <si>
    <t>cg22734315</t>
  </si>
  <si>
    <t>cg22739204</t>
  </si>
  <si>
    <t>cg22744680</t>
  </si>
  <si>
    <t>cg22776856</t>
  </si>
  <si>
    <t>cg22781074</t>
  </si>
  <si>
    <t>cg22784047</t>
  </si>
  <si>
    <t>cg22786826</t>
  </si>
  <si>
    <t>cg22791932</t>
  </si>
  <si>
    <t>cg22819888</t>
  </si>
  <si>
    <t>cg22827290</t>
  </si>
  <si>
    <t>cg22832044</t>
  </si>
  <si>
    <t>cg22834154</t>
  </si>
  <si>
    <t>cg22846949</t>
  </si>
  <si>
    <t>cg22874960</t>
  </si>
  <si>
    <t>cg22918432</t>
  </si>
  <si>
    <t>cg22950163</t>
  </si>
  <si>
    <t>cg22955525</t>
  </si>
  <si>
    <t>cg22959578</t>
  </si>
  <si>
    <t>cg22981125</t>
  </si>
  <si>
    <t>cg22995106</t>
  </si>
  <si>
    <t>cg23008708</t>
  </si>
  <si>
    <t>cg23040064</t>
  </si>
  <si>
    <t>cg23051598</t>
  </si>
  <si>
    <t>cg23057051</t>
  </si>
  <si>
    <t>cg23092086</t>
  </si>
  <si>
    <t>cg23093496</t>
  </si>
  <si>
    <t>cg23103675</t>
  </si>
  <si>
    <t>cg23127291</t>
  </si>
  <si>
    <t>cg23142935</t>
  </si>
  <si>
    <t>cg23165208</t>
  </si>
  <si>
    <t>cg23166955</t>
  </si>
  <si>
    <t>cg23166988</t>
  </si>
  <si>
    <t>cg23172606</t>
  </si>
  <si>
    <t>cg23178192</t>
  </si>
  <si>
    <t>cg23185402</t>
  </si>
  <si>
    <t>cg23195510</t>
  </si>
  <si>
    <t>cg23235241</t>
  </si>
  <si>
    <t>cg23280064</t>
  </si>
  <si>
    <t>cg23353982</t>
  </si>
  <si>
    <t>cg23357257</t>
  </si>
  <si>
    <t>cg23357854</t>
  </si>
  <si>
    <t>cg23365071</t>
  </si>
  <si>
    <t>cg23380399</t>
  </si>
  <si>
    <t>cg23388097</t>
  </si>
  <si>
    <t>cg23392782</t>
  </si>
  <si>
    <t>cg23401756</t>
  </si>
  <si>
    <t>cg23414876</t>
  </si>
  <si>
    <t>cg23440305</t>
  </si>
  <si>
    <t>cg23444894</t>
  </si>
  <si>
    <t>cg23445511</t>
  </si>
  <si>
    <t>cg23454177</t>
  </si>
  <si>
    <t>cg23462861</t>
  </si>
  <si>
    <t>cg23472930</t>
  </si>
  <si>
    <t>cg23487586</t>
  </si>
  <si>
    <t>cg23517548</t>
  </si>
  <si>
    <t>cg23519329</t>
  </si>
  <si>
    <t>cg23530850</t>
  </si>
  <si>
    <t>cg23578235</t>
  </si>
  <si>
    <t>cg23581183</t>
  </si>
  <si>
    <t>cg23582919</t>
  </si>
  <si>
    <t>cg23601523</t>
  </si>
  <si>
    <t>cg23603493</t>
  </si>
  <si>
    <t>cg23606023</t>
  </si>
  <si>
    <t>cg23606079</t>
  </si>
  <si>
    <t>cg23607889</t>
  </si>
  <si>
    <t>cg23612557</t>
  </si>
  <si>
    <t>cg23617760</t>
  </si>
  <si>
    <t>cg23631578</t>
  </si>
  <si>
    <t>cg23635060</t>
  </si>
  <si>
    <t>cg23636419</t>
  </si>
  <si>
    <t>cg23645479</t>
  </si>
  <si>
    <t>cg23646856</t>
  </si>
  <si>
    <t>cg23654112</t>
  </si>
  <si>
    <t>cg23656386</t>
  </si>
  <si>
    <t>cg23657639</t>
  </si>
  <si>
    <t>cg23663476</t>
  </si>
  <si>
    <t>cg23669118</t>
  </si>
  <si>
    <t>cg23684449</t>
  </si>
  <si>
    <t>cg23689429</t>
  </si>
  <si>
    <t>cg23711144</t>
  </si>
  <si>
    <t>cg23740245</t>
  </si>
  <si>
    <t>cg23754665</t>
  </si>
  <si>
    <t>cg23761196</t>
  </si>
  <si>
    <t>cg23797100</t>
  </si>
  <si>
    <t>cg23802887</t>
  </si>
  <si>
    <t>cg23830326</t>
  </si>
  <si>
    <t>cg23840481</t>
  </si>
  <si>
    <t>cg23858565</t>
  </si>
  <si>
    <t>cg23865698</t>
  </si>
  <si>
    <t>cg23871933</t>
  </si>
  <si>
    <t>cg23888450</t>
  </si>
  <si>
    <t>cg23890044</t>
  </si>
  <si>
    <t>cg23894003</t>
  </si>
  <si>
    <t>cg23970785</t>
  </si>
  <si>
    <t>cg23977108</t>
  </si>
  <si>
    <t>cg23986219</t>
  </si>
  <si>
    <t>cg23989635</t>
  </si>
  <si>
    <t>cg23998987</t>
  </si>
  <si>
    <t>cg24014020</t>
  </si>
  <si>
    <t>cg24033122</t>
  </si>
  <si>
    <t>cg24046411</t>
  </si>
  <si>
    <t>cg24049616</t>
  </si>
  <si>
    <t>cg24056751</t>
  </si>
  <si>
    <t>cg24062767</t>
  </si>
  <si>
    <t>cg24071064</t>
  </si>
  <si>
    <t>cg24075743</t>
  </si>
  <si>
    <t>cg24091698</t>
  </si>
  <si>
    <t>cg24110063</t>
  </si>
  <si>
    <t>cg24115627</t>
  </si>
  <si>
    <t>cg24128028</t>
  </si>
  <si>
    <t>cg24160381</t>
  </si>
  <si>
    <t>cg24198678</t>
  </si>
  <si>
    <t>cg24206694</t>
  </si>
  <si>
    <t>cg24235633</t>
  </si>
  <si>
    <t>cg24237576</t>
  </si>
  <si>
    <t>cg24243406</t>
  </si>
  <si>
    <t>cg24250393</t>
  </si>
  <si>
    <t>cg24264578</t>
  </si>
  <si>
    <t>cg24303478</t>
  </si>
  <si>
    <t>cg24306779</t>
  </si>
  <si>
    <t>cg24306924</t>
  </si>
  <si>
    <t>cg24367314</t>
  </si>
  <si>
    <t>cg24399405</t>
  </si>
  <si>
    <t>cg24415082</t>
  </si>
  <si>
    <t>cg24429836</t>
  </si>
  <si>
    <t>cg24433189</t>
  </si>
  <si>
    <t>cg24474998</t>
  </si>
  <si>
    <t>cg24492022</t>
  </si>
  <si>
    <t>cg24536529</t>
  </si>
  <si>
    <t>cg24567591</t>
  </si>
  <si>
    <t>cg24569270</t>
  </si>
  <si>
    <t>cg24584252</t>
  </si>
  <si>
    <t>cg24633242</t>
  </si>
  <si>
    <t>cg24642468</t>
  </si>
  <si>
    <t>cg24652919</t>
  </si>
  <si>
    <t>cg24662961</t>
  </si>
  <si>
    <t>cg24687764</t>
  </si>
  <si>
    <t>cg24702091</t>
  </si>
  <si>
    <t>cg24705286</t>
  </si>
  <si>
    <t>cg24715473</t>
  </si>
  <si>
    <t>cg24728281</t>
  </si>
  <si>
    <t>cg24728447</t>
  </si>
  <si>
    <t>cg24756528</t>
  </si>
  <si>
    <t>cg24760719</t>
  </si>
  <si>
    <t>cg24764861</t>
  </si>
  <si>
    <t>cg24764979</t>
  </si>
  <si>
    <t>cg24765079</t>
  </si>
  <si>
    <t>cg24800887</t>
  </si>
  <si>
    <t>cg24862668</t>
  </si>
  <si>
    <t>cg24874689</t>
  </si>
  <si>
    <t>cg24900963</t>
  </si>
  <si>
    <t>cg24930915</t>
  </si>
  <si>
    <t>cg24949396</t>
  </si>
  <si>
    <t>cg24966460</t>
  </si>
  <si>
    <t>cg25000382</t>
  </si>
  <si>
    <t>cg25015277</t>
  </si>
  <si>
    <t>cg25023245</t>
  </si>
  <si>
    <t>cg25023941</t>
  </si>
  <si>
    <t>cg25033993</t>
  </si>
  <si>
    <t>cg25047001</t>
  </si>
  <si>
    <t>cg25047102</t>
  </si>
  <si>
    <t>cg25050175</t>
  </si>
  <si>
    <t>cg25071520</t>
  </si>
  <si>
    <t>cg25079743</t>
  </si>
  <si>
    <t>cg25101056</t>
  </si>
  <si>
    <t>cg25106635</t>
  </si>
  <si>
    <t>cg25164886</t>
  </si>
  <si>
    <t>cg25322095</t>
  </si>
  <si>
    <t>cg25324261</t>
  </si>
  <si>
    <t>cg25325612</t>
  </si>
  <si>
    <t>cg25341653</t>
  </si>
  <si>
    <t>cg25341726</t>
  </si>
  <si>
    <t>cg25383242</t>
  </si>
  <si>
    <t>cg25421069</t>
  </si>
  <si>
    <t>cg25425005</t>
  </si>
  <si>
    <t>cg25432323</t>
  </si>
  <si>
    <t>cg25433682</t>
  </si>
  <si>
    <t>cg25463428</t>
  </si>
  <si>
    <t>cg25545401</t>
  </si>
  <si>
    <t>cg25563616</t>
  </si>
  <si>
    <t>cg25575961</t>
  </si>
  <si>
    <t>cg25618731</t>
  </si>
  <si>
    <t>cg25640176</t>
  </si>
  <si>
    <t>cg25645462</t>
  </si>
  <si>
    <t>cg25653103</t>
  </si>
  <si>
    <t>cg25662680</t>
  </si>
  <si>
    <t>cg25665528</t>
  </si>
  <si>
    <t>cg25690265</t>
  </si>
  <si>
    <t>cg25714826</t>
  </si>
  <si>
    <t>cg25771195</t>
  </si>
  <si>
    <t>cg25794979</t>
  </si>
  <si>
    <t>cg25884566</t>
  </si>
  <si>
    <t>cg25898500</t>
  </si>
  <si>
    <t>cg25938042</t>
  </si>
  <si>
    <t>cg25971347</t>
  </si>
  <si>
    <t>cg25974870</t>
  </si>
  <si>
    <t>cg26003813</t>
  </si>
  <si>
    <t>cg26012103</t>
  </si>
  <si>
    <t>cg26029554</t>
  </si>
  <si>
    <t>cg26053832</t>
  </si>
  <si>
    <t>cg26059897</t>
  </si>
  <si>
    <t>cg26091688</t>
  </si>
  <si>
    <t>cg26112564</t>
  </si>
  <si>
    <t>cg26134665</t>
  </si>
  <si>
    <t>cg26178184</t>
  </si>
  <si>
    <t>cg26183662</t>
  </si>
  <si>
    <t>cg26184919</t>
  </si>
  <si>
    <t>cg26188726</t>
  </si>
  <si>
    <t>cg26229224</t>
  </si>
  <si>
    <t>cg26233914</t>
  </si>
  <si>
    <t>cg26240939</t>
  </si>
  <si>
    <t>cg26260967</t>
  </si>
  <si>
    <t>cg26285698</t>
  </si>
  <si>
    <t>cg26293512</t>
  </si>
  <si>
    <t>cg26295435</t>
  </si>
  <si>
    <t>cg26295990</t>
  </si>
  <si>
    <t>cg26335299</t>
  </si>
  <si>
    <t>cg26350691</t>
  </si>
  <si>
    <t>cg26399035</t>
  </si>
  <si>
    <t>cg26433445</t>
  </si>
  <si>
    <t>cg26434370</t>
  </si>
  <si>
    <t>cg26434881</t>
  </si>
  <si>
    <t>cg26435198</t>
  </si>
  <si>
    <t>cg26437009</t>
  </si>
  <si>
    <t>cg26437451</t>
  </si>
  <si>
    <t>cg26439916</t>
  </si>
  <si>
    <t>cg26441291</t>
  </si>
  <si>
    <t>cg26442607</t>
  </si>
  <si>
    <t>cg26442883</t>
  </si>
  <si>
    <t>cg26443093</t>
  </si>
  <si>
    <t>cg26443922</t>
  </si>
  <si>
    <t>cg26444775</t>
  </si>
  <si>
    <t>cg26445794</t>
  </si>
  <si>
    <t>cg26449586</t>
  </si>
  <si>
    <t>cg26450230</t>
  </si>
  <si>
    <t>cg26456021</t>
  </si>
  <si>
    <t>cg26456435</t>
  </si>
  <si>
    <t>cg26458287</t>
  </si>
  <si>
    <t>cg26462212</t>
  </si>
  <si>
    <t>cg26464882</t>
  </si>
  <si>
    <t>cg26466773</t>
  </si>
  <si>
    <t>cg26468152</t>
  </si>
  <si>
    <t>cg26470670</t>
  </si>
  <si>
    <t>cg26470798</t>
  </si>
  <si>
    <t>cg26471781</t>
  </si>
  <si>
    <t>cg26472511</t>
  </si>
  <si>
    <t>cg26475031</t>
  </si>
  <si>
    <t>cg26475649</t>
  </si>
  <si>
    <t>cg26477746</t>
  </si>
  <si>
    <t>cg26478205</t>
  </si>
  <si>
    <t>cg26479658</t>
  </si>
  <si>
    <t>cg26483307</t>
  </si>
  <si>
    <t>cg26486441</t>
  </si>
  <si>
    <t>cg26486663</t>
  </si>
  <si>
    <t>cg26488170</t>
  </si>
  <si>
    <t>cg26489497</t>
  </si>
  <si>
    <t>cg26493188</t>
  </si>
  <si>
    <t>cg26493346</t>
  </si>
  <si>
    <t>cg26494542</t>
  </si>
  <si>
    <t>cg26495109</t>
  </si>
  <si>
    <t>cg26495526</t>
  </si>
  <si>
    <t>cg26495837</t>
  </si>
  <si>
    <t>cg26498247</t>
  </si>
  <si>
    <t>cg26499611</t>
  </si>
  <si>
    <t>cg26504467</t>
  </si>
  <si>
    <t>cg26506790</t>
  </si>
  <si>
    <t>cg26507422</t>
  </si>
  <si>
    <t>cg26507629</t>
  </si>
  <si>
    <t>cg26508126</t>
  </si>
  <si>
    <t>cg26508812</t>
  </si>
  <si>
    <t>cg26509569</t>
  </si>
  <si>
    <t>cg26512283</t>
  </si>
  <si>
    <t>cg26512925</t>
  </si>
  <si>
    <t>cg26512993</t>
  </si>
  <si>
    <t>cg26513131</t>
  </si>
  <si>
    <t>cg26513391</t>
  </si>
  <si>
    <t>cg26515389</t>
  </si>
  <si>
    <t>cg26515755</t>
  </si>
  <si>
    <t>cg26517074</t>
  </si>
  <si>
    <t>cg26521448</t>
  </si>
  <si>
    <t>cg26522057</t>
  </si>
  <si>
    <t>cg26522543</t>
  </si>
  <si>
    <t>cg26525342</t>
  </si>
  <si>
    <t>cg26525629</t>
  </si>
  <si>
    <t>cg26526315</t>
  </si>
  <si>
    <t>cg26527793</t>
  </si>
  <si>
    <t>cg26532102</t>
  </si>
  <si>
    <t>cg26534057</t>
  </si>
  <si>
    <t>cg26534215</t>
  </si>
  <si>
    <t>cg26535925</t>
  </si>
  <si>
    <t>cg26536240</t>
  </si>
  <si>
    <t>cg26537639</t>
  </si>
  <si>
    <t>cg26543243</t>
  </si>
  <si>
    <t>cg26543908</t>
  </si>
  <si>
    <t>cg26544188</t>
  </si>
  <si>
    <t>cg26544435</t>
  </si>
  <si>
    <t>cg26544657</t>
  </si>
  <si>
    <t>cg26545278</t>
  </si>
  <si>
    <t>cg26546882</t>
  </si>
  <si>
    <t>cg26552163</t>
  </si>
  <si>
    <t>cg26558287</t>
  </si>
  <si>
    <t>cg26561196</t>
  </si>
  <si>
    <t>cg26562691</t>
  </si>
  <si>
    <t>cg26563248</t>
  </si>
  <si>
    <t>cg26563737</t>
  </si>
  <si>
    <t>cg26564329</t>
  </si>
  <si>
    <t>cg26568171</t>
  </si>
  <si>
    <t>cg26570279</t>
  </si>
  <si>
    <t>cg26570830</t>
  </si>
  <si>
    <t>cg26570867</t>
  </si>
  <si>
    <t>cg26575535</t>
  </si>
  <si>
    <t>cg26578156</t>
  </si>
  <si>
    <t>cg26581292</t>
  </si>
  <si>
    <t>cg26582677</t>
  </si>
  <si>
    <t>cg26583952</t>
  </si>
  <si>
    <t>cg26585100</t>
  </si>
  <si>
    <t>cg26585644</t>
  </si>
  <si>
    <t>cg26585801</t>
  </si>
  <si>
    <t>cg26586669</t>
  </si>
  <si>
    <t>cg26589069</t>
  </si>
  <si>
    <t>cg26591162</t>
  </si>
  <si>
    <t>cg26594179</t>
  </si>
  <si>
    <t>cg26596307</t>
  </si>
  <si>
    <t>cg26596350</t>
  </si>
  <si>
    <t>cg26598152</t>
  </si>
  <si>
    <t>cg26598348</t>
  </si>
  <si>
    <t>cg26599871</t>
  </si>
  <si>
    <t>cg26600192</t>
  </si>
  <si>
    <t>cg26600461</t>
  </si>
  <si>
    <t>cg26605700</t>
  </si>
  <si>
    <t>cg26607991</t>
  </si>
  <si>
    <t>cg26608798</t>
  </si>
  <si>
    <t>cg26608982</t>
  </si>
  <si>
    <t>cg26609398</t>
  </si>
  <si>
    <t>cg26611563</t>
  </si>
  <si>
    <t>cg26611637</t>
  </si>
  <si>
    <t>cg26611650</t>
  </si>
  <si>
    <t>cg26613239</t>
  </si>
  <si>
    <t>cg26613361</t>
  </si>
  <si>
    <t>cg26618039</t>
  </si>
  <si>
    <t>cg26618415</t>
  </si>
  <si>
    <t>cg26619740</t>
  </si>
  <si>
    <t>cg26619943</t>
  </si>
  <si>
    <t>cg26620314</t>
  </si>
  <si>
    <t>cg26620724</t>
  </si>
  <si>
    <t>cg26620747</t>
  </si>
  <si>
    <t>cg26625729</t>
  </si>
  <si>
    <t>cg26627392</t>
  </si>
  <si>
    <t>cg26627898</t>
  </si>
  <si>
    <t>cg26628100</t>
  </si>
  <si>
    <t>cg26629184</t>
  </si>
  <si>
    <t>cg26634055</t>
  </si>
  <si>
    <t>cg26636054</t>
  </si>
  <si>
    <t>cg26637881</t>
  </si>
  <si>
    <t>cg26639479</t>
  </si>
  <si>
    <t>cg26639808</t>
  </si>
  <si>
    <t>cg26640547</t>
  </si>
  <si>
    <t>cg26640796</t>
  </si>
  <si>
    <t>cg26642540</t>
  </si>
  <si>
    <t>cg26644885</t>
  </si>
  <si>
    <t>cg26646567</t>
  </si>
  <si>
    <t>cg26647200</t>
  </si>
  <si>
    <t>cg26647324</t>
  </si>
  <si>
    <t>cg26648579</t>
  </si>
  <si>
    <t>cg26648818</t>
  </si>
  <si>
    <t>cg26649321</t>
  </si>
  <si>
    <t>cg26651122</t>
  </si>
  <si>
    <t>cg26651339</t>
  </si>
  <si>
    <t>cg26654559</t>
  </si>
  <si>
    <t>cg26655764</t>
  </si>
  <si>
    <t>cg26656947</t>
  </si>
  <si>
    <t>cg26657382</t>
  </si>
  <si>
    <t>cg26657675</t>
  </si>
  <si>
    <t>cg26661922</t>
  </si>
  <si>
    <t>cg26662410</t>
  </si>
  <si>
    <t>cg26662674</t>
  </si>
  <si>
    <t>cg26663590</t>
  </si>
  <si>
    <t>cg26663716</t>
  </si>
  <si>
    <t>cg26665701</t>
  </si>
  <si>
    <t>cg26666580</t>
  </si>
  <si>
    <t>cg26666886</t>
  </si>
  <si>
    <t>cg26667236</t>
  </si>
  <si>
    <t>cg26668272</t>
  </si>
  <si>
    <t>cg26668872</t>
  </si>
  <si>
    <t>cg26672452</t>
  </si>
  <si>
    <t>cg26673647</t>
  </si>
  <si>
    <t>cg26675485</t>
  </si>
  <si>
    <t>cg26675753</t>
  </si>
  <si>
    <t>cg26675785</t>
  </si>
  <si>
    <t>cg26676091</t>
  </si>
  <si>
    <t>cg26678609</t>
  </si>
  <si>
    <t>cg26678835</t>
  </si>
  <si>
    <t>cg26680127</t>
  </si>
  <si>
    <t>cg26681017</t>
  </si>
  <si>
    <t>cg26681202</t>
  </si>
  <si>
    <t>cg26681628</t>
  </si>
  <si>
    <t>cg26684601</t>
  </si>
  <si>
    <t>cg26685404</t>
  </si>
  <si>
    <t>cg26690334</t>
  </si>
  <si>
    <t>cg26693953</t>
  </si>
  <si>
    <t>cg26695445</t>
  </si>
  <si>
    <t>cg26697065</t>
  </si>
  <si>
    <t>cg26697517</t>
  </si>
  <si>
    <t>cg26698580</t>
  </si>
  <si>
    <t>cg26698693</t>
  </si>
  <si>
    <t>cg26699420</t>
  </si>
  <si>
    <t>cg26700407</t>
  </si>
  <si>
    <t>cg26700702</t>
  </si>
  <si>
    <t>cg26700932</t>
  </si>
  <si>
    <t>cg26701545</t>
  </si>
  <si>
    <t>cg26706070</t>
  </si>
  <si>
    <t>cg26706803</t>
  </si>
  <si>
    <t>cg26707149</t>
  </si>
  <si>
    <t>cg26709300</t>
  </si>
  <si>
    <t>cg26710926</t>
  </si>
  <si>
    <t>cg26711237</t>
  </si>
  <si>
    <t>cg26711406</t>
  </si>
  <si>
    <t>cg26716550</t>
  </si>
  <si>
    <t>cg26716834</t>
  </si>
  <si>
    <t>cg26717935</t>
  </si>
  <si>
    <t>cg26719831</t>
  </si>
  <si>
    <t>cg26719862</t>
  </si>
  <si>
    <t>cg26720235</t>
  </si>
  <si>
    <t>cg26720338</t>
  </si>
  <si>
    <t>cg26720767</t>
  </si>
  <si>
    <t>cg26721708</t>
  </si>
  <si>
    <t>cg26722733</t>
  </si>
  <si>
    <t>cg26723054</t>
  </si>
  <si>
    <t>cg26723132</t>
  </si>
  <si>
    <t>cg26723228</t>
  </si>
  <si>
    <t>cg26724194</t>
  </si>
  <si>
    <t>cg26724949</t>
  </si>
  <si>
    <t>cg26724967</t>
  </si>
  <si>
    <t>cg26725397</t>
  </si>
  <si>
    <t>cg26727032</t>
  </si>
  <si>
    <t>cg26727666</t>
  </si>
  <si>
    <t>cg26728422</t>
  </si>
  <si>
    <t>cg26732360</t>
  </si>
  <si>
    <t>cg26732421</t>
  </si>
  <si>
    <t>cg26734335</t>
  </si>
  <si>
    <t>cg26735980</t>
  </si>
  <si>
    <t>cg26743555</t>
  </si>
  <si>
    <t>cg26745294</t>
  </si>
  <si>
    <t>cg26746331</t>
  </si>
  <si>
    <t>cg26746573</t>
  </si>
  <si>
    <t>cg26746669</t>
  </si>
  <si>
    <t>cg26747269</t>
  </si>
  <si>
    <t>cg26751195</t>
  </si>
  <si>
    <t>cg26751513</t>
  </si>
  <si>
    <t>cg26757472</t>
  </si>
  <si>
    <t>cg26758340</t>
  </si>
  <si>
    <t>cg26761572</t>
  </si>
  <si>
    <t>cg26763618</t>
  </si>
  <si>
    <t>cg26764198</t>
  </si>
  <si>
    <t>cg26765295</t>
  </si>
  <si>
    <t>cg26765599</t>
  </si>
  <si>
    <t>cg26768558</t>
  </si>
  <si>
    <t>cg26770907</t>
  </si>
  <si>
    <t>cg26771097</t>
  </si>
  <si>
    <t>cg26771445</t>
  </si>
  <si>
    <t>cg26774927</t>
  </si>
  <si>
    <t>cg26775289</t>
  </si>
  <si>
    <t>cg26778345</t>
  </si>
  <si>
    <t>cg26778630</t>
  </si>
  <si>
    <t>cg26780138</t>
  </si>
  <si>
    <t>cg26781728</t>
  </si>
  <si>
    <t>cg26783123</t>
  </si>
  <si>
    <t>cg26783727</t>
  </si>
  <si>
    <t>cg26787199</t>
  </si>
  <si>
    <t>cg26789698</t>
  </si>
  <si>
    <t>cg26790819</t>
  </si>
  <si>
    <t>cg26791266</t>
  </si>
  <si>
    <t>cg26791488</t>
  </si>
  <si>
    <t>cg26792089</t>
  </si>
  <si>
    <t>cg26795179</t>
  </si>
  <si>
    <t>cg26795346</t>
  </si>
  <si>
    <t>cg26796563</t>
  </si>
  <si>
    <t>cg26798688</t>
  </si>
  <si>
    <t>cg26799602</t>
  </si>
  <si>
    <t>cg26802333</t>
  </si>
  <si>
    <t>cg26804595</t>
  </si>
  <si>
    <t>cg26806527</t>
  </si>
  <si>
    <t>cg26807301</t>
  </si>
  <si>
    <t>cg26807340</t>
  </si>
  <si>
    <t>cg26807536</t>
  </si>
  <si>
    <t>cg26807731</t>
  </si>
  <si>
    <t>cg26808293</t>
  </si>
  <si>
    <t>cg26809868</t>
  </si>
  <si>
    <t>cg26809911</t>
  </si>
  <si>
    <t>cg26810767</t>
  </si>
  <si>
    <t>cg26811252</t>
  </si>
  <si>
    <t>cg26811425</t>
  </si>
  <si>
    <t>cg26812486</t>
  </si>
  <si>
    <t>cg26818159</t>
  </si>
  <si>
    <t>cg26819611</t>
  </si>
  <si>
    <t>cg26821137</t>
  </si>
  <si>
    <t>cg26821542</t>
  </si>
  <si>
    <t>cg26822161</t>
  </si>
  <si>
    <t>cg26824423</t>
  </si>
  <si>
    <t>cg26824780</t>
  </si>
  <si>
    <t>cg26824826</t>
  </si>
  <si>
    <t>cg26826077</t>
  </si>
  <si>
    <t>cg26828643</t>
  </si>
  <si>
    <t>cg26831220</t>
  </si>
  <si>
    <t>cg26831730</t>
  </si>
  <si>
    <t>cg26833781</t>
  </si>
  <si>
    <t>cg26834627</t>
  </si>
  <si>
    <t>cg26835520</t>
  </si>
  <si>
    <t>cg26835675</t>
  </si>
  <si>
    <t>cg26840146</t>
  </si>
  <si>
    <t>cg26840798</t>
  </si>
  <si>
    <t>cg26843750</t>
  </si>
  <si>
    <t>cg26843872</t>
  </si>
  <si>
    <t>cg26844077</t>
  </si>
  <si>
    <t>cg26844180</t>
  </si>
  <si>
    <t>cg26846864</t>
  </si>
  <si>
    <t>cg26851141</t>
  </si>
  <si>
    <t>cg26857370</t>
  </si>
  <si>
    <t>cg26860120</t>
  </si>
  <si>
    <t>cg26863821</t>
  </si>
  <si>
    <t>cg26863864</t>
  </si>
  <si>
    <t>cg26864012</t>
  </si>
  <si>
    <t>cg26870771</t>
  </si>
  <si>
    <t>cg26871973</t>
  </si>
  <si>
    <t>cg26873644</t>
  </si>
  <si>
    <t>cg26874282</t>
  </si>
  <si>
    <t>cg26876114</t>
  </si>
  <si>
    <t>cg26877374</t>
  </si>
  <si>
    <t>cg26879059</t>
  </si>
  <si>
    <t>cg26879339</t>
  </si>
  <si>
    <t>cg26884345</t>
  </si>
  <si>
    <t>cg26884787</t>
  </si>
  <si>
    <t>cg26887084</t>
  </si>
  <si>
    <t>cg26888630</t>
  </si>
  <si>
    <t>cg26891211</t>
  </si>
  <si>
    <t>cg26892635</t>
  </si>
  <si>
    <t>cg26894841</t>
  </si>
  <si>
    <t>cg26895931</t>
  </si>
  <si>
    <t>cg26897283</t>
  </si>
  <si>
    <t>cg26899496</t>
  </si>
  <si>
    <t>cg26899718</t>
  </si>
  <si>
    <t>cg26900146</t>
  </si>
  <si>
    <t>cg26901352</t>
  </si>
  <si>
    <t>cg26904991</t>
  </si>
  <si>
    <t>cg26906639</t>
  </si>
  <si>
    <t>cg26907472</t>
  </si>
  <si>
    <t>cg26907768</t>
  </si>
  <si>
    <t>cg26909217</t>
  </si>
  <si>
    <t>cg26909864</t>
  </si>
  <si>
    <t>cg26912105</t>
  </si>
  <si>
    <t>cg26912222</t>
  </si>
  <si>
    <t>cg26915318</t>
  </si>
  <si>
    <t>cg26915870</t>
  </si>
  <si>
    <t>cg26916871</t>
  </si>
  <si>
    <t>cg26918062</t>
  </si>
  <si>
    <t>cg26918305</t>
  </si>
  <si>
    <t>cg26919014</t>
  </si>
  <si>
    <t>cg26920007</t>
  </si>
  <si>
    <t>cg26920864</t>
  </si>
  <si>
    <t>cg26923045</t>
  </si>
  <si>
    <t>cg26924825</t>
  </si>
  <si>
    <t>cg26927230</t>
  </si>
  <si>
    <t>cg26927427</t>
  </si>
  <si>
    <t>cg26927547</t>
  </si>
  <si>
    <t>cg26928467</t>
  </si>
  <si>
    <t>cg26929163</t>
  </si>
  <si>
    <t>cg26931527</t>
  </si>
  <si>
    <t>cg26933686</t>
  </si>
  <si>
    <t>cg26937772</t>
  </si>
  <si>
    <t>cg26937798</t>
  </si>
  <si>
    <t>cg26937912</t>
  </si>
  <si>
    <t>cg26940847</t>
  </si>
  <si>
    <t>cg26941368</t>
  </si>
  <si>
    <t>cg26943759</t>
  </si>
  <si>
    <t>cg26945349</t>
  </si>
  <si>
    <t>cg26945823</t>
  </si>
  <si>
    <t>cg26946905</t>
  </si>
  <si>
    <t>cg26948660</t>
  </si>
  <si>
    <t>cg26948823</t>
  </si>
  <si>
    <t>cg26949037</t>
  </si>
  <si>
    <t>cg26950652</t>
  </si>
  <si>
    <t>cg26954174</t>
  </si>
  <si>
    <t>cg26955755</t>
  </si>
  <si>
    <t>cg26955845</t>
  </si>
  <si>
    <t>cg26956007</t>
  </si>
  <si>
    <t>cg26957095</t>
  </si>
  <si>
    <t>cg26957405</t>
  </si>
  <si>
    <t>cg26957471</t>
  </si>
  <si>
    <t>cg26958026</t>
  </si>
  <si>
    <t>cg26958524</t>
  </si>
  <si>
    <t>cg26960012</t>
  </si>
  <si>
    <t>cg26962295</t>
  </si>
  <si>
    <t>cg26963397</t>
  </si>
  <si>
    <t>cg26963632</t>
  </si>
  <si>
    <t>cg26964426</t>
  </si>
  <si>
    <t>cg26967755</t>
  </si>
  <si>
    <t>cg26968748</t>
  </si>
  <si>
    <t>cg26973018</t>
  </si>
  <si>
    <t>cg26974444</t>
  </si>
  <si>
    <t>cg26974880</t>
  </si>
  <si>
    <t>cg26976078</t>
  </si>
  <si>
    <t>cg26978960</t>
  </si>
  <si>
    <t>cg26979044</t>
  </si>
  <si>
    <t>cg26979172</t>
  </si>
  <si>
    <t>cg26979197</t>
  </si>
  <si>
    <t>cg26980987</t>
  </si>
  <si>
    <t>cg26983731</t>
  </si>
  <si>
    <t>cg26983744</t>
  </si>
  <si>
    <t>cg26984682</t>
  </si>
  <si>
    <t>cg26985658</t>
  </si>
  <si>
    <t>cg26985681</t>
  </si>
  <si>
    <t>cg26988253</t>
  </si>
  <si>
    <t>cg26988423</t>
  </si>
  <si>
    <t>cg26988853</t>
  </si>
  <si>
    <t>cg26988922</t>
  </si>
  <si>
    <t>cg26988988</t>
  </si>
  <si>
    <t>cg26990835</t>
  </si>
  <si>
    <t>cg26998078</t>
  </si>
  <si>
    <t>cg26999933</t>
  </si>
  <si>
    <t>cg27000120</t>
  </si>
  <si>
    <t>cg27000853</t>
  </si>
  <si>
    <t>cg27004640</t>
  </si>
  <si>
    <t>cg27004760</t>
  </si>
  <si>
    <t>cg27004870</t>
  </si>
  <si>
    <t>cg27004975</t>
  </si>
  <si>
    <t>cg27005053</t>
  </si>
  <si>
    <t>cg27007439</t>
  </si>
  <si>
    <t>cg27009392</t>
  </si>
  <si>
    <t>cg27009501</t>
  </si>
  <si>
    <t>cg27009556</t>
  </si>
  <si>
    <t>cg27009812</t>
  </si>
  <si>
    <t>cg27010576</t>
  </si>
  <si>
    <t>cg27013931</t>
  </si>
  <si>
    <t>cg27015931</t>
  </si>
  <si>
    <t>cg27016776</t>
  </si>
  <si>
    <t>cg27017172</t>
  </si>
  <si>
    <t>cg27017414</t>
  </si>
  <si>
    <t>cg27018309</t>
  </si>
  <si>
    <t>cg27021131</t>
  </si>
  <si>
    <t>cg27024272</t>
  </si>
  <si>
    <t>cg27025387</t>
  </si>
  <si>
    <t>cg27027055</t>
  </si>
  <si>
    <t>cg27027151</t>
  </si>
  <si>
    <t>cg27027763</t>
  </si>
  <si>
    <t>cg27029744</t>
  </si>
  <si>
    <t>cg27034568</t>
  </si>
  <si>
    <t>cg27035480</t>
  </si>
  <si>
    <t>cg27038002</t>
  </si>
  <si>
    <t>cg27038101</t>
  </si>
  <si>
    <t>cg27038676</t>
  </si>
  <si>
    <t>cg27040030</t>
  </si>
  <si>
    <t>cg27040583</t>
  </si>
  <si>
    <t>cg27040709</t>
  </si>
  <si>
    <t>cg27045405</t>
  </si>
  <si>
    <t>cg27045723</t>
  </si>
  <si>
    <t>cg27047406</t>
  </si>
  <si>
    <t>cg27050111</t>
  </si>
  <si>
    <t>cg27050730</t>
  </si>
  <si>
    <t>cg27052344</t>
  </si>
  <si>
    <t>cg27054162</t>
  </si>
  <si>
    <t>cg27054524</t>
  </si>
  <si>
    <t>cg27057022</t>
  </si>
  <si>
    <t>cg27058702</t>
  </si>
  <si>
    <t>cg27059225</t>
  </si>
  <si>
    <t>cg27059379</t>
  </si>
  <si>
    <t>cg27060386</t>
  </si>
  <si>
    <t>cg27060831</t>
  </si>
  <si>
    <t>cg27061485</t>
  </si>
  <si>
    <t>cg27062578</t>
  </si>
  <si>
    <t>cg27062617</t>
  </si>
  <si>
    <t>cg27063540</t>
  </si>
  <si>
    <t>cg27065717</t>
  </si>
  <si>
    <t>cg27065876</t>
  </si>
  <si>
    <t>cg27067612</t>
  </si>
  <si>
    <t>cg27068539</t>
  </si>
  <si>
    <t>cg27072012</t>
  </si>
  <si>
    <t>cg27072212</t>
  </si>
  <si>
    <t>cg27075654</t>
  </si>
  <si>
    <t>cg27076552</t>
  </si>
  <si>
    <t>cg27077070</t>
  </si>
  <si>
    <t>cg27077685</t>
  </si>
  <si>
    <t>cg27077773</t>
  </si>
  <si>
    <t>cg27078786</t>
  </si>
  <si>
    <t>cg27078927</t>
  </si>
  <si>
    <t>cg27080259</t>
  </si>
  <si>
    <t>cg27081230</t>
  </si>
  <si>
    <t>cg27083344</t>
  </si>
  <si>
    <t>cg27083740</t>
  </si>
  <si>
    <t>cg27085821</t>
  </si>
  <si>
    <t>cg27087781</t>
  </si>
  <si>
    <t>cg27088726</t>
  </si>
  <si>
    <t>cg27090678</t>
  </si>
  <si>
    <t>cg27093871</t>
  </si>
  <si>
    <t>cg27093912</t>
  </si>
  <si>
    <t>cg27093918</t>
  </si>
  <si>
    <t>cg27094376</t>
  </si>
  <si>
    <t>cg27097542</t>
  </si>
  <si>
    <t>cg27097660</t>
  </si>
  <si>
    <t>cg27102297</t>
  </si>
  <si>
    <t>cg27102864</t>
  </si>
  <si>
    <t>cg27103083</t>
  </si>
  <si>
    <t>cg27105218</t>
  </si>
  <si>
    <t>cg27106909</t>
  </si>
  <si>
    <t>cg27107485</t>
  </si>
  <si>
    <t>cg27112795</t>
  </si>
  <si>
    <t>cg27113347</t>
  </si>
  <si>
    <t>cg27116046</t>
  </si>
  <si>
    <t>cg27116061</t>
  </si>
  <si>
    <t>cg27116253</t>
  </si>
  <si>
    <t>cg27117679</t>
  </si>
  <si>
    <t>cg27118035</t>
  </si>
  <si>
    <t>cg27119004</t>
  </si>
  <si>
    <t>cg27122536</t>
  </si>
  <si>
    <t>cg27123273</t>
  </si>
  <si>
    <t>cg27124512</t>
  </si>
  <si>
    <t>cg27129984</t>
  </si>
  <si>
    <t>cg27130176</t>
  </si>
  <si>
    <t>cg27130954</t>
  </si>
  <si>
    <t>cg27131667</t>
  </si>
  <si>
    <t>cg27132152</t>
  </si>
  <si>
    <t>cg27136547</t>
  </si>
  <si>
    <t>cg27136643</t>
  </si>
  <si>
    <t>cg27141345</t>
  </si>
  <si>
    <t>cg27144055</t>
  </si>
  <si>
    <t>cg27144592</t>
  </si>
  <si>
    <t>cg27145042</t>
  </si>
  <si>
    <t>cg27146356</t>
  </si>
  <si>
    <t>cg27146574</t>
  </si>
  <si>
    <t>cg27148800</t>
  </si>
  <si>
    <t>cg27150412</t>
  </si>
  <si>
    <t>cg27150460</t>
  </si>
  <si>
    <t>cg27151174</t>
  </si>
  <si>
    <t>cg27151362</t>
  </si>
  <si>
    <t>cg27152190</t>
  </si>
  <si>
    <t>cg27156466</t>
  </si>
  <si>
    <t>cg27159096</t>
  </si>
  <si>
    <t>cg27159695</t>
  </si>
  <si>
    <t>cg27160920</t>
  </si>
  <si>
    <t>cg27161340</t>
  </si>
  <si>
    <t>cg27163800</t>
  </si>
  <si>
    <t>cg27165324</t>
  </si>
  <si>
    <t>cg27166767</t>
  </si>
  <si>
    <t>cg27168073</t>
  </si>
  <si>
    <t>cg27168443</t>
  </si>
  <si>
    <t>cg27170015</t>
  </si>
  <si>
    <t>cg27170206</t>
  </si>
  <si>
    <t>cg27176536</t>
  </si>
  <si>
    <t>cg27182019</t>
  </si>
  <si>
    <t>cg27182529</t>
  </si>
  <si>
    <t>cg27183823</t>
  </si>
  <si>
    <t>cg27186420</t>
  </si>
  <si>
    <t>cg27186878</t>
  </si>
  <si>
    <t>cg27189341</t>
  </si>
  <si>
    <t>cg27189533</t>
  </si>
  <si>
    <t>cg27189973</t>
  </si>
  <si>
    <t>cg27191520</t>
  </si>
  <si>
    <t>cg27193204</t>
  </si>
  <si>
    <t>cg27193519</t>
  </si>
  <si>
    <t>cg27195914</t>
  </si>
  <si>
    <t>cg27196102</t>
  </si>
  <si>
    <t>cg27196129</t>
  </si>
  <si>
    <t>cg27199811</t>
  </si>
  <si>
    <t>cg27202236</t>
  </si>
  <si>
    <t>cg27202913</t>
  </si>
  <si>
    <t>cg27206026</t>
  </si>
  <si>
    <t>cg27206321</t>
  </si>
  <si>
    <t>cg27206603</t>
  </si>
  <si>
    <t>cg27207776</t>
  </si>
  <si>
    <t>cg27208925</t>
  </si>
  <si>
    <t>cg27211781</t>
  </si>
  <si>
    <t>cg27216355</t>
  </si>
  <si>
    <t>cg27216788</t>
  </si>
  <si>
    <t>cg27217214</t>
  </si>
  <si>
    <t>cg27218484</t>
  </si>
  <si>
    <t>cg27219972</t>
  </si>
  <si>
    <t>cg27220660</t>
  </si>
  <si>
    <t>cg27225563</t>
  </si>
  <si>
    <t>cg27226538</t>
  </si>
  <si>
    <t>cg27227377</t>
  </si>
  <si>
    <t>cg27227804</t>
  </si>
  <si>
    <t>cg27228168</t>
  </si>
  <si>
    <t>cg27230472</t>
  </si>
  <si>
    <t>cg27233675</t>
  </si>
  <si>
    <t>cg27236096</t>
  </si>
  <si>
    <t>cg27237706</t>
  </si>
  <si>
    <t>cg27238547</t>
  </si>
  <si>
    <t>cg27239280</t>
  </si>
  <si>
    <t>cg27239473</t>
  </si>
  <si>
    <t>cg27241576</t>
  </si>
  <si>
    <t>cg27244120</t>
  </si>
  <si>
    <t>cg27245950</t>
  </si>
  <si>
    <t>cg27247807</t>
  </si>
  <si>
    <t>cg27247832</t>
  </si>
  <si>
    <t>cg27248189</t>
  </si>
  <si>
    <t>cg27248474</t>
  </si>
  <si>
    <t>cg27250362</t>
  </si>
  <si>
    <t>cg27256528</t>
  </si>
  <si>
    <t>cg27257453</t>
  </si>
  <si>
    <t>cg27258283</t>
  </si>
  <si>
    <t>cg27260684</t>
  </si>
  <si>
    <t>cg27261665</t>
  </si>
  <si>
    <t>cg27264484</t>
  </si>
  <si>
    <t>cg27265032</t>
  </si>
  <si>
    <t>cg27265499</t>
  </si>
  <si>
    <t>cg27269561</t>
  </si>
  <si>
    <t>cg27276487</t>
  </si>
  <si>
    <t>cg27277532</t>
  </si>
  <si>
    <t>cg27277974</t>
  </si>
  <si>
    <t>cg27279620</t>
  </si>
  <si>
    <t>cg27281036</t>
  </si>
  <si>
    <t>cg27292079</t>
  </si>
  <si>
    <t>cg27294701</t>
  </si>
  <si>
    <t>cg27295595</t>
  </si>
  <si>
    <t>cg27296119</t>
  </si>
  <si>
    <t>cg27297033</t>
  </si>
  <si>
    <t>cg27297318</t>
  </si>
  <si>
    <t>cg27298262</t>
  </si>
  <si>
    <t>cg27298570</t>
  </si>
  <si>
    <t>cg27300957</t>
  </si>
  <si>
    <t>cg27302229</t>
  </si>
  <si>
    <t>cg27303746</t>
  </si>
  <si>
    <t>cg27308245</t>
  </si>
  <si>
    <t>cg27310963</t>
  </si>
  <si>
    <t>cg27311092</t>
  </si>
  <si>
    <t>cg27312049</t>
  </si>
  <si>
    <t>cg27312338</t>
  </si>
  <si>
    <t>cg27312986</t>
  </si>
  <si>
    <t>cg27313501</t>
  </si>
  <si>
    <t>cg27313933</t>
  </si>
  <si>
    <t>cg27315425</t>
  </si>
  <si>
    <t>cg27318087</t>
  </si>
  <si>
    <t>cg27319227</t>
  </si>
  <si>
    <t>cg27322071</t>
  </si>
  <si>
    <t>cg27322863</t>
  </si>
  <si>
    <t>cg27324785</t>
  </si>
  <si>
    <t>cg27326570</t>
  </si>
  <si>
    <t>cg27326750</t>
  </si>
  <si>
    <t>cg27327911</t>
  </si>
  <si>
    <t>cg27333952</t>
  </si>
  <si>
    <t>cg27334740</t>
  </si>
  <si>
    <t>cg27338302</t>
  </si>
  <si>
    <t>cg27340796</t>
  </si>
  <si>
    <t>cg27341915</t>
  </si>
  <si>
    <t>cg27350356</t>
  </si>
  <si>
    <t>cg27351691</t>
  </si>
  <si>
    <t>cg27352156</t>
  </si>
  <si>
    <t>cg27355006</t>
  </si>
  <si>
    <t>cg27359279</t>
  </si>
  <si>
    <t>cg27362718</t>
  </si>
  <si>
    <t>cg27364780</t>
  </si>
  <si>
    <t>cg27366775</t>
  </si>
  <si>
    <t>cg27366891</t>
  </si>
  <si>
    <t>cg27367615</t>
  </si>
  <si>
    <t>cg27370229</t>
  </si>
  <si>
    <t>cg27372015</t>
  </si>
  <si>
    <t>cg27373845</t>
  </si>
  <si>
    <t>cg27378890</t>
  </si>
  <si>
    <t>cg27381488</t>
  </si>
  <si>
    <t>cg27384342</t>
  </si>
  <si>
    <t>cg27391470</t>
  </si>
  <si>
    <t>cg27399753</t>
  </si>
  <si>
    <t>cg27400746</t>
  </si>
  <si>
    <t>cg27400956</t>
  </si>
  <si>
    <t>cg27401543</t>
  </si>
  <si>
    <t>cg27401698</t>
  </si>
  <si>
    <t>cg27404181</t>
  </si>
  <si>
    <t>cg27405010</t>
  </si>
  <si>
    <t>cg27405086</t>
  </si>
  <si>
    <t>cg27406919</t>
  </si>
  <si>
    <t>cg27407707</t>
  </si>
  <si>
    <t>cg27409761</t>
  </si>
  <si>
    <t>cg27409771</t>
  </si>
  <si>
    <t>cg27410383</t>
  </si>
  <si>
    <t>cg27413008</t>
  </si>
  <si>
    <t>cg27414087</t>
  </si>
  <si>
    <t>cg27414860</t>
  </si>
  <si>
    <t>cg27417609</t>
  </si>
  <si>
    <t>cg27418099</t>
  </si>
  <si>
    <t>cg27423238</t>
  </si>
  <si>
    <t>cg27424148</t>
  </si>
  <si>
    <t>cg27424741</t>
  </si>
  <si>
    <t>cg27424853</t>
  </si>
  <si>
    <t>cg27429832</t>
  </si>
  <si>
    <t>cg27430293</t>
  </si>
  <si>
    <t>cg27431150</t>
  </si>
  <si>
    <t>cg27434245</t>
  </si>
  <si>
    <t>cg27437413</t>
  </si>
  <si>
    <t>cg27437445</t>
  </si>
  <si>
    <t>cg27438754</t>
  </si>
  <si>
    <t>cg27438841</t>
  </si>
  <si>
    <t>cg27439480</t>
  </si>
  <si>
    <t>cg27439964</t>
  </si>
  <si>
    <t>cg27440995</t>
  </si>
  <si>
    <t>cg27444994</t>
  </si>
  <si>
    <t>cg27445072</t>
  </si>
  <si>
    <t>cg27449255</t>
  </si>
  <si>
    <t>cg27452732</t>
  </si>
  <si>
    <t>cg27453301</t>
  </si>
  <si>
    <t>cg27453745</t>
  </si>
  <si>
    <t>cg27458265</t>
  </si>
  <si>
    <t>cg27459121</t>
  </si>
  <si>
    <t>cg27459353</t>
  </si>
  <si>
    <t>cg27459981</t>
  </si>
  <si>
    <t>cg27460547</t>
  </si>
  <si>
    <t>cg27463141</t>
  </si>
  <si>
    <t>cg27463515</t>
  </si>
  <si>
    <t>cg27463749</t>
  </si>
  <si>
    <t>cg27464378</t>
  </si>
  <si>
    <t>cg27465746</t>
  </si>
  <si>
    <t>cg27466999</t>
  </si>
  <si>
    <t>cg27467516</t>
  </si>
  <si>
    <t>cg27471989</t>
  </si>
  <si>
    <t>cg27473355</t>
  </si>
  <si>
    <t>cg27485402</t>
  </si>
  <si>
    <t>cg27485411</t>
  </si>
  <si>
    <t>cg27486766</t>
  </si>
  <si>
    <t>cg27487704</t>
  </si>
  <si>
    <t>cg27487931</t>
  </si>
  <si>
    <t>cg27493186</t>
  </si>
  <si>
    <t>cg27493345</t>
  </si>
  <si>
    <t>cg27498751</t>
  </si>
  <si>
    <t>cg27499941</t>
  </si>
  <si>
    <t>cg27500027</t>
  </si>
  <si>
    <t>cg27501380</t>
  </si>
  <si>
    <t>cg27501612</t>
  </si>
  <si>
    <t>cg27503736</t>
  </si>
  <si>
    <t>cg27505745</t>
  </si>
  <si>
    <t>cg27506889</t>
  </si>
  <si>
    <t>cg27507725</t>
  </si>
  <si>
    <t>cg27512502</t>
  </si>
  <si>
    <t>cg27513331</t>
  </si>
  <si>
    <t>cg27514538</t>
  </si>
  <si>
    <t>cg27517281</t>
  </si>
  <si>
    <t>cg27518238</t>
  </si>
  <si>
    <t>cg27518602</t>
  </si>
  <si>
    <t>cg27518892</t>
  </si>
  <si>
    <t>cg27519828</t>
  </si>
  <si>
    <t>cg27520536</t>
  </si>
  <si>
    <t>cg27525876</t>
  </si>
  <si>
    <t>cg27529240</t>
  </si>
  <si>
    <t>cg27533454</t>
  </si>
  <si>
    <t>cg27537048</t>
  </si>
  <si>
    <t>cg27537453</t>
  </si>
  <si>
    <t>cg27539806</t>
  </si>
  <si>
    <t>cg27543431</t>
  </si>
  <si>
    <t>cg27543607</t>
  </si>
  <si>
    <t>cg27545630</t>
  </si>
  <si>
    <t>cg27546840</t>
  </si>
  <si>
    <t>cg27546911</t>
  </si>
  <si>
    <t>cg27547375</t>
  </si>
  <si>
    <t>cg27550441</t>
  </si>
  <si>
    <t>cg27552483</t>
  </si>
  <si>
    <t>cg27554649</t>
  </si>
  <si>
    <t>cg27558697</t>
  </si>
  <si>
    <t>cg27560818</t>
  </si>
  <si>
    <t>cg27560922</t>
  </si>
  <si>
    <t>cg27561818</t>
  </si>
  <si>
    <t>cg27565277</t>
  </si>
  <si>
    <t>cg27565609</t>
  </si>
  <si>
    <t>cg27565966</t>
  </si>
  <si>
    <t>cg27566948</t>
  </si>
  <si>
    <t>cg27570575</t>
  </si>
  <si>
    <t>cg27574817</t>
  </si>
  <si>
    <t>cg27575052</t>
  </si>
  <si>
    <t>cg27576209</t>
  </si>
  <si>
    <t>cg27576259</t>
  </si>
  <si>
    <t>cg27578227</t>
  </si>
  <si>
    <t>cg27578637</t>
  </si>
  <si>
    <t>cg27580261</t>
  </si>
  <si>
    <t>cg27581721</t>
  </si>
  <si>
    <t>cg27583026</t>
  </si>
  <si>
    <t>cg27583149</t>
  </si>
  <si>
    <t>cg27583220</t>
  </si>
  <si>
    <t>cg27584980</t>
  </si>
  <si>
    <t>cg27586417</t>
  </si>
  <si>
    <t>cg27587141</t>
  </si>
  <si>
    <t>cg27588083</t>
  </si>
  <si>
    <t>cg27588321</t>
  </si>
  <si>
    <t>cg27589654</t>
  </si>
  <si>
    <t>cg27592424</t>
  </si>
  <si>
    <t>cg27592568</t>
  </si>
  <si>
    <t>cg27593593</t>
  </si>
  <si>
    <t>cg27596890</t>
  </si>
  <si>
    <t>cg27599329</t>
  </si>
  <si>
    <t>cg27605307</t>
  </si>
  <si>
    <t>cg27605379</t>
  </si>
  <si>
    <t>cg27605414</t>
  </si>
  <si>
    <t>cg27608031</t>
  </si>
  <si>
    <t>cg27611810</t>
  </si>
  <si>
    <t>cg27612129</t>
  </si>
  <si>
    <t>cg27612447</t>
  </si>
  <si>
    <t>cg27614309</t>
  </si>
  <si>
    <t>cg27615603</t>
  </si>
  <si>
    <t>cg27618369</t>
  </si>
  <si>
    <t>cg27619813</t>
  </si>
  <si>
    <t>cg27620871</t>
  </si>
  <si>
    <t>cg27622625</t>
  </si>
  <si>
    <t>cg27624753</t>
  </si>
  <si>
    <t>cg27625401</t>
  </si>
  <si>
    <t>cg27626387</t>
  </si>
  <si>
    <t>cg27631766</t>
  </si>
  <si>
    <t>cg27631965</t>
  </si>
  <si>
    <t>cg27635470</t>
  </si>
  <si>
    <t>cg27635653</t>
  </si>
  <si>
    <t>cg27635976</t>
  </si>
  <si>
    <t>cg27636914</t>
  </si>
  <si>
    <t>cg27638036</t>
  </si>
  <si>
    <t>cg27638742</t>
  </si>
  <si>
    <t>cg27638778</t>
  </si>
  <si>
    <t>cg27639348</t>
  </si>
  <si>
    <t>cg27641820</t>
  </si>
  <si>
    <t>cg27641961</t>
  </si>
  <si>
    <t>cg27642062</t>
  </si>
  <si>
    <t>cg27646484</t>
  </si>
  <si>
    <t>cg27646699</t>
  </si>
  <si>
    <t>cg27647054</t>
  </si>
  <si>
    <t>cg27647755</t>
  </si>
  <si>
    <t>cg27657226</t>
  </si>
  <si>
    <t>cg27659768</t>
  </si>
  <si>
    <t>cg27660627</t>
  </si>
  <si>
    <t>cg27661175</t>
  </si>
  <si>
    <t>cg27662505</t>
  </si>
  <si>
    <t>cg27662639</t>
  </si>
  <si>
    <t>cg27663249</t>
  </si>
  <si>
    <t>ch.16.97779F</t>
  </si>
  <si>
    <t>ch.16.5395104F</t>
  </si>
  <si>
    <t>ch.16.13300564R</t>
  </si>
  <si>
    <t>ch.16.17742437R</t>
  </si>
  <si>
    <t>ch.16.700349R</t>
  </si>
  <si>
    <t>ch.16.723901F</t>
  </si>
  <si>
    <t>ch.16.725323R</t>
  </si>
  <si>
    <t>ch.16.726563F</t>
  </si>
  <si>
    <t>ch.16.46462247F</t>
  </si>
  <si>
    <t>ch.16.47020004F</t>
  </si>
  <si>
    <t>ch.16.1077096F</t>
  </si>
  <si>
    <t>ch.16.53179517R</t>
  </si>
  <si>
    <t>ch.16.1230298R</t>
  </si>
  <si>
    <t>ch.16.1297555R</t>
  </si>
  <si>
    <t>ch.16.64814095R</t>
  </si>
  <si>
    <t>ch.16.1486373F</t>
  </si>
  <si>
    <t>ch.16.1565572R</t>
  </si>
  <si>
    <t>ch.16.1914550R</t>
  </si>
  <si>
    <t>ch.16.82416228R</t>
  </si>
  <si>
    <t>ch.16.82520294R</t>
  </si>
  <si>
    <t>ch.16.83989841F</t>
  </si>
  <si>
    <t>ch.16.84131625R</t>
  </si>
  <si>
    <t>ch.16.85413264R</t>
  </si>
  <si>
    <t>cg00003784</t>
  </si>
  <si>
    <t>cg00004089</t>
  </si>
  <si>
    <t>cg00005437</t>
  </si>
  <si>
    <t>cg00012920</t>
  </si>
  <si>
    <t>cg00017271</t>
  </si>
  <si>
    <t>cg00021030</t>
  </si>
  <si>
    <t>cg00021527</t>
  </si>
  <si>
    <t>cg00021540</t>
  </si>
  <si>
    <t>cg00022871</t>
  </si>
  <si>
    <t>cg00023001</t>
  </si>
  <si>
    <t>cg00025795</t>
  </si>
  <si>
    <t>cg00025823</t>
  </si>
  <si>
    <t>cg00027669</t>
  </si>
  <si>
    <t>cg00029233</t>
  </si>
  <si>
    <t>cg00029678</t>
  </si>
  <si>
    <t>cg00029973</t>
  </si>
  <si>
    <t>cg00030296</t>
  </si>
  <si>
    <t>cg00031013</t>
  </si>
  <si>
    <t>cg00031162</t>
  </si>
  <si>
    <t>cg00036723</t>
  </si>
  <si>
    <t>cg00039147</t>
  </si>
  <si>
    <t>cg00039480</t>
  </si>
  <si>
    <t>cg00041328</t>
  </si>
  <si>
    <t>cg00042837</t>
  </si>
  <si>
    <t>cg00047338</t>
  </si>
  <si>
    <t>cg00048746</t>
  </si>
  <si>
    <t>cg00049411</t>
  </si>
  <si>
    <t>cg00050224</t>
  </si>
  <si>
    <t>cg00050312</t>
  </si>
  <si>
    <t>cg00053292</t>
  </si>
  <si>
    <t>cg00053373</t>
  </si>
  <si>
    <t>cg00054791</t>
  </si>
  <si>
    <t>cg00055529</t>
  </si>
  <si>
    <t>cg00057966</t>
  </si>
  <si>
    <t>cg00058644</t>
  </si>
  <si>
    <t>cg00059309</t>
  </si>
  <si>
    <t>cg00060287</t>
  </si>
  <si>
    <t>cg00061306</t>
  </si>
  <si>
    <t>cg00061635</t>
  </si>
  <si>
    <t>cg00061695</t>
  </si>
  <si>
    <t>cg00061989</t>
  </si>
  <si>
    <t>cg00062245</t>
  </si>
  <si>
    <t>cg00063144</t>
  </si>
  <si>
    <t>cg00064950</t>
  </si>
  <si>
    <t>cg00066239</t>
  </si>
  <si>
    <t>cg00066663</t>
  </si>
  <si>
    <t>cg00070908</t>
  </si>
  <si>
    <t>cg00072720</t>
  </si>
  <si>
    <t>cg00073010</t>
  </si>
  <si>
    <t>cg00075507</t>
  </si>
  <si>
    <t>cg00080125</t>
  </si>
  <si>
    <t>cg00081324</t>
  </si>
  <si>
    <t>cg00085430</t>
  </si>
  <si>
    <t>cg00085732</t>
  </si>
  <si>
    <t>cg00085747</t>
  </si>
  <si>
    <t>cg00092235</t>
  </si>
  <si>
    <t>cg00093095</t>
  </si>
  <si>
    <t>cg00093177</t>
  </si>
  <si>
    <t>cg00093354</t>
  </si>
  <si>
    <t>cg00094739</t>
  </si>
  <si>
    <t>cg00095333</t>
  </si>
  <si>
    <t>cg00097450</t>
  </si>
  <si>
    <t>cg00099306</t>
  </si>
  <si>
    <t>cg00103783</t>
  </si>
  <si>
    <t>cg00112517</t>
  </si>
  <si>
    <t>cg00115747</t>
  </si>
  <si>
    <t>cg00117908</t>
  </si>
  <si>
    <t>cg00119314</t>
  </si>
  <si>
    <t>cg00119986</t>
  </si>
  <si>
    <t>cg00122765</t>
  </si>
  <si>
    <t>cg00126034</t>
  </si>
  <si>
    <t>cg00127591</t>
  </si>
  <si>
    <t>cg00133476</t>
  </si>
  <si>
    <t>cg00133857</t>
  </si>
  <si>
    <t>cg00135416</t>
  </si>
  <si>
    <t>cg00137839</t>
  </si>
  <si>
    <t>cg00138101</t>
  </si>
  <si>
    <t>cg00138525</t>
  </si>
  <si>
    <t>cg00141153</t>
  </si>
  <si>
    <t>cg00145103</t>
  </si>
  <si>
    <t>cg00145352</t>
  </si>
  <si>
    <t>cg00146837</t>
  </si>
  <si>
    <t>cg00146864</t>
  </si>
  <si>
    <t>cg00147244</t>
  </si>
  <si>
    <t>cg00148127</t>
  </si>
  <si>
    <t>cg00148325</t>
  </si>
  <si>
    <t>cg00151914</t>
  </si>
  <si>
    <t>cg00152259</t>
  </si>
  <si>
    <t>cg00158333</t>
  </si>
  <si>
    <t>cg00158789</t>
  </si>
  <si>
    <t>cg00163006</t>
  </si>
  <si>
    <t>cg00164282</t>
  </si>
  <si>
    <t>cg00169782</t>
  </si>
  <si>
    <t>cg00170188</t>
  </si>
  <si>
    <t>cg00170714</t>
  </si>
  <si>
    <t>cg00170973</t>
  </si>
  <si>
    <t>cg00174279</t>
  </si>
  <si>
    <t>cg00175441</t>
  </si>
  <si>
    <t>cg00176496</t>
  </si>
  <si>
    <t>cg00176835</t>
  </si>
  <si>
    <t>cg00177698</t>
  </si>
  <si>
    <t>cg00178635</t>
  </si>
  <si>
    <t>cg00182758</t>
  </si>
  <si>
    <t>cg00183916</t>
  </si>
  <si>
    <t>cg00184893</t>
  </si>
  <si>
    <t>cg00187671</t>
  </si>
  <si>
    <t>cg00190545</t>
  </si>
  <si>
    <t>cg00191882</t>
  </si>
  <si>
    <t>cg00192882</t>
  </si>
  <si>
    <t>cg00193613</t>
  </si>
  <si>
    <t>cg00194207</t>
  </si>
  <si>
    <t>cg00194780</t>
  </si>
  <si>
    <t>cg00195749</t>
  </si>
  <si>
    <t>cg00196407</t>
  </si>
  <si>
    <t>cg00196660</t>
  </si>
  <si>
    <t>cg00196787</t>
  </si>
  <si>
    <t>cg00197058</t>
  </si>
  <si>
    <t>cg00198729</t>
  </si>
  <si>
    <t>cg00200063</t>
  </si>
  <si>
    <t>cg00200645</t>
  </si>
  <si>
    <t>cg00202403</t>
  </si>
  <si>
    <t>cg00204159</t>
  </si>
  <si>
    <t>cg00206553</t>
  </si>
  <si>
    <t>cg00210016</t>
  </si>
  <si>
    <t>cg00210144</t>
  </si>
  <si>
    <t>cg00213295</t>
  </si>
  <si>
    <t>cg00214171</t>
  </si>
  <si>
    <t>cg00215350</t>
  </si>
  <si>
    <t>cg00215896</t>
  </si>
  <si>
    <t>cg00217055</t>
  </si>
  <si>
    <t>cg00218134</t>
  </si>
  <si>
    <t>cg00218893</t>
  </si>
  <si>
    <t>cg00221012</t>
  </si>
  <si>
    <t>cg00224234</t>
  </si>
  <si>
    <t>cg00230074</t>
  </si>
  <si>
    <t>cg00231405</t>
  </si>
  <si>
    <t>cg00233943</t>
  </si>
  <si>
    <t>cg00234467</t>
  </si>
  <si>
    <t>cg00235508</t>
  </si>
  <si>
    <t>cg00236576</t>
  </si>
  <si>
    <t>cg00236832</t>
  </si>
  <si>
    <t>cg00240569</t>
  </si>
  <si>
    <t>cg00242478</t>
  </si>
  <si>
    <t>cg00248828</t>
  </si>
  <si>
    <t>cg00248875</t>
  </si>
  <si>
    <t>cg00249503</t>
  </si>
  <si>
    <t>cg00258779</t>
  </si>
  <si>
    <t>cg00260201</t>
  </si>
  <si>
    <t>cg00260914</t>
  </si>
  <si>
    <t>cg00262054</t>
  </si>
  <si>
    <t>cg00264133</t>
  </si>
  <si>
    <t>cg00264994</t>
  </si>
  <si>
    <t>cg00265360</t>
  </si>
  <si>
    <t>cg00265783</t>
  </si>
  <si>
    <t>cg00268086</t>
  </si>
  <si>
    <t>cg00275557</t>
  </si>
  <si>
    <t>cg00277591</t>
  </si>
  <si>
    <t>cg00280220</t>
  </si>
  <si>
    <t>cg00282731</t>
  </si>
  <si>
    <t>cg00290483</t>
  </si>
  <si>
    <t>cg00298595</t>
  </si>
  <si>
    <t>cg00306284</t>
  </si>
  <si>
    <t>cg00309204</t>
  </si>
  <si>
    <t>cg00316420</t>
  </si>
  <si>
    <t>cg00318799</t>
  </si>
  <si>
    <t>cg00321007</t>
  </si>
  <si>
    <t>cg00323359</t>
  </si>
  <si>
    <t>cg00324097</t>
  </si>
  <si>
    <t>cg00333483</t>
  </si>
  <si>
    <t>cg00341606</t>
  </si>
  <si>
    <t>cg00343240</t>
  </si>
  <si>
    <t>cg00344577</t>
  </si>
  <si>
    <t>cg00344920</t>
  </si>
  <si>
    <t>cg00345656</t>
  </si>
  <si>
    <t>cg00347198</t>
  </si>
  <si>
    <t>cg00347630</t>
  </si>
  <si>
    <t>cg00349413</t>
  </si>
  <si>
    <t>cg00349599</t>
  </si>
  <si>
    <t>cg00349982</t>
  </si>
  <si>
    <t>cg00351781</t>
  </si>
  <si>
    <t>cg00351813</t>
  </si>
  <si>
    <t>cg00352360</t>
  </si>
  <si>
    <t>cg00352872</t>
  </si>
  <si>
    <t>cg00354884</t>
  </si>
  <si>
    <t>cg00355089</t>
  </si>
  <si>
    <t>cg00356694</t>
  </si>
  <si>
    <t>cg00365569</t>
  </si>
  <si>
    <t>cg00365670</t>
  </si>
  <si>
    <t>cg00367659</t>
  </si>
  <si>
    <t>cg00368973</t>
  </si>
  <si>
    <t>cg00371418</t>
  </si>
  <si>
    <t>cg00371593</t>
  </si>
  <si>
    <t>cg00374377</t>
  </si>
  <si>
    <t>cg00374717</t>
  </si>
  <si>
    <t>cg00376334</t>
  </si>
  <si>
    <t>cg00377320</t>
  </si>
  <si>
    <t>cg00378218</t>
  </si>
  <si>
    <t>cg00380428</t>
  </si>
  <si>
    <t>cg00380437</t>
  </si>
  <si>
    <t>cg00381541</t>
  </si>
  <si>
    <t>cg00405568</t>
  </si>
  <si>
    <t>cg00409104</t>
  </si>
  <si>
    <t>cg00411072</t>
  </si>
  <si>
    <t>cg00414171</t>
  </si>
  <si>
    <t>cg00416934</t>
  </si>
  <si>
    <t>cg00421205</t>
  </si>
  <si>
    <t>cg00426498</t>
  </si>
  <si>
    <t>cg00427260</t>
  </si>
  <si>
    <t>cg00427296</t>
  </si>
  <si>
    <t>cg00428624</t>
  </si>
  <si>
    <t>cg00429683</t>
  </si>
  <si>
    <t>cg00429862</t>
  </si>
  <si>
    <t>cg00433284</t>
  </si>
  <si>
    <t>cg00435064</t>
  </si>
  <si>
    <t>cg00435621</t>
  </si>
  <si>
    <t>cg00439089</t>
  </si>
  <si>
    <t>cg00439658</t>
  </si>
  <si>
    <t>cg00440980</t>
  </si>
  <si>
    <t>cg00441918</t>
  </si>
  <si>
    <t>cg00442174</t>
  </si>
  <si>
    <t>cg00442282</t>
  </si>
  <si>
    <t>cg00442670</t>
  </si>
  <si>
    <t>cg00443276</t>
  </si>
  <si>
    <t>cg00444151</t>
  </si>
  <si>
    <t>cg00445755</t>
  </si>
  <si>
    <t>cg00447208</t>
  </si>
  <si>
    <t>cg00449941</t>
  </si>
  <si>
    <t>cg00458274</t>
  </si>
  <si>
    <t>cg00458337</t>
  </si>
  <si>
    <t>cg00458965</t>
  </si>
  <si>
    <t>cg00459043</t>
  </si>
  <si>
    <t>cg00461015</t>
  </si>
  <si>
    <t>cg00462994</t>
  </si>
  <si>
    <t>cg00463485</t>
  </si>
  <si>
    <t>cg00463502</t>
  </si>
  <si>
    <t>cg00463594</t>
  </si>
  <si>
    <t>cg00463732</t>
  </si>
  <si>
    <t>cg00464269</t>
  </si>
  <si>
    <t>cg00464773</t>
  </si>
  <si>
    <t>cg00466249</t>
  </si>
  <si>
    <t>cg00469771</t>
  </si>
  <si>
    <t>cg00472276</t>
  </si>
  <si>
    <t>cg00472840</t>
  </si>
  <si>
    <t>cg00476896</t>
  </si>
  <si>
    <t>cg00480209</t>
  </si>
  <si>
    <t>cg00480298</t>
  </si>
  <si>
    <t>cg00483503</t>
  </si>
  <si>
    <t>cg00483990</t>
  </si>
  <si>
    <t>cg00492269</t>
  </si>
  <si>
    <t>cg00495570</t>
  </si>
  <si>
    <t>cg00496967</t>
  </si>
  <si>
    <t>cg00497630</t>
  </si>
  <si>
    <t>cg00498360</t>
  </si>
  <si>
    <t>cg00498401</t>
  </si>
  <si>
    <t>cg00499726</t>
  </si>
  <si>
    <t>cg00501366</t>
  </si>
  <si>
    <t>cg00502972</t>
  </si>
  <si>
    <t>cg00503321</t>
  </si>
  <si>
    <t>cg00504599</t>
  </si>
  <si>
    <t>cg00512374</t>
  </si>
  <si>
    <t>cg00515242</t>
  </si>
  <si>
    <t>cg00516222</t>
  </si>
  <si>
    <t>cg00516616</t>
  </si>
  <si>
    <t>cg00516870</t>
  </si>
  <si>
    <t>cg00516966</t>
  </si>
  <si>
    <t>cg00521464</t>
  </si>
  <si>
    <t>cg00523742</t>
  </si>
  <si>
    <t>cg00537203</t>
  </si>
  <si>
    <t>cg00538923</t>
  </si>
  <si>
    <t>cg00545916</t>
  </si>
  <si>
    <t>cg00547304</t>
  </si>
  <si>
    <t>cg00547829</t>
  </si>
  <si>
    <t>cg00549398</t>
  </si>
  <si>
    <t>cg00549475</t>
  </si>
  <si>
    <t>cg00550340</t>
  </si>
  <si>
    <t>cg00552168</t>
  </si>
  <si>
    <t>cg00553619</t>
  </si>
  <si>
    <t>cg00555538</t>
  </si>
  <si>
    <t>cg00562598</t>
  </si>
  <si>
    <t>cg00566997</t>
  </si>
  <si>
    <t>cg00572843</t>
  </si>
  <si>
    <t>cg00573963</t>
  </si>
  <si>
    <t>cg00576853</t>
  </si>
  <si>
    <t>cg00578638</t>
  </si>
  <si>
    <t>cg00582663</t>
  </si>
  <si>
    <t>cg00586275</t>
  </si>
  <si>
    <t>cg00586383</t>
  </si>
  <si>
    <t>cg00587523</t>
  </si>
  <si>
    <t>cg00588871</t>
  </si>
  <si>
    <t>cg00589639</t>
  </si>
  <si>
    <t>cg00591342</t>
  </si>
  <si>
    <t>cg00592510</t>
  </si>
  <si>
    <t>cg00594561</t>
  </si>
  <si>
    <t>cg00612225</t>
  </si>
  <si>
    <t>cg00614360</t>
  </si>
  <si>
    <t>cg00614617</t>
  </si>
  <si>
    <t>cg00614969</t>
  </si>
  <si>
    <t>cg00619158</t>
  </si>
  <si>
    <t>cg00619592</t>
  </si>
  <si>
    <t>cg00619630</t>
  </si>
  <si>
    <t>cg00625783</t>
  </si>
  <si>
    <t>cg00628375</t>
  </si>
  <si>
    <t>cg00634573</t>
  </si>
  <si>
    <t>cg00634714</t>
  </si>
  <si>
    <t>cg00638021</t>
  </si>
  <si>
    <t>cg00639041</t>
  </si>
  <si>
    <t>cg00639656</t>
  </si>
  <si>
    <t>cg00640147</t>
  </si>
  <si>
    <t>cg00644452</t>
  </si>
  <si>
    <t>cg00647820</t>
  </si>
  <si>
    <t>cg00650006</t>
  </si>
  <si>
    <t>cg00651005</t>
  </si>
  <si>
    <t>cg00654296</t>
  </si>
  <si>
    <t>cg00663986</t>
  </si>
  <si>
    <t>cg00666047</t>
  </si>
  <si>
    <t>cg00666559</t>
  </si>
  <si>
    <t>cg00666845</t>
  </si>
  <si>
    <t>cg00667035</t>
  </si>
  <si>
    <t>cg00672228</t>
  </si>
  <si>
    <t>cg00672574</t>
  </si>
  <si>
    <t>cg00679546</t>
  </si>
  <si>
    <t>cg00685795</t>
  </si>
  <si>
    <t>cg00685984</t>
  </si>
  <si>
    <t>cg00688810</t>
  </si>
  <si>
    <t>cg00689612</t>
  </si>
  <si>
    <t>cg00690082</t>
  </si>
  <si>
    <t>cg00690402</t>
  </si>
  <si>
    <t>cg00691948</t>
  </si>
  <si>
    <t>cg00692380</t>
  </si>
  <si>
    <t>cg00692610</t>
  </si>
  <si>
    <t>cg00692677</t>
  </si>
  <si>
    <t>cg00693172</t>
  </si>
  <si>
    <t>cg00698906</t>
  </si>
  <si>
    <t>cg00703445</t>
  </si>
  <si>
    <t>cg00703843</t>
  </si>
  <si>
    <t>cg00704970</t>
  </si>
  <si>
    <t>cg00711291</t>
  </si>
  <si>
    <t>cg00712356</t>
  </si>
  <si>
    <t>cg00713286</t>
  </si>
  <si>
    <t>cg00714713</t>
  </si>
  <si>
    <t>cg00714762</t>
  </si>
  <si>
    <t>cg00715050</t>
  </si>
  <si>
    <t>cg00715241</t>
  </si>
  <si>
    <t>cg00716562</t>
  </si>
  <si>
    <t>cg00717678</t>
  </si>
  <si>
    <t>cg00718414</t>
  </si>
  <si>
    <t>cg00718748</t>
  </si>
  <si>
    <t>cg00730441</t>
  </si>
  <si>
    <t>cg00731650</t>
  </si>
  <si>
    <t>cg00731691</t>
  </si>
  <si>
    <t>cg00732274</t>
  </si>
  <si>
    <t>cg00732428</t>
  </si>
  <si>
    <t>cg00734682</t>
  </si>
  <si>
    <t>cg00735218</t>
  </si>
  <si>
    <t>cg00735611</t>
  </si>
  <si>
    <t>cg00739155</t>
  </si>
  <si>
    <t>cg00739770</t>
  </si>
  <si>
    <t>cg00743081</t>
  </si>
  <si>
    <t>cg00747477</t>
  </si>
  <si>
    <t>cg00747739</t>
  </si>
  <si>
    <t>cg00748958</t>
  </si>
  <si>
    <t>cg00755287</t>
  </si>
  <si>
    <t>cg00755572</t>
  </si>
  <si>
    <t>cg00757207</t>
  </si>
  <si>
    <t>cg00758533</t>
  </si>
  <si>
    <t>cg00759043</t>
  </si>
  <si>
    <t>cg00760203</t>
  </si>
  <si>
    <t>cg00760490</t>
  </si>
  <si>
    <t>cg00760646</t>
  </si>
  <si>
    <t>cg00761755</t>
  </si>
  <si>
    <t>cg00776786</t>
  </si>
  <si>
    <t>cg00777063</t>
  </si>
  <si>
    <t>cg00777079</t>
  </si>
  <si>
    <t>cg00784759</t>
  </si>
  <si>
    <t>cg00790307</t>
  </si>
  <si>
    <t>cg00790461</t>
  </si>
  <si>
    <t>cg00794378</t>
  </si>
  <si>
    <t>cg00795277</t>
  </si>
  <si>
    <t>cg00795825</t>
  </si>
  <si>
    <t>cg00797477</t>
  </si>
  <si>
    <t>cg00797837</t>
  </si>
  <si>
    <t>cg00801196</t>
  </si>
  <si>
    <t>cg00801512</t>
  </si>
  <si>
    <t>cg00802224</t>
  </si>
  <si>
    <t>cg00803478</t>
  </si>
  <si>
    <t>cg00803816</t>
  </si>
  <si>
    <t>cg00804043</t>
  </si>
  <si>
    <t>cg00806198</t>
  </si>
  <si>
    <t>cg00808555</t>
  </si>
  <si>
    <t>cg00809820</t>
  </si>
  <si>
    <t>cg00810710</t>
  </si>
  <si>
    <t>cg00814918</t>
  </si>
  <si>
    <t>cg00817598</t>
  </si>
  <si>
    <t>cg00819788</t>
  </si>
  <si>
    <t>cg00819818</t>
  </si>
  <si>
    <t>cg00825497</t>
  </si>
  <si>
    <t>cg00825705</t>
  </si>
  <si>
    <t>cg00841090</t>
  </si>
  <si>
    <t>cg00842549</t>
  </si>
  <si>
    <t>cg00842595</t>
  </si>
  <si>
    <t>cg00842918</t>
  </si>
  <si>
    <t>cg00843416</t>
  </si>
  <si>
    <t>cg00844277</t>
  </si>
  <si>
    <t>cg00845370</t>
  </si>
  <si>
    <t>cg00846995</t>
  </si>
  <si>
    <t>cg00847221</t>
  </si>
  <si>
    <t>cg00848397</t>
  </si>
  <si>
    <t>cg00849610</t>
  </si>
  <si>
    <t>cg00849854</t>
  </si>
  <si>
    <t>cg00851173</t>
  </si>
  <si>
    <t>cg00852245</t>
  </si>
  <si>
    <t>cg00853068</t>
  </si>
  <si>
    <t>cg00855466</t>
  </si>
  <si>
    <t>cg00860225</t>
  </si>
  <si>
    <t>cg00864012</t>
  </si>
  <si>
    <t>cg00866186</t>
  </si>
  <si>
    <t>cg00866986</t>
  </si>
  <si>
    <t>cg00869632</t>
  </si>
  <si>
    <t>cg00871133</t>
  </si>
  <si>
    <t>cg00871371</t>
  </si>
  <si>
    <t>cg00873659</t>
  </si>
  <si>
    <t>cg00874073</t>
  </si>
  <si>
    <t>cg00876571</t>
  </si>
  <si>
    <t>cg00877620</t>
  </si>
  <si>
    <t>cg00885023</t>
  </si>
  <si>
    <t>cg00891191</t>
  </si>
  <si>
    <t>cg00891649</t>
  </si>
  <si>
    <t>cg00892798</t>
  </si>
  <si>
    <t>cg00897875</t>
  </si>
  <si>
    <t>cg00898111</t>
  </si>
  <si>
    <t>cg00899483</t>
  </si>
  <si>
    <t>cg00900933</t>
  </si>
  <si>
    <t>cg00901493</t>
  </si>
  <si>
    <t>cg00901687</t>
  </si>
  <si>
    <t>cg00901704</t>
  </si>
  <si>
    <t>cg00902417</t>
  </si>
  <si>
    <t>cg00902823</t>
  </si>
  <si>
    <t>cg00905220</t>
  </si>
  <si>
    <t>cg00906183</t>
  </si>
  <si>
    <t>cg00908292</t>
  </si>
  <si>
    <t>cg00910203</t>
  </si>
  <si>
    <t>cg00910844</t>
  </si>
  <si>
    <t>cg00912149</t>
  </si>
  <si>
    <t>cg00913879</t>
  </si>
  <si>
    <t>cg00914963</t>
  </si>
  <si>
    <t>cg00915372</t>
  </si>
  <si>
    <t>cg00917181</t>
  </si>
  <si>
    <t>cg00925620</t>
  </si>
  <si>
    <t>cg00927777</t>
  </si>
  <si>
    <t>cg00930890</t>
  </si>
  <si>
    <t>cg00933182</t>
  </si>
  <si>
    <t>cg00936907</t>
  </si>
  <si>
    <t>cg00938453</t>
  </si>
  <si>
    <t>cg00938816</t>
  </si>
  <si>
    <t>cg00940380</t>
  </si>
  <si>
    <t>cg00945038</t>
  </si>
  <si>
    <t>cg00945663</t>
  </si>
  <si>
    <t>cg00946187</t>
  </si>
  <si>
    <t>cg00947319</t>
  </si>
  <si>
    <t>cg00949639</t>
  </si>
  <si>
    <t>cg00951085</t>
  </si>
  <si>
    <t>cg00953825</t>
  </si>
  <si>
    <t>cg00956759</t>
  </si>
  <si>
    <t>cg00957480</t>
  </si>
  <si>
    <t>cg00957505</t>
  </si>
  <si>
    <t>cg00960395</t>
  </si>
  <si>
    <t>cg00964751</t>
  </si>
  <si>
    <t>cg00964908</t>
  </si>
  <si>
    <t>cg00966411</t>
  </si>
  <si>
    <t>cg00968616</t>
  </si>
  <si>
    <t>cg00968930</t>
  </si>
  <si>
    <t>cg00969565</t>
  </si>
  <si>
    <t>cg00975605</t>
  </si>
  <si>
    <t>cg00976054</t>
  </si>
  <si>
    <t>cg00977744</t>
  </si>
  <si>
    <t>cg00980674</t>
  </si>
  <si>
    <t>cg00980784</t>
  </si>
  <si>
    <t>cg00984997</t>
  </si>
  <si>
    <t>cg00994583</t>
  </si>
  <si>
    <t>cg00996258</t>
  </si>
  <si>
    <t>cg01000996</t>
  </si>
  <si>
    <t>cg01007665</t>
  </si>
  <si>
    <t>cg01013054</t>
  </si>
  <si>
    <t>cg01013324</t>
  </si>
  <si>
    <t>cg01013365</t>
  </si>
  <si>
    <t>cg01015354</t>
  </si>
  <si>
    <t>cg01019746</t>
  </si>
  <si>
    <t>cg01019770</t>
  </si>
  <si>
    <t>cg01021184</t>
  </si>
  <si>
    <t>cg01022859</t>
  </si>
  <si>
    <t>cg01029592</t>
  </si>
  <si>
    <t>cg01037683</t>
  </si>
  <si>
    <t>cg01039117</t>
  </si>
  <si>
    <t>cg01040062</t>
  </si>
  <si>
    <t>cg01040259</t>
  </si>
  <si>
    <t>cg01040719</t>
  </si>
  <si>
    <t>cg01042368</t>
  </si>
  <si>
    <t>cg01045118</t>
  </si>
  <si>
    <t>cg01046511</t>
  </si>
  <si>
    <t>cg01054938</t>
  </si>
  <si>
    <t>cg01055579</t>
  </si>
  <si>
    <t>cg01059047</t>
  </si>
  <si>
    <t>cg01059731</t>
  </si>
  <si>
    <t>cg01059818</t>
  </si>
  <si>
    <t>cg01060952</t>
  </si>
  <si>
    <t>cg01061944</t>
  </si>
  <si>
    <t>cg01062519</t>
  </si>
  <si>
    <t>cg01065960</t>
  </si>
  <si>
    <t>cg01066451</t>
  </si>
  <si>
    <t>cg01067062</t>
  </si>
  <si>
    <t>cg01069466</t>
  </si>
  <si>
    <t>cg01069941</t>
  </si>
  <si>
    <t>cg01070903</t>
  </si>
  <si>
    <t>cg01076459</t>
  </si>
  <si>
    <t>cg01084215</t>
  </si>
  <si>
    <t>cg01094683</t>
  </si>
  <si>
    <t>cg01098886</t>
  </si>
  <si>
    <t>cg01105802</t>
  </si>
  <si>
    <t>cg01107136</t>
  </si>
  <si>
    <t>cg01107903</t>
  </si>
  <si>
    <t>cg01109180</t>
  </si>
  <si>
    <t>cg01117705</t>
  </si>
  <si>
    <t>cg01120173</t>
  </si>
  <si>
    <t>cg01123186</t>
  </si>
  <si>
    <t>cg01123729</t>
  </si>
  <si>
    <t>cg01131735</t>
  </si>
  <si>
    <t>cg01132515</t>
  </si>
  <si>
    <t>cg01132579</t>
  </si>
  <si>
    <t>cg01133099</t>
  </si>
  <si>
    <t>cg01134637</t>
  </si>
  <si>
    <t>cg01136380</t>
  </si>
  <si>
    <t>cg01137065</t>
  </si>
  <si>
    <t>cg01138020</t>
  </si>
  <si>
    <t>cg01141580</t>
  </si>
  <si>
    <t>cg01143579</t>
  </si>
  <si>
    <t>cg01146514</t>
  </si>
  <si>
    <t>cg01147923</t>
  </si>
  <si>
    <t>cg01148127</t>
  </si>
  <si>
    <t>cg01152168</t>
  </si>
  <si>
    <t>cg01154849</t>
  </si>
  <si>
    <t>cg01155404</t>
  </si>
  <si>
    <t>cg01155847</t>
  </si>
  <si>
    <t>cg01156834</t>
  </si>
  <si>
    <t>cg01158079</t>
  </si>
  <si>
    <t>cg01159097</t>
  </si>
  <si>
    <t>cg01160311</t>
  </si>
  <si>
    <t>cg01160692</t>
  </si>
  <si>
    <t>cg01163049</t>
  </si>
  <si>
    <t>cg01172338</t>
  </si>
  <si>
    <t>cg01182926</t>
  </si>
  <si>
    <t>cg01190637</t>
  </si>
  <si>
    <t>cg01200087</t>
  </si>
  <si>
    <t>cg01202197</t>
  </si>
  <si>
    <t>cg01206910</t>
  </si>
  <si>
    <t>cg01214346</t>
  </si>
  <si>
    <t>cg01216415</t>
  </si>
  <si>
    <t>cg01217876</t>
  </si>
  <si>
    <t>cg01218494</t>
  </si>
  <si>
    <t>cg01219924</t>
  </si>
  <si>
    <t>cg01222316</t>
  </si>
  <si>
    <t>cg01229452</t>
  </si>
  <si>
    <t>cg01234133</t>
  </si>
  <si>
    <t>cg01234610</t>
  </si>
  <si>
    <t>cg01236299</t>
  </si>
  <si>
    <t>cg01243789</t>
  </si>
  <si>
    <t>cg01245268</t>
  </si>
  <si>
    <t>cg01246266</t>
  </si>
  <si>
    <t>cg01247836</t>
  </si>
  <si>
    <t>cg01248878</t>
  </si>
  <si>
    <t>cg01258061</t>
  </si>
  <si>
    <t>cg01261503</t>
  </si>
  <si>
    <t>cg01273840</t>
  </si>
  <si>
    <t>cg01276536</t>
  </si>
  <si>
    <t>cg01278232</t>
  </si>
  <si>
    <t>cg01279426</t>
  </si>
  <si>
    <t>cg01279990</t>
  </si>
  <si>
    <t>cg01286555</t>
  </si>
  <si>
    <t>cg01287505</t>
  </si>
  <si>
    <t>cg01290345</t>
  </si>
  <si>
    <t>cg01291508</t>
  </si>
  <si>
    <t>cg01292846</t>
  </si>
  <si>
    <t>cg01293647</t>
  </si>
  <si>
    <t>cg01293723</t>
  </si>
  <si>
    <t>cg01294194</t>
  </si>
  <si>
    <t>cg01294702</t>
  </si>
  <si>
    <t>cg01297367</t>
  </si>
  <si>
    <t>cg01301649</t>
  </si>
  <si>
    <t>cg01303008</t>
  </si>
  <si>
    <t>cg01303141</t>
  </si>
  <si>
    <t>cg01305045</t>
  </si>
  <si>
    <t>cg01305736</t>
  </si>
  <si>
    <t>cg01315063</t>
  </si>
  <si>
    <t>cg01317300</t>
  </si>
  <si>
    <t>cg01324550</t>
  </si>
  <si>
    <t>cg01329756</t>
  </si>
  <si>
    <t>cg01330016</t>
  </si>
  <si>
    <t>cg01334209</t>
  </si>
  <si>
    <t>cg01337508</t>
  </si>
  <si>
    <t>cg01338917</t>
  </si>
  <si>
    <t>cg01341643</t>
  </si>
  <si>
    <t>cg01344452</t>
  </si>
  <si>
    <t>cg01347957</t>
  </si>
  <si>
    <t>cg01348922</t>
  </si>
  <si>
    <t>cg01348970</t>
  </si>
  <si>
    <t>cg01352276</t>
  </si>
  <si>
    <t>cg01353524</t>
  </si>
  <si>
    <t>cg01357958</t>
  </si>
  <si>
    <t>cg01359274</t>
  </si>
  <si>
    <t>cg01359809</t>
  </si>
  <si>
    <t>cg01359895</t>
  </si>
  <si>
    <t>cg01366580</t>
  </si>
  <si>
    <t>cg01367005</t>
  </si>
  <si>
    <t>cg01367899</t>
  </si>
  <si>
    <t>cg01376318</t>
  </si>
  <si>
    <t>cg01377644</t>
  </si>
  <si>
    <t>cg01379344</t>
  </si>
  <si>
    <t>cg01380821</t>
  </si>
  <si>
    <t>cg01383581</t>
  </si>
  <si>
    <t>cg01383934</t>
  </si>
  <si>
    <t>cg01385356</t>
  </si>
  <si>
    <t>cg01386314</t>
  </si>
  <si>
    <t>cg01386831</t>
  </si>
  <si>
    <t>cg01387036</t>
  </si>
  <si>
    <t>cg01388015</t>
  </si>
  <si>
    <t>cg01388767</t>
  </si>
  <si>
    <t>cg01389917</t>
  </si>
  <si>
    <t>cg01395041</t>
  </si>
  <si>
    <t>cg01400135</t>
  </si>
  <si>
    <t>cg01400638</t>
  </si>
  <si>
    <t>cg01401336</t>
  </si>
  <si>
    <t>cg01405107</t>
  </si>
  <si>
    <t>cg01408247</t>
  </si>
  <si>
    <t>cg01408845</t>
  </si>
  <si>
    <t>cg01412400</t>
  </si>
  <si>
    <t>cg01412763</t>
  </si>
  <si>
    <t>cg01413405</t>
  </si>
  <si>
    <t>cg01415173</t>
  </si>
  <si>
    <t>cg01415591</t>
  </si>
  <si>
    <t>cg01417606</t>
  </si>
  <si>
    <t>cg01418441</t>
  </si>
  <si>
    <t>cg01419914</t>
  </si>
  <si>
    <t>cg01421539</t>
  </si>
  <si>
    <t>cg01425405</t>
  </si>
  <si>
    <t>cg01426818</t>
  </si>
  <si>
    <t>cg01429256</t>
  </si>
  <si>
    <t>cg01434487</t>
  </si>
  <si>
    <t>cg01434611</t>
  </si>
  <si>
    <t>cg01437917</t>
  </si>
  <si>
    <t>cg01438403</t>
  </si>
  <si>
    <t>cg01438829</t>
  </si>
  <si>
    <t>cg01440864</t>
  </si>
  <si>
    <t>cg01441172</t>
  </si>
  <si>
    <t>cg01442319</t>
  </si>
  <si>
    <t>cg01449663</t>
  </si>
  <si>
    <t>cg01453052</t>
  </si>
  <si>
    <t>cg01453890</t>
  </si>
  <si>
    <t>cg01454148</t>
  </si>
  <si>
    <t>cg01458121</t>
  </si>
  <si>
    <t>cg01461654</t>
  </si>
  <si>
    <t>cg01461824</t>
  </si>
  <si>
    <t>cg01463565</t>
  </si>
  <si>
    <t>cg01466631</t>
  </si>
  <si>
    <t>cg01469594</t>
  </si>
  <si>
    <t>cg01471036</t>
  </si>
  <si>
    <t>cg01471910</t>
  </si>
  <si>
    <t>cg01472101</t>
  </si>
  <si>
    <t>cg01472813</t>
  </si>
  <si>
    <t>cg01474257</t>
  </si>
  <si>
    <t>cg01480708</t>
  </si>
  <si>
    <t>cg01482279</t>
  </si>
  <si>
    <t>cg01483119</t>
  </si>
  <si>
    <t>cg01483627</t>
  </si>
  <si>
    <t>cg01484296</t>
  </si>
  <si>
    <t>cg01485067</t>
  </si>
  <si>
    <t>cg01485645</t>
  </si>
  <si>
    <t>cg01487803</t>
  </si>
  <si>
    <t>cg01488770</t>
  </si>
  <si>
    <t>cg01490807</t>
  </si>
  <si>
    <t>cg01492724</t>
  </si>
  <si>
    <t>cg01493617</t>
  </si>
  <si>
    <t>cg01494075</t>
  </si>
  <si>
    <t>cg01496491</t>
  </si>
  <si>
    <t>cg01497613</t>
  </si>
  <si>
    <t>cg01501896</t>
  </si>
  <si>
    <t>cg01502244</t>
  </si>
  <si>
    <t>cg01502320</t>
  </si>
  <si>
    <t>cg01503329</t>
  </si>
  <si>
    <t>cg01505700</t>
  </si>
  <si>
    <t>cg01507046</t>
  </si>
  <si>
    <t>cg01507342</t>
  </si>
  <si>
    <t>cg01508908</t>
  </si>
  <si>
    <t>cg01509809</t>
  </si>
  <si>
    <t>cg01512089</t>
  </si>
  <si>
    <t>cg01513063</t>
  </si>
  <si>
    <t>cg01514828</t>
  </si>
  <si>
    <t>cg01515426</t>
  </si>
  <si>
    <t>cg01515896</t>
  </si>
  <si>
    <t>cg01518065</t>
  </si>
  <si>
    <t>cg01518723</t>
  </si>
  <si>
    <t>cg01518942</t>
  </si>
  <si>
    <t>cg01521106</t>
  </si>
  <si>
    <t>cg01522412</t>
  </si>
  <si>
    <t>cg01523772</t>
  </si>
  <si>
    <t>cg01524893</t>
  </si>
  <si>
    <t>cg01525498</t>
  </si>
  <si>
    <t>cg01526089</t>
  </si>
  <si>
    <t>cg01530032</t>
  </si>
  <si>
    <t>cg01534543</t>
  </si>
  <si>
    <t>cg01538021</t>
  </si>
  <si>
    <t>cg01538166</t>
  </si>
  <si>
    <t>cg01539630</t>
  </si>
  <si>
    <t>cg01540203</t>
  </si>
  <si>
    <t>cg01543654</t>
  </si>
  <si>
    <t>cg01543933</t>
  </si>
  <si>
    <t>cg01544751</t>
  </si>
  <si>
    <t>cg01555791</t>
  </si>
  <si>
    <t>cg01556611</t>
  </si>
  <si>
    <t>cg01560069</t>
  </si>
  <si>
    <t>cg01560185</t>
  </si>
  <si>
    <t>cg01560423</t>
  </si>
  <si>
    <t>cg01561157</t>
  </si>
  <si>
    <t>cg01563959</t>
  </si>
  <si>
    <t>cg01564268</t>
  </si>
  <si>
    <t>cg01564671</t>
  </si>
  <si>
    <t>cg01565438</t>
  </si>
  <si>
    <t>cg01565508</t>
  </si>
  <si>
    <t>cg01565824</t>
  </si>
  <si>
    <t>cg01571491</t>
  </si>
  <si>
    <t>cg01572694</t>
  </si>
  <si>
    <t>cg01574231</t>
  </si>
  <si>
    <t>cg01575216</t>
  </si>
  <si>
    <t>cg01575614</t>
  </si>
  <si>
    <t>cg01591405</t>
  </si>
  <si>
    <t>cg01593886</t>
  </si>
  <si>
    <t>cg01603973</t>
  </si>
  <si>
    <t>cg01604480</t>
  </si>
  <si>
    <t>cg01611721</t>
  </si>
  <si>
    <t>cg01618928</t>
  </si>
  <si>
    <t>cg01620570</t>
  </si>
  <si>
    <t>cg01620611</t>
  </si>
  <si>
    <t>cg01620719</t>
  </si>
  <si>
    <t>cg01622018</t>
  </si>
  <si>
    <t>cg01623264</t>
  </si>
  <si>
    <t>cg01626401</t>
  </si>
  <si>
    <t>cg01627492</t>
  </si>
  <si>
    <t>cg01629240</t>
  </si>
  <si>
    <t>cg01633184</t>
  </si>
  <si>
    <t>cg01633363</t>
  </si>
  <si>
    <t>cg01635193</t>
  </si>
  <si>
    <t>cg01636575</t>
  </si>
  <si>
    <t>cg01637609</t>
  </si>
  <si>
    <t>cg01638185</t>
  </si>
  <si>
    <t>cg01638284</t>
  </si>
  <si>
    <t>cg01640727</t>
  </si>
  <si>
    <t>cg01641371</t>
  </si>
  <si>
    <t>cg01642895</t>
  </si>
  <si>
    <t>cg01650744</t>
  </si>
  <si>
    <t>cg01653532</t>
  </si>
  <si>
    <t>cg01655548</t>
  </si>
  <si>
    <t>cg01667702</t>
  </si>
  <si>
    <t>cg01676322</t>
  </si>
  <si>
    <t>cg01680823</t>
  </si>
  <si>
    <t>cg01681525</t>
  </si>
  <si>
    <t>cg01687402</t>
  </si>
  <si>
    <t>cg01691104</t>
  </si>
  <si>
    <t>cg01693638</t>
  </si>
  <si>
    <t>cg01694818</t>
  </si>
  <si>
    <t>cg01695994</t>
  </si>
  <si>
    <t>cg01698392</t>
  </si>
  <si>
    <t>cg01698724</t>
  </si>
  <si>
    <t>cg01703329</t>
  </si>
  <si>
    <t>cg01703581</t>
  </si>
  <si>
    <t>cg01703733</t>
  </si>
  <si>
    <t>cg01706603</t>
  </si>
  <si>
    <t>cg01707313</t>
  </si>
  <si>
    <t>cg01707361</t>
  </si>
  <si>
    <t>cg01709265</t>
  </si>
  <si>
    <t>cg01712673</t>
  </si>
  <si>
    <t>cg01713701</t>
  </si>
  <si>
    <t>cg01715370</t>
  </si>
  <si>
    <t>cg01715910</t>
  </si>
  <si>
    <t>cg01716065</t>
  </si>
  <si>
    <t>cg01716316</t>
  </si>
  <si>
    <t>cg01716603</t>
  </si>
  <si>
    <t>cg01717201</t>
  </si>
  <si>
    <t>cg01718231</t>
  </si>
  <si>
    <t>cg01723934</t>
  </si>
  <si>
    <t>cg01728445</t>
  </si>
  <si>
    <t>cg01730666</t>
  </si>
  <si>
    <t>cg01730976</t>
  </si>
  <si>
    <t>cg01731500</t>
  </si>
  <si>
    <t>cg01733438</t>
  </si>
  <si>
    <t>cg01733795</t>
  </si>
  <si>
    <t>cg01734062</t>
  </si>
  <si>
    <t>cg01734095</t>
  </si>
  <si>
    <t>cg01735398</t>
  </si>
  <si>
    <t>cg01737100</t>
  </si>
  <si>
    <t>cg01737415</t>
  </si>
  <si>
    <t>cg01741616</t>
  </si>
  <si>
    <t>cg01743962</t>
  </si>
  <si>
    <t>cg01745692</t>
  </si>
  <si>
    <t>cg01745873</t>
  </si>
  <si>
    <t>cg01748699</t>
  </si>
  <si>
    <t>cg01750157</t>
  </si>
  <si>
    <t>cg01750611</t>
  </si>
  <si>
    <t>cg01755100</t>
  </si>
  <si>
    <t>cg01756799</t>
  </si>
  <si>
    <t>cg01757206</t>
  </si>
  <si>
    <t>cg01757806</t>
  </si>
  <si>
    <t>cg01758672</t>
  </si>
  <si>
    <t>cg01759112</t>
  </si>
  <si>
    <t>cg01759226</t>
  </si>
  <si>
    <t>cg01765623</t>
  </si>
  <si>
    <t>cg01767927</t>
  </si>
  <si>
    <t>cg01768131</t>
  </si>
  <si>
    <t>cg01768328</t>
  </si>
  <si>
    <t>cg01768686</t>
  </si>
  <si>
    <t>cg01774050</t>
  </si>
  <si>
    <t>cg01776391</t>
  </si>
  <si>
    <t>cg01777586</t>
  </si>
  <si>
    <t>cg01779934</t>
  </si>
  <si>
    <t>cg01780685</t>
  </si>
  <si>
    <t>cg01780984</t>
  </si>
  <si>
    <t>cg01781446</t>
  </si>
  <si>
    <t>cg01783322</t>
  </si>
  <si>
    <t>cg01791634</t>
  </si>
  <si>
    <t>cg01792117</t>
  </si>
  <si>
    <t>cg01795697</t>
  </si>
  <si>
    <t>cg01796478</t>
  </si>
  <si>
    <t>cg01796800</t>
  </si>
  <si>
    <t>cg01797488</t>
  </si>
  <si>
    <t>cg01798341</t>
  </si>
  <si>
    <t>cg01799186</t>
  </si>
  <si>
    <t>cg01799458</t>
  </si>
  <si>
    <t>cg01799507</t>
  </si>
  <si>
    <t>cg01799602</t>
  </si>
  <si>
    <t>cg01799856</t>
  </si>
  <si>
    <t>cg01801214</t>
  </si>
  <si>
    <t>cg01806238</t>
  </si>
  <si>
    <t>cg01807412</t>
  </si>
  <si>
    <t>cg01807919</t>
  </si>
  <si>
    <t>cg01807946</t>
  </si>
  <si>
    <t>cg01808947</t>
  </si>
  <si>
    <t>cg01811187</t>
  </si>
  <si>
    <t>cg01815921</t>
  </si>
  <si>
    <t>cg01818151</t>
  </si>
  <si>
    <t>cg01818539</t>
  </si>
  <si>
    <t>cg01819502</t>
  </si>
  <si>
    <t>cg01820961</t>
  </si>
  <si>
    <t>cg01821993</t>
  </si>
  <si>
    <t>cg01823428</t>
  </si>
  <si>
    <t>cg01826319</t>
  </si>
  <si>
    <t>cg01826354</t>
  </si>
  <si>
    <t>cg01827999</t>
  </si>
  <si>
    <t>cg01830154</t>
  </si>
  <si>
    <t>cg01833923</t>
  </si>
  <si>
    <t>cg01835620</t>
  </si>
  <si>
    <t>cg01836438</t>
  </si>
  <si>
    <t>cg01837574</t>
  </si>
  <si>
    <t>cg01837777</t>
  </si>
  <si>
    <t>cg01838287</t>
  </si>
  <si>
    <t>cg01838385</t>
  </si>
  <si>
    <t>cg01839806</t>
  </si>
  <si>
    <t>cg01840020</t>
  </si>
  <si>
    <t>cg01841306</t>
  </si>
  <si>
    <t>cg01847110</t>
  </si>
  <si>
    <t>cg01860957</t>
  </si>
  <si>
    <t>cg01863374</t>
  </si>
  <si>
    <t>cg01863510</t>
  </si>
  <si>
    <t>cg01863613</t>
  </si>
  <si>
    <t>cg01865113</t>
  </si>
  <si>
    <t>cg01870907</t>
  </si>
  <si>
    <t>cg01877879</t>
  </si>
  <si>
    <t>cg01878839</t>
  </si>
  <si>
    <t>cg01881265</t>
  </si>
  <si>
    <t>cg01882395</t>
  </si>
  <si>
    <t>cg01882871</t>
  </si>
  <si>
    <t>cg01885832</t>
  </si>
  <si>
    <t>cg01894322</t>
  </si>
  <si>
    <t>cg01897424</t>
  </si>
  <si>
    <t>cg01897500</t>
  </si>
  <si>
    <t>cg01897823</t>
  </si>
  <si>
    <t>cg01898628</t>
  </si>
  <si>
    <t>cg01903503</t>
  </si>
  <si>
    <t>cg01906054</t>
  </si>
  <si>
    <t>cg01906801</t>
  </si>
  <si>
    <t>cg01907184</t>
  </si>
  <si>
    <t>cg01908551</t>
  </si>
  <si>
    <t>cg01909364</t>
  </si>
  <si>
    <t>cg01910125</t>
  </si>
  <si>
    <t>cg01912040</t>
  </si>
  <si>
    <t>cg01913455</t>
  </si>
  <si>
    <t>cg01914242</t>
  </si>
  <si>
    <t>cg01927887</t>
  </si>
  <si>
    <t>cg01929340</t>
  </si>
  <si>
    <t>cg01931714</t>
  </si>
  <si>
    <t>cg01933235</t>
  </si>
  <si>
    <t>cg01934064</t>
  </si>
  <si>
    <t>cg01934632</t>
  </si>
  <si>
    <t>cg01934962</t>
  </si>
  <si>
    <t>cg01940508</t>
  </si>
  <si>
    <t>cg01940943</t>
  </si>
  <si>
    <t>cg01943414</t>
  </si>
  <si>
    <t>cg01944226</t>
  </si>
  <si>
    <t>cg01944585</t>
  </si>
  <si>
    <t>cg01951274</t>
  </si>
  <si>
    <t>cg01951603</t>
  </si>
  <si>
    <t>cg01959640</t>
  </si>
  <si>
    <t>cg01961949</t>
  </si>
  <si>
    <t>cg01962463</t>
  </si>
  <si>
    <t>cg01965477</t>
  </si>
  <si>
    <t>cg01973089</t>
  </si>
  <si>
    <t>cg01976845</t>
  </si>
  <si>
    <t>cg01979266</t>
  </si>
  <si>
    <t>cg01979287</t>
  </si>
  <si>
    <t>cg01980805</t>
  </si>
  <si>
    <t>cg01981268</t>
  </si>
  <si>
    <t>cg01982533</t>
  </si>
  <si>
    <t>cg01984798</t>
  </si>
  <si>
    <t>cg01986016</t>
  </si>
  <si>
    <t>cg01989275</t>
  </si>
  <si>
    <t>cg01992081</t>
  </si>
  <si>
    <t>cg01993166</t>
  </si>
  <si>
    <t>cg01999158</t>
  </si>
  <si>
    <t>cg02004044</t>
  </si>
  <si>
    <t>cg02010342</t>
  </si>
  <si>
    <t>cg02014797</t>
  </si>
  <si>
    <t>cg02017282</t>
  </si>
  <si>
    <t>cg02019487</t>
  </si>
  <si>
    <t>cg02021641</t>
  </si>
  <si>
    <t>cg02022384</t>
  </si>
  <si>
    <t>cg02024661</t>
  </si>
  <si>
    <t>cg02025573</t>
  </si>
  <si>
    <t>cg02025583</t>
  </si>
  <si>
    <t>cg02026024</t>
  </si>
  <si>
    <t>cg02028751</t>
  </si>
  <si>
    <t>cg02042605</t>
  </si>
  <si>
    <t>cg02047211</t>
  </si>
  <si>
    <t>cg02048377</t>
  </si>
  <si>
    <t>cg02052915</t>
  </si>
  <si>
    <t>cg02054358</t>
  </si>
  <si>
    <t>cg02057796</t>
  </si>
  <si>
    <t>cg02058367</t>
  </si>
  <si>
    <t>cg02059867</t>
  </si>
  <si>
    <t>cg02060988</t>
  </si>
  <si>
    <t>cg02061130</t>
  </si>
  <si>
    <t>cg02061804</t>
  </si>
  <si>
    <t>cg02062123</t>
  </si>
  <si>
    <t>cg02064158</t>
  </si>
  <si>
    <t>cg02069944</t>
  </si>
  <si>
    <t>cg02071825</t>
  </si>
  <si>
    <t>cg02077420</t>
  </si>
  <si>
    <t>cg02077631</t>
  </si>
  <si>
    <t>cg02080260</t>
  </si>
  <si>
    <t>cg02082642</t>
  </si>
  <si>
    <t>cg02082887</t>
  </si>
  <si>
    <t>cg02084467</t>
  </si>
  <si>
    <t>cg02086493</t>
  </si>
  <si>
    <t>cg02092885</t>
  </si>
  <si>
    <t>cg02094018</t>
  </si>
  <si>
    <t>cg02094337</t>
  </si>
  <si>
    <t>cg02097479</t>
  </si>
  <si>
    <t>cg02107316</t>
  </si>
  <si>
    <t>cg02107887</t>
  </si>
  <si>
    <t>cg02108135</t>
  </si>
  <si>
    <t>cg02109507</t>
  </si>
  <si>
    <t>cg02110411</t>
  </si>
  <si>
    <t>cg02110529</t>
  </si>
  <si>
    <t>cg02110776</t>
  </si>
  <si>
    <t>cg02110836</t>
  </si>
  <si>
    <t>cg02111741</t>
  </si>
  <si>
    <t>cg02111792</t>
  </si>
  <si>
    <t>cg02112893</t>
  </si>
  <si>
    <t>cg02113284</t>
  </si>
  <si>
    <t>cg02115818</t>
  </si>
  <si>
    <t>cg02116131</t>
  </si>
  <si>
    <t>cg02116447</t>
  </si>
  <si>
    <t>cg02117685</t>
  </si>
  <si>
    <t>cg02123767</t>
  </si>
  <si>
    <t>cg02124060</t>
  </si>
  <si>
    <t>cg02124699</t>
  </si>
  <si>
    <t>cg02125012</t>
  </si>
  <si>
    <t>cg02127246</t>
  </si>
  <si>
    <t>cg02127607</t>
  </si>
  <si>
    <t>cg02129122</t>
  </si>
  <si>
    <t>cg02129603</t>
  </si>
  <si>
    <t>cg02132824</t>
  </si>
  <si>
    <t>cg02134839</t>
  </si>
  <si>
    <t>cg02135245</t>
  </si>
  <si>
    <t>cg02138358</t>
  </si>
  <si>
    <t>cg02143487</t>
  </si>
  <si>
    <t>cg02146462</t>
  </si>
  <si>
    <t>cg02149031</t>
  </si>
  <si>
    <t>cg02149658</t>
  </si>
  <si>
    <t>cg02150363</t>
  </si>
  <si>
    <t>cg02150820</t>
  </si>
  <si>
    <t>cg02151312</t>
  </si>
  <si>
    <t>cg02161011</t>
  </si>
  <si>
    <t>cg02164386</t>
  </si>
  <si>
    <t>cg02164741</t>
  </si>
  <si>
    <t>cg02165301</t>
  </si>
  <si>
    <t>cg02166782</t>
  </si>
  <si>
    <t>cg02172028</t>
  </si>
  <si>
    <t>cg02172058</t>
  </si>
  <si>
    <t>cg02175035</t>
  </si>
  <si>
    <t>cg02182592</t>
  </si>
  <si>
    <t>cg02186277</t>
  </si>
  <si>
    <t>cg02186756</t>
  </si>
  <si>
    <t>cg02188443</t>
  </si>
  <si>
    <t>cg02188939</t>
  </si>
  <si>
    <t>cg02190742</t>
  </si>
  <si>
    <t>cg02196147</t>
  </si>
  <si>
    <t>cg02199174</t>
  </si>
  <si>
    <t>cg02206323</t>
  </si>
  <si>
    <t>cg02206852</t>
  </si>
  <si>
    <t>cg02207554</t>
  </si>
  <si>
    <t>cg02216481</t>
  </si>
  <si>
    <t>cg02216727</t>
  </si>
  <si>
    <t>cg02217022</t>
  </si>
  <si>
    <t>cg02219159</t>
  </si>
  <si>
    <t>cg02220125</t>
  </si>
  <si>
    <t>cg02222066</t>
  </si>
  <si>
    <t>cg02222604</t>
  </si>
  <si>
    <t>cg02225137</t>
  </si>
  <si>
    <t>cg02227503</t>
  </si>
  <si>
    <t>cg02229775</t>
  </si>
  <si>
    <t>cg02230085</t>
  </si>
  <si>
    <t>cg02234479</t>
  </si>
  <si>
    <t>cg02234613</t>
  </si>
  <si>
    <t>cg02235760</t>
  </si>
  <si>
    <t>cg02237906</t>
  </si>
  <si>
    <t>cg02238950</t>
  </si>
  <si>
    <t>cg02240252</t>
  </si>
  <si>
    <t>cg02241160</t>
  </si>
  <si>
    <t>cg02245534</t>
  </si>
  <si>
    <t>cg02246053</t>
  </si>
  <si>
    <t>cg02248729</t>
  </si>
  <si>
    <t>cg02249490</t>
  </si>
  <si>
    <t>cg02249969</t>
  </si>
  <si>
    <t>cg02250263</t>
  </si>
  <si>
    <t>cg02252248</t>
  </si>
  <si>
    <t>cg02254574</t>
  </si>
  <si>
    <t>cg02254709</t>
  </si>
  <si>
    <t>cg02254800</t>
  </si>
  <si>
    <t>cg02255914</t>
  </si>
  <si>
    <t>cg02256546</t>
  </si>
  <si>
    <t>cg02258972</t>
  </si>
  <si>
    <t>cg02261408</t>
  </si>
  <si>
    <t>cg02261604</t>
  </si>
  <si>
    <t>cg02266055</t>
  </si>
  <si>
    <t>cg02269221</t>
  </si>
  <si>
    <t>cg02269272</t>
  </si>
  <si>
    <t>cg02269636</t>
  </si>
  <si>
    <t>cg02272489</t>
  </si>
  <si>
    <t>cg02275530</t>
  </si>
  <si>
    <t>cg02277520</t>
  </si>
  <si>
    <t>cg02277530</t>
  </si>
  <si>
    <t>cg02278073</t>
  </si>
  <si>
    <t>cg02283662</t>
  </si>
  <si>
    <t>cg02289168</t>
  </si>
  <si>
    <t>cg02294649</t>
  </si>
  <si>
    <t>cg02294870</t>
  </si>
  <si>
    <t>cg02295509</t>
  </si>
  <si>
    <t>cg02295973</t>
  </si>
  <si>
    <t>cg02299328</t>
  </si>
  <si>
    <t>cg02300147</t>
  </si>
  <si>
    <t>cg02301815</t>
  </si>
  <si>
    <t>cg02304353</t>
  </si>
  <si>
    <t>cg02305874</t>
  </si>
  <si>
    <t>cg02308232</t>
  </si>
  <si>
    <t>cg02308706</t>
  </si>
  <si>
    <t>cg02310851</t>
  </si>
  <si>
    <t>cg02311193</t>
  </si>
  <si>
    <t>cg02314782</t>
  </si>
  <si>
    <t>cg02316852</t>
  </si>
  <si>
    <t>cg02317955</t>
  </si>
  <si>
    <t>cg02318477</t>
  </si>
  <si>
    <t>cg02318535</t>
  </si>
  <si>
    <t>cg02320501</t>
  </si>
  <si>
    <t>cg02320721</t>
  </si>
  <si>
    <t>cg02329038</t>
  </si>
  <si>
    <t>cg02330706</t>
  </si>
  <si>
    <t>cg02330719</t>
  </si>
  <si>
    <t>cg02330892</t>
  </si>
  <si>
    <t>cg02333730</t>
  </si>
  <si>
    <t>cg02335804</t>
  </si>
  <si>
    <t>cg02336718</t>
  </si>
  <si>
    <t>cg02337166</t>
  </si>
  <si>
    <t>cg02340063</t>
  </si>
  <si>
    <t>cg02340121</t>
  </si>
  <si>
    <t>cg02340556</t>
  </si>
  <si>
    <t>cg02340576</t>
  </si>
  <si>
    <t>cg02340853</t>
  </si>
  <si>
    <t>cg02341119</t>
  </si>
  <si>
    <t>cg02344539</t>
  </si>
  <si>
    <t>cg02344926</t>
  </si>
  <si>
    <t>cg02346901</t>
  </si>
  <si>
    <t>cg02347212</t>
  </si>
  <si>
    <t>cg02348119</t>
  </si>
  <si>
    <t>cg02348711</t>
  </si>
  <si>
    <t>cg02357631</t>
  </si>
  <si>
    <t>cg02359589</t>
  </si>
  <si>
    <t>cg02365900</t>
  </si>
  <si>
    <t>cg02367709</t>
  </si>
  <si>
    <t>cg02372393</t>
  </si>
  <si>
    <t>cg02372820</t>
  </si>
  <si>
    <t>cg02376455</t>
  </si>
  <si>
    <t>cg02376610</t>
  </si>
  <si>
    <t>cg02380585</t>
  </si>
  <si>
    <t>cg02381383</t>
  </si>
  <si>
    <t>cg02384546</t>
  </si>
  <si>
    <t>cg02384911</t>
  </si>
  <si>
    <t>cg02385230</t>
  </si>
  <si>
    <t>cg02385411</t>
  </si>
  <si>
    <t>cg02386420</t>
  </si>
  <si>
    <t>cg02387854</t>
  </si>
  <si>
    <t>cg02389292</t>
  </si>
  <si>
    <t>cg02390447</t>
  </si>
  <si>
    <t>cg02390606</t>
  </si>
  <si>
    <t>cg02390715</t>
  </si>
  <si>
    <t>cg02392176</t>
  </si>
  <si>
    <t>cg02393525</t>
  </si>
  <si>
    <t>cg02395846</t>
  </si>
  <si>
    <t>cg02399294</t>
  </si>
  <si>
    <t>cg02399571</t>
  </si>
  <si>
    <t>cg02400595</t>
  </si>
  <si>
    <t>cg02401941</t>
  </si>
  <si>
    <t>cg02403931</t>
  </si>
  <si>
    <t>cg02404933</t>
  </si>
  <si>
    <t>cg02411088</t>
  </si>
  <si>
    <t>cg02419674</t>
  </si>
  <si>
    <t>cg02423064</t>
  </si>
  <si>
    <t>cg02424123</t>
  </si>
  <si>
    <t>cg02424238</t>
  </si>
  <si>
    <t>cg02426414</t>
  </si>
  <si>
    <t>cg02426464</t>
  </si>
  <si>
    <t>cg02428753</t>
  </si>
  <si>
    <t>cg02438611</t>
  </si>
  <si>
    <t>cg02441618</t>
  </si>
  <si>
    <t>cg02441711</t>
  </si>
  <si>
    <t>cg02443483</t>
  </si>
  <si>
    <t>cg02445972</t>
  </si>
  <si>
    <t>cg02447638</t>
  </si>
  <si>
    <t>cg02448679</t>
  </si>
  <si>
    <t>cg02450064</t>
  </si>
  <si>
    <t>cg02452838</t>
  </si>
  <si>
    <t>cg02457312</t>
  </si>
  <si>
    <t>cg02459447</t>
  </si>
  <si>
    <t>cg02459519</t>
  </si>
  <si>
    <t>cg02460935</t>
  </si>
  <si>
    <t>cg02461806</t>
  </si>
  <si>
    <t>cg02462868</t>
  </si>
  <si>
    <t>cg02462904</t>
  </si>
  <si>
    <t>cg02466246</t>
  </si>
  <si>
    <t>cg02466588</t>
  </si>
  <si>
    <t>cg02466602</t>
  </si>
  <si>
    <t>cg02467794</t>
  </si>
  <si>
    <t>cg02467899</t>
  </si>
  <si>
    <t>cg02469790</t>
  </si>
  <si>
    <t>cg02473123</t>
  </si>
  <si>
    <t>cg02476628</t>
  </si>
  <si>
    <t>cg02477677</t>
  </si>
  <si>
    <t>cg02481451</t>
  </si>
  <si>
    <t>cg02481697</t>
  </si>
  <si>
    <t>cg02481789</t>
  </si>
  <si>
    <t>cg02483128</t>
  </si>
  <si>
    <t>cg02483458</t>
  </si>
  <si>
    <t>cg02483931</t>
  </si>
  <si>
    <t>cg02485462</t>
  </si>
  <si>
    <t>cg02485597</t>
  </si>
  <si>
    <t>cg02489908</t>
  </si>
  <si>
    <t>cg02494572</t>
  </si>
  <si>
    <t>cg02494794</t>
  </si>
  <si>
    <t>cg02496377</t>
  </si>
  <si>
    <t>cg02497175</t>
  </si>
  <si>
    <t>cg02497559</t>
  </si>
  <si>
    <t>cg02498422</t>
  </si>
  <si>
    <t>cg02498927</t>
  </si>
  <si>
    <t>cg02499814</t>
  </si>
  <si>
    <t>cg02501186</t>
  </si>
  <si>
    <t>cg02503376</t>
  </si>
  <si>
    <t>cg02505918</t>
  </si>
  <si>
    <t>cg02509027</t>
  </si>
  <si>
    <t>cg02512902</t>
  </si>
  <si>
    <t>cg02516155</t>
  </si>
  <si>
    <t>cg02518338</t>
  </si>
  <si>
    <t>cg02525785</t>
  </si>
  <si>
    <t>cg02529547</t>
  </si>
  <si>
    <t>cg02530437</t>
  </si>
  <si>
    <t>cg02533364</t>
  </si>
  <si>
    <t>cg02537616</t>
  </si>
  <si>
    <t>cg02537913</t>
  </si>
  <si>
    <t>cg02538637</t>
  </si>
  <si>
    <t>cg02546490</t>
  </si>
  <si>
    <t>cg02550200</t>
  </si>
  <si>
    <t>cg02550358</t>
  </si>
  <si>
    <t>cg02558627</t>
  </si>
  <si>
    <t>cg02565715</t>
  </si>
  <si>
    <t>cg02569115</t>
  </si>
  <si>
    <t>cg02570361</t>
  </si>
  <si>
    <t>cg02571905</t>
  </si>
  <si>
    <t>cg02575092</t>
  </si>
  <si>
    <t>cg02577108</t>
  </si>
  <si>
    <t>cg02580262</t>
  </si>
  <si>
    <t>cg02580745</t>
  </si>
  <si>
    <t>cg02582391</t>
  </si>
  <si>
    <t>cg02593766</t>
  </si>
  <si>
    <t>cg02601685</t>
  </si>
  <si>
    <t>cg02602864</t>
  </si>
  <si>
    <t>cg02605237</t>
  </si>
  <si>
    <t>cg02609742</t>
  </si>
  <si>
    <t>cg02618071</t>
  </si>
  <si>
    <t>cg02619001</t>
  </si>
  <si>
    <t>cg02619155</t>
  </si>
  <si>
    <t>cg02620157</t>
  </si>
  <si>
    <t>cg02620335</t>
  </si>
  <si>
    <t>cg02621540</t>
  </si>
  <si>
    <t>cg02622835</t>
  </si>
  <si>
    <t>cg02624680</t>
  </si>
  <si>
    <t>cg02625024</t>
  </si>
  <si>
    <t>cg02626208</t>
  </si>
  <si>
    <t>cg02626854</t>
  </si>
  <si>
    <t>cg02627216</t>
  </si>
  <si>
    <t>cg02627657</t>
  </si>
  <si>
    <t>cg02628360</t>
  </si>
  <si>
    <t>cg02628470</t>
  </si>
  <si>
    <t>cg02629470</t>
  </si>
  <si>
    <t>cg02630218</t>
  </si>
  <si>
    <t>cg02630790</t>
  </si>
  <si>
    <t>cg02632583</t>
  </si>
  <si>
    <t>cg02633371</t>
  </si>
  <si>
    <t>cg02633924</t>
  </si>
  <si>
    <t>cg02635236</t>
  </si>
  <si>
    <t>cg02635449</t>
  </si>
  <si>
    <t>cg02637741</t>
  </si>
  <si>
    <t>cg02641844</t>
  </si>
  <si>
    <t>cg02642031</t>
  </si>
  <si>
    <t>cg02642822</t>
  </si>
  <si>
    <t>cg02650017</t>
  </si>
  <si>
    <t>cg02657800</t>
  </si>
  <si>
    <t>cg02659149</t>
  </si>
  <si>
    <t>cg02667467</t>
  </si>
  <si>
    <t>cg02668773</t>
  </si>
  <si>
    <t>cg02668843</t>
  </si>
  <si>
    <t>cg02668984</t>
  </si>
  <si>
    <t>cg02671171</t>
  </si>
  <si>
    <t>cg02671711</t>
  </si>
  <si>
    <t>cg02671819</t>
  </si>
  <si>
    <t>cg02675859</t>
  </si>
  <si>
    <t>cg02675920</t>
  </si>
  <si>
    <t>cg02679955</t>
  </si>
  <si>
    <t>cg02683070</t>
  </si>
  <si>
    <t>cg02684548</t>
  </si>
  <si>
    <t>cg02690350</t>
  </si>
  <si>
    <t>cg02691091</t>
  </si>
  <si>
    <t>cg02693279</t>
  </si>
  <si>
    <t>cg02694732</t>
  </si>
  <si>
    <t>cg02697074</t>
  </si>
  <si>
    <t>cg02698731</t>
  </si>
  <si>
    <t>cg02703843</t>
  </si>
  <si>
    <t>cg02706575</t>
  </si>
  <si>
    <t>cg02717166</t>
  </si>
  <si>
    <t>cg02717570</t>
  </si>
  <si>
    <t>cg02719608</t>
  </si>
  <si>
    <t>cg02721374</t>
  </si>
  <si>
    <t>cg02721902</t>
  </si>
  <si>
    <t>cg02722657</t>
  </si>
  <si>
    <t>cg02731774</t>
  </si>
  <si>
    <t>cg02736908</t>
  </si>
  <si>
    <t>cg02740128</t>
  </si>
  <si>
    <t>cg02740947</t>
  </si>
  <si>
    <t>cg02741359</t>
  </si>
  <si>
    <t>cg02741808</t>
  </si>
  <si>
    <t>cg02741985</t>
  </si>
  <si>
    <t>cg02745045</t>
  </si>
  <si>
    <t>cg02747748</t>
  </si>
  <si>
    <t>cg02749789</t>
  </si>
  <si>
    <t>cg02751064</t>
  </si>
  <si>
    <t>cg02757572</t>
  </si>
  <si>
    <t>cg02758586</t>
  </si>
  <si>
    <t>cg02758593</t>
  </si>
  <si>
    <t>cg02759002</t>
  </si>
  <si>
    <t>cg02760553</t>
  </si>
  <si>
    <t>cg02764271</t>
  </si>
  <si>
    <t>cg02768197</t>
  </si>
  <si>
    <t>cg02770857</t>
  </si>
  <si>
    <t>cg02779724</t>
  </si>
  <si>
    <t>cg02779913</t>
  </si>
  <si>
    <t>cg02780210</t>
  </si>
  <si>
    <t>cg02780787</t>
  </si>
  <si>
    <t>cg02780988</t>
  </si>
  <si>
    <t>cg02781105</t>
  </si>
  <si>
    <t>cg02782889</t>
  </si>
  <si>
    <t>cg02784874</t>
  </si>
  <si>
    <t>cg02787306</t>
  </si>
  <si>
    <t>cg02787991</t>
  </si>
  <si>
    <t>cg02791417</t>
  </si>
  <si>
    <t>cg02794696</t>
  </si>
  <si>
    <t>cg02795515</t>
  </si>
  <si>
    <t>cg02797539</t>
  </si>
  <si>
    <t>cg02797809</t>
  </si>
  <si>
    <t>cg02798874</t>
  </si>
  <si>
    <t>cg02800747</t>
  </si>
  <si>
    <t>cg02801388</t>
  </si>
  <si>
    <t>cg02802374</t>
  </si>
  <si>
    <t>cg02802750</t>
  </si>
  <si>
    <t>cg02805822</t>
  </si>
  <si>
    <t>cg02805871</t>
  </si>
  <si>
    <t>cg02806012</t>
  </si>
  <si>
    <t>cg02808110</t>
  </si>
  <si>
    <t>cg02811755</t>
  </si>
  <si>
    <t>cg02812036</t>
  </si>
  <si>
    <t>cg02816923</t>
  </si>
  <si>
    <t>cg02824793</t>
  </si>
  <si>
    <t>cg02828397</t>
  </si>
  <si>
    <t>cg02829706</t>
  </si>
  <si>
    <t>cg02831267</t>
  </si>
  <si>
    <t>cg02832357</t>
  </si>
  <si>
    <t>cg02839029</t>
  </si>
  <si>
    <t>cg02840816</t>
  </si>
  <si>
    <t>cg02841895</t>
  </si>
  <si>
    <t>cg02842301</t>
  </si>
  <si>
    <t>cg02842899</t>
  </si>
  <si>
    <t>cg02843535</t>
  </si>
  <si>
    <t>cg02855363</t>
  </si>
  <si>
    <t>cg02856727</t>
  </si>
  <si>
    <t>cg02858512</t>
  </si>
  <si>
    <t>cg02858591</t>
  </si>
  <si>
    <t>cg02862897</t>
  </si>
  <si>
    <t>cg02865242</t>
  </si>
  <si>
    <t>cg02865832</t>
  </si>
  <si>
    <t>cg02865928</t>
  </si>
  <si>
    <t>cg02866639</t>
  </si>
  <si>
    <t>cg02867514</t>
  </si>
  <si>
    <t>cg02873421</t>
  </si>
  <si>
    <t>cg02875089</t>
  </si>
  <si>
    <t>cg02879122</t>
  </si>
  <si>
    <t>cg02880176</t>
  </si>
  <si>
    <t>cg02880508</t>
  </si>
  <si>
    <t>cg02884239</t>
  </si>
  <si>
    <t>cg02884524</t>
  </si>
  <si>
    <t>cg02886591</t>
  </si>
  <si>
    <t>cg02888886</t>
  </si>
  <si>
    <t>cg02892423</t>
  </si>
  <si>
    <t>cg02893619</t>
  </si>
  <si>
    <t>cg02898493</t>
  </si>
  <si>
    <t>cg02898721</t>
  </si>
  <si>
    <t>cg02902761</t>
  </si>
  <si>
    <t>cg02902854</t>
  </si>
  <si>
    <t>cg02906503</t>
  </si>
  <si>
    <t>cg02908083</t>
  </si>
  <si>
    <t>cg02909097</t>
  </si>
  <si>
    <t>cg02909991</t>
  </si>
  <si>
    <t>cg02910913</t>
  </si>
  <si>
    <t>cg02911077</t>
  </si>
  <si>
    <t>cg02915739</t>
  </si>
  <si>
    <t>cg02917110</t>
  </si>
  <si>
    <t>cg02919794</t>
  </si>
  <si>
    <t>cg02925799</t>
  </si>
  <si>
    <t>cg02926747</t>
  </si>
  <si>
    <t>cg02926820</t>
  </si>
  <si>
    <t>cg02927346</t>
  </si>
  <si>
    <t>cg02927804</t>
  </si>
  <si>
    <t>cg02927904</t>
  </si>
  <si>
    <t>cg02929786</t>
  </si>
  <si>
    <t>cg02932314</t>
  </si>
  <si>
    <t>cg02936553</t>
  </si>
  <si>
    <t>cg02938172</t>
  </si>
  <si>
    <t>cg02941376</t>
  </si>
  <si>
    <t>cg02943074</t>
  </si>
  <si>
    <t>cg02944084</t>
  </si>
  <si>
    <t>cg02944437</t>
  </si>
  <si>
    <t>cg02944934</t>
  </si>
  <si>
    <t>cg02946394</t>
  </si>
  <si>
    <t>cg02954676</t>
  </si>
  <si>
    <t>cg02956148</t>
  </si>
  <si>
    <t>cg02957086</t>
  </si>
  <si>
    <t>cg02957270</t>
  </si>
  <si>
    <t>cg02957620</t>
  </si>
  <si>
    <t>cg02958180</t>
  </si>
  <si>
    <t>cg02958947</t>
  </si>
  <si>
    <t>cg02962602</t>
  </si>
  <si>
    <t>cg02962952</t>
  </si>
  <si>
    <t>cg02963846</t>
  </si>
  <si>
    <t>cg02964036</t>
  </si>
  <si>
    <t>cg02964474</t>
  </si>
  <si>
    <t>cg02965250</t>
  </si>
  <si>
    <t>cg02967125</t>
  </si>
  <si>
    <t>cg02967546</t>
  </si>
  <si>
    <t>cg02968557</t>
  </si>
  <si>
    <t>cg02969202</t>
  </si>
  <si>
    <t>cg02969624</t>
  </si>
  <si>
    <t>cg02970545</t>
  </si>
  <si>
    <t>cg02970679</t>
  </si>
  <si>
    <t>cg02971219</t>
  </si>
  <si>
    <t>cg02973017</t>
  </si>
  <si>
    <t>cg02976508</t>
  </si>
  <si>
    <t>cg02976539</t>
  </si>
  <si>
    <t>cg02976843</t>
  </si>
  <si>
    <t>cg02980604</t>
  </si>
  <si>
    <t>cg02981443</t>
  </si>
  <si>
    <t>cg02986643</t>
  </si>
  <si>
    <t>cg02987163</t>
  </si>
  <si>
    <t>cg02988947</t>
  </si>
  <si>
    <t>cg02989510</t>
  </si>
  <si>
    <t>cg02993937</t>
  </si>
  <si>
    <t>cg02996684</t>
  </si>
  <si>
    <t>cg02996796</t>
  </si>
  <si>
    <t>cg02997086</t>
  </si>
  <si>
    <t>cg02998936</t>
  </si>
  <si>
    <t>cg03000846</t>
  </si>
  <si>
    <t>cg03001305</t>
  </si>
  <si>
    <t>cg03011952</t>
  </si>
  <si>
    <t>cg03018256</t>
  </si>
  <si>
    <t>cg03023900</t>
  </si>
  <si>
    <t>cg03025569</t>
  </si>
  <si>
    <t>cg03028529</t>
  </si>
  <si>
    <t>cg03029292</t>
  </si>
  <si>
    <t>cg03029664</t>
  </si>
  <si>
    <t>cg03029755</t>
  </si>
  <si>
    <t>cg03031773</t>
  </si>
  <si>
    <t>cg03032512</t>
  </si>
  <si>
    <t>cg03032532</t>
  </si>
  <si>
    <t>cg03039218</t>
  </si>
  <si>
    <t>cg03042971</t>
  </si>
  <si>
    <t>cg03043835</t>
  </si>
  <si>
    <t>cg03044281</t>
  </si>
  <si>
    <t>cg03045169</t>
  </si>
  <si>
    <t>cg03049691</t>
  </si>
  <si>
    <t>cg03049782</t>
  </si>
  <si>
    <t>cg03050127</t>
  </si>
  <si>
    <t>cg03052469</t>
  </si>
  <si>
    <t>cg03052541</t>
  </si>
  <si>
    <t>cg03053374</t>
  </si>
  <si>
    <t>cg03053980</t>
  </si>
  <si>
    <t>cg03060036</t>
  </si>
  <si>
    <t>cg03060228</t>
  </si>
  <si>
    <t>cg03064167</t>
  </si>
  <si>
    <t>cg03066080</t>
  </si>
  <si>
    <t>cg03066081</t>
  </si>
  <si>
    <t>cg03069943</t>
  </si>
  <si>
    <t>cg03070095</t>
  </si>
  <si>
    <t>cg03071876</t>
  </si>
  <si>
    <t>cg03072378</t>
  </si>
  <si>
    <t>cg03076037</t>
  </si>
  <si>
    <t>cg03077331</t>
  </si>
  <si>
    <t>cg03077712</t>
  </si>
  <si>
    <t>cg03077953</t>
  </si>
  <si>
    <t>cg03078733</t>
  </si>
  <si>
    <t>cg03085312</t>
  </si>
  <si>
    <t>cg03086899</t>
  </si>
  <si>
    <t>cg03091829</t>
  </si>
  <si>
    <t>cg03092482</t>
  </si>
  <si>
    <t>cg03094955</t>
  </si>
  <si>
    <t>cg03095825</t>
  </si>
  <si>
    <t>cg03096732</t>
  </si>
  <si>
    <t>cg03098447</t>
  </si>
  <si>
    <t>cg03101058</t>
  </si>
  <si>
    <t>cg03106251</t>
  </si>
  <si>
    <t>cg03106958</t>
  </si>
  <si>
    <t>cg03107659</t>
  </si>
  <si>
    <t>cg03108238</t>
  </si>
  <si>
    <t>cg03109505</t>
  </si>
  <si>
    <t>cg03114057</t>
  </si>
  <si>
    <t>cg03114410</t>
  </si>
  <si>
    <t>cg03115019</t>
  </si>
  <si>
    <t>cg03115081</t>
  </si>
  <si>
    <t>cg03117577</t>
  </si>
  <si>
    <t>cg03128860</t>
  </si>
  <si>
    <t>cg03131829</t>
  </si>
  <si>
    <t>cg03134871</t>
  </si>
  <si>
    <t>cg03139388</t>
  </si>
  <si>
    <t>cg03145062</t>
  </si>
  <si>
    <t>cg03146062</t>
  </si>
  <si>
    <t>cg03146065</t>
  </si>
  <si>
    <t>cg03149719</t>
  </si>
  <si>
    <t>cg03153397</t>
  </si>
  <si>
    <t>cg03154277</t>
  </si>
  <si>
    <t>cg03160815</t>
  </si>
  <si>
    <t>cg03161309</t>
  </si>
  <si>
    <t>cg03162032</t>
  </si>
  <si>
    <t>cg03162721</t>
  </si>
  <si>
    <t>cg03163819</t>
  </si>
  <si>
    <t>cg03164243</t>
  </si>
  <si>
    <t>cg03164761</t>
  </si>
  <si>
    <t>cg03167683</t>
  </si>
  <si>
    <t>cg03167953</t>
  </si>
  <si>
    <t>cg03168447</t>
  </si>
  <si>
    <t>cg03168497</t>
  </si>
  <si>
    <t>cg03169180</t>
  </si>
  <si>
    <t>cg03171361</t>
  </si>
  <si>
    <t>cg03174407</t>
  </si>
  <si>
    <t>cg03177084</t>
  </si>
  <si>
    <t>cg03181052</t>
  </si>
  <si>
    <t>cg03181104</t>
  </si>
  <si>
    <t>cg03182608</t>
  </si>
  <si>
    <t>cg03182688</t>
  </si>
  <si>
    <t>cg03184439</t>
  </si>
  <si>
    <t>cg03186851</t>
  </si>
  <si>
    <t>cg03186999</t>
  </si>
  <si>
    <t>cg03188641</t>
  </si>
  <si>
    <t>cg03190661</t>
  </si>
  <si>
    <t>cg03190929</t>
  </si>
  <si>
    <t>cg03192551</t>
  </si>
  <si>
    <t>cg03195667</t>
  </si>
  <si>
    <t>cg03196339</t>
  </si>
  <si>
    <t>cg03214622</t>
  </si>
  <si>
    <t>cg03217019</t>
  </si>
  <si>
    <t>cg03217408</t>
  </si>
  <si>
    <t>cg03219768</t>
  </si>
  <si>
    <t>cg03220124</t>
  </si>
  <si>
    <t>cg03220455</t>
  </si>
  <si>
    <t>cg03221483</t>
  </si>
  <si>
    <t>cg03222323</t>
  </si>
  <si>
    <t>cg03226208</t>
  </si>
  <si>
    <t>cg03228385</t>
  </si>
  <si>
    <t>cg03231437</t>
  </si>
  <si>
    <t>cg03232753</t>
  </si>
  <si>
    <t>cg03233624</t>
  </si>
  <si>
    <t>cg03234188</t>
  </si>
  <si>
    <t>cg03236939</t>
  </si>
  <si>
    <t>cg03237218</t>
  </si>
  <si>
    <t>cg03238119</t>
  </si>
  <si>
    <t>cg03241471</t>
  </si>
  <si>
    <t>cg03241571</t>
  </si>
  <si>
    <t>cg03242666</t>
  </si>
  <si>
    <t>cg03244036</t>
  </si>
  <si>
    <t>cg03244997</t>
  </si>
  <si>
    <t>cg03245159</t>
  </si>
  <si>
    <t>cg03250870</t>
  </si>
  <si>
    <t>cg03251655</t>
  </si>
  <si>
    <t>cg03252718</t>
  </si>
  <si>
    <t>cg03253303</t>
  </si>
  <si>
    <t>cg03253995</t>
  </si>
  <si>
    <t>cg03254102</t>
  </si>
  <si>
    <t>cg03254137</t>
  </si>
  <si>
    <t>cg03254161</t>
  </si>
  <si>
    <t>cg03258011</t>
  </si>
  <si>
    <t>cg03260240</t>
  </si>
  <si>
    <t>cg03261162</t>
  </si>
  <si>
    <t>cg03261725</t>
  </si>
  <si>
    <t>cg03264464</t>
  </si>
  <si>
    <t>cg03264585</t>
  </si>
  <si>
    <t>cg03266158</t>
  </si>
  <si>
    <t>cg03267742</t>
  </si>
  <si>
    <t>cg03268697</t>
  </si>
  <si>
    <t>cg03272310</t>
  </si>
  <si>
    <t>cg03272408</t>
  </si>
  <si>
    <t>cg03273420</t>
  </si>
  <si>
    <t>cg03274831</t>
  </si>
  <si>
    <t>cg03275201</t>
  </si>
  <si>
    <t>cg03277434</t>
  </si>
  <si>
    <t>cg03280611</t>
  </si>
  <si>
    <t>cg03280620</t>
  </si>
  <si>
    <t>cg03283031</t>
  </si>
  <si>
    <t>cg03290213</t>
  </si>
  <si>
    <t>cg03292544</t>
  </si>
  <si>
    <t>cg03294328</t>
  </si>
  <si>
    <t>cg03296204</t>
  </si>
  <si>
    <t>cg03296502</t>
  </si>
  <si>
    <t>cg03297192</t>
  </si>
  <si>
    <t>cg03298364</t>
  </si>
  <si>
    <t>cg03300898</t>
  </si>
  <si>
    <t>cg03301025</t>
  </si>
  <si>
    <t>cg03301481</t>
  </si>
  <si>
    <t>cg03305230</t>
  </si>
  <si>
    <t>cg03312124</t>
  </si>
  <si>
    <t>cg03313364</t>
  </si>
  <si>
    <t>cg03317151</t>
  </si>
  <si>
    <t>cg03317245</t>
  </si>
  <si>
    <t>cg03321784</t>
  </si>
  <si>
    <t>cg03324101</t>
  </si>
  <si>
    <t>cg03324837</t>
  </si>
  <si>
    <t>cg03330678</t>
  </si>
  <si>
    <t>cg03337181</t>
  </si>
  <si>
    <t>cg03347828</t>
  </si>
  <si>
    <t>cg03353971</t>
  </si>
  <si>
    <t>cg03354476</t>
  </si>
  <si>
    <t>cg03359285</t>
  </si>
  <si>
    <t>cg03363175</t>
  </si>
  <si>
    <t>cg03366884</t>
  </si>
  <si>
    <t>cg03366986</t>
  </si>
  <si>
    <t>cg03367679</t>
  </si>
  <si>
    <t>cg03371613</t>
  </si>
  <si>
    <t>cg03371752</t>
  </si>
  <si>
    <t>cg03372654</t>
  </si>
  <si>
    <t>cg03373393</t>
  </si>
  <si>
    <t>cg03373742</t>
  </si>
  <si>
    <t>cg03374559</t>
  </si>
  <si>
    <t>cg03374965</t>
  </si>
  <si>
    <t>cg03376089</t>
  </si>
  <si>
    <t>cg03379477</t>
  </si>
  <si>
    <t>cg03384000</t>
  </si>
  <si>
    <t>cg03385864</t>
  </si>
  <si>
    <t>cg03386144</t>
  </si>
  <si>
    <t>cg03386903</t>
  </si>
  <si>
    <t>cg03389944</t>
  </si>
  <si>
    <t>cg03390207</t>
  </si>
  <si>
    <t>cg03390416</t>
  </si>
  <si>
    <t>cg03394764</t>
  </si>
  <si>
    <t>cg03396557</t>
  </si>
  <si>
    <t>cg03401213</t>
  </si>
  <si>
    <t>cg03403688</t>
  </si>
  <si>
    <t>cg03404566</t>
  </si>
  <si>
    <t>cg03405260</t>
  </si>
  <si>
    <t>cg03419051</t>
  </si>
  <si>
    <t>cg03421358</t>
  </si>
  <si>
    <t>cg03421926</t>
  </si>
  <si>
    <t>cg03431918</t>
  </si>
  <si>
    <t>cg03433048</t>
  </si>
  <si>
    <t>cg03433699</t>
  </si>
  <si>
    <t>cg03437326</t>
  </si>
  <si>
    <t>cg03437687</t>
  </si>
  <si>
    <t>cg03439237</t>
  </si>
  <si>
    <t>cg03440989</t>
  </si>
  <si>
    <t>cg03441250</t>
  </si>
  <si>
    <t>cg03443762</t>
  </si>
  <si>
    <t>cg03443944</t>
  </si>
  <si>
    <t>cg03444304</t>
  </si>
  <si>
    <t>cg03450734</t>
  </si>
  <si>
    <t>cg03459656</t>
  </si>
  <si>
    <t>cg03459952</t>
  </si>
  <si>
    <t>cg03460756</t>
  </si>
  <si>
    <t>cg03461967</t>
  </si>
  <si>
    <t>cg03463799</t>
  </si>
  <si>
    <t>cg03464847</t>
  </si>
  <si>
    <t>cg03466032</t>
  </si>
  <si>
    <t>cg03469804</t>
  </si>
  <si>
    <t>cg03470841</t>
  </si>
  <si>
    <t>cg03475687</t>
  </si>
  <si>
    <t>cg03476722</t>
  </si>
  <si>
    <t>cg03493069</t>
  </si>
  <si>
    <t>cg03496533</t>
  </si>
  <si>
    <t>cg03502601</t>
  </si>
  <si>
    <t>cg03508063</t>
  </si>
  <si>
    <t>cg03508348</t>
  </si>
  <si>
    <t>cg03518503</t>
  </si>
  <si>
    <t>cg03519593</t>
  </si>
  <si>
    <t>cg03523524</t>
  </si>
  <si>
    <t>cg03523533</t>
  </si>
  <si>
    <t>cg03526455</t>
  </si>
  <si>
    <t>cg03526905</t>
  </si>
  <si>
    <t>cg03528353</t>
  </si>
  <si>
    <t>cg03533256</t>
  </si>
  <si>
    <t>cg03535099</t>
  </si>
  <si>
    <t>cg03538808</t>
  </si>
  <si>
    <t>cg03543600</t>
  </si>
  <si>
    <t>cg03547017</t>
  </si>
  <si>
    <t>cg03549503</t>
  </si>
  <si>
    <t>cg03550284</t>
  </si>
  <si>
    <t>cg03550965</t>
  </si>
  <si>
    <t>cg03553897</t>
  </si>
  <si>
    <t>cg03554335</t>
  </si>
  <si>
    <t>cg03557733</t>
  </si>
  <si>
    <t>cg03565323</t>
  </si>
  <si>
    <t>cg03568017</t>
  </si>
  <si>
    <t>cg03568305</t>
  </si>
  <si>
    <t>cg03569507</t>
  </si>
  <si>
    <t>cg03569748</t>
  </si>
  <si>
    <t>cg03571301</t>
  </si>
  <si>
    <t>cg03572011</t>
  </si>
  <si>
    <t>cg03572760</t>
  </si>
  <si>
    <t>cg03573123</t>
  </si>
  <si>
    <t>cg03574999</t>
  </si>
  <si>
    <t>cg03578689</t>
  </si>
  <si>
    <t>cg03580247</t>
  </si>
  <si>
    <t>cg03582285</t>
  </si>
  <si>
    <t>cg03584363</t>
  </si>
  <si>
    <t>cg03584847</t>
  </si>
  <si>
    <t>cg03585013</t>
  </si>
  <si>
    <t>cg03588189</t>
  </si>
  <si>
    <t>cg03591954</t>
  </si>
  <si>
    <t>cg03592161</t>
  </si>
  <si>
    <t>cg03593896</t>
  </si>
  <si>
    <t>cg03594801</t>
  </si>
  <si>
    <t>cg03596178</t>
  </si>
  <si>
    <t>cg03597174</t>
  </si>
  <si>
    <t>cg03598112</t>
  </si>
  <si>
    <t>cg03601229</t>
  </si>
  <si>
    <t>cg03609435</t>
  </si>
  <si>
    <t>cg03611598</t>
  </si>
  <si>
    <t>cg03611852</t>
  </si>
  <si>
    <t>cg03612700</t>
  </si>
  <si>
    <t>cg03613649</t>
  </si>
  <si>
    <t>cg03616195</t>
  </si>
  <si>
    <t>cg03623771</t>
  </si>
  <si>
    <t>cg03625953</t>
  </si>
  <si>
    <t>cg03627891</t>
  </si>
  <si>
    <t>cg03627958</t>
  </si>
  <si>
    <t>cg03629025</t>
  </si>
  <si>
    <t>cg03631294</t>
  </si>
  <si>
    <t>cg03635766</t>
  </si>
  <si>
    <t>cg03637975</t>
  </si>
  <si>
    <t>cg03639223</t>
  </si>
  <si>
    <t>cg03639783</t>
  </si>
  <si>
    <t>cg03641032</t>
  </si>
  <si>
    <t>cg03641529</t>
  </si>
  <si>
    <t>cg03642503</t>
  </si>
  <si>
    <t>cg03643998</t>
  </si>
  <si>
    <t>cg03644378</t>
  </si>
  <si>
    <t>cg03647927</t>
  </si>
  <si>
    <t>cg03648361</t>
  </si>
  <si>
    <t>cg03649497</t>
  </si>
  <si>
    <t>cg03654588</t>
  </si>
  <si>
    <t>cg03656092</t>
  </si>
  <si>
    <t>cg03658371</t>
  </si>
  <si>
    <t>cg03659340</t>
  </si>
  <si>
    <t>cg03659961</t>
  </si>
  <si>
    <t>cg03660451</t>
  </si>
  <si>
    <t>cg03661110</t>
  </si>
  <si>
    <t>cg03668948</t>
  </si>
  <si>
    <t>cg03670158</t>
  </si>
  <si>
    <t>cg03671276</t>
  </si>
  <si>
    <t>cg03679398</t>
  </si>
  <si>
    <t>cg03684977</t>
  </si>
  <si>
    <t>cg03685910</t>
  </si>
  <si>
    <t>cg03688640</t>
  </si>
  <si>
    <t>cg03691418</t>
  </si>
  <si>
    <t>cg03693434</t>
  </si>
  <si>
    <t>cg03693706</t>
  </si>
  <si>
    <t>cg03693811</t>
  </si>
  <si>
    <t>cg03697136</t>
  </si>
  <si>
    <t>cg03697723</t>
  </si>
  <si>
    <t>cg03700492</t>
  </si>
  <si>
    <t>cg03701005</t>
  </si>
  <si>
    <t>cg03702413</t>
  </si>
  <si>
    <t>cg03704912</t>
  </si>
  <si>
    <t>cg03706109</t>
  </si>
  <si>
    <t>cg03706951</t>
  </si>
  <si>
    <t>cg03708925</t>
  </si>
  <si>
    <t>cg03708990</t>
  </si>
  <si>
    <t>cg03709307</t>
  </si>
  <si>
    <t>cg03710029</t>
  </si>
  <si>
    <t>cg03710354</t>
  </si>
  <si>
    <t>cg03713963</t>
  </si>
  <si>
    <t>cg03715070</t>
  </si>
  <si>
    <t>cg03716313</t>
  </si>
  <si>
    <t>cg03718528</t>
  </si>
  <si>
    <t>cg03719169</t>
  </si>
  <si>
    <t>cg03720762</t>
  </si>
  <si>
    <t>cg03721291</t>
  </si>
  <si>
    <t>cg03721976</t>
  </si>
  <si>
    <t>cg03723148</t>
  </si>
  <si>
    <t>cg03724260</t>
  </si>
  <si>
    <t>cg03726858</t>
  </si>
  <si>
    <t>cg03732506</t>
  </si>
  <si>
    <t>cg03734322</t>
  </si>
  <si>
    <t>cg03734401</t>
  </si>
  <si>
    <t>cg03736099</t>
  </si>
  <si>
    <t>cg03736603</t>
  </si>
  <si>
    <t>cg03739102</t>
  </si>
  <si>
    <t>cg03741619</t>
  </si>
  <si>
    <t>cg03742272</t>
  </si>
  <si>
    <t>cg03742808</t>
  </si>
  <si>
    <t>cg03745114</t>
  </si>
  <si>
    <t>cg03745383</t>
  </si>
  <si>
    <t>cg03746851</t>
  </si>
  <si>
    <t>cg03747002</t>
  </si>
  <si>
    <t>cg03747884</t>
  </si>
  <si>
    <t>cg03752138</t>
  </si>
  <si>
    <t>cg03760483</t>
  </si>
  <si>
    <t>cg03772856</t>
  </si>
  <si>
    <t>cg03773805</t>
  </si>
  <si>
    <t>cg03776372</t>
  </si>
  <si>
    <t>cg03777083</t>
  </si>
  <si>
    <t>cg03777474</t>
  </si>
  <si>
    <t>cg03778707</t>
  </si>
  <si>
    <t>cg03778909</t>
  </si>
  <si>
    <t>cg03785666</t>
  </si>
  <si>
    <t>cg03786808</t>
  </si>
  <si>
    <t>cg03789597</t>
  </si>
  <si>
    <t>cg03790422</t>
  </si>
  <si>
    <t>cg03791497</t>
  </si>
  <si>
    <t>cg03791861</t>
  </si>
  <si>
    <t>cg03793199</t>
  </si>
  <si>
    <t>cg03794617</t>
  </si>
  <si>
    <t>cg03796580</t>
  </si>
  <si>
    <t>cg03798566</t>
  </si>
  <si>
    <t>cg03799835</t>
  </si>
  <si>
    <t>cg03803009</t>
  </si>
  <si>
    <t>cg03807711</t>
  </si>
  <si>
    <t>cg03808007</t>
  </si>
  <si>
    <t>cg03809346</t>
  </si>
  <si>
    <t>cg03812679</t>
  </si>
  <si>
    <t>cg03815147</t>
  </si>
  <si>
    <t>cg03815657</t>
  </si>
  <si>
    <t>cg03820725</t>
  </si>
  <si>
    <t>cg03820795</t>
  </si>
  <si>
    <t>cg03823431</t>
  </si>
  <si>
    <t>cg03823468</t>
  </si>
  <si>
    <t>cg03828193</t>
  </si>
  <si>
    <t>cg03828522</t>
  </si>
  <si>
    <t>cg03830093</t>
  </si>
  <si>
    <t>cg03835038</t>
  </si>
  <si>
    <t>cg03837526</t>
  </si>
  <si>
    <t>cg03837627</t>
  </si>
  <si>
    <t>cg03837680</t>
  </si>
  <si>
    <t>cg03840924</t>
  </si>
  <si>
    <t>cg03841376</t>
  </si>
  <si>
    <t>cg03841638</t>
  </si>
  <si>
    <t>cg03845363</t>
  </si>
  <si>
    <t>cg03845941</t>
  </si>
  <si>
    <t>cg03848580</t>
  </si>
  <si>
    <t>cg03858720</t>
  </si>
  <si>
    <t>cg03858853</t>
  </si>
  <si>
    <t>cg03861703</t>
  </si>
  <si>
    <t>cg03866192</t>
  </si>
  <si>
    <t>cg03871754</t>
  </si>
  <si>
    <t>cg03872584</t>
  </si>
  <si>
    <t>cg03874026</t>
  </si>
  <si>
    <t>cg03874868</t>
  </si>
  <si>
    <t>cg03877174</t>
  </si>
  <si>
    <t>cg03877957</t>
  </si>
  <si>
    <t>cg03881352</t>
  </si>
  <si>
    <t>cg03881382</t>
  </si>
  <si>
    <t>cg03882071</t>
  </si>
  <si>
    <t>cg03884213</t>
  </si>
  <si>
    <t>cg03889540</t>
  </si>
  <si>
    <t>cg03898962</t>
  </si>
  <si>
    <t>cg03902729</t>
  </si>
  <si>
    <t>cg03908526</t>
  </si>
  <si>
    <t>cg03910582</t>
  </si>
  <si>
    <t>cg03915682</t>
  </si>
  <si>
    <t>cg03915738</t>
  </si>
  <si>
    <t>cg03916694</t>
  </si>
  <si>
    <t>cg03917100</t>
  </si>
  <si>
    <t>cg03917297</t>
  </si>
  <si>
    <t>cg03917473</t>
  </si>
  <si>
    <t>cg03918523</t>
  </si>
  <si>
    <t>cg03919657</t>
  </si>
  <si>
    <t>cg03919779</t>
  </si>
  <si>
    <t>cg03923774</t>
  </si>
  <si>
    <t>cg03928032</t>
  </si>
  <si>
    <t>cg03928887</t>
  </si>
  <si>
    <t>cg03930532</t>
  </si>
  <si>
    <t>cg03930837</t>
  </si>
  <si>
    <t>cg03930948</t>
  </si>
  <si>
    <t>cg03932361</t>
  </si>
  <si>
    <t>cg03933062</t>
  </si>
  <si>
    <t>cg03933810</t>
  </si>
  <si>
    <t>cg03936495</t>
  </si>
  <si>
    <t>cg03939709</t>
  </si>
  <si>
    <t>cg03944143</t>
  </si>
  <si>
    <t>cg03950492</t>
  </si>
  <si>
    <t>cg03950654</t>
  </si>
  <si>
    <t>cg03950716</t>
  </si>
  <si>
    <t>cg03953828</t>
  </si>
  <si>
    <t>cg03954280</t>
  </si>
  <si>
    <t>cg03955537</t>
  </si>
  <si>
    <t>cg03955683</t>
  </si>
  <si>
    <t>cg03955767</t>
  </si>
  <si>
    <t>cg03958863</t>
  </si>
  <si>
    <t>cg03961998</t>
  </si>
  <si>
    <t>cg03964554</t>
  </si>
  <si>
    <t>cg03966751</t>
  </si>
  <si>
    <t>cg03968126</t>
  </si>
  <si>
    <t>cg03969651</t>
  </si>
  <si>
    <t>cg03970934</t>
  </si>
  <si>
    <t>cg03973622</t>
  </si>
  <si>
    <t>cg03978242</t>
  </si>
  <si>
    <t>cg03979162</t>
  </si>
  <si>
    <t>cg03982355</t>
  </si>
  <si>
    <t>cg03982787</t>
  </si>
  <si>
    <t>cg03986989</t>
  </si>
  <si>
    <t>cg03987786</t>
  </si>
  <si>
    <t>cg03989507</t>
  </si>
  <si>
    <t>cg03992651</t>
  </si>
  <si>
    <t>cg03994904</t>
  </si>
  <si>
    <t>cg03996106</t>
  </si>
  <si>
    <t>cg04004363</t>
  </si>
  <si>
    <t>cg04005334</t>
  </si>
  <si>
    <t>cg04005378</t>
  </si>
  <si>
    <t>cg04005701</t>
  </si>
  <si>
    <t>cg04006303</t>
  </si>
  <si>
    <t>cg04007028</t>
  </si>
  <si>
    <t>cg04007987</t>
  </si>
  <si>
    <t>cg04008698</t>
  </si>
  <si>
    <t>cg04010423</t>
  </si>
  <si>
    <t>cg04010582</t>
  </si>
  <si>
    <t>cg04010872</t>
  </si>
  <si>
    <t>cg04011497</t>
  </si>
  <si>
    <t>cg04011984</t>
  </si>
  <si>
    <t>cg04012884</t>
  </si>
  <si>
    <t>cg04013970</t>
  </si>
  <si>
    <t>cg04016527</t>
  </si>
  <si>
    <t>cg04018534</t>
  </si>
  <si>
    <t>cg04020764</t>
  </si>
  <si>
    <t>cg04022555</t>
  </si>
  <si>
    <t>cg04023226</t>
  </si>
  <si>
    <t>cg04029715</t>
  </si>
  <si>
    <t>cg04030905</t>
  </si>
  <si>
    <t>cg04032226</t>
  </si>
  <si>
    <t>cg04034685</t>
  </si>
  <si>
    <t>cg04036329</t>
  </si>
  <si>
    <t>cg04040925</t>
  </si>
  <si>
    <t>cg04041639</t>
  </si>
  <si>
    <t>cg04046930</t>
  </si>
  <si>
    <t>cg04049033</t>
  </si>
  <si>
    <t>cg04049981</t>
  </si>
  <si>
    <t>cg04050119</t>
  </si>
  <si>
    <t>cg04055490</t>
  </si>
  <si>
    <t>cg04060163</t>
  </si>
  <si>
    <t>cg04066453</t>
  </si>
  <si>
    <t>cg04069472</t>
  </si>
  <si>
    <t>cg04071967</t>
  </si>
  <si>
    <t>cg04077077</t>
  </si>
  <si>
    <t>cg04077384</t>
  </si>
  <si>
    <t>cg04091926</t>
  </si>
  <si>
    <t>cg04093932</t>
  </si>
  <si>
    <t>cg04099180</t>
  </si>
  <si>
    <t>cg04100395</t>
  </si>
  <si>
    <t>cg04101699</t>
  </si>
  <si>
    <t>cg04102519</t>
  </si>
  <si>
    <t>cg04103918</t>
  </si>
  <si>
    <t>cg04104776</t>
  </si>
  <si>
    <t>cg04105716</t>
  </si>
  <si>
    <t>cg04105876</t>
  </si>
  <si>
    <t>cg04105895</t>
  </si>
  <si>
    <t>cg04106630</t>
  </si>
  <si>
    <t>cg04106785</t>
  </si>
  <si>
    <t>cg04107318</t>
  </si>
  <si>
    <t>cg04110708</t>
  </si>
  <si>
    <t>cg04113436</t>
  </si>
  <si>
    <t>cg04115702</t>
  </si>
  <si>
    <t>cg04115740</t>
  </si>
  <si>
    <t>cg04117356</t>
  </si>
  <si>
    <t>cg04117396</t>
  </si>
  <si>
    <t>cg04117643</t>
  </si>
  <si>
    <t>cg04117782</t>
  </si>
  <si>
    <t>cg04118102</t>
  </si>
  <si>
    <t>cg04124526</t>
  </si>
  <si>
    <t>cg04131018</t>
  </si>
  <si>
    <t>cg04131468</t>
  </si>
  <si>
    <t>cg04133652</t>
  </si>
  <si>
    <t>cg04136369</t>
  </si>
  <si>
    <t>cg04147593</t>
  </si>
  <si>
    <t>cg04153890</t>
  </si>
  <si>
    <t>cg04155280</t>
  </si>
  <si>
    <t>cg04156850</t>
  </si>
  <si>
    <t>cg04157072</t>
  </si>
  <si>
    <t>cg04157263</t>
  </si>
  <si>
    <t>cg04161365</t>
  </si>
  <si>
    <t>cg04162685</t>
  </si>
  <si>
    <t>cg04163533</t>
  </si>
  <si>
    <t>cg04164190</t>
  </si>
  <si>
    <t>cg04164584</t>
  </si>
  <si>
    <t>cg04166962</t>
  </si>
  <si>
    <t>cg04169534</t>
  </si>
  <si>
    <t>cg04171235</t>
  </si>
  <si>
    <t>cg04172049</t>
  </si>
  <si>
    <t>cg04179438</t>
  </si>
  <si>
    <t>cg04190813</t>
  </si>
  <si>
    <t>cg04191978</t>
  </si>
  <si>
    <t>cg04192492</t>
  </si>
  <si>
    <t>cg04193083</t>
  </si>
  <si>
    <t>cg04194664</t>
  </si>
  <si>
    <t>cg04198042</t>
  </si>
  <si>
    <t>cg04198562</t>
  </si>
  <si>
    <t>cg04198914</t>
  </si>
  <si>
    <t>cg04200411</t>
  </si>
  <si>
    <t>cg04202465</t>
  </si>
  <si>
    <t>cg04204452</t>
  </si>
  <si>
    <t>cg04207549</t>
  </si>
  <si>
    <t>cg04209460</t>
  </si>
  <si>
    <t>cg04210796</t>
  </si>
  <si>
    <t>cg04211115</t>
  </si>
  <si>
    <t>cg04212979</t>
  </si>
  <si>
    <t>cg04214305</t>
  </si>
  <si>
    <t>cg04216466</t>
  </si>
  <si>
    <t>cg04216597</t>
  </si>
  <si>
    <t>cg04219321</t>
  </si>
  <si>
    <t>cg04220063</t>
  </si>
  <si>
    <t>cg04221683</t>
  </si>
  <si>
    <t>cg04221833</t>
  </si>
  <si>
    <t>cg04223442</t>
  </si>
  <si>
    <t>cg04225089</t>
  </si>
  <si>
    <t>cg04229842</t>
  </si>
  <si>
    <t>cg04234232</t>
  </si>
  <si>
    <t>cg04234429</t>
  </si>
  <si>
    <t>cg04235008</t>
  </si>
  <si>
    <t>cg04235625</t>
  </si>
  <si>
    <t>cg04239645</t>
  </si>
  <si>
    <t>cg04239855</t>
  </si>
  <si>
    <t>cg04239865</t>
  </si>
  <si>
    <t>cg04239967</t>
  </si>
  <si>
    <t>cg04240077</t>
  </si>
  <si>
    <t>cg04242396</t>
  </si>
  <si>
    <t>cg04243822</t>
  </si>
  <si>
    <t>cg04244857</t>
  </si>
  <si>
    <t>cg04245741</t>
  </si>
  <si>
    <t>cg04248279</t>
  </si>
  <si>
    <t>cg04250920</t>
  </si>
  <si>
    <t>cg04251835</t>
  </si>
  <si>
    <t>cg04252204</t>
  </si>
  <si>
    <t>cg04252529</t>
  </si>
  <si>
    <t>cg04257841</t>
  </si>
  <si>
    <t>cg04258457</t>
  </si>
  <si>
    <t>cg04259687</t>
  </si>
  <si>
    <t>cg04264042</t>
  </si>
  <si>
    <t>cg04266202</t>
  </si>
  <si>
    <t>cg04267101</t>
  </si>
  <si>
    <t>cg04268421</t>
  </si>
  <si>
    <t>cg04268643</t>
  </si>
  <si>
    <t>cg04269641</t>
  </si>
  <si>
    <t>cg04271999</t>
  </si>
  <si>
    <t>cg04272820</t>
  </si>
  <si>
    <t>cg04278905</t>
  </si>
  <si>
    <t>cg04279729</t>
  </si>
  <si>
    <t>cg04281216</t>
  </si>
  <si>
    <t>cg04282206</t>
  </si>
  <si>
    <t>cg04287747</t>
  </si>
  <si>
    <t>cg04289585</t>
  </si>
  <si>
    <t>cg04291430</t>
  </si>
  <si>
    <t>cg04292728</t>
  </si>
  <si>
    <t>cg04295322</t>
  </si>
  <si>
    <t>cg04295549</t>
  </si>
  <si>
    <t>cg04298761</t>
  </si>
  <si>
    <t>cg04299274</t>
  </si>
  <si>
    <t>cg04300161</t>
  </si>
  <si>
    <t>cg04300873</t>
  </si>
  <si>
    <t>cg04303382</t>
  </si>
  <si>
    <t>cg04304770</t>
  </si>
  <si>
    <t>cg04305399</t>
  </si>
  <si>
    <t>cg04306489</t>
  </si>
  <si>
    <t>cg04307853</t>
  </si>
  <si>
    <t>cg04308167</t>
  </si>
  <si>
    <t>cg04309037</t>
  </si>
  <si>
    <t>cg04311971</t>
  </si>
  <si>
    <t>cg04318205</t>
  </si>
  <si>
    <t>cg04318619</t>
  </si>
  <si>
    <t>cg04320152</t>
  </si>
  <si>
    <t>cg04320316</t>
  </si>
  <si>
    <t>cg04320476</t>
  </si>
  <si>
    <t>cg04323312</t>
  </si>
  <si>
    <t>cg04326023</t>
  </si>
  <si>
    <t>cg04328701</t>
  </si>
  <si>
    <t>cg04337007</t>
  </si>
  <si>
    <t>cg04337928</t>
  </si>
  <si>
    <t>cg04346272</t>
  </si>
  <si>
    <t>cg04347633</t>
  </si>
  <si>
    <t>cg04353251</t>
  </si>
  <si>
    <t>cg04354002</t>
  </si>
  <si>
    <t>cg04366367</t>
  </si>
  <si>
    <t>cg04368058</t>
  </si>
  <si>
    <t>cg04369100</t>
  </si>
  <si>
    <t>cg04370106</t>
  </si>
  <si>
    <t>cg04370834</t>
  </si>
  <si>
    <t>cg04373106</t>
  </si>
  <si>
    <t>cg04373117</t>
  </si>
  <si>
    <t>cg04374102</t>
  </si>
  <si>
    <t>cg04377061</t>
  </si>
  <si>
    <t>cg04378440</t>
  </si>
  <si>
    <t>cg04380107</t>
  </si>
  <si>
    <t>cg04380519</t>
  </si>
  <si>
    <t>cg04383039</t>
  </si>
  <si>
    <t>cg04384031</t>
  </si>
  <si>
    <t>cg04387597</t>
  </si>
  <si>
    <t>cg04391754</t>
  </si>
  <si>
    <t>cg04393637</t>
  </si>
  <si>
    <t>cg04397137</t>
  </si>
  <si>
    <t>cg04398070</t>
  </si>
  <si>
    <t>cg04398978</t>
  </si>
  <si>
    <t>cg04404540</t>
  </si>
  <si>
    <t>cg04407929</t>
  </si>
  <si>
    <t>cg04413853</t>
  </si>
  <si>
    <t>cg04414683</t>
  </si>
  <si>
    <t>cg04420141</t>
  </si>
  <si>
    <t>cg04420907</t>
  </si>
  <si>
    <t>cg04421595</t>
  </si>
  <si>
    <t>cg04423431</t>
  </si>
  <si>
    <t>cg04423727</t>
  </si>
  <si>
    <t>cg04424940</t>
  </si>
  <si>
    <t>cg04425419</t>
  </si>
  <si>
    <t>cg04427860</t>
  </si>
  <si>
    <t>cg04429140</t>
  </si>
  <si>
    <t>cg04430582</t>
  </si>
  <si>
    <t>cg04433035</t>
  </si>
  <si>
    <t>cg04433051</t>
  </si>
  <si>
    <t>cg04433201</t>
  </si>
  <si>
    <t>cg04433322</t>
  </si>
  <si>
    <t>cg04437233</t>
  </si>
  <si>
    <t>cg04438997</t>
  </si>
  <si>
    <t>cg04439252</t>
  </si>
  <si>
    <t>cg04442638</t>
  </si>
  <si>
    <t>cg04443039</t>
  </si>
  <si>
    <t>cg04444506</t>
  </si>
  <si>
    <t>cg04446870</t>
  </si>
  <si>
    <t>cg04448141</t>
  </si>
  <si>
    <t>cg04452095</t>
  </si>
  <si>
    <t>cg04453140</t>
  </si>
  <si>
    <t>cg04453648</t>
  </si>
  <si>
    <t>cg04455639</t>
  </si>
  <si>
    <t>cg04460364</t>
  </si>
  <si>
    <t>cg04467549</t>
  </si>
  <si>
    <t>cg04467838</t>
  </si>
  <si>
    <t>cg04470878</t>
  </si>
  <si>
    <t>cg04478015</t>
  </si>
  <si>
    <t>cg04478075</t>
  </si>
  <si>
    <t>cg04478605</t>
  </si>
  <si>
    <t>cg04480931</t>
  </si>
  <si>
    <t>cg04482110</t>
  </si>
  <si>
    <t>cg04482712</t>
  </si>
  <si>
    <t>cg04485844</t>
  </si>
  <si>
    <t>cg04486382</t>
  </si>
  <si>
    <t>cg04486673</t>
  </si>
  <si>
    <t>cg04487205</t>
  </si>
  <si>
    <t>cg04487659</t>
  </si>
  <si>
    <t>cg04487720</t>
  </si>
  <si>
    <t>cg04488553</t>
  </si>
  <si>
    <t>cg04492459</t>
  </si>
  <si>
    <t>cg04494710</t>
  </si>
  <si>
    <t>cg04495287</t>
  </si>
  <si>
    <t>cg04497390</t>
  </si>
  <si>
    <t>cg04498014</t>
  </si>
  <si>
    <t>cg04498971</t>
  </si>
  <si>
    <t>cg04503457</t>
  </si>
  <si>
    <t>cg04504128</t>
  </si>
  <si>
    <t>cg04510853</t>
  </si>
  <si>
    <t>cg04511534</t>
  </si>
  <si>
    <t>cg04511702</t>
  </si>
  <si>
    <t>cg04512931</t>
  </si>
  <si>
    <t>cg04514024</t>
  </si>
  <si>
    <t>cg04515583</t>
  </si>
  <si>
    <t>cg04517036</t>
  </si>
  <si>
    <t>cg04517747</t>
  </si>
  <si>
    <t>cg04518106</t>
  </si>
  <si>
    <t>cg04519895</t>
  </si>
  <si>
    <t>cg04519916</t>
  </si>
  <si>
    <t>cg04520793</t>
  </si>
  <si>
    <t>cg04522003</t>
  </si>
  <si>
    <t>cg04522575</t>
  </si>
  <si>
    <t>cg04524173</t>
  </si>
  <si>
    <t>cg04525408</t>
  </si>
  <si>
    <t>cg04528771</t>
  </si>
  <si>
    <t>cg04529938</t>
  </si>
  <si>
    <t>cg04532153</t>
  </si>
  <si>
    <t>cg04532956</t>
  </si>
  <si>
    <t>cg04537941</t>
  </si>
  <si>
    <t>cg04539241</t>
  </si>
  <si>
    <t>cg04544475</t>
  </si>
  <si>
    <t>cg04544699</t>
  </si>
  <si>
    <t>cg04547425</t>
  </si>
  <si>
    <t>cg04548563</t>
  </si>
  <si>
    <t>cg04557197</t>
  </si>
  <si>
    <t>cg04558115</t>
  </si>
  <si>
    <t>cg04558658</t>
  </si>
  <si>
    <t>cg04560979</t>
  </si>
  <si>
    <t>cg04561005</t>
  </si>
  <si>
    <t>cg04562562</t>
  </si>
  <si>
    <t>cg04563643</t>
  </si>
  <si>
    <t>cg04564935</t>
  </si>
  <si>
    <t>cg04567731</t>
  </si>
  <si>
    <t>cg04568564</t>
  </si>
  <si>
    <t>cg04568923</t>
  </si>
  <si>
    <t>cg04569555</t>
  </si>
  <si>
    <t>cg04571282</t>
  </si>
  <si>
    <t>cg04571513</t>
  </si>
  <si>
    <t>cg04573935</t>
  </si>
  <si>
    <t>cg04574034</t>
  </si>
  <si>
    <t>cg04576298</t>
  </si>
  <si>
    <t>cg04576847</t>
  </si>
  <si>
    <t>cg04577809</t>
  </si>
  <si>
    <t>cg04578470</t>
  </si>
  <si>
    <t>cg04578738</t>
  </si>
  <si>
    <t>cg04581327</t>
  </si>
  <si>
    <t>cg04582295</t>
  </si>
  <si>
    <t>cg04582695</t>
  </si>
  <si>
    <t>cg04582861</t>
  </si>
  <si>
    <t>cg04584833</t>
  </si>
  <si>
    <t>cg04585435</t>
  </si>
  <si>
    <t>cg04587161</t>
  </si>
  <si>
    <t>cg04587829</t>
  </si>
  <si>
    <t>cg04588165</t>
  </si>
  <si>
    <t>cg04588562</t>
  </si>
  <si>
    <t>cg04589050</t>
  </si>
  <si>
    <t>cg04590184</t>
  </si>
  <si>
    <t>cg04592226</t>
  </si>
  <si>
    <t>cg04593538</t>
  </si>
  <si>
    <t>cg04593859</t>
  </si>
  <si>
    <t>cg04595323</t>
  </si>
  <si>
    <t>cg04602992</t>
  </si>
  <si>
    <t>cg04603818</t>
  </si>
  <si>
    <t>cg04607032</t>
  </si>
  <si>
    <t>cg04607334</t>
  </si>
  <si>
    <t>cg04609859</t>
  </si>
  <si>
    <t>cg04610235</t>
  </si>
  <si>
    <t>cg04611801</t>
  </si>
  <si>
    <t>cg04615859</t>
  </si>
  <si>
    <t>cg04616544</t>
  </si>
  <si>
    <t>cg04617570</t>
  </si>
  <si>
    <t>cg04618277</t>
  </si>
  <si>
    <t>cg04618528</t>
  </si>
  <si>
    <t>cg04633058</t>
  </si>
  <si>
    <t>cg04633676</t>
  </si>
  <si>
    <t>cg04635138</t>
  </si>
  <si>
    <t>cg04635736</t>
  </si>
  <si>
    <t>cg04636269</t>
  </si>
  <si>
    <t>cg04643513</t>
  </si>
  <si>
    <t>cg04645039</t>
  </si>
  <si>
    <t>cg04645189</t>
  </si>
  <si>
    <t>cg04647529</t>
  </si>
  <si>
    <t>cg04651635</t>
  </si>
  <si>
    <t>cg04653170</t>
  </si>
  <si>
    <t>cg04655662</t>
  </si>
  <si>
    <t>cg04656222</t>
  </si>
  <si>
    <t>cg04657804</t>
  </si>
  <si>
    <t>cg04658021</t>
  </si>
  <si>
    <t>cg04658354</t>
  </si>
  <si>
    <t>cg04662250</t>
  </si>
  <si>
    <t>cg04662983</t>
  </si>
  <si>
    <t>cg04663203</t>
  </si>
  <si>
    <t>cg04664342</t>
  </si>
  <si>
    <t>cg04667919</t>
  </si>
  <si>
    <t>cg04672538</t>
  </si>
  <si>
    <t>cg04674060</t>
  </si>
  <si>
    <t>cg04685003</t>
  </si>
  <si>
    <t>cg04686354</t>
  </si>
  <si>
    <t>cg04687939</t>
  </si>
  <si>
    <t>cg04689178</t>
  </si>
  <si>
    <t>cg04689880</t>
  </si>
  <si>
    <t>cg04697942</t>
  </si>
  <si>
    <t>cg04702509</t>
  </si>
  <si>
    <t>cg04706338</t>
  </si>
  <si>
    <t>cg04720358</t>
  </si>
  <si>
    <t>cg04720477</t>
  </si>
  <si>
    <t>cg04723680</t>
  </si>
  <si>
    <t>cg04726374</t>
  </si>
  <si>
    <t>cg04731038</t>
  </si>
  <si>
    <t>cg04731120</t>
  </si>
  <si>
    <t>cg04733951</t>
  </si>
  <si>
    <t>cg04734712</t>
  </si>
  <si>
    <t>cg04734784</t>
  </si>
  <si>
    <t>cg04735310</t>
  </si>
  <si>
    <t>cg04737993</t>
  </si>
  <si>
    <t>cg04738279</t>
  </si>
  <si>
    <t>cg04740898</t>
  </si>
  <si>
    <t>cg04741689</t>
  </si>
  <si>
    <t>cg04742587</t>
  </si>
  <si>
    <t>cg04743510</t>
  </si>
  <si>
    <t>cg04745805</t>
  </si>
  <si>
    <t>cg04747863</t>
  </si>
  <si>
    <t>cg04748321</t>
  </si>
  <si>
    <t>cg04753668</t>
  </si>
  <si>
    <t>cg04756853</t>
  </si>
  <si>
    <t>cg04762765</t>
  </si>
  <si>
    <t>cg04764624</t>
  </si>
  <si>
    <t>cg04766061</t>
  </si>
  <si>
    <t>cg04770088</t>
  </si>
  <si>
    <t>cg04774110</t>
  </si>
  <si>
    <t>cg04780393</t>
  </si>
  <si>
    <t>cg04780454</t>
  </si>
  <si>
    <t>cg04780629</t>
  </si>
  <si>
    <t>cg04780697</t>
  </si>
  <si>
    <t>cg04791421</t>
  </si>
  <si>
    <t>cg04791718</t>
  </si>
  <si>
    <t>cg04795638</t>
  </si>
  <si>
    <t>cg04796017</t>
  </si>
  <si>
    <t>cg04797957</t>
  </si>
  <si>
    <t>cg04798303</t>
  </si>
  <si>
    <t>cg04798684</t>
  </si>
  <si>
    <t>cg04798929</t>
  </si>
  <si>
    <t>cg04804926</t>
  </si>
  <si>
    <t>cg04805512</t>
  </si>
  <si>
    <t>cg04806562</t>
  </si>
  <si>
    <t>cg04808672</t>
  </si>
  <si>
    <t>cg04809787</t>
  </si>
  <si>
    <t>cg04815812</t>
  </si>
  <si>
    <t>cg04817238</t>
  </si>
  <si>
    <t>cg04820773</t>
  </si>
  <si>
    <t>cg04825705</t>
  </si>
  <si>
    <t>cg04828746</t>
  </si>
  <si>
    <t>cg04830146</t>
  </si>
  <si>
    <t>cg04833165</t>
  </si>
  <si>
    <t>cg04835091</t>
  </si>
  <si>
    <t>cg04837616</t>
  </si>
  <si>
    <t>cg04838007</t>
  </si>
  <si>
    <t>cg04843775</t>
  </si>
  <si>
    <t>cg04848235</t>
  </si>
  <si>
    <t>cg04848925</t>
  </si>
  <si>
    <t>cg04849995</t>
  </si>
  <si>
    <t>cg04854972</t>
  </si>
  <si>
    <t>cg04859219</t>
  </si>
  <si>
    <t>cg04859757</t>
  </si>
  <si>
    <t>cg04861974</t>
  </si>
  <si>
    <t>cg04862002</t>
  </si>
  <si>
    <t>cg04862249</t>
  </si>
  <si>
    <t>cg04862556</t>
  </si>
  <si>
    <t>cg04863514</t>
  </si>
  <si>
    <t>cg04863850</t>
  </si>
  <si>
    <t>cg04865506</t>
  </si>
  <si>
    <t>cg04865565</t>
  </si>
  <si>
    <t>cg04867509</t>
  </si>
  <si>
    <t>cg04867652</t>
  </si>
  <si>
    <t>cg04869532</t>
  </si>
  <si>
    <t>cg04873548</t>
  </si>
  <si>
    <t>cg04879235</t>
  </si>
  <si>
    <t>cg04879755</t>
  </si>
  <si>
    <t>cg04881814</t>
  </si>
  <si>
    <t>cg04882759</t>
  </si>
  <si>
    <t>cg04886448</t>
  </si>
  <si>
    <t>cg04886642</t>
  </si>
  <si>
    <t>cg04886672</t>
  </si>
  <si>
    <t>cg04887144</t>
  </si>
  <si>
    <t>cg04891959</t>
  </si>
  <si>
    <t>cg04891961</t>
  </si>
  <si>
    <t>cg04892600</t>
  </si>
  <si>
    <t>cg04895975</t>
  </si>
  <si>
    <t>cg04897931</t>
  </si>
  <si>
    <t>cg04898773</t>
  </si>
  <si>
    <t>cg04900128</t>
  </si>
  <si>
    <t>cg04902669</t>
  </si>
  <si>
    <t>cg04907571</t>
  </si>
  <si>
    <t>cg04908905</t>
  </si>
  <si>
    <t>cg04909432</t>
  </si>
  <si>
    <t>cg04910718</t>
  </si>
  <si>
    <t>cg04911139</t>
  </si>
  <si>
    <t>cg04916523</t>
  </si>
  <si>
    <t>cg04918402</t>
  </si>
  <si>
    <t>cg04920428</t>
  </si>
  <si>
    <t>cg04920773</t>
  </si>
  <si>
    <t>cg04920917</t>
  </si>
  <si>
    <t>cg04921244</t>
  </si>
  <si>
    <t>cg04921776</t>
  </si>
  <si>
    <t>cg04925705</t>
  </si>
  <si>
    <t>cg04930463</t>
  </si>
  <si>
    <t>cg04930733</t>
  </si>
  <si>
    <t>cg04932840</t>
  </si>
  <si>
    <t>cg04934382</t>
  </si>
  <si>
    <t>cg04935041</t>
  </si>
  <si>
    <t>cg04935521</t>
  </si>
  <si>
    <t>cg04937144</t>
  </si>
  <si>
    <t>cg04937794</t>
  </si>
  <si>
    <t>cg04938107</t>
  </si>
  <si>
    <t>cg04938329</t>
  </si>
  <si>
    <t>cg04940349</t>
  </si>
  <si>
    <t>cg04943661</t>
  </si>
  <si>
    <t>cg04945541</t>
  </si>
  <si>
    <t>cg04945634</t>
  </si>
  <si>
    <t>cg04945945</t>
  </si>
  <si>
    <t>cg04947157</t>
  </si>
  <si>
    <t>cg04951104</t>
  </si>
  <si>
    <t>cg04951638</t>
  </si>
  <si>
    <t>cg04954757</t>
  </si>
  <si>
    <t>cg04955246</t>
  </si>
  <si>
    <t>cg04956244</t>
  </si>
  <si>
    <t>cg04957132</t>
  </si>
  <si>
    <t>cg04957146</t>
  </si>
  <si>
    <t>cg04958411</t>
  </si>
  <si>
    <t>cg04958703</t>
  </si>
  <si>
    <t>cg04960169</t>
  </si>
  <si>
    <t>cg04961189</t>
  </si>
  <si>
    <t>cg04965792</t>
  </si>
  <si>
    <t>cg04970434</t>
  </si>
  <si>
    <t>cg04971534</t>
  </si>
  <si>
    <t>cg04972513</t>
  </si>
  <si>
    <t>cg04976685</t>
  </si>
  <si>
    <t>cg04977733</t>
  </si>
  <si>
    <t>cg04977770</t>
  </si>
  <si>
    <t>cg04977834</t>
  </si>
  <si>
    <t>cg04982308</t>
  </si>
  <si>
    <t>cg04983327</t>
  </si>
  <si>
    <t>cg04986373</t>
  </si>
  <si>
    <t>cg04986591</t>
  </si>
  <si>
    <t>cg04986934</t>
  </si>
  <si>
    <t>cg04987855</t>
  </si>
  <si>
    <t>cg04988694</t>
  </si>
  <si>
    <t>cg04988978</t>
  </si>
  <si>
    <t>cg04992576</t>
  </si>
  <si>
    <t>cg04995095</t>
  </si>
  <si>
    <t>cg04998282</t>
  </si>
  <si>
    <t>cg04999441</t>
  </si>
  <si>
    <t>cg05000339</t>
  </si>
  <si>
    <t>cg05000772</t>
  </si>
  <si>
    <t>cg05004973</t>
  </si>
  <si>
    <t>cg05005659</t>
  </si>
  <si>
    <t>cg05006092</t>
  </si>
  <si>
    <t>cg05006892</t>
  </si>
  <si>
    <t>cg05009662</t>
  </si>
  <si>
    <t>cg05011232</t>
  </si>
  <si>
    <t>cg05012620</t>
  </si>
  <si>
    <t>cg05012946</t>
  </si>
  <si>
    <t>cg05014933</t>
  </si>
  <si>
    <t>cg05016953</t>
  </si>
  <si>
    <t>cg05019311</t>
  </si>
  <si>
    <t>cg05021636</t>
  </si>
  <si>
    <t>cg05021798</t>
  </si>
  <si>
    <t>cg05022061</t>
  </si>
  <si>
    <t>cg05030651</t>
  </si>
  <si>
    <t>cg05031424</t>
  </si>
  <si>
    <t>cg05031519</t>
  </si>
  <si>
    <t>cg05031797</t>
  </si>
  <si>
    <t>cg05031995</t>
  </si>
  <si>
    <t>cg05033295</t>
  </si>
  <si>
    <t>cg05034432</t>
  </si>
  <si>
    <t>cg05036147</t>
  </si>
  <si>
    <t>cg05038288</t>
  </si>
  <si>
    <t>cg05038977</t>
  </si>
  <si>
    <t>cg05040893</t>
  </si>
  <si>
    <t>cg05043557</t>
  </si>
  <si>
    <t>cg05045001</t>
  </si>
  <si>
    <t>cg05046306</t>
  </si>
  <si>
    <t>cg05046936</t>
  </si>
  <si>
    <t>cg05047486</t>
  </si>
  <si>
    <t>cg05053544</t>
  </si>
  <si>
    <t>cg05056305</t>
  </si>
  <si>
    <t>cg05056653</t>
  </si>
  <si>
    <t>cg05057634</t>
  </si>
  <si>
    <t>cg05060577</t>
  </si>
  <si>
    <t>cg05064936</t>
  </si>
  <si>
    <t>cg05066203</t>
  </si>
  <si>
    <t>cg05070518</t>
  </si>
  <si>
    <t>cg05082311</t>
  </si>
  <si>
    <t>cg05086975</t>
  </si>
  <si>
    <t>cg05090106</t>
  </si>
  <si>
    <t>cg05090851</t>
  </si>
  <si>
    <t>cg05091736</t>
  </si>
  <si>
    <t>cg05092310</t>
  </si>
  <si>
    <t>cg05096838</t>
  </si>
  <si>
    <t>cg05098880</t>
  </si>
  <si>
    <t>cg05099221</t>
  </si>
  <si>
    <t>cg05105913</t>
  </si>
  <si>
    <t>cg05105919</t>
  </si>
  <si>
    <t>cg05106231</t>
  </si>
  <si>
    <t>cg05106502</t>
  </si>
  <si>
    <t>cg05112120</t>
  </si>
  <si>
    <t>cg05112555</t>
  </si>
  <si>
    <t>cg05113898</t>
  </si>
  <si>
    <t>cg05114606</t>
  </si>
  <si>
    <t>cg05114625</t>
  </si>
  <si>
    <t>cg05115424</t>
  </si>
  <si>
    <t>cg05117208</t>
  </si>
  <si>
    <t>cg05126734</t>
  </si>
  <si>
    <t>cg05127924</t>
  </si>
  <si>
    <t>cg05140736</t>
  </si>
  <si>
    <t>cg05141870</t>
  </si>
  <si>
    <t>cg05143842</t>
  </si>
  <si>
    <t>cg05144620</t>
  </si>
  <si>
    <t>cg05145423</t>
  </si>
  <si>
    <t>cg05146330</t>
  </si>
  <si>
    <t>cg05147273</t>
  </si>
  <si>
    <t>cg05147328</t>
  </si>
  <si>
    <t>cg05148465</t>
  </si>
  <si>
    <t>cg05151395</t>
  </si>
  <si>
    <t>cg05157340</t>
  </si>
  <si>
    <t>cg05157970</t>
  </si>
  <si>
    <t>cg05158219</t>
  </si>
  <si>
    <t>cg05159732</t>
  </si>
  <si>
    <t>cg05159799</t>
  </si>
  <si>
    <t>cg05159804</t>
  </si>
  <si>
    <t>cg05160228</t>
  </si>
  <si>
    <t>cg05162031</t>
  </si>
  <si>
    <t>cg05162320</t>
  </si>
  <si>
    <t>cg05164758</t>
  </si>
  <si>
    <t>cg05166871</t>
  </si>
  <si>
    <t>cg05174975</t>
  </si>
  <si>
    <t>cg05181282</t>
  </si>
  <si>
    <t>cg05181397</t>
  </si>
  <si>
    <t>cg05182416</t>
  </si>
  <si>
    <t>cg05184843</t>
  </si>
  <si>
    <t>cg05184938</t>
  </si>
  <si>
    <t>cg05185021</t>
  </si>
  <si>
    <t>cg05186509</t>
  </si>
  <si>
    <t>cg05188959</t>
  </si>
  <si>
    <t>cg05198094</t>
  </si>
  <si>
    <t>cg05204123</t>
  </si>
  <si>
    <t>cg05205736</t>
  </si>
  <si>
    <t>cg05206183</t>
  </si>
  <si>
    <t>cg05209483</t>
  </si>
  <si>
    <t>cg05210615</t>
  </si>
  <si>
    <t>cg05211642</t>
  </si>
  <si>
    <t>cg05212260</t>
  </si>
  <si>
    <t>cg05215272</t>
  </si>
  <si>
    <t>cg05215748</t>
  </si>
  <si>
    <t>cg05220510</t>
  </si>
  <si>
    <t>cg05222347</t>
  </si>
  <si>
    <t>cg05226323</t>
  </si>
  <si>
    <t>cg05229340</t>
  </si>
  <si>
    <t>cg05229989</t>
  </si>
  <si>
    <t>cg05230392</t>
  </si>
  <si>
    <t>cg05231332</t>
  </si>
  <si>
    <t>cg05232479</t>
  </si>
  <si>
    <t>cg05238069</t>
  </si>
  <si>
    <t>cg05244974</t>
  </si>
  <si>
    <t>cg05245070</t>
  </si>
  <si>
    <t>cg05246522</t>
  </si>
  <si>
    <t>cg05247640</t>
  </si>
  <si>
    <t>cg05251593</t>
  </si>
  <si>
    <t>cg05251861</t>
  </si>
  <si>
    <t>cg05252213</t>
  </si>
  <si>
    <t>cg05253759</t>
  </si>
  <si>
    <t>cg05254689</t>
  </si>
  <si>
    <t>cg05255915</t>
  </si>
  <si>
    <t>cg05256973</t>
  </si>
  <si>
    <t>cg05258102</t>
  </si>
  <si>
    <t>cg05264101</t>
  </si>
  <si>
    <t>cg05264148</t>
  </si>
  <si>
    <t>cg05264587</t>
  </si>
  <si>
    <t>cg05265484</t>
  </si>
  <si>
    <t>cg05266212</t>
  </si>
  <si>
    <t>cg05266345</t>
  </si>
  <si>
    <t>cg05267587</t>
  </si>
  <si>
    <t>cg05269713</t>
  </si>
  <si>
    <t>cg05270696</t>
  </si>
  <si>
    <t>cg05270866</t>
  </si>
  <si>
    <t>cg05271255</t>
  </si>
  <si>
    <t>cg05279172</t>
  </si>
  <si>
    <t>cg05281206</t>
  </si>
  <si>
    <t>cg05281645</t>
  </si>
  <si>
    <t>cg05292376</t>
  </si>
  <si>
    <t>cg05292986</t>
  </si>
  <si>
    <t>cg05294455</t>
  </si>
  <si>
    <t>cg05300378</t>
  </si>
  <si>
    <t>cg05303057</t>
  </si>
  <si>
    <t>cg05305986</t>
  </si>
  <si>
    <t>cg05310071</t>
  </si>
  <si>
    <t>cg05310240</t>
  </si>
  <si>
    <t>cg05322931</t>
  </si>
  <si>
    <t>cg05322982</t>
  </si>
  <si>
    <t>cg05323725</t>
  </si>
  <si>
    <t>cg05323879</t>
  </si>
  <si>
    <t>cg05324519</t>
  </si>
  <si>
    <t>cg05324982</t>
  </si>
  <si>
    <t>cg05325028</t>
  </si>
  <si>
    <t>cg05329906</t>
  </si>
  <si>
    <t>cg05330360</t>
  </si>
  <si>
    <t>cg05331340</t>
  </si>
  <si>
    <t>cg05332306</t>
  </si>
  <si>
    <t>cg05334253</t>
  </si>
  <si>
    <t>cg05337636</t>
  </si>
  <si>
    <t>cg05337753</t>
  </si>
  <si>
    <t>cg05339942</t>
  </si>
  <si>
    <t>cg05340686</t>
  </si>
  <si>
    <t>cg05341260</t>
  </si>
  <si>
    <t>cg05341815</t>
  </si>
  <si>
    <t>cg05346140</t>
  </si>
  <si>
    <t>cg05346527</t>
  </si>
  <si>
    <t>cg05347914</t>
  </si>
  <si>
    <t>cg05348708</t>
  </si>
  <si>
    <t>cg05348746</t>
  </si>
  <si>
    <t>cg05349016</t>
  </si>
  <si>
    <t>cg05353659</t>
  </si>
  <si>
    <t>cg05354195</t>
  </si>
  <si>
    <t>cg05354989</t>
  </si>
  <si>
    <t>cg05355362</t>
  </si>
  <si>
    <t>cg05356099</t>
  </si>
  <si>
    <t>cg05358729</t>
  </si>
  <si>
    <t>cg05363382</t>
  </si>
  <si>
    <t>cg05363938</t>
  </si>
  <si>
    <t>cg05364411</t>
  </si>
  <si>
    <t>cg05364567</t>
  </si>
  <si>
    <t>cg05365385</t>
  </si>
  <si>
    <t>cg05367173</t>
  </si>
  <si>
    <t>cg05368731</t>
  </si>
  <si>
    <t>cg05371867</t>
  </si>
  <si>
    <t>cg05374451</t>
  </si>
  <si>
    <t>cg05376810</t>
  </si>
  <si>
    <t>cg05376904</t>
  </si>
  <si>
    <t>cg05379350</t>
  </si>
  <si>
    <t>cg05380734</t>
  </si>
  <si>
    <t>cg05382958</t>
  </si>
  <si>
    <t>cg05386508</t>
  </si>
  <si>
    <t>cg05387167</t>
  </si>
  <si>
    <t>cg05388545</t>
  </si>
  <si>
    <t>cg05388761</t>
  </si>
  <si>
    <t>cg05390141</t>
  </si>
  <si>
    <t>cg05390496</t>
  </si>
  <si>
    <t>cg05393058</t>
  </si>
  <si>
    <t>cg05396243</t>
  </si>
  <si>
    <t>cg05398905</t>
  </si>
  <si>
    <t>cg05401645</t>
  </si>
  <si>
    <t>cg05409596</t>
  </si>
  <si>
    <t>cg05413305</t>
  </si>
  <si>
    <t>cg05414903</t>
  </si>
  <si>
    <t>cg05418719</t>
  </si>
  <si>
    <t>cg05419854</t>
  </si>
  <si>
    <t>cg05420057</t>
  </si>
  <si>
    <t>cg05421487</t>
  </si>
  <si>
    <t>cg05421673</t>
  </si>
  <si>
    <t>cg05422096</t>
  </si>
  <si>
    <t>cg05442717</t>
  </si>
  <si>
    <t>cg05444541</t>
  </si>
  <si>
    <t>cg05446659</t>
  </si>
  <si>
    <t>cg05447343</t>
  </si>
  <si>
    <t>cg05448137</t>
  </si>
  <si>
    <t>cg05449190</t>
  </si>
  <si>
    <t>cg05449573</t>
  </si>
  <si>
    <t>cg05450457</t>
  </si>
  <si>
    <t>cg05451094</t>
  </si>
  <si>
    <t>cg05453314</t>
  </si>
  <si>
    <t>cg05461632</t>
  </si>
  <si>
    <t>cg05465498</t>
  </si>
  <si>
    <t>cg05465916</t>
  </si>
  <si>
    <t>cg05467167</t>
  </si>
  <si>
    <t>cg05467716</t>
  </si>
  <si>
    <t>cg05469574</t>
  </si>
  <si>
    <t>cg05469734</t>
  </si>
  <si>
    <t>cg05471154</t>
  </si>
  <si>
    <t>cg05471411</t>
  </si>
  <si>
    <t>cg05472349</t>
  </si>
  <si>
    <t>cg05473018</t>
  </si>
  <si>
    <t>cg05474864</t>
  </si>
  <si>
    <t>cg05477823</t>
  </si>
  <si>
    <t>cg05478407</t>
  </si>
  <si>
    <t>cg05478824</t>
  </si>
  <si>
    <t>cg05479166</t>
  </si>
  <si>
    <t>cg05479194</t>
  </si>
  <si>
    <t>cg05481579</t>
  </si>
  <si>
    <t>cg05483571</t>
  </si>
  <si>
    <t>cg05485769</t>
  </si>
  <si>
    <t>cg05485968</t>
  </si>
  <si>
    <t>cg05486193</t>
  </si>
  <si>
    <t>cg05487507</t>
  </si>
  <si>
    <t>cg05490757</t>
  </si>
  <si>
    <t>cg05490983</t>
  </si>
  <si>
    <t>cg05500919</t>
  </si>
  <si>
    <t>cg05501829</t>
  </si>
  <si>
    <t>cg05502349</t>
  </si>
  <si>
    <t>cg05504117</t>
  </si>
  <si>
    <t>cg05505961</t>
  </si>
  <si>
    <t>cg05508862</t>
  </si>
  <si>
    <t>cg05513661</t>
  </si>
  <si>
    <t>cg05514299</t>
  </si>
  <si>
    <t>cg05514680</t>
  </si>
  <si>
    <t>cg05516100</t>
  </si>
  <si>
    <t>cg05525798</t>
  </si>
  <si>
    <t>cg05526498</t>
  </si>
  <si>
    <t>cg05527267</t>
  </si>
  <si>
    <t>cg05533971</t>
  </si>
  <si>
    <t>cg05534060</t>
  </si>
  <si>
    <t>cg05540716</t>
  </si>
  <si>
    <t>cg05542295</t>
  </si>
  <si>
    <t>cg05548425</t>
  </si>
  <si>
    <t>cg05548912</t>
  </si>
  <si>
    <t>cg05549575</t>
  </si>
  <si>
    <t>cg05550919</t>
  </si>
  <si>
    <t>cg05553348</t>
  </si>
  <si>
    <t>cg05555337</t>
  </si>
  <si>
    <t>cg05555681</t>
  </si>
  <si>
    <t>cg05558046</t>
  </si>
  <si>
    <t>cg05558615</t>
  </si>
  <si>
    <t>cg05560728</t>
  </si>
  <si>
    <t>cg05560932</t>
  </si>
  <si>
    <t>cg05562828</t>
  </si>
  <si>
    <t>cg05567334</t>
  </si>
  <si>
    <t>cg05567911</t>
  </si>
  <si>
    <t>cg05569220</t>
  </si>
  <si>
    <t>cg05570053</t>
  </si>
  <si>
    <t>cg05571310</t>
  </si>
  <si>
    <t>cg05571413</t>
  </si>
  <si>
    <t>cg05575733</t>
  </si>
  <si>
    <t>cg05579549</t>
  </si>
  <si>
    <t>cg05580415</t>
  </si>
  <si>
    <t>cg05580441</t>
  </si>
  <si>
    <t>cg05591126</t>
  </si>
  <si>
    <t>cg05591741</t>
  </si>
  <si>
    <t>cg05593618</t>
  </si>
  <si>
    <t>cg05599030</t>
  </si>
  <si>
    <t>cg05599531</t>
  </si>
  <si>
    <t>cg05600126</t>
  </si>
  <si>
    <t>cg05604487</t>
  </si>
  <si>
    <t>cg05605029</t>
  </si>
  <si>
    <t>cg05606039</t>
  </si>
  <si>
    <t>cg05611351</t>
  </si>
  <si>
    <t>cg05613273</t>
  </si>
  <si>
    <t>cg05614735</t>
  </si>
  <si>
    <t>cg05616122</t>
  </si>
  <si>
    <t>cg05617798</t>
  </si>
  <si>
    <t>cg05620113</t>
  </si>
  <si>
    <t>cg05622422</t>
  </si>
  <si>
    <t>cg05624478</t>
  </si>
  <si>
    <t>cg05626616</t>
  </si>
  <si>
    <t>cg05628496</t>
  </si>
  <si>
    <t>cg05632623</t>
  </si>
  <si>
    <t>cg05634879</t>
  </si>
  <si>
    <t>cg05637296</t>
  </si>
  <si>
    <t>cg05640361</t>
  </si>
  <si>
    <t>cg05641843</t>
  </si>
  <si>
    <t>cg05642551</t>
  </si>
  <si>
    <t>cg05650604</t>
  </si>
  <si>
    <t>cg05652225</t>
  </si>
  <si>
    <t>cg05652328</t>
  </si>
  <si>
    <t>cg05652455</t>
  </si>
  <si>
    <t>cg05652817</t>
  </si>
  <si>
    <t>cg05654289</t>
  </si>
  <si>
    <t>cg05668703</t>
  </si>
  <si>
    <t>cg05668853</t>
  </si>
  <si>
    <t>cg05694563</t>
  </si>
  <si>
    <t>cg05704893</t>
  </si>
  <si>
    <t>cg05706471</t>
  </si>
  <si>
    <t>cg05707492</t>
  </si>
  <si>
    <t>cg05713206</t>
  </si>
  <si>
    <t>cg05715138</t>
  </si>
  <si>
    <t>cg05715861</t>
  </si>
  <si>
    <t>cg05716556</t>
  </si>
  <si>
    <t>cg05719052</t>
  </si>
  <si>
    <t>cg05720491</t>
  </si>
  <si>
    <t>cg05721377</t>
  </si>
  <si>
    <t>cg05724268</t>
  </si>
  <si>
    <t>cg05726756</t>
  </si>
  <si>
    <t>cg05728071</t>
  </si>
  <si>
    <t>cg05729387</t>
  </si>
  <si>
    <t>cg05729480</t>
  </si>
  <si>
    <t>cg05735547</t>
  </si>
  <si>
    <t>cg05744073</t>
  </si>
  <si>
    <t>cg05744184</t>
  </si>
  <si>
    <t>cg05747555</t>
  </si>
  <si>
    <t>cg05754035</t>
  </si>
  <si>
    <t>cg05754632</t>
  </si>
  <si>
    <t>cg05756457</t>
  </si>
  <si>
    <t>cg05761277</t>
  </si>
  <si>
    <t>cg05764111</t>
  </si>
  <si>
    <t>cg05765240</t>
  </si>
  <si>
    <t>cg05765580</t>
  </si>
  <si>
    <t>cg05766251</t>
  </si>
  <si>
    <t>cg05766425</t>
  </si>
  <si>
    <t>cg05767143</t>
  </si>
  <si>
    <t>cg05767562</t>
  </si>
  <si>
    <t>cg05767654</t>
  </si>
  <si>
    <t>cg05770797</t>
  </si>
  <si>
    <t>cg05772917</t>
  </si>
  <si>
    <t>cg05774001</t>
  </si>
  <si>
    <t>cg05776388</t>
  </si>
  <si>
    <t>cg05778080</t>
  </si>
  <si>
    <t>cg05778424</t>
  </si>
  <si>
    <t>cg05778709</t>
  </si>
  <si>
    <t>cg05779246</t>
  </si>
  <si>
    <t>cg05780311</t>
  </si>
  <si>
    <t>cg05784029</t>
  </si>
  <si>
    <t>cg05784862</t>
  </si>
  <si>
    <t>cg05788725</t>
  </si>
  <si>
    <t>cg05797656</t>
  </si>
  <si>
    <t>cg05809758</t>
  </si>
  <si>
    <t>cg05813449</t>
  </si>
  <si>
    <t>cg05814100</t>
  </si>
  <si>
    <t>cg05814351</t>
  </si>
  <si>
    <t>cg05815247</t>
  </si>
  <si>
    <t>cg05815404</t>
  </si>
  <si>
    <t>cg05817031</t>
  </si>
  <si>
    <t>cg05817202</t>
  </si>
  <si>
    <t>cg05817750</t>
  </si>
  <si>
    <t>cg05818348</t>
  </si>
  <si>
    <t>cg05818824</t>
  </si>
  <si>
    <t>cg05824218</t>
  </si>
  <si>
    <t>cg05824936</t>
  </si>
  <si>
    <t>cg05825400</t>
  </si>
  <si>
    <t>cg05839533</t>
  </si>
  <si>
    <t>cg05842113</t>
  </si>
  <si>
    <t>cg05842620</t>
  </si>
  <si>
    <t>cg05842890</t>
  </si>
  <si>
    <t>cg05844572</t>
  </si>
  <si>
    <t>cg05845928</t>
  </si>
  <si>
    <t>cg05848509</t>
  </si>
  <si>
    <t>cg05853503</t>
  </si>
  <si>
    <t>cg05854193</t>
  </si>
  <si>
    <t>cg05856230</t>
  </si>
  <si>
    <t>cg05856931</t>
  </si>
  <si>
    <t>cg05860028</t>
  </si>
  <si>
    <t>cg05860886</t>
  </si>
  <si>
    <t>cg05861697</t>
  </si>
  <si>
    <t>cg05862518</t>
  </si>
  <si>
    <t>cg05865746</t>
  </si>
  <si>
    <t>cg05868183</t>
  </si>
  <si>
    <t>cg05869169</t>
  </si>
  <si>
    <t>cg05871254</t>
  </si>
  <si>
    <t>cg05872923</t>
  </si>
  <si>
    <t>cg05873137</t>
  </si>
  <si>
    <t>cg05873873</t>
  </si>
  <si>
    <t>cg05874348</t>
  </si>
  <si>
    <t>cg05875176</t>
  </si>
  <si>
    <t>cg05875982</t>
  </si>
  <si>
    <t>cg05876917</t>
  </si>
  <si>
    <t>cg05879505</t>
  </si>
  <si>
    <t>cg05879810</t>
  </si>
  <si>
    <t>cg05885012</t>
  </si>
  <si>
    <t>cg05887890</t>
  </si>
  <si>
    <t>cg05889222</t>
  </si>
  <si>
    <t>cg05890279</t>
  </si>
  <si>
    <t>cg05890545</t>
  </si>
  <si>
    <t>cg05890616</t>
  </si>
  <si>
    <t>cg05891849</t>
  </si>
  <si>
    <t>cg05892213</t>
  </si>
  <si>
    <t>cg05892673</t>
  </si>
  <si>
    <t>cg05893602</t>
  </si>
  <si>
    <t>cg05897169</t>
  </si>
  <si>
    <t>cg05900058</t>
  </si>
  <si>
    <t>cg05903609</t>
  </si>
  <si>
    <t>cg05906777</t>
  </si>
  <si>
    <t>cg05914439</t>
  </si>
  <si>
    <t>cg05919238</t>
  </si>
  <si>
    <t>cg05919376</t>
  </si>
  <si>
    <t>cg05925896</t>
  </si>
  <si>
    <t>cg05927714</t>
  </si>
  <si>
    <t>cg05932042</t>
  </si>
  <si>
    <t>cg05940703</t>
  </si>
  <si>
    <t>cg05941027</t>
  </si>
  <si>
    <t>cg05941292</t>
  </si>
  <si>
    <t>cg05942574</t>
  </si>
  <si>
    <t>cg05943293</t>
  </si>
  <si>
    <t>cg05945266</t>
  </si>
  <si>
    <t>cg05946604</t>
  </si>
  <si>
    <t>cg05951202</t>
  </si>
  <si>
    <t>cg05951817</t>
  </si>
  <si>
    <t>cg05952715</t>
  </si>
  <si>
    <t>cg05953751</t>
  </si>
  <si>
    <t>cg05976500</t>
  </si>
  <si>
    <t>cg05977781</t>
  </si>
  <si>
    <t>cg05979264</t>
  </si>
  <si>
    <t>cg05981015</t>
  </si>
  <si>
    <t>cg05981034</t>
  </si>
  <si>
    <t>cg05986149</t>
  </si>
  <si>
    <t>cg05988315</t>
  </si>
  <si>
    <t>cg05989656</t>
  </si>
  <si>
    <t>cg05992357</t>
  </si>
  <si>
    <t>cg05992368</t>
  </si>
  <si>
    <t>cg05992990</t>
  </si>
  <si>
    <t>cg05996835</t>
  </si>
  <si>
    <t>cg05999628</t>
  </si>
  <si>
    <t>cg06000029</t>
  </si>
  <si>
    <t>cg06001310</t>
  </si>
  <si>
    <t>cg06005559</t>
  </si>
  <si>
    <t>cg06005844</t>
  </si>
  <si>
    <t>cg06009010</t>
  </si>
  <si>
    <t>cg06012656</t>
  </si>
  <si>
    <t>cg06014792</t>
  </si>
  <si>
    <t>cg06016431</t>
  </si>
  <si>
    <t>cg06024079</t>
  </si>
  <si>
    <t>cg06024215</t>
  </si>
  <si>
    <t>cg06024642</t>
  </si>
  <si>
    <t>cg06038133</t>
  </si>
  <si>
    <t>cg06038180</t>
  </si>
  <si>
    <t>cg06040872</t>
  </si>
  <si>
    <t>cg06041805</t>
  </si>
  <si>
    <t>cg06042480</t>
  </si>
  <si>
    <t>cg06051411</t>
  </si>
  <si>
    <t>cg06051753</t>
  </si>
  <si>
    <t>cg06052921</t>
  </si>
  <si>
    <t>cg06053702</t>
  </si>
  <si>
    <t>cg06053959</t>
  </si>
  <si>
    <t>cg06068801</t>
  </si>
  <si>
    <t>cg06069861</t>
  </si>
  <si>
    <t>cg06070713</t>
  </si>
  <si>
    <t>cg06071746</t>
  </si>
  <si>
    <t>cg06073302</t>
  </si>
  <si>
    <t>cg06075438</t>
  </si>
  <si>
    <t>cg06078469</t>
  </si>
  <si>
    <t>cg06079742</t>
  </si>
  <si>
    <t>cg06081306</t>
  </si>
  <si>
    <t>cg06085905</t>
  </si>
  <si>
    <t>cg06088282</t>
  </si>
  <si>
    <t>cg06090421</t>
  </si>
  <si>
    <t>cg06091647</t>
  </si>
  <si>
    <t>cg06093379</t>
  </si>
  <si>
    <t>cg06094707</t>
  </si>
  <si>
    <t>cg06097994</t>
  </si>
  <si>
    <t>cg06105694</t>
  </si>
  <si>
    <t>cg06107104</t>
  </si>
  <si>
    <t>cg06119016</t>
  </si>
  <si>
    <t>cg06120399</t>
  </si>
  <si>
    <t>cg06126658</t>
  </si>
  <si>
    <t>cg06127313</t>
  </si>
  <si>
    <t>cg06127577</t>
  </si>
  <si>
    <t>cg06128521</t>
  </si>
  <si>
    <t>cg06128598</t>
  </si>
  <si>
    <t>cg06130277</t>
  </si>
  <si>
    <t>cg06130354</t>
  </si>
  <si>
    <t>cg06130714</t>
  </si>
  <si>
    <t>cg06131149</t>
  </si>
  <si>
    <t>cg06131377</t>
  </si>
  <si>
    <t>cg06132853</t>
  </si>
  <si>
    <t>cg06135449</t>
  </si>
  <si>
    <t>cg06135689</t>
  </si>
  <si>
    <t>cg06138195</t>
  </si>
  <si>
    <t>cg06144905</t>
  </si>
  <si>
    <t>cg06147733</t>
  </si>
  <si>
    <t>cg06149671</t>
  </si>
  <si>
    <t>cg06149904</t>
  </si>
  <si>
    <t>cg06150430</t>
  </si>
  <si>
    <t>cg06150940</t>
  </si>
  <si>
    <t>cg06151243</t>
  </si>
  <si>
    <t>cg06152070</t>
  </si>
  <si>
    <t>cg06163904</t>
  </si>
  <si>
    <t>cg06166785</t>
  </si>
  <si>
    <t>cg06172732</t>
  </si>
  <si>
    <t>cg06175447</t>
  </si>
  <si>
    <t>cg06179657</t>
  </si>
  <si>
    <t>cg06185555</t>
  </si>
  <si>
    <t>cg06186155</t>
  </si>
  <si>
    <t>cg06186330</t>
  </si>
  <si>
    <t>cg06187500</t>
  </si>
  <si>
    <t>cg06191348</t>
  </si>
  <si>
    <t>cg06191536</t>
  </si>
  <si>
    <t>cg06192336</t>
  </si>
  <si>
    <t>cg06194602</t>
  </si>
  <si>
    <t>cg06195280</t>
  </si>
  <si>
    <t>cg06196122</t>
  </si>
  <si>
    <t>cg06197006</t>
  </si>
  <si>
    <t>cg06197191</t>
  </si>
  <si>
    <t>cg06200013</t>
  </si>
  <si>
    <t>cg06204745</t>
  </si>
  <si>
    <t>cg06204755</t>
  </si>
  <si>
    <t>cg06205074</t>
  </si>
  <si>
    <t>cg06205172</t>
  </si>
  <si>
    <t>cg06208294</t>
  </si>
  <si>
    <t>cg06208727</t>
  </si>
  <si>
    <t>cg06211346</t>
  </si>
  <si>
    <t>cg06212165</t>
  </si>
  <si>
    <t>cg06213360</t>
  </si>
  <si>
    <t>cg06216157</t>
  </si>
  <si>
    <t>cg06219337</t>
  </si>
  <si>
    <t>cg06220958</t>
  </si>
  <si>
    <t>cg06222638</t>
  </si>
  <si>
    <t>cg06226384</t>
  </si>
  <si>
    <t>cg06227326</t>
  </si>
  <si>
    <t>cg06233552</t>
  </si>
  <si>
    <t>cg06233930</t>
  </si>
  <si>
    <t>cg06234624</t>
  </si>
  <si>
    <t>cg06239055</t>
  </si>
  <si>
    <t>cg06239352</t>
  </si>
  <si>
    <t>cg06244240</t>
  </si>
  <si>
    <t>cg06245338</t>
  </si>
  <si>
    <t>cg06247470</t>
  </si>
  <si>
    <t>cg06247837</t>
  </si>
  <si>
    <t>cg06247967</t>
  </si>
  <si>
    <t>cg06248182</t>
  </si>
  <si>
    <t>cg06255609</t>
  </si>
  <si>
    <t>cg06257227</t>
  </si>
  <si>
    <t>cg06257378</t>
  </si>
  <si>
    <t>cg06258200</t>
  </si>
  <si>
    <t>cg06258461</t>
  </si>
  <si>
    <t>cg06258596</t>
  </si>
  <si>
    <t>cg06260647</t>
  </si>
  <si>
    <t>cg06263341</t>
  </si>
  <si>
    <t>cg06270615</t>
  </si>
  <si>
    <t>cg06271327</t>
  </si>
  <si>
    <t>cg06289802</t>
  </si>
  <si>
    <t>cg06304576</t>
  </si>
  <si>
    <t>cg06310294</t>
  </si>
  <si>
    <t>cg06310712</t>
  </si>
  <si>
    <t>cg06310715</t>
  </si>
  <si>
    <t>cg06315439</t>
  </si>
  <si>
    <t>cg06315909</t>
  </si>
  <si>
    <t>cg06319579</t>
  </si>
  <si>
    <t>cg06329022</t>
  </si>
  <si>
    <t>cg06329491</t>
  </si>
  <si>
    <t>cg06332173</t>
  </si>
  <si>
    <t>cg06339505</t>
  </si>
  <si>
    <t>cg06342195</t>
  </si>
  <si>
    <t>cg06342438</t>
  </si>
  <si>
    <t>cg06343673</t>
  </si>
  <si>
    <t>cg06344807</t>
  </si>
  <si>
    <t>cg06358612</t>
  </si>
  <si>
    <t>cg06360527</t>
  </si>
  <si>
    <t>cg06361278</t>
  </si>
  <si>
    <t>cg06362799</t>
  </si>
  <si>
    <t>cg06365216</t>
  </si>
  <si>
    <t>cg06365412</t>
  </si>
  <si>
    <t>cg06366151</t>
  </si>
  <si>
    <t>cg06367117</t>
  </si>
  <si>
    <t>cg06368300</t>
  </si>
  <si>
    <t>cg06372176</t>
  </si>
  <si>
    <t>cg06373011</t>
  </si>
  <si>
    <t>cg06374075</t>
  </si>
  <si>
    <t>cg06374756</t>
  </si>
  <si>
    <t>cg06375217</t>
  </si>
  <si>
    <t>cg06376161</t>
  </si>
  <si>
    <t>cg06377635</t>
  </si>
  <si>
    <t>cg06378617</t>
  </si>
  <si>
    <t>cg06380320</t>
  </si>
  <si>
    <t>cg06381455</t>
  </si>
  <si>
    <t>cg06383798</t>
  </si>
  <si>
    <t>cg06384413</t>
  </si>
  <si>
    <t>cg06385152</t>
  </si>
  <si>
    <t>cg06386028</t>
  </si>
  <si>
    <t>cg06387669</t>
  </si>
  <si>
    <t>cg06389019</t>
  </si>
  <si>
    <t>cg06390536</t>
  </si>
  <si>
    <t>cg06390790</t>
  </si>
  <si>
    <t>cg06391468</t>
  </si>
  <si>
    <t>cg06395056</t>
  </si>
  <si>
    <t>cg06399109</t>
  </si>
  <si>
    <t>cg06401914</t>
  </si>
  <si>
    <t>cg06405206</t>
  </si>
  <si>
    <t>cg06405563</t>
  </si>
  <si>
    <t>cg06407137</t>
  </si>
  <si>
    <t>cg06408211</t>
  </si>
  <si>
    <t>cg06409153</t>
  </si>
  <si>
    <t>cg06410630</t>
  </si>
  <si>
    <t>cg06417243</t>
  </si>
  <si>
    <t>cg06418907</t>
  </si>
  <si>
    <t>cg06420480</t>
  </si>
  <si>
    <t>cg06421614</t>
  </si>
  <si>
    <t>cg06422947</t>
  </si>
  <si>
    <t>cg06423665</t>
  </si>
  <si>
    <t>cg06427816</t>
  </si>
  <si>
    <t>cg06435751</t>
  </si>
  <si>
    <t>cg06436663</t>
  </si>
  <si>
    <t>cg06437774</t>
  </si>
  <si>
    <t>cg06438484</t>
  </si>
  <si>
    <t>cg06440270</t>
  </si>
  <si>
    <t>cg06442637</t>
  </si>
  <si>
    <t>cg06443034</t>
  </si>
  <si>
    <t>cg06446372</t>
  </si>
  <si>
    <t>cg06448424</t>
  </si>
  <si>
    <t>cg06451745</t>
  </si>
  <si>
    <t>cg06451949</t>
  </si>
  <si>
    <t>cg06454901</t>
  </si>
  <si>
    <t>cg06458238</t>
  </si>
  <si>
    <t>cg06459443</t>
  </si>
  <si>
    <t>cg06459926</t>
  </si>
  <si>
    <t>cg06461408</t>
  </si>
  <si>
    <t>cg06462347</t>
  </si>
  <si>
    <t>cg06462874</t>
  </si>
  <si>
    <t>cg06466415</t>
  </si>
  <si>
    <t>cg06468347</t>
  </si>
  <si>
    <t>cg06468920</t>
  </si>
  <si>
    <t>cg06469307</t>
  </si>
  <si>
    <t>cg06470246</t>
  </si>
  <si>
    <t>cg06470279</t>
  </si>
  <si>
    <t>cg06470787</t>
  </si>
  <si>
    <t>cg06471681</t>
  </si>
  <si>
    <t>cg06471905</t>
  </si>
  <si>
    <t>cg06474661</t>
  </si>
  <si>
    <t>cg06475626</t>
  </si>
  <si>
    <t>cg06475972</t>
  </si>
  <si>
    <t>cg06476034</t>
  </si>
  <si>
    <t>cg06476926</t>
  </si>
  <si>
    <t>cg06477797</t>
  </si>
  <si>
    <t>cg06478699</t>
  </si>
  <si>
    <t>cg06479607</t>
  </si>
  <si>
    <t>cg06479877</t>
  </si>
  <si>
    <t>cg06481786</t>
  </si>
  <si>
    <t>cg06482188</t>
  </si>
  <si>
    <t>cg06482989</t>
  </si>
  <si>
    <t>cg06483621</t>
  </si>
  <si>
    <t>cg06483978</t>
  </si>
  <si>
    <t>cg06484100</t>
  </si>
  <si>
    <t>cg06485000</t>
  </si>
  <si>
    <t>cg06485101</t>
  </si>
  <si>
    <t>cg06488187</t>
  </si>
  <si>
    <t>cg06488957</t>
  </si>
  <si>
    <t>cg06491139</t>
  </si>
  <si>
    <t>cg06491244</t>
  </si>
  <si>
    <t>cg06493080</t>
  </si>
  <si>
    <t>cg06494185</t>
  </si>
  <si>
    <t>cg06494199</t>
  </si>
  <si>
    <t>cg06496478</t>
  </si>
  <si>
    <t>cg06502868</t>
  </si>
  <si>
    <t>cg06503824</t>
  </si>
  <si>
    <t>cg06506560</t>
  </si>
  <si>
    <t>cg06508934</t>
  </si>
  <si>
    <t>cg06513247</t>
  </si>
  <si>
    <t>cg06513659</t>
  </si>
  <si>
    <t>cg06514003</t>
  </si>
  <si>
    <t>cg06519183</t>
  </si>
  <si>
    <t>cg06529201</t>
  </si>
  <si>
    <t>cg06530319</t>
  </si>
  <si>
    <t>cg06546521</t>
  </si>
  <si>
    <t>cg06548519</t>
  </si>
  <si>
    <t>cg06549479</t>
  </si>
  <si>
    <t>cg06550546</t>
  </si>
  <si>
    <t>cg06551997</t>
  </si>
  <si>
    <t>cg06552751</t>
  </si>
  <si>
    <t>cg06554928</t>
  </si>
  <si>
    <t>cg06555404</t>
  </si>
  <si>
    <t>cg06555971</t>
  </si>
  <si>
    <t>cg06557358</t>
  </si>
  <si>
    <t>cg06559756</t>
  </si>
  <si>
    <t>cg06561728</t>
  </si>
  <si>
    <t>cg06562014</t>
  </si>
  <si>
    <t>cg06562246</t>
  </si>
  <si>
    <t>cg06562297</t>
  </si>
  <si>
    <t>cg06563943</t>
  </si>
  <si>
    <t>cg06565253</t>
  </si>
  <si>
    <t>cg06565604</t>
  </si>
  <si>
    <t>cg06566158</t>
  </si>
  <si>
    <t>cg06568783</t>
  </si>
  <si>
    <t>cg06568880</t>
  </si>
  <si>
    <t>cg06569954</t>
  </si>
  <si>
    <t>cg06571687</t>
  </si>
  <si>
    <t>cg06576150</t>
  </si>
  <si>
    <t>cg06576742</t>
  </si>
  <si>
    <t>cg06576940</t>
  </si>
  <si>
    <t>cg06577703</t>
  </si>
  <si>
    <t>cg06578800</t>
  </si>
  <si>
    <t>cg06579248</t>
  </si>
  <si>
    <t>cg06579829</t>
  </si>
  <si>
    <t>cg06580033</t>
  </si>
  <si>
    <t>cg06580689</t>
  </si>
  <si>
    <t>cg06580745</t>
  </si>
  <si>
    <t>cg06585403</t>
  </si>
  <si>
    <t>cg06586046</t>
  </si>
  <si>
    <t>cg06587969</t>
  </si>
  <si>
    <t>cg06594281</t>
  </si>
  <si>
    <t>cg06596543</t>
  </si>
  <si>
    <t>cg06598597</t>
  </si>
  <si>
    <t>cg06604589</t>
  </si>
  <si>
    <t>cg06604625</t>
  </si>
  <si>
    <t>cg06607679</t>
  </si>
  <si>
    <t>cg06610559</t>
  </si>
  <si>
    <t>cg06614423</t>
  </si>
  <si>
    <t>cg06614508</t>
  </si>
  <si>
    <t>cg06615445</t>
  </si>
  <si>
    <t>cg06615521</t>
  </si>
  <si>
    <t>cg06617471</t>
  </si>
  <si>
    <t>cg06617879</t>
  </si>
  <si>
    <t>cg06620269</t>
  </si>
  <si>
    <t>cg06624832</t>
  </si>
  <si>
    <t>cg06625576</t>
  </si>
  <si>
    <t>cg06632732</t>
  </si>
  <si>
    <t>cg06633402</t>
  </si>
  <si>
    <t>cg06638433</t>
  </si>
  <si>
    <t>cg06640840</t>
  </si>
  <si>
    <t>cg06641342</t>
  </si>
  <si>
    <t>cg06644018</t>
  </si>
  <si>
    <t>cg06647360</t>
  </si>
  <si>
    <t>cg06647382</t>
  </si>
  <si>
    <t>cg06648395</t>
  </si>
  <si>
    <t>cg06649191</t>
  </si>
  <si>
    <t>cg06651752</t>
  </si>
  <si>
    <t>cg06655187</t>
  </si>
  <si>
    <t>cg06655504</t>
  </si>
  <si>
    <t>cg06662976</t>
  </si>
  <si>
    <t>cg06665453</t>
  </si>
  <si>
    <t>cg06668724</t>
  </si>
  <si>
    <t>cg06673969</t>
  </si>
  <si>
    <t>cg06674117</t>
  </si>
  <si>
    <t>cg06675781</t>
  </si>
  <si>
    <t>cg06680529</t>
  </si>
  <si>
    <t>cg06681597</t>
  </si>
  <si>
    <t>cg06681768</t>
  </si>
  <si>
    <t>cg06681845</t>
  </si>
  <si>
    <t>cg06682330</t>
  </si>
  <si>
    <t>cg06683458</t>
  </si>
  <si>
    <t>cg06684503</t>
  </si>
  <si>
    <t>cg06685437</t>
  </si>
  <si>
    <t>cg06688399</t>
  </si>
  <si>
    <t>cg06692120</t>
  </si>
  <si>
    <t>cg06692634</t>
  </si>
  <si>
    <t>cg06692929</t>
  </si>
  <si>
    <t>cg06697425</t>
  </si>
  <si>
    <t>cg06700275</t>
  </si>
  <si>
    <t>cg06707993</t>
  </si>
  <si>
    <t>cg06708315</t>
  </si>
  <si>
    <t>cg06708560</t>
  </si>
  <si>
    <t>cg06708683</t>
  </si>
  <si>
    <t>cg06709089</t>
  </si>
  <si>
    <t>cg06710464</t>
  </si>
  <si>
    <t>cg06711380</t>
  </si>
  <si>
    <t>cg06712542</t>
  </si>
  <si>
    <t>cg06718696</t>
  </si>
  <si>
    <t>cg06720525</t>
  </si>
  <si>
    <t>cg06721850</t>
  </si>
  <si>
    <t>cg06725287</t>
  </si>
  <si>
    <t>cg06726262</t>
  </si>
  <si>
    <t>cg06727412</t>
  </si>
  <si>
    <t>cg06727703</t>
  </si>
  <si>
    <t>cg06727955</t>
  </si>
  <si>
    <t>cg06728497</t>
  </si>
  <si>
    <t>cg06729284</t>
  </si>
  <si>
    <t>cg06739752</t>
  </si>
  <si>
    <t>cg06740142</t>
  </si>
  <si>
    <t>cg06740897</t>
  </si>
  <si>
    <t>cg06742600</t>
  </si>
  <si>
    <t>cg06746360</t>
  </si>
  <si>
    <t>cg06748584</t>
  </si>
  <si>
    <t>cg06748848</t>
  </si>
  <si>
    <t>cg06750802</t>
  </si>
  <si>
    <t>cg06752482</t>
  </si>
  <si>
    <t>cg06753513</t>
  </si>
  <si>
    <t>cg06755071</t>
  </si>
  <si>
    <t>cg06755555</t>
  </si>
  <si>
    <t>cg06759255</t>
  </si>
  <si>
    <t>cg06760162</t>
  </si>
  <si>
    <t>cg06760710</t>
  </si>
  <si>
    <t>cg06763806</t>
  </si>
  <si>
    <t>cg06766626</t>
  </si>
  <si>
    <t>cg06767314</t>
  </si>
  <si>
    <t>cg06767637</t>
  </si>
  <si>
    <t>cg06768437</t>
  </si>
  <si>
    <t>cg06768939</t>
  </si>
  <si>
    <t>cg06769994</t>
  </si>
  <si>
    <t>cg06770683</t>
  </si>
  <si>
    <t>cg06772580</t>
  </si>
  <si>
    <t>cg06773247</t>
  </si>
  <si>
    <t>cg06774283</t>
  </si>
  <si>
    <t>cg06774595</t>
  </si>
  <si>
    <t>cg06774612</t>
  </si>
  <si>
    <t>cg06774703</t>
  </si>
  <si>
    <t>cg06782090</t>
  </si>
  <si>
    <t>cg06784830</t>
  </si>
  <si>
    <t>cg06786600</t>
  </si>
  <si>
    <t>cg06788790</t>
  </si>
  <si>
    <t>cg06788856</t>
  </si>
  <si>
    <t>cg06791100</t>
  </si>
  <si>
    <t>cg06791321</t>
  </si>
  <si>
    <t>cg06791695</t>
  </si>
  <si>
    <t>cg06791979</t>
  </si>
  <si>
    <t>cg06792847</t>
  </si>
  <si>
    <t>cg06794038</t>
  </si>
  <si>
    <t>cg06795960</t>
  </si>
  <si>
    <t>cg06796939</t>
  </si>
  <si>
    <t>cg06799664</t>
  </si>
  <si>
    <t>cg06800222</t>
  </si>
  <si>
    <t>cg06808983</t>
  </si>
  <si>
    <t>cg06809326</t>
  </si>
  <si>
    <t>cg06811360</t>
  </si>
  <si>
    <t>cg06812840</t>
  </si>
  <si>
    <t>cg06814851</t>
  </si>
  <si>
    <t>cg06818052</t>
  </si>
  <si>
    <t>cg06818777</t>
  </si>
  <si>
    <t>cg06826431</t>
  </si>
  <si>
    <t>cg06827038</t>
  </si>
  <si>
    <t>cg06830692</t>
  </si>
  <si>
    <t>cg06830983</t>
  </si>
  <si>
    <t>cg06831842</t>
  </si>
  <si>
    <t>cg06836338</t>
  </si>
  <si>
    <t>cg06837783</t>
  </si>
  <si>
    <t>cg06850526</t>
  </si>
  <si>
    <t>cg06852032</t>
  </si>
  <si>
    <t>cg06852293</t>
  </si>
  <si>
    <t>cg06852395</t>
  </si>
  <si>
    <t>cg06857116</t>
  </si>
  <si>
    <t>cg06858294</t>
  </si>
  <si>
    <t>cg06863473</t>
  </si>
  <si>
    <t>cg06864083</t>
  </si>
  <si>
    <t>cg06865845</t>
  </si>
  <si>
    <t>cg06865992</t>
  </si>
  <si>
    <t>cg06868699</t>
  </si>
  <si>
    <t>cg06870986</t>
  </si>
  <si>
    <t>cg06872055</t>
  </si>
  <si>
    <t>cg06872548</t>
  </si>
  <si>
    <t>cg06873352</t>
  </si>
  <si>
    <t>cg06873452</t>
  </si>
  <si>
    <t>cg06874016</t>
  </si>
  <si>
    <t>cg06874426</t>
  </si>
  <si>
    <t>cg06875131</t>
  </si>
  <si>
    <t>cg06875616</t>
  </si>
  <si>
    <t>cg06876648</t>
  </si>
  <si>
    <t>cg06877848</t>
  </si>
  <si>
    <t>cg06878787</t>
  </si>
  <si>
    <t>cg06881239</t>
  </si>
  <si>
    <t>cg06888550</t>
  </si>
  <si>
    <t>cg06890161</t>
  </si>
  <si>
    <t>cg06890522</t>
  </si>
  <si>
    <t>cg06891043</t>
  </si>
  <si>
    <t>cg06895197</t>
  </si>
  <si>
    <t>cg06900494</t>
  </si>
  <si>
    <t>cg06904956</t>
  </si>
  <si>
    <t>cg06906087</t>
  </si>
  <si>
    <t>cg06907418</t>
  </si>
  <si>
    <t>cg06908450</t>
  </si>
  <si>
    <t>cg06909288</t>
  </si>
  <si>
    <t>cg06912297</t>
  </si>
  <si>
    <t>cg06918645</t>
  </si>
  <si>
    <t>cg06927305</t>
  </si>
  <si>
    <t>cg06927323</t>
  </si>
  <si>
    <t>cg06928209</t>
  </si>
  <si>
    <t>cg06928695</t>
  </si>
  <si>
    <t>cg06933036</t>
  </si>
  <si>
    <t>cg06934218</t>
  </si>
  <si>
    <t>cg06934989</t>
  </si>
  <si>
    <t>cg06936108</t>
  </si>
  <si>
    <t>cg06936350</t>
  </si>
  <si>
    <t>cg06937207</t>
  </si>
  <si>
    <t>cg06938467</t>
  </si>
  <si>
    <t>cg06939235</t>
  </si>
  <si>
    <t>cg06942183</t>
  </si>
  <si>
    <t>cg06943316</t>
  </si>
  <si>
    <t>cg06943627</t>
  </si>
  <si>
    <t>cg06944257</t>
  </si>
  <si>
    <t>cg06949812</t>
  </si>
  <si>
    <t>cg06952307</t>
  </si>
  <si>
    <t>cg06957310</t>
  </si>
  <si>
    <t>cg06957329</t>
  </si>
  <si>
    <t>cg06958686</t>
  </si>
  <si>
    <t>cg06960693</t>
  </si>
  <si>
    <t>cg06960881</t>
  </si>
  <si>
    <t>cg06961093</t>
  </si>
  <si>
    <t>cg06961163</t>
  </si>
  <si>
    <t>cg06962146</t>
  </si>
  <si>
    <t>cg06962787</t>
  </si>
  <si>
    <t>cg06964191</t>
  </si>
  <si>
    <t>cg06964230</t>
  </si>
  <si>
    <t>cg06964756</t>
  </si>
  <si>
    <t>cg06966839</t>
  </si>
  <si>
    <t>cg06967524</t>
  </si>
  <si>
    <t>cg06968688</t>
  </si>
  <si>
    <t>cg06968912</t>
  </si>
  <si>
    <t>cg06969177</t>
  </si>
  <si>
    <t>cg06969622</t>
  </si>
  <si>
    <t>cg06971092</t>
  </si>
  <si>
    <t>cg06971227</t>
  </si>
  <si>
    <t>cg06971248</t>
  </si>
  <si>
    <t>cg06971602</t>
  </si>
  <si>
    <t>cg06972213</t>
  </si>
  <si>
    <t>cg06975048</t>
  </si>
  <si>
    <t>cg06976025</t>
  </si>
  <si>
    <t>cg06990298</t>
  </si>
  <si>
    <t>cg06997997</t>
  </si>
  <si>
    <t>cg07002058</t>
  </si>
  <si>
    <t>cg07004514</t>
  </si>
  <si>
    <t>cg07005444</t>
  </si>
  <si>
    <t>cg07005905</t>
  </si>
  <si>
    <t>cg07005960</t>
  </si>
  <si>
    <t>cg07010633</t>
  </si>
  <si>
    <t>cg07011150</t>
  </si>
  <si>
    <t>cg07011163</t>
  </si>
  <si>
    <t>cg07013325</t>
  </si>
  <si>
    <t>cg07015511</t>
  </si>
  <si>
    <t>cg07016075</t>
  </si>
  <si>
    <t>cg07016605</t>
  </si>
  <si>
    <t>cg07028284</t>
  </si>
  <si>
    <t>cg07029460</t>
  </si>
  <si>
    <t>cg07029781</t>
  </si>
  <si>
    <t>cg07030701</t>
  </si>
  <si>
    <t>cg07030794</t>
  </si>
  <si>
    <t>cg07031748</t>
  </si>
  <si>
    <t>cg07035499</t>
  </si>
  <si>
    <t>cg07038887</t>
  </si>
  <si>
    <t>cg07043025</t>
  </si>
  <si>
    <t>cg07046854</t>
  </si>
  <si>
    <t>cg07048527</t>
  </si>
  <si>
    <t>cg07049421</t>
  </si>
  <si>
    <t>cg07056057</t>
  </si>
  <si>
    <t>cg07057744</t>
  </si>
  <si>
    <t>cg07058109</t>
  </si>
  <si>
    <t>cg07058377</t>
  </si>
  <si>
    <t>cg07061728</t>
  </si>
  <si>
    <t>cg07067577</t>
  </si>
  <si>
    <t>cg07070113</t>
  </si>
  <si>
    <t>cg07073120</t>
  </si>
  <si>
    <t>cg07073814</t>
  </si>
  <si>
    <t>cg07080177</t>
  </si>
  <si>
    <t>cg07081054</t>
  </si>
  <si>
    <t>cg07082501</t>
  </si>
  <si>
    <t>cg07083043</t>
  </si>
  <si>
    <t>cg07088372</t>
  </si>
  <si>
    <t>cg07090980</t>
  </si>
  <si>
    <t>cg07092293</t>
  </si>
  <si>
    <t>cg07093389</t>
  </si>
  <si>
    <t>cg07093539</t>
  </si>
  <si>
    <t>cg07094075</t>
  </si>
  <si>
    <t>cg07094631</t>
  </si>
  <si>
    <t>cg07099056</t>
  </si>
  <si>
    <t>cg07102474</t>
  </si>
  <si>
    <t>cg07103093</t>
  </si>
  <si>
    <t>cg07103201</t>
  </si>
  <si>
    <t>cg07105333</t>
  </si>
  <si>
    <t>cg07107756</t>
  </si>
  <si>
    <t>cg07111868</t>
  </si>
  <si>
    <t>cg07112154</t>
  </si>
  <si>
    <t>cg07112210</t>
  </si>
  <si>
    <t>cg07115820</t>
  </si>
  <si>
    <t>cg07116947</t>
  </si>
  <si>
    <t>cg07117700</t>
  </si>
  <si>
    <t>cg07119973</t>
  </si>
  <si>
    <t>cg07125124</t>
  </si>
  <si>
    <t>cg07126839</t>
  </si>
  <si>
    <t>cg07129978</t>
  </si>
  <si>
    <t>cg07130366</t>
  </si>
  <si>
    <t>cg07133749</t>
  </si>
  <si>
    <t>cg07138305</t>
  </si>
  <si>
    <t>cg07139087</t>
  </si>
  <si>
    <t>cg07140751</t>
  </si>
  <si>
    <t>cg07141545</t>
  </si>
  <si>
    <t>cg07142461</t>
  </si>
  <si>
    <t>cg07143841</t>
  </si>
  <si>
    <t>cg07147383</t>
  </si>
  <si>
    <t>cg07153191</t>
  </si>
  <si>
    <t>cg07153588</t>
  </si>
  <si>
    <t>cg07153921</t>
  </si>
  <si>
    <t>cg07155381</t>
  </si>
  <si>
    <t>cg07156669</t>
  </si>
  <si>
    <t>cg07158991</t>
  </si>
  <si>
    <t>cg07159023</t>
  </si>
  <si>
    <t>cg07160420</t>
  </si>
  <si>
    <t>cg07165793</t>
  </si>
  <si>
    <t>cg07168214</t>
  </si>
  <si>
    <t>cg07168556</t>
  </si>
  <si>
    <t>cg07169834</t>
  </si>
  <si>
    <t>cg07169873</t>
  </si>
  <si>
    <t>cg07175110</t>
  </si>
  <si>
    <t>cg07195577</t>
  </si>
  <si>
    <t>cg07195941</t>
  </si>
  <si>
    <t>cg07202110</t>
  </si>
  <si>
    <t>cg07202532</t>
  </si>
  <si>
    <t>cg07203490</t>
  </si>
  <si>
    <t>cg07204724</t>
  </si>
  <si>
    <t>cg07210453</t>
  </si>
  <si>
    <t>cg07225010</t>
  </si>
  <si>
    <t>cg07231132</t>
  </si>
  <si>
    <t>cg07235868</t>
  </si>
  <si>
    <t>cg07251887</t>
  </si>
  <si>
    <t>cg07255197</t>
  </si>
  <si>
    <t>cg07257441</t>
  </si>
  <si>
    <t>cg07257505</t>
  </si>
  <si>
    <t>cg07264238</t>
  </si>
  <si>
    <t>cg07264818</t>
  </si>
  <si>
    <t>cg07265622</t>
  </si>
  <si>
    <t>cg07277864</t>
  </si>
  <si>
    <t>cg07282816</t>
  </si>
  <si>
    <t>cg07283582</t>
  </si>
  <si>
    <t>cg07284632</t>
  </si>
  <si>
    <t>cg07285953</t>
  </si>
  <si>
    <t>cg07287120</t>
  </si>
  <si>
    <t>cg07287508</t>
  </si>
  <si>
    <t>cg07293650</t>
  </si>
  <si>
    <t>cg07305752</t>
  </si>
  <si>
    <t>cg07306232</t>
  </si>
  <si>
    <t>cg07308381</t>
  </si>
  <si>
    <t>cg07309657</t>
  </si>
  <si>
    <t>cg07309864</t>
  </si>
  <si>
    <t>cg07310282</t>
  </si>
  <si>
    <t>cg07312083</t>
  </si>
  <si>
    <t>cg07313155</t>
  </si>
  <si>
    <t>cg07313597</t>
  </si>
  <si>
    <t>cg07313882</t>
  </si>
  <si>
    <t>cg07314523</t>
  </si>
  <si>
    <t>cg07317442</t>
  </si>
  <si>
    <t>cg07318398</t>
  </si>
  <si>
    <t>cg07318658</t>
  </si>
  <si>
    <t>cg07320612</t>
  </si>
  <si>
    <t>cg07323451</t>
  </si>
  <si>
    <t>cg07324087</t>
  </si>
  <si>
    <t>cg07327144</t>
  </si>
  <si>
    <t>cg07327299</t>
  </si>
  <si>
    <t>cg07327405</t>
  </si>
  <si>
    <t>cg07327864</t>
  </si>
  <si>
    <t>cg07329131</t>
  </si>
  <si>
    <t>cg07330075</t>
  </si>
  <si>
    <t>cg07333037</t>
  </si>
  <si>
    <t>cg07333350</t>
  </si>
  <si>
    <t>cg07333510</t>
  </si>
  <si>
    <t>cg07337250</t>
  </si>
  <si>
    <t>cg07343027</t>
  </si>
  <si>
    <t>cg07362569</t>
  </si>
  <si>
    <t>cg07367232</t>
  </si>
  <si>
    <t>cg07368061</t>
  </si>
  <si>
    <t>cg07368817</t>
  </si>
  <si>
    <t>cg07371290</t>
  </si>
  <si>
    <t>cg07377891</t>
  </si>
  <si>
    <t>cg07379740</t>
  </si>
  <si>
    <t>cg07379741</t>
  </si>
  <si>
    <t>cg07382998</t>
  </si>
  <si>
    <t>cg07385388</t>
  </si>
  <si>
    <t>cg07388018</t>
  </si>
  <si>
    <t>cg07389276</t>
  </si>
  <si>
    <t>cg07389512</t>
  </si>
  <si>
    <t>cg07389611</t>
  </si>
  <si>
    <t>cg07389839</t>
  </si>
  <si>
    <t>cg07389922</t>
  </si>
  <si>
    <t>cg07391023</t>
  </si>
  <si>
    <t>cg07392740</t>
  </si>
  <si>
    <t>cg07393458</t>
  </si>
  <si>
    <t>cg07394955</t>
  </si>
  <si>
    <t>cg07398541</t>
  </si>
  <si>
    <t>cg07398767</t>
  </si>
  <si>
    <t>cg07402456</t>
  </si>
  <si>
    <t>cg07403228</t>
  </si>
  <si>
    <t>cg07403374</t>
  </si>
  <si>
    <t>cg07404216</t>
  </si>
  <si>
    <t>cg07408989</t>
  </si>
  <si>
    <t>cg07409471</t>
  </si>
  <si>
    <t>cg07414961</t>
  </si>
  <si>
    <t>cg07415388</t>
  </si>
  <si>
    <t>cg07421515</t>
  </si>
  <si>
    <t>cg07423906</t>
  </si>
  <si>
    <t>cg07425597</t>
  </si>
  <si>
    <t>cg07427945</t>
  </si>
  <si>
    <t>cg07428907</t>
  </si>
  <si>
    <t>cg07429515</t>
  </si>
  <si>
    <t>cg07429804</t>
  </si>
  <si>
    <t>cg07430967</t>
  </si>
  <si>
    <t>cg07431961</t>
  </si>
  <si>
    <t>cg07433152</t>
  </si>
  <si>
    <t>cg07433905</t>
  </si>
  <si>
    <t>cg07434008</t>
  </si>
  <si>
    <t>cg07435331</t>
  </si>
  <si>
    <t>cg07436562</t>
  </si>
  <si>
    <t>cg07437263</t>
  </si>
  <si>
    <t>cg07437292</t>
  </si>
  <si>
    <t>cg07437385</t>
  </si>
  <si>
    <t>cg07438421</t>
  </si>
  <si>
    <t>cg07438660</t>
  </si>
  <si>
    <t>cg07441794</t>
  </si>
  <si>
    <t>cg07442204</t>
  </si>
  <si>
    <t>cg07442907</t>
  </si>
  <si>
    <t>cg07443529</t>
  </si>
  <si>
    <t>cg07443932</t>
  </si>
  <si>
    <t>cg07447902</t>
  </si>
  <si>
    <t>cg07450726</t>
  </si>
  <si>
    <t>cg07451297</t>
  </si>
  <si>
    <t>cg07454742</t>
  </si>
  <si>
    <t>cg07455936</t>
  </si>
  <si>
    <t>cg07459019</t>
  </si>
  <si>
    <t>cg07459248</t>
  </si>
  <si>
    <t>cg07460665</t>
  </si>
  <si>
    <t>cg07464674</t>
  </si>
  <si>
    <t>cg07466783</t>
  </si>
  <si>
    <t>cg07466788</t>
  </si>
  <si>
    <t>cg07468782</t>
  </si>
  <si>
    <t>cg07468956</t>
  </si>
  <si>
    <t>cg07469835</t>
  </si>
  <si>
    <t>cg07469981</t>
  </si>
  <si>
    <t>cg07470322</t>
  </si>
  <si>
    <t>cg07471052</t>
  </si>
  <si>
    <t>cg07471768</t>
  </si>
  <si>
    <t>cg07473843</t>
  </si>
  <si>
    <t>cg07475546</t>
  </si>
  <si>
    <t>cg07478265</t>
  </si>
  <si>
    <t>cg07479709</t>
  </si>
  <si>
    <t>cg07480367</t>
  </si>
  <si>
    <t>cg07480567</t>
  </si>
  <si>
    <t>cg07480653</t>
  </si>
  <si>
    <t>cg07482936</t>
  </si>
  <si>
    <t>cg07483726</t>
  </si>
  <si>
    <t>cg07484485</t>
  </si>
  <si>
    <t>cg07487925</t>
  </si>
  <si>
    <t>cg07488259</t>
  </si>
  <si>
    <t>cg07497511</t>
  </si>
  <si>
    <t>cg07497536</t>
  </si>
  <si>
    <t>cg07509872</t>
  </si>
  <si>
    <t>cg07515367</t>
  </si>
  <si>
    <t>cg07523833</t>
  </si>
  <si>
    <t>cg07525202</t>
  </si>
  <si>
    <t>cg07525886</t>
  </si>
  <si>
    <t>cg07527126</t>
  </si>
  <si>
    <t>cg07530194</t>
  </si>
  <si>
    <t>cg07530599</t>
  </si>
  <si>
    <t>cg07531398</t>
  </si>
  <si>
    <t>cg07536102</t>
  </si>
  <si>
    <t>cg07542000</t>
  </si>
  <si>
    <t>cg07545306</t>
  </si>
  <si>
    <t>cg07551230</t>
  </si>
  <si>
    <t>cg07554030</t>
  </si>
  <si>
    <t>cg07562451</t>
  </si>
  <si>
    <t>cg07563400</t>
  </si>
  <si>
    <t>cg07564291</t>
  </si>
  <si>
    <t>cg07565021</t>
  </si>
  <si>
    <t>cg07566790</t>
  </si>
  <si>
    <t>cg07567107</t>
  </si>
  <si>
    <t>cg07569756</t>
  </si>
  <si>
    <t>cg07572592</t>
  </si>
  <si>
    <t>cg07572790</t>
  </si>
  <si>
    <t>cg07581365</t>
  </si>
  <si>
    <t>cg07583394</t>
  </si>
  <si>
    <t>cg07584637</t>
  </si>
  <si>
    <t>cg07584981</t>
  </si>
  <si>
    <t>cg07587685</t>
  </si>
  <si>
    <t>cg07588561</t>
  </si>
  <si>
    <t>cg07592012</t>
  </si>
  <si>
    <t>cg07596663</t>
  </si>
  <si>
    <t>cg07602659</t>
  </si>
  <si>
    <t>cg07603843</t>
  </si>
  <si>
    <t>cg07603991</t>
  </si>
  <si>
    <t>cg07604700</t>
  </si>
  <si>
    <t>cg07615572</t>
  </si>
  <si>
    <t>cg07617361</t>
  </si>
  <si>
    <t>cg07618085</t>
  </si>
  <si>
    <t>cg07618409</t>
  </si>
  <si>
    <t>cg07632148</t>
  </si>
  <si>
    <t>cg07639106</t>
  </si>
  <si>
    <t>cg07639694</t>
  </si>
  <si>
    <t>cg07651906</t>
  </si>
  <si>
    <t>cg07656922</t>
  </si>
  <si>
    <t>cg07658718</t>
  </si>
  <si>
    <t>cg07660838</t>
  </si>
  <si>
    <t>cg07661564</t>
  </si>
  <si>
    <t>cg07663200</t>
  </si>
  <si>
    <t>cg07664454</t>
  </si>
  <si>
    <t>cg07666210</t>
  </si>
  <si>
    <t>cg07667591</t>
  </si>
  <si>
    <t>cg07672449</t>
  </si>
  <si>
    <t>cg07675682</t>
  </si>
  <si>
    <t>cg07676051</t>
  </si>
  <si>
    <t>cg07676709</t>
  </si>
  <si>
    <t>cg07677850</t>
  </si>
  <si>
    <t>cg07677856</t>
  </si>
  <si>
    <t>cg07678594</t>
  </si>
  <si>
    <t>cg07694864</t>
  </si>
  <si>
    <t>cg07698430</t>
  </si>
  <si>
    <t>cg07700741</t>
  </si>
  <si>
    <t>cg07703610</t>
  </si>
  <si>
    <t>cg07704437</t>
  </si>
  <si>
    <t>cg07704580</t>
  </si>
  <si>
    <t>cg07704627</t>
  </si>
  <si>
    <t>cg07705004</t>
  </si>
  <si>
    <t>cg07706067</t>
  </si>
  <si>
    <t>cg07706387</t>
  </si>
  <si>
    <t>cg07710335</t>
  </si>
  <si>
    <t>cg07711099</t>
  </si>
  <si>
    <t>cg07712267</t>
  </si>
  <si>
    <t>cg07713929</t>
  </si>
  <si>
    <t>cg07716032</t>
  </si>
  <si>
    <t>cg07716089</t>
  </si>
  <si>
    <t>cg07717774</t>
  </si>
  <si>
    <t>cg07720143</t>
  </si>
  <si>
    <t>cg07722368</t>
  </si>
  <si>
    <t>cg07723251</t>
  </si>
  <si>
    <t>cg07723558</t>
  </si>
  <si>
    <t>cg07724304</t>
  </si>
  <si>
    <t>cg07724971</t>
  </si>
  <si>
    <t>cg07727884</t>
  </si>
  <si>
    <t>cg07728112</t>
  </si>
  <si>
    <t>cg07733728</t>
  </si>
  <si>
    <t>cg07736922</t>
  </si>
  <si>
    <t>cg07737707</t>
  </si>
  <si>
    <t>cg07738730</t>
  </si>
  <si>
    <t>cg07738955</t>
  </si>
  <si>
    <t>cg07739369</t>
  </si>
  <si>
    <t>cg07739851</t>
  </si>
  <si>
    <t>cg07739927</t>
  </si>
  <si>
    <t>cg07740110</t>
  </si>
  <si>
    <t>cg07740579</t>
  </si>
  <si>
    <t>cg07741793</t>
  </si>
  <si>
    <t>cg07747970</t>
  </si>
  <si>
    <t>cg07759857</t>
  </si>
  <si>
    <t>cg07760794</t>
  </si>
  <si>
    <t>cg07765167</t>
  </si>
  <si>
    <t>cg07767963</t>
  </si>
  <si>
    <t>cg07768169</t>
  </si>
  <si>
    <t>cg07775675</t>
  </si>
  <si>
    <t>cg07776409</t>
  </si>
  <si>
    <t>cg07777156</t>
  </si>
  <si>
    <t>cg07777378</t>
  </si>
  <si>
    <t>cg07778819</t>
  </si>
  <si>
    <t>cg07780782</t>
  </si>
  <si>
    <t>cg07781003</t>
  </si>
  <si>
    <t>cg07781162</t>
  </si>
  <si>
    <t>cg07781445</t>
  </si>
  <si>
    <t>cg07782808</t>
  </si>
  <si>
    <t>cg07784757</t>
  </si>
  <si>
    <t>cg07786776</t>
  </si>
  <si>
    <t>cg07787614</t>
  </si>
  <si>
    <t>cg07796220</t>
  </si>
  <si>
    <t>cg07803108</t>
  </si>
  <si>
    <t>cg07803611</t>
  </si>
  <si>
    <t>cg07803836</t>
  </si>
  <si>
    <t>cg07805952</t>
  </si>
  <si>
    <t>cg07817279</t>
  </si>
  <si>
    <t>cg07822074</t>
  </si>
  <si>
    <t>cg07824483</t>
  </si>
  <si>
    <t>cg07824716</t>
  </si>
  <si>
    <t>cg07827420</t>
  </si>
  <si>
    <t>cg07828377</t>
  </si>
  <si>
    <t>cg07829432</t>
  </si>
  <si>
    <t>cg07831322</t>
  </si>
  <si>
    <t>cg07833371</t>
  </si>
  <si>
    <t>cg07833397</t>
  </si>
  <si>
    <t>cg07833955</t>
  </si>
  <si>
    <t>cg07834069</t>
  </si>
  <si>
    <t>cg07834876</t>
  </si>
  <si>
    <t>cg07834934</t>
  </si>
  <si>
    <t>cg07840332</t>
  </si>
  <si>
    <t>cg07841831</t>
  </si>
  <si>
    <t>cg07844572</t>
  </si>
  <si>
    <t>cg07845392</t>
  </si>
  <si>
    <t>cg07847788</t>
  </si>
  <si>
    <t>cg07848706</t>
  </si>
  <si>
    <t>cg07849237</t>
  </si>
  <si>
    <t>cg07850987</t>
  </si>
  <si>
    <t>cg07851243</t>
  </si>
  <si>
    <t>cg07852557</t>
  </si>
  <si>
    <t>cg07854959</t>
  </si>
  <si>
    <t>cg07855221</t>
  </si>
  <si>
    <t>cg07855465</t>
  </si>
  <si>
    <t>cg07860833</t>
  </si>
  <si>
    <t>cg07863354</t>
  </si>
  <si>
    <t>cg07863402</t>
  </si>
  <si>
    <t>cg07865166</t>
  </si>
  <si>
    <t>cg07865267</t>
  </si>
  <si>
    <t>cg07869576</t>
  </si>
  <si>
    <t>cg07870541</t>
  </si>
  <si>
    <t>cg07870603</t>
  </si>
  <si>
    <t>cg07871971</t>
  </si>
  <si>
    <t>cg07876611</t>
  </si>
  <si>
    <t>cg07878085</t>
  </si>
  <si>
    <t>cg07879897</t>
  </si>
  <si>
    <t>cg07880357</t>
  </si>
  <si>
    <t>cg07885741</t>
  </si>
  <si>
    <t>cg07888884</t>
  </si>
  <si>
    <t>cg07888957</t>
  </si>
  <si>
    <t>cg07890600</t>
  </si>
  <si>
    <t>cg07891774</t>
  </si>
  <si>
    <t>cg07892412</t>
  </si>
  <si>
    <t>cg07892879</t>
  </si>
  <si>
    <t>cg07898949</t>
  </si>
  <si>
    <t>cg07906179</t>
  </si>
  <si>
    <t>cg07908160</t>
  </si>
  <si>
    <t>cg07909178</t>
  </si>
  <si>
    <t>cg07911673</t>
  </si>
  <si>
    <t>cg07912561</t>
  </si>
  <si>
    <t>cg07914856</t>
  </si>
  <si>
    <t>cg07917842</t>
  </si>
  <si>
    <t>cg07918341</t>
  </si>
  <si>
    <t>cg07918509</t>
  </si>
  <si>
    <t>cg07921818</t>
  </si>
  <si>
    <t>cg07925105</t>
  </si>
  <si>
    <t>cg07925633</t>
  </si>
  <si>
    <t>cg07925670</t>
  </si>
  <si>
    <t>cg07928065</t>
  </si>
  <si>
    <t>cg07935119</t>
  </si>
  <si>
    <t>cg07935357</t>
  </si>
  <si>
    <t>cg07935748</t>
  </si>
  <si>
    <t>cg07936030</t>
  </si>
  <si>
    <t>cg07936336</t>
  </si>
  <si>
    <t>cg07937295</t>
  </si>
  <si>
    <t>cg07940280</t>
  </si>
  <si>
    <t>cg07941938</t>
  </si>
  <si>
    <t>cg07944862</t>
  </si>
  <si>
    <t>cg07946536</t>
  </si>
  <si>
    <t>cg07947533</t>
  </si>
  <si>
    <t>cg07949433</t>
  </si>
  <si>
    <t>cg07951519</t>
  </si>
  <si>
    <t>cg07954659</t>
  </si>
  <si>
    <t>cg07955004</t>
  </si>
  <si>
    <t>cg07959490</t>
  </si>
  <si>
    <t>cg07960084</t>
  </si>
  <si>
    <t>cg07960154</t>
  </si>
  <si>
    <t>cg07961252</t>
  </si>
  <si>
    <t>cg07963349</t>
  </si>
  <si>
    <t>cg07967210</t>
  </si>
  <si>
    <t>cg07968906</t>
  </si>
  <si>
    <t>cg07971007</t>
  </si>
  <si>
    <t>cg07973967</t>
  </si>
  <si>
    <t>cg07989298</t>
  </si>
  <si>
    <t>cg07989568</t>
  </si>
  <si>
    <t>cg07990111</t>
  </si>
  <si>
    <t>cg07990541</t>
  </si>
  <si>
    <t>cg07994435</t>
  </si>
  <si>
    <t>cg07997493</t>
  </si>
  <si>
    <t>cg08001592</t>
  </si>
  <si>
    <t>cg08002151</t>
  </si>
  <si>
    <t>cg08003321</t>
  </si>
  <si>
    <t>cg08005460</t>
  </si>
  <si>
    <t>cg08008254</t>
  </si>
  <si>
    <t>cg08009355</t>
  </si>
  <si>
    <t>cg08012217</t>
  </si>
  <si>
    <t>cg08012844</t>
  </si>
  <si>
    <t>cg08013923</t>
  </si>
  <si>
    <t>cg08014272</t>
  </si>
  <si>
    <t>cg08014320</t>
  </si>
  <si>
    <t>cg08016315</t>
  </si>
  <si>
    <t>cg08024103</t>
  </si>
  <si>
    <t>cg08027369</t>
  </si>
  <si>
    <t>cg08030078</t>
  </si>
  <si>
    <t>cg08030662</t>
  </si>
  <si>
    <t>cg08031967</t>
  </si>
  <si>
    <t>cg08032476</t>
  </si>
  <si>
    <t>cg08034077</t>
  </si>
  <si>
    <t>cg08034816</t>
  </si>
  <si>
    <t>cg08036512</t>
  </si>
  <si>
    <t>cg08037401</t>
  </si>
  <si>
    <t>cg08037541</t>
  </si>
  <si>
    <t>cg08039592</t>
  </si>
  <si>
    <t>cg08040471</t>
  </si>
  <si>
    <t>cg08041350</t>
  </si>
  <si>
    <t>cg08041523</t>
  </si>
  <si>
    <t>cg08044516</t>
  </si>
  <si>
    <t>cg08046512</t>
  </si>
  <si>
    <t>cg08048656</t>
  </si>
  <si>
    <t>cg08049553</t>
  </si>
  <si>
    <t>cg08051977</t>
  </si>
  <si>
    <t>cg08058156</t>
  </si>
  <si>
    <t>cg08065292</t>
  </si>
  <si>
    <t>cg08070491</t>
  </si>
  <si>
    <t>cg08072465</t>
  </si>
  <si>
    <t>cg08072659</t>
  </si>
  <si>
    <t>cg08073215</t>
  </si>
  <si>
    <t>cg08074477</t>
  </si>
  <si>
    <t>cg08076044</t>
  </si>
  <si>
    <t>cg08076955</t>
  </si>
  <si>
    <t>cg08077354</t>
  </si>
  <si>
    <t>cg08078514</t>
  </si>
  <si>
    <t>cg08078772</t>
  </si>
  <si>
    <t>cg08084693</t>
  </si>
  <si>
    <t>cg08089541</t>
  </si>
  <si>
    <t>cg08090557</t>
  </si>
  <si>
    <t>cg08091666</t>
  </si>
  <si>
    <t>cg08092199</t>
  </si>
  <si>
    <t>cg08095345</t>
  </si>
  <si>
    <t>cg08095452</t>
  </si>
  <si>
    <t>cg08098598</t>
  </si>
  <si>
    <t>cg08099626</t>
  </si>
  <si>
    <t>cg08100284</t>
  </si>
  <si>
    <t>cg08101329</t>
  </si>
  <si>
    <t>cg08104579</t>
  </si>
  <si>
    <t>cg08105265</t>
  </si>
  <si>
    <t>cg08106393</t>
  </si>
  <si>
    <t>cg08108993</t>
  </si>
  <si>
    <t>cg08110785</t>
  </si>
  <si>
    <t>cg08112188</t>
  </si>
  <si>
    <t>cg08113562</t>
  </si>
  <si>
    <t>cg08116113</t>
  </si>
  <si>
    <t>cg08118042</t>
  </si>
  <si>
    <t>cg08118819</t>
  </si>
  <si>
    <t>cg08119584</t>
  </si>
  <si>
    <t>cg08120389</t>
  </si>
  <si>
    <t>cg08120644</t>
  </si>
  <si>
    <t>cg08124722</t>
  </si>
  <si>
    <t>cg08125503</t>
  </si>
  <si>
    <t>cg08125939</t>
  </si>
  <si>
    <t>cg08126815</t>
  </si>
  <si>
    <t>cg08129017</t>
  </si>
  <si>
    <t>cg08129331</t>
  </si>
  <si>
    <t>cg08130663</t>
  </si>
  <si>
    <t>cg08133013</t>
  </si>
  <si>
    <t>cg08137716</t>
  </si>
  <si>
    <t>cg08141245</t>
  </si>
  <si>
    <t>cg08141989</t>
  </si>
  <si>
    <t>cg08151705</t>
  </si>
  <si>
    <t>cg08153079</t>
  </si>
  <si>
    <t>cg08154963</t>
  </si>
  <si>
    <t>cg08156531</t>
  </si>
  <si>
    <t>cg08157300</t>
  </si>
  <si>
    <t>cg08164961</t>
  </si>
  <si>
    <t>cg08170294</t>
  </si>
  <si>
    <t>cg08177746</t>
  </si>
  <si>
    <t>cg08184047</t>
  </si>
  <si>
    <t>cg08189801</t>
  </si>
  <si>
    <t>cg08190450</t>
  </si>
  <si>
    <t>cg08192143</t>
  </si>
  <si>
    <t>cg08195512</t>
  </si>
  <si>
    <t>cg08195928</t>
  </si>
  <si>
    <t>cg08197105</t>
  </si>
  <si>
    <t>cg08197943</t>
  </si>
  <si>
    <t>cg08204369</t>
  </si>
  <si>
    <t>cg08208236</t>
  </si>
  <si>
    <t>cg08209724</t>
  </si>
  <si>
    <t>cg08214029</t>
  </si>
  <si>
    <t>cg08214584</t>
  </si>
  <si>
    <t>cg08214689</t>
  </si>
  <si>
    <t>cg08217285</t>
  </si>
  <si>
    <t>cg08219486</t>
  </si>
  <si>
    <t>cg08220696</t>
  </si>
  <si>
    <t>cg08223357</t>
  </si>
  <si>
    <t>cg08223837</t>
  </si>
  <si>
    <t>cg08224920</t>
  </si>
  <si>
    <t>cg08229136</t>
  </si>
  <si>
    <t>cg08230105</t>
  </si>
  <si>
    <t>cg08245425</t>
  </si>
  <si>
    <t>cg08250586</t>
  </si>
  <si>
    <t>cg08250742</t>
  </si>
  <si>
    <t>cg08254353</t>
  </si>
  <si>
    <t>cg08254824</t>
  </si>
  <si>
    <t>cg08267319</t>
  </si>
  <si>
    <t>cg08269321</t>
  </si>
  <si>
    <t>cg08274538</t>
  </si>
  <si>
    <t>cg08278648</t>
  </si>
  <si>
    <t>cg08286785</t>
  </si>
  <si>
    <t>cg08288433</t>
  </si>
  <si>
    <t>cg08289350</t>
  </si>
  <si>
    <t>cg08290617</t>
  </si>
  <si>
    <t>cg08291304</t>
  </si>
  <si>
    <t>cg08299976</t>
  </si>
  <si>
    <t>cg08301181</t>
  </si>
  <si>
    <t>cg08301941</t>
  </si>
  <si>
    <t>cg08301965</t>
  </si>
  <si>
    <t>cg08310866</t>
  </si>
  <si>
    <t>cg08312355</t>
  </si>
  <si>
    <t>cg08314240</t>
  </si>
  <si>
    <t>cg08314370</t>
  </si>
  <si>
    <t>cg08315944</t>
  </si>
  <si>
    <t>cg08317891</t>
  </si>
  <si>
    <t>cg08318899</t>
  </si>
  <si>
    <t>cg08320303</t>
  </si>
  <si>
    <t>cg08322234</t>
  </si>
  <si>
    <t>cg08323969</t>
  </si>
  <si>
    <t>cg08328750</t>
  </si>
  <si>
    <t>cg08329754</t>
  </si>
  <si>
    <t>cg08329777</t>
  </si>
  <si>
    <t>cg08332866</t>
  </si>
  <si>
    <t>cg08333931</t>
  </si>
  <si>
    <t>cg08335199</t>
  </si>
  <si>
    <t>cg08336152</t>
  </si>
  <si>
    <t>cg08341874</t>
  </si>
  <si>
    <t>cg08343834</t>
  </si>
  <si>
    <t>cg08347473</t>
  </si>
  <si>
    <t>cg08348186</t>
  </si>
  <si>
    <t>cg08348709</t>
  </si>
  <si>
    <t>cg08351131</t>
  </si>
  <si>
    <t>cg08352115</t>
  </si>
  <si>
    <t>cg08352268</t>
  </si>
  <si>
    <t>cg08352292</t>
  </si>
  <si>
    <t>cg08354053</t>
  </si>
  <si>
    <t>cg08358624</t>
  </si>
  <si>
    <t>cg08358943</t>
  </si>
  <si>
    <t>cg08359099</t>
  </si>
  <si>
    <t>cg08370173</t>
  </si>
  <si>
    <t>cg08370430</t>
  </si>
  <si>
    <t>cg08371064</t>
  </si>
  <si>
    <t>cg08371643</t>
  </si>
  <si>
    <t>cg08377924</t>
  </si>
  <si>
    <t>cg08380385</t>
  </si>
  <si>
    <t>cg08380391</t>
  </si>
  <si>
    <t>cg08380957</t>
  </si>
  <si>
    <t>cg08385173</t>
  </si>
  <si>
    <t>cg08386696</t>
  </si>
  <si>
    <t>cg08387141</t>
  </si>
  <si>
    <t>cg08388455</t>
  </si>
  <si>
    <t>cg08401606</t>
  </si>
  <si>
    <t>cg08410704</t>
  </si>
  <si>
    <t>cg08411435</t>
  </si>
  <si>
    <t>cg08413381</t>
  </si>
  <si>
    <t>cg08413419</t>
  </si>
  <si>
    <t>cg08413427</t>
  </si>
  <si>
    <t>cg08429256</t>
  </si>
  <si>
    <t>cg08434171</t>
  </si>
  <si>
    <t>cg08434547</t>
  </si>
  <si>
    <t>cg08439109</t>
  </si>
  <si>
    <t>cg08442922</t>
  </si>
  <si>
    <t>cg08443019</t>
  </si>
  <si>
    <t>cg08447405</t>
  </si>
  <si>
    <t>cg08449531</t>
  </si>
  <si>
    <t>cg08455676</t>
  </si>
  <si>
    <t>cg08457620</t>
  </si>
  <si>
    <t>cg08458692</t>
  </si>
  <si>
    <t>cg08463297</t>
  </si>
  <si>
    <t>cg08464498</t>
  </si>
  <si>
    <t>cg08466034</t>
  </si>
  <si>
    <t>cg08466881</t>
  </si>
  <si>
    <t>cg08468689</t>
  </si>
  <si>
    <t>cg08471713</t>
  </si>
  <si>
    <t>cg08473663</t>
  </si>
  <si>
    <t>cg08478039</t>
  </si>
  <si>
    <t>cg08481536</t>
  </si>
  <si>
    <t>cg08484506</t>
  </si>
  <si>
    <t>cg08487100</t>
  </si>
  <si>
    <t>cg08488116</t>
  </si>
  <si>
    <t>cg08489349</t>
  </si>
  <si>
    <t>cg08490349</t>
  </si>
  <si>
    <t>cg08495545</t>
  </si>
  <si>
    <t>cg08498747</t>
  </si>
  <si>
    <t>cg08501301</t>
  </si>
  <si>
    <t>cg08504407</t>
  </si>
  <si>
    <t>cg08507393</t>
  </si>
  <si>
    <t>cg08510930</t>
  </si>
  <si>
    <t>cg08515779</t>
  </si>
  <si>
    <t>cg08515891</t>
  </si>
  <si>
    <t>cg08518892</t>
  </si>
  <si>
    <t>cg08520443</t>
  </si>
  <si>
    <t>cg08524221</t>
  </si>
  <si>
    <t>cg08530544</t>
  </si>
  <si>
    <t>cg08531489</t>
  </si>
  <si>
    <t>cg08532726</t>
  </si>
  <si>
    <t>cg08533424</t>
  </si>
  <si>
    <t>cg08536977</t>
  </si>
  <si>
    <t>cg08539620</t>
  </si>
  <si>
    <t>cg08543952</t>
  </si>
  <si>
    <t>cg08550205</t>
  </si>
  <si>
    <t>cg08551615</t>
  </si>
  <si>
    <t>cg08553082</t>
  </si>
  <si>
    <t>cg08553913</t>
  </si>
  <si>
    <t>cg08554115</t>
  </si>
  <si>
    <t>cg08555112</t>
  </si>
  <si>
    <t>cg08561775</t>
  </si>
  <si>
    <t>cg08561821</t>
  </si>
  <si>
    <t>cg08562004</t>
  </si>
  <si>
    <t>cg08562099</t>
  </si>
  <si>
    <t>cg08564487</t>
  </si>
  <si>
    <t>cg08567235</t>
  </si>
  <si>
    <t>cg08573299</t>
  </si>
  <si>
    <t>cg08574564</t>
  </si>
  <si>
    <t>cg08576197</t>
  </si>
  <si>
    <t>cg08577293</t>
  </si>
  <si>
    <t>cg08579420</t>
  </si>
  <si>
    <t>cg08580254</t>
  </si>
  <si>
    <t>cg08582346</t>
  </si>
  <si>
    <t>cg08582840</t>
  </si>
  <si>
    <t>cg08583059</t>
  </si>
  <si>
    <t>cg08584381</t>
  </si>
  <si>
    <t>cg08585669</t>
  </si>
  <si>
    <t>cg08587948</t>
  </si>
  <si>
    <t>cg08589077</t>
  </si>
  <si>
    <t>cg08590359</t>
  </si>
  <si>
    <t>cg08591893</t>
  </si>
  <si>
    <t>cg08593157</t>
  </si>
  <si>
    <t>cg08594207</t>
  </si>
  <si>
    <t>cg08605773</t>
  </si>
  <si>
    <t>cg08608094</t>
  </si>
  <si>
    <t>cg08611714</t>
  </si>
  <si>
    <t>cg08612384</t>
  </si>
  <si>
    <t>cg08612467</t>
  </si>
  <si>
    <t>cg08614370</t>
  </si>
  <si>
    <t>cg08625564</t>
  </si>
  <si>
    <t>cg08629895</t>
  </si>
  <si>
    <t>cg08631499</t>
  </si>
  <si>
    <t>cg08635242</t>
  </si>
  <si>
    <t>cg08635255</t>
  </si>
  <si>
    <t>cg08637438</t>
  </si>
  <si>
    <t>cg08637547</t>
  </si>
  <si>
    <t>cg08638514</t>
  </si>
  <si>
    <t>cg08642938</t>
  </si>
  <si>
    <t>cg08643692</t>
  </si>
  <si>
    <t>cg08647652</t>
  </si>
  <si>
    <t>cg08649068</t>
  </si>
  <si>
    <t>cg08649568</t>
  </si>
  <si>
    <t>cg08652985</t>
  </si>
  <si>
    <t>cg08657247</t>
  </si>
  <si>
    <t>cg08662168</t>
  </si>
  <si>
    <t>cg08662532</t>
  </si>
  <si>
    <t>cg08663213</t>
  </si>
  <si>
    <t>cg08664652</t>
  </si>
  <si>
    <t>cg08670136</t>
  </si>
  <si>
    <t>cg08672410</t>
  </si>
  <si>
    <t>cg08672677</t>
  </si>
  <si>
    <t>cg08672887</t>
  </si>
  <si>
    <t>cg08676455</t>
  </si>
  <si>
    <t>cg08677210</t>
  </si>
  <si>
    <t>cg08681473</t>
  </si>
  <si>
    <t>cg08681966</t>
  </si>
  <si>
    <t>cg08685733</t>
  </si>
  <si>
    <t>cg08695703</t>
  </si>
  <si>
    <t>cg08696192</t>
  </si>
  <si>
    <t>cg08697732</t>
  </si>
  <si>
    <t>cg08697847</t>
  </si>
  <si>
    <t>cg08698159</t>
  </si>
  <si>
    <t>cg08698523</t>
  </si>
  <si>
    <t>cg08699655</t>
  </si>
  <si>
    <t>cg08701659</t>
  </si>
  <si>
    <t>cg08705329</t>
  </si>
  <si>
    <t>cg08706105</t>
  </si>
  <si>
    <t>cg08706258</t>
  </si>
  <si>
    <t>cg08727303</t>
  </si>
  <si>
    <t>cg08728848</t>
  </si>
  <si>
    <t>cg08730330</t>
  </si>
  <si>
    <t>cg08731623</t>
  </si>
  <si>
    <t>cg08731720</t>
  </si>
  <si>
    <t>cg08732805</t>
  </si>
  <si>
    <t>cg08734159</t>
  </si>
  <si>
    <t>cg08735636</t>
  </si>
  <si>
    <t>cg08749351</t>
  </si>
  <si>
    <t>cg08753736</t>
  </si>
  <si>
    <t>cg08754294</t>
  </si>
  <si>
    <t>cg08758352</t>
  </si>
  <si>
    <t>cg08758996</t>
  </si>
  <si>
    <t>cg08759130</t>
  </si>
  <si>
    <t>cg08759569</t>
  </si>
  <si>
    <t>cg08764758</t>
  </si>
  <si>
    <t>cg08772789</t>
  </si>
  <si>
    <t>cg08777206</t>
  </si>
  <si>
    <t>cg08780220</t>
  </si>
  <si>
    <t>cg08783253</t>
  </si>
  <si>
    <t>cg08783616</t>
  </si>
  <si>
    <t>cg08785922</t>
  </si>
  <si>
    <t>cg08786079</t>
  </si>
  <si>
    <t>cg08788291</t>
  </si>
  <si>
    <t>cg08791922</t>
  </si>
  <si>
    <t>cg08792314</t>
  </si>
  <si>
    <t>cg08793459</t>
  </si>
  <si>
    <t>cg08794157</t>
  </si>
  <si>
    <t>cg08799191</t>
  </si>
  <si>
    <t>cg08806120</t>
  </si>
  <si>
    <t>cg08806986</t>
  </si>
  <si>
    <t>cg08808817</t>
  </si>
  <si>
    <t>cg08810072</t>
  </si>
  <si>
    <t>cg08810238</t>
  </si>
  <si>
    <t>cg08811443</t>
  </si>
  <si>
    <t>cg08817867</t>
  </si>
  <si>
    <t>cg08817965</t>
  </si>
  <si>
    <t>cg08820497</t>
  </si>
  <si>
    <t>cg08821600</t>
  </si>
  <si>
    <t>cg08821738</t>
  </si>
  <si>
    <t>cg08823020</t>
  </si>
  <si>
    <t>cg08823767</t>
  </si>
  <si>
    <t>cg08823837</t>
  </si>
  <si>
    <t>cg08827674</t>
  </si>
  <si>
    <t>cg08831701</t>
  </si>
  <si>
    <t>cg08832695</t>
  </si>
  <si>
    <t>cg08832744</t>
  </si>
  <si>
    <t>cg08834787</t>
  </si>
  <si>
    <t>cg08834922</t>
  </si>
  <si>
    <t>cg08835164</t>
  </si>
  <si>
    <t>cg08835403</t>
  </si>
  <si>
    <t>cg08839210</t>
  </si>
  <si>
    <t>cg08839374</t>
  </si>
  <si>
    <t>cg08839546</t>
  </si>
  <si>
    <t>cg08842032</t>
  </si>
  <si>
    <t>cg08842062</t>
  </si>
  <si>
    <t>cg08842138</t>
  </si>
  <si>
    <t>cg08843769</t>
  </si>
  <si>
    <t>cg08844929</t>
  </si>
  <si>
    <t>cg08847991</t>
  </si>
  <si>
    <t>cg08850400</t>
  </si>
  <si>
    <t>cg08850641</t>
  </si>
  <si>
    <t>cg08852989</t>
  </si>
  <si>
    <t>cg08853103</t>
  </si>
  <si>
    <t>cg08853318</t>
  </si>
  <si>
    <t>cg08856333</t>
  </si>
  <si>
    <t>cg08857310</t>
  </si>
  <si>
    <t>cg08857478</t>
  </si>
  <si>
    <t>cg08857797</t>
  </si>
  <si>
    <t>cg08858426</t>
  </si>
  <si>
    <t>cg08859247</t>
  </si>
  <si>
    <t>cg08860622</t>
  </si>
  <si>
    <t>cg08862499</t>
  </si>
  <si>
    <t>cg08863844</t>
  </si>
  <si>
    <t>cg08865625</t>
  </si>
  <si>
    <t>cg08867439</t>
  </si>
  <si>
    <t>cg08870143</t>
  </si>
  <si>
    <t>cg08870757</t>
  </si>
  <si>
    <t>cg08871722</t>
  </si>
  <si>
    <t>cg08873709</t>
  </si>
  <si>
    <t>cg08875180</t>
  </si>
  <si>
    <t>cg08875884</t>
  </si>
  <si>
    <t>cg08876508</t>
  </si>
  <si>
    <t>cg08877781</t>
  </si>
  <si>
    <t>cg08878651</t>
  </si>
  <si>
    <t>cg08878802</t>
  </si>
  <si>
    <t>cg08881796</t>
  </si>
  <si>
    <t>cg08883146</t>
  </si>
  <si>
    <t>cg08884193</t>
  </si>
  <si>
    <t>cg08884928</t>
  </si>
  <si>
    <t>cg08885198</t>
  </si>
  <si>
    <t>cg08885306</t>
  </si>
  <si>
    <t>cg08887483</t>
  </si>
  <si>
    <t>cg08890067</t>
  </si>
  <si>
    <t>cg08892455</t>
  </si>
  <si>
    <t>cg08894728</t>
  </si>
  <si>
    <t>cg08895056</t>
  </si>
  <si>
    <t>cg08896042</t>
  </si>
  <si>
    <t>cg08898949</t>
  </si>
  <si>
    <t>cg08901558</t>
  </si>
  <si>
    <t>cg08903019</t>
  </si>
  <si>
    <t>cg08903206</t>
  </si>
  <si>
    <t>cg08903422</t>
  </si>
  <si>
    <t>cg08903604</t>
  </si>
  <si>
    <t>cg08905130</t>
  </si>
  <si>
    <t>cg08905415</t>
  </si>
  <si>
    <t>cg08928933</t>
  </si>
  <si>
    <t>cg08929103</t>
  </si>
  <si>
    <t>cg08930147</t>
  </si>
  <si>
    <t>cg08932052</t>
  </si>
  <si>
    <t>cg08932654</t>
  </si>
  <si>
    <t>cg08940505</t>
  </si>
  <si>
    <t>cg08940787</t>
  </si>
  <si>
    <t>cg08946332</t>
  </si>
  <si>
    <t>cg08951907</t>
  </si>
  <si>
    <t>cg08961388</t>
  </si>
  <si>
    <t>cg08962888</t>
  </si>
  <si>
    <t>cg08963495</t>
  </si>
  <si>
    <t>cg08963712</t>
  </si>
  <si>
    <t>cg08965655</t>
  </si>
  <si>
    <t>cg08966188</t>
  </si>
  <si>
    <t>cg08969220</t>
  </si>
  <si>
    <t>cg08969274</t>
  </si>
  <si>
    <t>cg08971771</t>
  </si>
  <si>
    <t>cg08973688</t>
  </si>
  <si>
    <t>cg08974244</t>
  </si>
  <si>
    <t>cg08977014</t>
  </si>
  <si>
    <t>cg08978588</t>
  </si>
  <si>
    <t>cg08988179</t>
  </si>
  <si>
    <t>cg08988609</t>
  </si>
  <si>
    <t>cg08993267</t>
  </si>
  <si>
    <t>cg08993385</t>
  </si>
  <si>
    <t>cg08994498</t>
  </si>
  <si>
    <t>cg08994789</t>
  </si>
  <si>
    <t>cg08995595</t>
  </si>
  <si>
    <t>cg08999272</t>
  </si>
  <si>
    <t>cg09000356</t>
  </si>
  <si>
    <t>cg09000800</t>
  </si>
  <si>
    <t>cg09002092</t>
  </si>
  <si>
    <t>cg09002774</t>
  </si>
  <si>
    <t>cg09006420</t>
  </si>
  <si>
    <t>cg09007236</t>
  </si>
  <si>
    <t>cg09008187</t>
  </si>
  <si>
    <t>cg09008896</t>
  </si>
  <si>
    <t>cg09010044</t>
  </si>
  <si>
    <t>cg09010249</t>
  </si>
  <si>
    <t>cg09010992</t>
  </si>
  <si>
    <t>cg09013599</t>
  </si>
  <si>
    <t>cg09013975</t>
  </si>
  <si>
    <t>cg09014329</t>
  </si>
  <si>
    <t>cg09018467</t>
  </si>
  <si>
    <t>cg09019432</t>
  </si>
  <si>
    <t>cg09021817</t>
  </si>
  <si>
    <t>cg09027985</t>
  </si>
  <si>
    <t>cg09028316</t>
  </si>
  <si>
    <t>cg09029085</t>
  </si>
  <si>
    <t>cg09029192</t>
  </si>
  <si>
    <t>cg09029293</t>
  </si>
  <si>
    <t>cg09029409</t>
  </si>
  <si>
    <t>cg09030392</t>
  </si>
  <si>
    <t>cg09031165</t>
  </si>
  <si>
    <t>cg09033219</t>
  </si>
  <si>
    <t>cg09036203</t>
  </si>
  <si>
    <t>cg09036952</t>
  </si>
  <si>
    <t>cg09038058</t>
  </si>
  <si>
    <t>cg09038914</t>
  </si>
  <si>
    <t>cg09040752</t>
  </si>
  <si>
    <t>cg09042581</t>
  </si>
  <si>
    <t>cg09043518</t>
  </si>
  <si>
    <t>cg09043549</t>
  </si>
  <si>
    <t>cg09053366</t>
  </si>
  <si>
    <t>cg09064848</t>
  </si>
  <si>
    <t>cg09076584</t>
  </si>
  <si>
    <t>cg09084106</t>
  </si>
  <si>
    <t>cg09084279</t>
  </si>
  <si>
    <t>cg09085639</t>
  </si>
  <si>
    <t>cg09086312</t>
  </si>
  <si>
    <t>cg09089230</t>
  </si>
  <si>
    <t>cg09093656</t>
  </si>
  <si>
    <t>cg09098720</t>
  </si>
  <si>
    <t>cg09102690</t>
  </si>
  <si>
    <t>cg09103232</t>
  </si>
  <si>
    <t>cg09104720</t>
  </si>
  <si>
    <t>cg09111258</t>
  </si>
  <si>
    <t>cg09120145</t>
  </si>
  <si>
    <t>cg09120320</t>
  </si>
  <si>
    <t>cg09123473</t>
  </si>
  <si>
    <t>cg09123951</t>
  </si>
  <si>
    <t>cg09124679</t>
  </si>
  <si>
    <t>cg09132923</t>
  </si>
  <si>
    <t>cg09134012</t>
  </si>
  <si>
    <t>cg09139365</t>
  </si>
  <si>
    <t>cg09139509</t>
  </si>
  <si>
    <t>cg09139721</t>
  </si>
  <si>
    <t>cg09141931</t>
  </si>
  <si>
    <t>cg09143221</t>
  </si>
  <si>
    <t>cg09146232</t>
  </si>
  <si>
    <t>cg09150928</t>
  </si>
  <si>
    <t>cg09151131</t>
  </si>
  <si>
    <t>cg09151754</t>
  </si>
  <si>
    <t>cg09152943</t>
  </si>
  <si>
    <t>cg09152949</t>
  </si>
  <si>
    <t>cg09155575</t>
  </si>
  <si>
    <t>cg09155905</t>
  </si>
  <si>
    <t>cg09161579</t>
  </si>
  <si>
    <t>cg09163921</t>
  </si>
  <si>
    <t>cg09164913</t>
  </si>
  <si>
    <t>cg09169283</t>
  </si>
  <si>
    <t>cg09171562</t>
  </si>
  <si>
    <t>cg09171638</t>
  </si>
  <si>
    <t>cg09173348</t>
  </si>
  <si>
    <t>cg09173565</t>
  </si>
  <si>
    <t>cg09175325</t>
  </si>
  <si>
    <t>cg09176194</t>
  </si>
  <si>
    <t>cg09177253</t>
  </si>
  <si>
    <t>cg09186748</t>
  </si>
  <si>
    <t>cg09191142</t>
  </si>
  <si>
    <t>cg09192572</t>
  </si>
  <si>
    <t>cg09194159</t>
  </si>
  <si>
    <t>cg09199486</t>
  </si>
  <si>
    <t>cg09199598</t>
  </si>
  <si>
    <t>cg09201238</t>
  </si>
  <si>
    <t>cg09205190</t>
  </si>
  <si>
    <t>cg09209669</t>
  </si>
  <si>
    <t>cg09213124</t>
  </si>
  <si>
    <t>cg09221478</t>
  </si>
  <si>
    <t>cg09224821</t>
  </si>
  <si>
    <t>cg09225321</t>
  </si>
  <si>
    <t>cg09231675</t>
  </si>
  <si>
    <t>cg09231741</t>
  </si>
  <si>
    <t>cg09232154</t>
  </si>
  <si>
    <t>cg09234474</t>
  </si>
  <si>
    <t>cg09240210</t>
  </si>
  <si>
    <t>cg09240747</t>
  </si>
  <si>
    <t>cg09243811</t>
  </si>
  <si>
    <t>cg09245003</t>
  </si>
  <si>
    <t>cg09245073</t>
  </si>
  <si>
    <t>cg09245192</t>
  </si>
  <si>
    <t>cg09247259</t>
  </si>
  <si>
    <t>cg09249101</t>
  </si>
  <si>
    <t>cg09250749</t>
  </si>
  <si>
    <t>cg09252457</t>
  </si>
  <si>
    <t>cg09253473</t>
  </si>
  <si>
    <t>cg09256716</t>
  </si>
  <si>
    <t>cg09256930</t>
  </si>
  <si>
    <t>cg09258804</t>
  </si>
  <si>
    <t>cg09259308</t>
  </si>
  <si>
    <t>cg09263059</t>
  </si>
  <si>
    <t>cg09263755</t>
  </si>
  <si>
    <t>cg09264140</t>
  </si>
  <si>
    <t>cg09265274</t>
  </si>
  <si>
    <t>cg09267483</t>
  </si>
  <si>
    <t>cg09267507</t>
  </si>
  <si>
    <t>cg09269848</t>
  </si>
  <si>
    <t>cg09276863</t>
  </si>
  <si>
    <t>cg09290893</t>
  </si>
  <si>
    <t>cg09299082</t>
  </si>
  <si>
    <t>cg09300114</t>
  </si>
  <si>
    <t>cg09302474</t>
  </si>
  <si>
    <t>cg09303043</t>
  </si>
  <si>
    <t>cg09303236</t>
  </si>
  <si>
    <t>cg09304587</t>
  </si>
  <si>
    <t>cg09307264</t>
  </si>
  <si>
    <t>cg09309112</t>
  </si>
  <si>
    <t>cg09309286</t>
  </si>
  <si>
    <t>cg09310777</t>
  </si>
  <si>
    <t>cg09311964</t>
  </si>
  <si>
    <t>cg09313705</t>
  </si>
  <si>
    <t>cg09319125</t>
  </si>
  <si>
    <t>cg09319676</t>
  </si>
  <si>
    <t>cg09320126</t>
  </si>
  <si>
    <t>cg09323083</t>
  </si>
  <si>
    <t>cg09324608</t>
  </si>
  <si>
    <t>cg09327553</t>
  </si>
  <si>
    <t>cg09327894</t>
  </si>
  <si>
    <t>cg09329144</t>
  </si>
  <si>
    <t>cg09334629</t>
  </si>
  <si>
    <t>cg09339219</t>
  </si>
  <si>
    <t>cg09339907</t>
  </si>
  <si>
    <t>cg09346383</t>
  </si>
  <si>
    <t>cg09351315</t>
  </si>
  <si>
    <t>cg09352715</t>
  </si>
  <si>
    <t>cg09354263</t>
  </si>
  <si>
    <t>cg09357097</t>
  </si>
  <si>
    <t>cg09358481</t>
  </si>
  <si>
    <t>cg09361653</t>
  </si>
  <si>
    <t>cg09361941</t>
  </si>
  <si>
    <t>cg09362047</t>
  </si>
  <si>
    <t>cg09365645</t>
  </si>
  <si>
    <t>cg09369294</t>
  </si>
  <si>
    <t>cg09369748</t>
  </si>
  <si>
    <t>cg09371063</t>
  </si>
  <si>
    <t>cg09371868</t>
  </si>
  <si>
    <t>cg09372999</t>
  </si>
  <si>
    <t>cg09378679</t>
  </si>
  <si>
    <t>cg09382492</t>
  </si>
  <si>
    <t>cg09386073</t>
  </si>
  <si>
    <t>cg09387102</t>
  </si>
  <si>
    <t>cg09387382</t>
  </si>
  <si>
    <t>cg09393675</t>
  </si>
  <si>
    <t>cg09396295</t>
  </si>
  <si>
    <t>cg09397071</t>
  </si>
  <si>
    <t>cg09397460</t>
  </si>
  <si>
    <t>cg09397557</t>
  </si>
  <si>
    <t>cg09400607</t>
  </si>
  <si>
    <t>cg09401340</t>
  </si>
  <si>
    <t>cg09404429</t>
  </si>
  <si>
    <t>cg09404642</t>
  </si>
  <si>
    <t>cg09413013</t>
  </si>
  <si>
    <t>cg09419005</t>
  </si>
  <si>
    <t>cg09420068</t>
  </si>
  <si>
    <t>cg09420510</t>
  </si>
  <si>
    <t>cg09421562</t>
  </si>
  <si>
    <t>cg09423181</t>
  </si>
  <si>
    <t>cg09433114</t>
  </si>
  <si>
    <t>cg09439604</t>
  </si>
  <si>
    <t>cg09439817</t>
  </si>
  <si>
    <t>cg09440298</t>
  </si>
  <si>
    <t>cg09441966</t>
  </si>
  <si>
    <t>cg09445705</t>
  </si>
  <si>
    <t>cg09445803</t>
  </si>
  <si>
    <t>cg09446906</t>
  </si>
  <si>
    <t>cg09449611</t>
  </si>
  <si>
    <t>cg09458299</t>
  </si>
  <si>
    <t>cg09459868</t>
  </si>
  <si>
    <t>cg09461395</t>
  </si>
  <si>
    <t>cg09463656</t>
  </si>
  <si>
    <t>cg09467501</t>
  </si>
  <si>
    <t>cg09471280</t>
  </si>
  <si>
    <t>cg09474692</t>
  </si>
  <si>
    <t>cg09476841</t>
  </si>
  <si>
    <t>cg09478742</t>
  </si>
  <si>
    <t>cg09479341</t>
  </si>
  <si>
    <t>cg09480647</t>
  </si>
  <si>
    <t>cg09482386</t>
  </si>
  <si>
    <t>cg09483318</t>
  </si>
  <si>
    <t>cg09484559</t>
  </si>
  <si>
    <t>cg09486367</t>
  </si>
  <si>
    <t>cg09487931</t>
  </si>
  <si>
    <t>cg09488184</t>
  </si>
  <si>
    <t>cg09489234</t>
  </si>
  <si>
    <t>cg09492169</t>
  </si>
  <si>
    <t>cg09492832</t>
  </si>
  <si>
    <t>cg09495303</t>
  </si>
  <si>
    <t>cg09495758</t>
  </si>
  <si>
    <t>cg09509576</t>
  </si>
  <si>
    <t>cg09509673</t>
  </si>
  <si>
    <t>cg09510924</t>
  </si>
  <si>
    <t>cg09511190</t>
  </si>
  <si>
    <t>cg09514188</t>
  </si>
  <si>
    <t>cg09518596</t>
  </si>
  <si>
    <t>cg09528351</t>
  </si>
  <si>
    <t>cg09529433</t>
  </si>
  <si>
    <t>cg09529454</t>
  </si>
  <si>
    <t>cg09531354</t>
  </si>
  <si>
    <t>cg09538582</t>
  </si>
  <si>
    <t>cg09543792</t>
  </si>
  <si>
    <t>cg09554952</t>
  </si>
  <si>
    <t>cg09561417</t>
  </si>
  <si>
    <t>cg09562938</t>
  </si>
  <si>
    <t>cg09563311</t>
  </si>
  <si>
    <t>cg09564253</t>
  </si>
  <si>
    <t>cg09567646</t>
  </si>
  <si>
    <t>cg09570855</t>
  </si>
  <si>
    <t>cg09570951</t>
  </si>
  <si>
    <t>cg09575269</t>
  </si>
  <si>
    <t>cg09575542</t>
  </si>
  <si>
    <t>cg09576319</t>
  </si>
  <si>
    <t>cg09576619</t>
  </si>
  <si>
    <t>cg09579932</t>
  </si>
  <si>
    <t>cg09580249</t>
  </si>
  <si>
    <t>cg09580393</t>
  </si>
  <si>
    <t>cg09580608</t>
  </si>
  <si>
    <t>cg09580922</t>
  </si>
  <si>
    <t>cg09581049</t>
  </si>
  <si>
    <t>cg09581065</t>
  </si>
  <si>
    <t>cg09582256</t>
  </si>
  <si>
    <t>cg09584358</t>
  </si>
  <si>
    <t>cg09591406</t>
  </si>
  <si>
    <t>cg09592463</t>
  </si>
  <si>
    <t>cg09594075</t>
  </si>
  <si>
    <t>cg09597312</t>
  </si>
  <si>
    <t>cg09600406</t>
  </si>
  <si>
    <t>cg09601584</t>
  </si>
  <si>
    <t>cg09601923</t>
  </si>
  <si>
    <t>cg09602766</t>
  </si>
  <si>
    <t>cg09603188</t>
  </si>
  <si>
    <t>cg09605818</t>
  </si>
  <si>
    <t>cg09605893</t>
  </si>
  <si>
    <t>cg09607131</t>
  </si>
  <si>
    <t>cg09607679</t>
  </si>
  <si>
    <t>cg09611064</t>
  </si>
  <si>
    <t>cg09618028</t>
  </si>
  <si>
    <t>cg09628887</t>
  </si>
  <si>
    <t>cg09629954</t>
  </si>
  <si>
    <t>cg09635667</t>
  </si>
  <si>
    <t>cg09636024</t>
  </si>
  <si>
    <t>cg09637747</t>
  </si>
  <si>
    <t>cg09639622</t>
  </si>
  <si>
    <t>cg09639715</t>
  </si>
  <si>
    <t>cg09639964</t>
  </si>
  <si>
    <t>cg09642507</t>
  </si>
  <si>
    <t>cg09643404</t>
  </si>
  <si>
    <t>cg09645572</t>
  </si>
  <si>
    <t>cg09648424</t>
  </si>
  <si>
    <t>cg09648933</t>
  </si>
  <si>
    <t>cg09655341</t>
  </si>
  <si>
    <t>cg09655520</t>
  </si>
  <si>
    <t>cg09657256</t>
  </si>
  <si>
    <t>cg09658645</t>
  </si>
  <si>
    <t>cg09659227</t>
  </si>
  <si>
    <t>cg09661865</t>
  </si>
  <si>
    <t>cg09663193</t>
  </si>
  <si>
    <t>cg09663203</t>
  </si>
  <si>
    <t>cg09664445</t>
  </si>
  <si>
    <t>cg09665336</t>
  </si>
  <si>
    <t>cg09666237</t>
  </si>
  <si>
    <t>cg09671650</t>
  </si>
  <si>
    <t>cg09672890</t>
  </si>
  <si>
    <t>cg09673245</t>
  </si>
  <si>
    <t>cg09673444</t>
  </si>
  <si>
    <t>cg09677809</t>
  </si>
  <si>
    <t>cg09679642</t>
  </si>
  <si>
    <t>cg09679923</t>
  </si>
  <si>
    <t>cg09682649</t>
  </si>
  <si>
    <t>cg09683258</t>
  </si>
  <si>
    <t>cg09683562</t>
  </si>
  <si>
    <t>cg09687005</t>
  </si>
  <si>
    <t>cg09690072</t>
  </si>
  <si>
    <t>cg09690989</t>
  </si>
  <si>
    <t>cg09692449</t>
  </si>
  <si>
    <t>cg09697259</t>
  </si>
  <si>
    <t>cg09697697</t>
  </si>
  <si>
    <t>cg09699056</t>
  </si>
  <si>
    <t>cg09701392</t>
  </si>
  <si>
    <t>cg09704116</t>
  </si>
  <si>
    <t>cg09711113</t>
  </si>
  <si>
    <t>cg09712464</t>
  </si>
  <si>
    <t>cg09723155</t>
  </si>
  <si>
    <t>cg09724427</t>
  </si>
  <si>
    <t>cg09726125</t>
  </si>
  <si>
    <t>cg09726279</t>
  </si>
  <si>
    <t>cg09727034</t>
  </si>
  <si>
    <t>cg09731113</t>
  </si>
  <si>
    <t>cg09737685</t>
  </si>
  <si>
    <t>cg09739017</t>
  </si>
  <si>
    <t>cg09740598</t>
  </si>
  <si>
    <t>cg09741221</t>
  </si>
  <si>
    <t>cg09744036</t>
  </si>
  <si>
    <t>cg09745160</t>
  </si>
  <si>
    <t>cg09748952</t>
  </si>
  <si>
    <t>cg09753865</t>
  </si>
  <si>
    <t>cg09757107</t>
  </si>
  <si>
    <t>cg09760387</t>
  </si>
  <si>
    <t>cg09762474</t>
  </si>
  <si>
    <t>cg09762778</t>
  </si>
  <si>
    <t>cg09769755</t>
  </si>
  <si>
    <t>cg09770583</t>
  </si>
  <si>
    <t>cg09771049</t>
  </si>
  <si>
    <t>cg09773127</t>
  </si>
  <si>
    <t>cg09775780</t>
  </si>
  <si>
    <t>cg09776463</t>
  </si>
  <si>
    <t>cg09780394</t>
  </si>
  <si>
    <t>cg09783537</t>
  </si>
  <si>
    <t>cg09787311</t>
  </si>
  <si>
    <t>cg09790523</t>
  </si>
  <si>
    <t>cg09795027</t>
  </si>
  <si>
    <t>cg09795195</t>
  </si>
  <si>
    <t>cg09795523</t>
  </si>
  <si>
    <t>cg09796270</t>
  </si>
  <si>
    <t>cg09799307</t>
  </si>
  <si>
    <t>cg09801548</t>
  </si>
  <si>
    <t>cg09801825</t>
  </si>
  <si>
    <t>cg09802380</t>
  </si>
  <si>
    <t>cg09803167</t>
  </si>
  <si>
    <t>cg09805692</t>
  </si>
  <si>
    <t>cg09807227</t>
  </si>
  <si>
    <t>cg09808774</t>
  </si>
  <si>
    <t>cg09811317</t>
  </si>
  <si>
    <t>cg09816403</t>
  </si>
  <si>
    <t>cg09818637</t>
  </si>
  <si>
    <t>cg09819958</t>
  </si>
  <si>
    <t>cg09820557</t>
  </si>
  <si>
    <t>cg09821032</t>
  </si>
  <si>
    <t>cg09824406</t>
  </si>
  <si>
    <t>cg09824627</t>
  </si>
  <si>
    <t>cg09826001</t>
  </si>
  <si>
    <t>cg09828346</t>
  </si>
  <si>
    <t>cg09831010</t>
  </si>
  <si>
    <t>cg09832102</t>
  </si>
  <si>
    <t>cg09833331</t>
  </si>
  <si>
    <t>cg09837116</t>
  </si>
  <si>
    <t>cg09838442</t>
  </si>
  <si>
    <t>cg09840386</t>
  </si>
  <si>
    <t>cg09840665</t>
  </si>
  <si>
    <t>cg09840721</t>
  </si>
  <si>
    <t>cg09841001</t>
  </si>
  <si>
    <t>cg09851989</t>
  </si>
  <si>
    <t>cg09853822</t>
  </si>
  <si>
    <t>cg09866983</t>
  </si>
  <si>
    <t>cg09871181</t>
  </si>
  <si>
    <t>cg09872233</t>
  </si>
  <si>
    <t>cg09874505</t>
  </si>
  <si>
    <t>cg09875273</t>
  </si>
  <si>
    <t>cg09879253</t>
  </si>
  <si>
    <t>cg09879734</t>
  </si>
  <si>
    <t>cg09887801</t>
  </si>
  <si>
    <t>cg09888026</t>
  </si>
  <si>
    <t>cg09889477</t>
  </si>
  <si>
    <t>cg09889948</t>
  </si>
  <si>
    <t>cg09890286</t>
  </si>
  <si>
    <t>cg09890332</t>
  </si>
  <si>
    <t>cg09903183</t>
  </si>
  <si>
    <t>cg09903452</t>
  </si>
  <si>
    <t>cg09906647</t>
  </si>
  <si>
    <t>cg09907395</t>
  </si>
  <si>
    <t>cg09909478</t>
  </si>
  <si>
    <t>cg09910153</t>
  </si>
  <si>
    <t>cg09910461</t>
  </si>
  <si>
    <t>cg09913882</t>
  </si>
  <si>
    <t>cg09914060</t>
  </si>
  <si>
    <t>cg09915396</t>
  </si>
  <si>
    <t>cg09917783</t>
  </si>
  <si>
    <t>cg09918318</t>
  </si>
  <si>
    <t>cg09921719</t>
  </si>
  <si>
    <t>cg09922103</t>
  </si>
  <si>
    <t>cg09922349</t>
  </si>
  <si>
    <t>cg09922935</t>
  </si>
  <si>
    <t>cg09923456</t>
  </si>
  <si>
    <t>cg09924064</t>
  </si>
  <si>
    <t>cg09928020</t>
  </si>
  <si>
    <t>cg09935792</t>
  </si>
  <si>
    <t>cg09936146</t>
  </si>
  <si>
    <t>cg09939462</t>
  </si>
  <si>
    <t>cg09941770</t>
  </si>
  <si>
    <t>cg09945464</t>
  </si>
  <si>
    <t>cg09949713</t>
  </si>
  <si>
    <t>cg09952002</t>
  </si>
  <si>
    <t>cg09954813</t>
  </si>
  <si>
    <t>cg09959355</t>
  </si>
  <si>
    <t>cg09970680</t>
  </si>
  <si>
    <t>cg09975715</t>
  </si>
  <si>
    <t>cg09977064</t>
  </si>
  <si>
    <t>cg09977640</t>
  </si>
  <si>
    <t>cg09977800</t>
  </si>
  <si>
    <t>cg09977980</t>
  </si>
  <si>
    <t>cg09978353</t>
  </si>
  <si>
    <t>cg09979989</t>
  </si>
  <si>
    <t>cg09980771</t>
  </si>
  <si>
    <t>cg09981375</t>
  </si>
  <si>
    <t>cg09981407</t>
  </si>
  <si>
    <t>cg09983216</t>
  </si>
  <si>
    <t>cg09983915</t>
  </si>
  <si>
    <t>cg09997062</t>
  </si>
  <si>
    <t>cg09997372</t>
  </si>
  <si>
    <t>cg10000250</t>
  </si>
  <si>
    <t>cg10005475</t>
  </si>
  <si>
    <t>cg10006252</t>
  </si>
  <si>
    <t>cg10006419</t>
  </si>
  <si>
    <t>cg10008571</t>
  </si>
  <si>
    <t>cg10008947</t>
  </si>
  <si>
    <t>cg10009380</t>
  </si>
  <si>
    <t>cg10011744</t>
  </si>
  <si>
    <t>cg10016358</t>
  </si>
  <si>
    <t>cg10016608</t>
  </si>
  <si>
    <t>cg10016872</t>
  </si>
  <si>
    <t>cg10022165</t>
  </si>
  <si>
    <t>cg10023613</t>
  </si>
  <si>
    <t>cg10024094</t>
  </si>
  <si>
    <t>cg10024583</t>
  </si>
  <si>
    <t>cg10025200</t>
  </si>
  <si>
    <t>cg10025462</t>
  </si>
  <si>
    <t>cg10035555</t>
  </si>
  <si>
    <t>cg10035737</t>
  </si>
  <si>
    <t>cg10037972</t>
  </si>
  <si>
    <t>cg10040710</t>
  </si>
  <si>
    <t>cg10042846</t>
  </si>
  <si>
    <t>cg10043101</t>
  </si>
  <si>
    <t>cg10043137</t>
  </si>
  <si>
    <t>cg10052118</t>
  </si>
  <si>
    <t>cg10053073</t>
  </si>
  <si>
    <t>cg10053473</t>
  </si>
  <si>
    <t>cg10053622</t>
  </si>
  <si>
    <t>cg10055235</t>
  </si>
  <si>
    <t>cg10055580</t>
  </si>
  <si>
    <t>cg10057218</t>
  </si>
  <si>
    <t>cg10057436</t>
  </si>
  <si>
    <t>cg10057879</t>
  </si>
  <si>
    <t>cg10058241</t>
  </si>
  <si>
    <t>cg10060065</t>
  </si>
  <si>
    <t>cg10060631</t>
  </si>
  <si>
    <t>cg10062919</t>
  </si>
  <si>
    <t>cg10065210</t>
  </si>
  <si>
    <t>cg10065416</t>
  </si>
  <si>
    <t>cg10065520</t>
  </si>
  <si>
    <t>cg10070788</t>
  </si>
  <si>
    <t>cg10080728</t>
  </si>
  <si>
    <t>cg10089081</t>
  </si>
  <si>
    <t>cg10091408</t>
  </si>
  <si>
    <t>cg10091811</t>
  </si>
  <si>
    <t>cg10092374</t>
  </si>
  <si>
    <t>cg10093739</t>
  </si>
  <si>
    <t>cg10096066</t>
  </si>
  <si>
    <t>cg10108402</t>
  </si>
  <si>
    <t>cg10109635</t>
  </si>
  <si>
    <t>cg10109943</t>
  </si>
  <si>
    <t>cg10116893</t>
  </si>
  <si>
    <t>cg10130401</t>
  </si>
  <si>
    <t>cg10138630</t>
  </si>
  <si>
    <t>cg10140240</t>
  </si>
  <si>
    <t>cg10140454</t>
  </si>
  <si>
    <t>cg10149836</t>
  </si>
  <si>
    <t>cg10154655</t>
  </si>
  <si>
    <t>cg10157411</t>
  </si>
  <si>
    <t>cg10158151</t>
  </si>
  <si>
    <t>cg10159032</t>
  </si>
  <si>
    <t>cg10162696</t>
  </si>
  <si>
    <t>cg10163794</t>
  </si>
  <si>
    <t>cg10165952</t>
  </si>
  <si>
    <t>cg10166044</t>
  </si>
  <si>
    <t>cg10168457</t>
  </si>
  <si>
    <t>cg10171253</t>
  </si>
  <si>
    <t>cg10174170</t>
  </si>
  <si>
    <t>cg10174849</t>
  </si>
  <si>
    <t>cg10177465</t>
  </si>
  <si>
    <t>cg10178130</t>
  </si>
  <si>
    <t>cg10180165</t>
  </si>
  <si>
    <t>cg10180481</t>
  </si>
  <si>
    <t>cg10183248</t>
  </si>
  <si>
    <t>cg10183885</t>
  </si>
  <si>
    <t>cg10183965</t>
  </si>
  <si>
    <t>cg10187674</t>
  </si>
  <si>
    <t>cg10187792</t>
  </si>
  <si>
    <t>cg10188797</t>
  </si>
  <si>
    <t>cg10190509</t>
  </si>
  <si>
    <t>cg10193441</t>
  </si>
  <si>
    <t>cg10193743</t>
  </si>
  <si>
    <t>cg10207917</t>
  </si>
  <si>
    <t>cg10208587</t>
  </si>
  <si>
    <t>cg10209902</t>
  </si>
  <si>
    <t>cg10211485</t>
  </si>
  <si>
    <t>cg10213812</t>
  </si>
  <si>
    <t>cg10214350</t>
  </si>
  <si>
    <t>cg10215323</t>
  </si>
  <si>
    <t>cg10216884</t>
  </si>
  <si>
    <t>cg10225491</t>
  </si>
  <si>
    <t>cg10226036</t>
  </si>
  <si>
    <t>cg10231126</t>
  </si>
  <si>
    <t>cg10233599</t>
  </si>
  <si>
    <t>cg10234375</t>
  </si>
  <si>
    <t>cg10235355</t>
  </si>
  <si>
    <t>cg10235845</t>
  </si>
  <si>
    <t>cg10240449</t>
  </si>
  <si>
    <t>cg10241823</t>
  </si>
  <si>
    <t>cg10243855</t>
  </si>
  <si>
    <t>cg10244994</t>
  </si>
  <si>
    <t>cg10247252</t>
  </si>
  <si>
    <t>cg10249814</t>
  </si>
  <si>
    <t>cg10251007</t>
  </si>
  <si>
    <t>cg10251094</t>
  </si>
  <si>
    <t>cg10251328</t>
  </si>
  <si>
    <t>cg10251641</t>
  </si>
  <si>
    <t>cg10252897</t>
  </si>
  <si>
    <t>cg10257905</t>
  </si>
  <si>
    <t>cg10260220</t>
  </si>
  <si>
    <t>cg10275770</t>
  </si>
  <si>
    <t>cg10277811</t>
  </si>
  <si>
    <t>cg10277912</t>
  </si>
  <si>
    <t>cg10278297</t>
  </si>
  <si>
    <t>cg10281768</t>
  </si>
  <si>
    <t>cg10287483</t>
  </si>
  <si>
    <t>cg10289325</t>
  </si>
  <si>
    <t>cg10295360</t>
  </si>
  <si>
    <t>cg10295552</t>
  </si>
  <si>
    <t>cg10296867</t>
  </si>
  <si>
    <t>cg10299667</t>
  </si>
  <si>
    <t>cg10300252</t>
  </si>
  <si>
    <t>cg10303698</t>
  </si>
  <si>
    <t>cg10305485</t>
  </si>
  <si>
    <t>cg10308265</t>
  </si>
  <si>
    <t>cg10315334</t>
  </si>
  <si>
    <t>cg10318443</t>
  </si>
  <si>
    <t>cg10318678</t>
  </si>
  <si>
    <t>cg10324640</t>
  </si>
  <si>
    <t>cg10327250</t>
  </si>
  <si>
    <t>cg10327769</t>
  </si>
  <si>
    <t>cg10328573</t>
  </si>
  <si>
    <t>cg10329694</t>
  </si>
  <si>
    <t>cg10331082</t>
  </si>
  <si>
    <t>cg10332396</t>
  </si>
  <si>
    <t>cg10334489</t>
  </si>
  <si>
    <t>cg10335736</t>
  </si>
  <si>
    <t>cg10337731</t>
  </si>
  <si>
    <t>cg10338364</t>
  </si>
  <si>
    <t>cg10339911</t>
  </si>
  <si>
    <t>cg10342304</t>
  </si>
  <si>
    <t>cg10342447</t>
  </si>
  <si>
    <t>cg10344933</t>
  </si>
  <si>
    <t>cg10348074</t>
  </si>
  <si>
    <t>cg10350828</t>
  </si>
  <si>
    <t>cg10351620</t>
  </si>
  <si>
    <t>cg10351914</t>
  </si>
  <si>
    <t>cg10353436</t>
  </si>
  <si>
    <t>cg10368507</t>
  </si>
  <si>
    <t>cg10369169</t>
  </si>
  <si>
    <t>cg10369539</t>
  </si>
  <si>
    <t>cg10369888</t>
  </si>
  <si>
    <t>cg10371037</t>
  </si>
  <si>
    <t>cg10372525</t>
  </si>
  <si>
    <t>cg10373003</t>
  </si>
  <si>
    <t>cg10373741</t>
  </si>
  <si>
    <t>cg10374534</t>
  </si>
  <si>
    <t>cg10374813</t>
  </si>
  <si>
    <t>cg10385208</t>
  </si>
  <si>
    <t>cg10387761</t>
  </si>
  <si>
    <t>cg10390922</t>
  </si>
  <si>
    <t>cg10392768</t>
  </si>
  <si>
    <t>cg10394385</t>
  </si>
  <si>
    <t>cg10398950</t>
  </si>
  <si>
    <t>cg10399696</t>
  </si>
  <si>
    <t>cg10399944</t>
  </si>
  <si>
    <t>cg10400269</t>
  </si>
  <si>
    <t>cg10405239</t>
  </si>
  <si>
    <t>cg10406538</t>
  </si>
  <si>
    <t>cg10413161</t>
  </si>
  <si>
    <t>cg10414208</t>
  </si>
  <si>
    <t>cg10415767</t>
  </si>
  <si>
    <t>cg10420159</t>
  </si>
  <si>
    <t>cg10422825</t>
  </si>
  <si>
    <t>cg10425946</t>
  </si>
  <si>
    <t>cg10431512</t>
  </si>
  <si>
    <t>cg10432569</t>
  </si>
  <si>
    <t>cg10433390</t>
  </si>
  <si>
    <t>cg10433549</t>
  </si>
  <si>
    <t>cg10434210</t>
  </si>
  <si>
    <t>cg10436540</t>
  </si>
  <si>
    <t>cg10436631</t>
  </si>
  <si>
    <t>cg10437722</t>
  </si>
  <si>
    <t>cg10440639</t>
  </si>
  <si>
    <t>cg10441661</t>
  </si>
  <si>
    <t>cg10442703</t>
  </si>
  <si>
    <t>cg10444350</t>
  </si>
  <si>
    <t>cg10444953</t>
  </si>
  <si>
    <t>cg10447539</t>
  </si>
  <si>
    <t>cg10449866</t>
  </si>
  <si>
    <t>cg10450692</t>
  </si>
  <si>
    <t>cg10452206</t>
  </si>
  <si>
    <t>cg10454193</t>
  </si>
  <si>
    <t>cg10456035</t>
  </si>
  <si>
    <t>cg10457504</t>
  </si>
  <si>
    <t>cg10457885</t>
  </si>
  <si>
    <t>cg10460003</t>
  </si>
  <si>
    <t>cg10466728</t>
  </si>
  <si>
    <t>cg10468580</t>
  </si>
  <si>
    <t>cg10470447</t>
  </si>
  <si>
    <t>cg10471976</t>
  </si>
  <si>
    <t>cg10476584</t>
  </si>
  <si>
    <t>cg10479053</t>
  </si>
  <si>
    <t>cg10479452</t>
  </si>
  <si>
    <t>cg10479629</t>
  </si>
  <si>
    <t>cg10487418</t>
  </si>
  <si>
    <t>cg10487904</t>
  </si>
  <si>
    <t>cg10493185</t>
  </si>
  <si>
    <t>cg10496150</t>
  </si>
  <si>
    <t>cg10497754</t>
  </si>
  <si>
    <t>cg10498391</t>
  </si>
  <si>
    <t>cg10498963</t>
  </si>
  <si>
    <t>cg10499832</t>
  </si>
  <si>
    <t>cg10504606</t>
  </si>
  <si>
    <t>cg10504892</t>
  </si>
  <si>
    <t>cg10507028</t>
  </si>
  <si>
    <t>cg10508138</t>
  </si>
  <si>
    <t>cg10508317</t>
  </si>
  <si>
    <t>cg10509187</t>
  </si>
  <si>
    <t>cg10510337</t>
  </si>
  <si>
    <t>cg10516117</t>
  </si>
  <si>
    <t>cg10517230</t>
  </si>
  <si>
    <t>cg10519417</t>
  </si>
  <si>
    <t>cg10520594</t>
  </si>
  <si>
    <t>cg10523494</t>
  </si>
  <si>
    <t>cg10529789</t>
  </si>
  <si>
    <t>cg10530104</t>
  </si>
  <si>
    <t>cg10531725</t>
  </si>
  <si>
    <t>cg10535320</t>
  </si>
  <si>
    <t>cg10535845</t>
  </si>
  <si>
    <t>cg10537807</t>
  </si>
  <si>
    <t>cg10537936</t>
  </si>
  <si>
    <t>cg10538454</t>
  </si>
  <si>
    <t>cg10543374</t>
  </si>
  <si>
    <t>cg10546890</t>
  </si>
  <si>
    <t>cg10553748</t>
  </si>
  <si>
    <t>cg10561323</t>
  </si>
  <si>
    <t>cg10575089</t>
  </si>
  <si>
    <t>cg10575940</t>
  </si>
  <si>
    <t>cg10583632</t>
  </si>
  <si>
    <t>cg10584563</t>
  </si>
  <si>
    <t>cg10585257</t>
  </si>
  <si>
    <t>cg10585621</t>
  </si>
  <si>
    <t>cg10586883</t>
  </si>
  <si>
    <t>cg10587449</t>
  </si>
  <si>
    <t>cg10587621</t>
  </si>
  <si>
    <t>cg10588135</t>
  </si>
  <si>
    <t>cg10588962</t>
  </si>
  <si>
    <t>cg10589848</t>
  </si>
  <si>
    <t>cg10590861</t>
  </si>
  <si>
    <t>cg10591948</t>
  </si>
  <si>
    <t>cg10592171</t>
  </si>
  <si>
    <t>cg10596768</t>
  </si>
  <si>
    <t>cg10596925</t>
  </si>
  <si>
    <t>cg10597337</t>
  </si>
  <si>
    <t>cg10603800</t>
  </si>
  <si>
    <t>cg10605511</t>
  </si>
  <si>
    <t>cg10606694</t>
  </si>
  <si>
    <t>cg10606834</t>
  </si>
  <si>
    <t>cg10607603</t>
  </si>
  <si>
    <t>cg10608948</t>
  </si>
  <si>
    <t>cg10609677</t>
  </si>
  <si>
    <t>cg10613706</t>
  </si>
  <si>
    <t>cg10615580</t>
  </si>
  <si>
    <t>cg10616662</t>
  </si>
  <si>
    <t>cg10616974</t>
  </si>
  <si>
    <t>cg10618704</t>
  </si>
  <si>
    <t>cg10619379</t>
  </si>
  <si>
    <t>cg10624462</t>
  </si>
  <si>
    <t>cg10624665</t>
  </si>
  <si>
    <t>cg10629020</t>
  </si>
  <si>
    <t>cg10630028</t>
  </si>
  <si>
    <t>cg10632811</t>
  </si>
  <si>
    <t>cg10633363</t>
  </si>
  <si>
    <t>cg10633746</t>
  </si>
  <si>
    <t>cg10636821</t>
  </si>
  <si>
    <t>cg10637425</t>
  </si>
  <si>
    <t>cg10638573</t>
  </si>
  <si>
    <t>cg10640280</t>
  </si>
  <si>
    <t>cg10642375</t>
  </si>
  <si>
    <t>cg10651007</t>
  </si>
  <si>
    <t>cg10654010</t>
  </si>
  <si>
    <t>cg10654584</t>
  </si>
  <si>
    <t>cg10655236</t>
  </si>
  <si>
    <t>cg10660903</t>
  </si>
  <si>
    <t>cg10663503</t>
  </si>
  <si>
    <t>cg10664784</t>
  </si>
  <si>
    <t>cg10669744</t>
  </si>
  <si>
    <t>cg10671802</t>
  </si>
  <si>
    <t>cg10677590</t>
  </si>
  <si>
    <t>cg10687217</t>
  </si>
  <si>
    <t>cg10688991</t>
  </si>
  <si>
    <t>cg10690283</t>
  </si>
  <si>
    <t>cg10691282</t>
  </si>
  <si>
    <t>cg10692118</t>
  </si>
  <si>
    <t>cg10695049</t>
  </si>
  <si>
    <t>cg10697491</t>
  </si>
  <si>
    <t>cg10698255</t>
  </si>
  <si>
    <t>cg10698920</t>
  </si>
  <si>
    <t>cg10699049</t>
  </si>
  <si>
    <t>cg10701168</t>
  </si>
  <si>
    <t>cg10701640</t>
  </si>
  <si>
    <t>cg10701733</t>
  </si>
  <si>
    <t>cg10702145</t>
  </si>
  <si>
    <t>cg10703101</t>
  </si>
  <si>
    <t>cg10706389</t>
  </si>
  <si>
    <t>cg10708955</t>
  </si>
  <si>
    <t>cg10709062</t>
  </si>
  <si>
    <t>cg10712116</t>
  </si>
  <si>
    <t>cg10712561</t>
  </si>
  <si>
    <t>cg10718608</t>
  </si>
  <si>
    <t>cg10720210</t>
  </si>
  <si>
    <t>cg10721338</t>
  </si>
  <si>
    <t>cg10723617</t>
  </si>
  <si>
    <t>cg10753610</t>
  </si>
  <si>
    <t>cg10754668</t>
  </si>
  <si>
    <t>cg10755077</t>
  </si>
  <si>
    <t>cg10755085</t>
  </si>
  <si>
    <t>cg10759591</t>
  </si>
  <si>
    <t>cg10760320</t>
  </si>
  <si>
    <t>cg10762038</t>
  </si>
  <si>
    <t>cg10763638</t>
  </si>
  <si>
    <t>cg10769011</t>
  </si>
  <si>
    <t>cg10780683</t>
  </si>
  <si>
    <t>cg10781870</t>
  </si>
  <si>
    <t>cg10782218</t>
  </si>
  <si>
    <t>cg10785284</t>
  </si>
  <si>
    <t>cg10792161</t>
  </si>
  <si>
    <t>cg10792202</t>
  </si>
  <si>
    <t>cg10794915</t>
  </si>
  <si>
    <t>cg10802974</t>
  </si>
  <si>
    <t>cg10803453</t>
  </si>
  <si>
    <t>cg10805819</t>
  </si>
  <si>
    <t>cg10806562</t>
  </si>
  <si>
    <t>cg10809441</t>
  </si>
  <si>
    <t>cg10814135</t>
  </si>
  <si>
    <t>cg10814338</t>
  </si>
  <si>
    <t>cg10815483</t>
  </si>
  <si>
    <t>cg10817916</t>
  </si>
  <si>
    <t>cg10818386</t>
  </si>
  <si>
    <t>cg10820736</t>
  </si>
  <si>
    <t>cg10820904</t>
  </si>
  <si>
    <t>cg10824354</t>
  </si>
  <si>
    <t>cg10824491</t>
  </si>
  <si>
    <t>cg10825970</t>
  </si>
  <si>
    <t>cg10826338</t>
  </si>
  <si>
    <t>cg10826699</t>
  </si>
  <si>
    <t>cg10827650</t>
  </si>
  <si>
    <t>cg10829727</t>
  </si>
  <si>
    <t>cg10839684</t>
  </si>
  <si>
    <t>cg10840864</t>
  </si>
  <si>
    <t>cg10842080</t>
  </si>
  <si>
    <t>cg10851010</t>
  </si>
  <si>
    <t>cg10851992</t>
  </si>
  <si>
    <t>cg10852358</t>
  </si>
  <si>
    <t>cg10854807</t>
  </si>
  <si>
    <t>cg10857221</t>
  </si>
  <si>
    <t>cg10858898</t>
  </si>
  <si>
    <t>cg10860364</t>
  </si>
  <si>
    <t>cg10862567</t>
  </si>
  <si>
    <t>cg10863168</t>
  </si>
  <si>
    <t>cg10866623</t>
  </si>
  <si>
    <t>cg10869669</t>
  </si>
  <si>
    <t>cg10870160</t>
  </si>
  <si>
    <t>cg10878307</t>
  </si>
  <si>
    <t>cg10880516</t>
  </si>
  <si>
    <t>cg10880603</t>
  </si>
  <si>
    <t>cg10881616</t>
  </si>
  <si>
    <t>cg10884614</t>
  </si>
  <si>
    <t>cg10887757</t>
  </si>
  <si>
    <t>cg10890917</t>
  </si>
  <si>
    <t>cg10893007</t>
  </si>
  <si>
    <t>cg10893370</t>
  </si>
  <si>
    <t>cg10903254</t>
  </si>
  <si>
    <t>cg10905613</t>
  </si>
  <si>
    <t>cg10906415</t>
  </si>
  <si>
    <t>cg10906607</t>
  </si>
  <si>
    <t>cg10909080</t>
  </si>
  <si>
    <t>cg10909506</t>
  </si>
  <si>
    <t>cg10910775</t>
  </si>
  <si>
    <t>cg10911877</t>
  </si>
  <si>
    <t>cg10922232</t>
  </si>
  <si>
    <t>cg10924077</t>
  </si>
  <si>
    <t>cg10924080</t>
  </si>
  <si>
    <t>cg10926330</t>
  </si>
  <si>
    <t>cg10926574</t>
  </si>
  <si>
    <t>cg10927407</t>
  </si>
  <si>
    <t>cg10927422</t>
  </si>
  <si>
    <t>cg10928294</t>
  </si>
  <si>
    <t>cg10928866</t>
  </si>
  <si>
    <t>cg10930101</t>
  </si>
  <si>
    <t>cg10930502</t>
  </si>
  <si>
    <t>cg10935312</t>
  </si>
  <si>
    <t>cg10937494</t>
  </si>
  <si>
    <t>cg10940874</t>
  </si>
  <si>
    <t>cg10948088</t>
  </si>
  <si>
    <t>cg10948797</t>
  </si>
  <si>
    <t>cg10950949</t>
  </si>
  <si>
    <t>cg10954938</t>
  </si>
  <si>
    <t>cg10960666</t>
  </si>
  <si>
    <t>cg10960904</t>
  </si>
  <si>
    <t>cg10962223</t>
  </si>
  <si>
    <t>cg10963398</t>
  </si>
  <si>
    <t>cg10975913</t>
  </si>
  <si>
    <t>cg10976623</t>
  </si>
  <si>
    <t>cg10980948</t>
  </si>
  <si>
    <t>cg10986043</t>
  </si>
  <si>
    <t>cg10995628</t>
  </si>
  <si>
    <t>cg10997810</t>
  </si>
  <si>
    <t>cg10999621</t>
  </si>
  <si>
    <t>cg11001059</t>
  </si>
  <si>
    <t>cg11002791</t>
  </si>
  <si>
    <t>cg11003426</t>
  </si>
  <si>
    <t>cg11004752</t>
  </si>
  <si>
    <t>cg11005452</t>
  </si>
  <si>
    <t>cg11009596</t>
  </si>
  <si>
    <t>cg11015353</t>
  </si>
  <si>
    <t>cg11019835</t>
  </si>
  <si>
    <t>cg11023442</t>
  </si>
  <si>
    <t>cg11024682</t>
  </si>
  <si>
    <t>cg11028167</t>
  </si>
  <si>
    <t>cg11029811</t>
  </si>
  <si>
    <t>cg11029904</t>
  </si>
  <si>
    <t>cg11031372</t>
  </si>
  <si>
    <t>cg11032534</t>
  </si>
  <si>
    <t>cg11035174</t>
  </si>
  <si>
    <t>cg11035195</t>
  </si>
  <si>
    <t>cg11041817</t>
  </si>
  <si>
    <t>cg11042515</t>
  </si>
  <si>
    <t>cg11043031</t>
  </si>
  <si>
    <t>cg11043990</t>
  </si>
  <si>
    <t>cg11046638</t>
  </si>
  <si>
    <t>cg11048797</t>
  </si>
  <si>
    <t>cg11049075</t>
  </si>
  <si>
    <t>cg11050045</t>
  </si>
  <si>
    <t>cg11061343</t>
  </si>
  <si>
    <t>cg11062079</t>
  </si>
  <si>
    <t>cg11068337</t>
  </si>
  <si>
    <t>cg11068938</t>
  </si>
  <si>
    <t>cg11070260</t>
  </si>
  <si>
    <t>cg11070818</t>
  </si>
  <si>
    <t>cg11073997</t>
  </si>
  <si>
    <t>cg11076954</t>
  </si>
  <si>
    <t>cg11078040</t>
  </si>
  <si>
    <t>cg11085344</t>
  </si>
  <si>
    <t>cg11096905</t>
  </si>
  <si>
    <t>cg11099291</t>
  </si>
  <si>
    <t>cg11099375</t>
  </si>
  <si>
    <t>cg11101926</t>
  </si>
  <si>
    <t>cg11104712</t>
  </si>
  <si>
    <t>cg11106060</t>
  </si>
  <si>
    <t>cg11106468</t>
  </si>
  <si>
    <t>cg11112161</t>
  </si>
  <si>
    <t>cg11114275</t>
  </si>
  <si>
    <t>cg11114344</t>
  </si>
  <si>
    <t>cg11117099</t>
  </si>
  <si>
    <t>cg11117531</t>
  </si>
  <si>
    <t>cg11117707</t>
  </si>
  <si>
    <t>cg11122195</t>
  </si>
  <si>
    <t>cg11122944</t>
  </si>
  <si>
    <t>cg11126196</t>
  </si>
  <si>
    <t>cg11126247</t>
  </si>
  <si>
    <t>cg11129343</t>
  </si>
  <si>
    <t>cg11133963</t>
  </si>
  <si>
    <t>cg11141437</t>
  </si>
  <si>
    <t>cg11142525</t>
  </si>
  <si>
    <t>cg11142556</t>
  </si>
  <si>
    <t>cg11144229</t>
  </si>
  <si>
    <t>cg11144436</t>
  </si>
  <si>
    <t>cg11149073</t>
  </si>
  <si>
    <t>cg11150308</t>
  </si>
  <si>
    <t>cg11155621</t>
  </si>
  <si>
    <t>cg11155697</t>
  </si>
  <si>
    <t>cg11159666</t>
  </si>
  <si>
    <t>cg11164145</t>
  </si>
  <si>
    <t>cg11164618</t>
  </si>
  <si>
    <t>cg11167532</t>
  </si>
  <si>
    <t>cg11177833</t>
  </si>
  <si>
    <t>cg11178443</t>
  </si>
  <si>
    <t>cg11178754</t>
  </si>
  <si>
    <t>cg11179308</t>
  </si>
  <si>
    <t>cg11180288</t>
  </si>
  <si>
    <t>cg11181726</t>
  </si>
  <si>
    <t>cg11181795</t>
  </si>
  <si>
    <t>cg11182358</t>
  </si>
  <si>
    <t>cg11188429</t>
  </si>
  <si>
    <t>cg11189268</t>
  </si>
  <si>
    <t>cg11190498</t>
  </si>
  <si>
    <t>cg11190890</t>
  </si>
  <si>
    <t>cg11194725</t>
  </si>
  <si>
    <t>cg11200136</t>
  </si>
  <si>
    <t>cg11201307</t>
  </si>
  <si>
    <t>cg11201772</t>
  </si>
  <si>
    <t>cg11202345</t>
  </si>
  <si>
    <t>cg11203143</t>
  </si>
  <si>
    <t>cg11208313</t>
  </si>
  <si>
    <t>cg11209279</t>
  </si>
  <si>
    <t>cg11210138</t>
  </si>
  <si>
    <t>cg11212609</t>
  </si>
  <si>
    <t>cg11212901</t>
  </si>
  <si>
    <t>cg11217218</t>
  </si>
  <si>
    <t>cg11222053</t>
  </si>
  <si>
    <t>cg11225357</t>
  </si>
  <si>
    <t>cg11230006</t>
  </si>
  <si>
    <t>cg11231143</t>
  </si>
  <si>
    <t>cg11234017</t>
  </si>
  <si>
    <t>cg11235291</t>
  </si>
  <si>
    <t>cg11235787</t>
  </si>
  <si>
    <t>cg11238922</t>
  </si>
  <si>
    <t>cg11241278</t>
  </si>
  <si>
    <t>cg11242907</t>
  </si>
  <si>
    <t>cg11247087</t>
  </si>
  <si>
    <t>cg11249189</t>
  </si>
  <si>
    <t>cg11249902</t>
  </si>
  <si>
    <t>cg11249998</t>
  </si>
  <si>
    <t>cg11251135</t>
  </si>
  <si>
    <t>cg11255208</t>
  </si>
  <si>
    <t>cg11261412</t>
  </si>
  <si>
    <t>cg11262216</t>
  </si>
  <si>
    <t>cg11262815</t>
  </si>
  <si>
    <t>cg11263011</t>
  </si>
  <si>
    <t>cg11263584</t>
  </si>
  <si>
    <t>cg11271188</t>
  </si>
  <si>
    <t>cg11275626</t>
  </si>
  <si>
    <t>cg11276044</t>
  </si>
  <si>
    <t>cg11277090</t>
  </si>
  <si>
    <t>cg11280756</t>
  </si>
  <si>
    <t>cg11280964</t>
  </si>
  <si>
    <t>cg11283847</t>
  </si>
  <si>
    <t>cg11287987</t>
  </si>
  <si>
    <t>cg11289100</t>
  </si>
  <si>
    <t>cg11293112</t>
  </si>
  <si>
    <t>cg11294312</t>
  </si>
  <si>
    <t>cg11294761</t>
  </si>
  <si>
    <t>cg11296363</t>
  </si>
  <si>
    <t>cg11300341</t>
  </si>
  <si>
    <t>cg11301060</t>
  </si>
  <si>
    <t>cg11307623</t>
  </si>
  <si>
    <t>cg11309866</t>
  </si>
  <si>
    <t>cg11316503</t>
  </si>
  <si>
    <t>cg11316905</t>
  </si>
  <si>
    <t>cg11317019</t>
  </si>
  <si>
    <t>cg11325716</t>
  </si>
  <si>
    <t>cg11326628</t>
  </si>
  <si>
    <t>cg11328697</t>
  </si>
  <si>
    <t>cg11329058</t>
  </si>
  <si>
    <t>cg11330839</t>
  </si>
  <si>
    <t>cg11331344</t>
  </si>
  <si>
    <t>cg11334406</t>
  </si>
  <si>
    <t>cg11335119</t>
  </si>
  <si>
    <t>cg11336428</t>
  </si>
  <si>
    <t>cg11339839</t>
  </si>
  <si>
    <t>cg11340260</t>
  </si>
  <si>
    <t>cg11341011</t>
  </si>
  <si>
    <t>cg11342615</t>
  </si>
  <si>
    <t>cg11344013</t>
  </si>
  <si>
    <t>cg11344638</t>
  </si>
  <si>
    <t>cg11345693</t>
  </si>
  <si>
    <t>cg11346248</t>
  </si>
  <si>
    <t>cg11350586</t>
  </si>
  <si>
    <t>cg11351908</t>
  </si>
  <si>
    <t>cg11352083</t>
  </si>
  <si>
    <t>cg11353035</t>
  </si>
  <si>
    <t>cg11361827</t>
  </si>
  <si>
    <t>cg11382589</t>
  </si>
  <si>
    <t>cg11387088</t>
  </si>
  <si>
    <t>cg11393025</t>
  </si>
  <si>
    <t>cg11393185</t>
  </si>
  <si>
    <t>cg11398400</t>
  </si>
  <si>
    <t>cg11401568</t>
  </si>
  <si>
    <t>cg11404795</t>
  </si>
  <si>
    <t>cg11406050</t>
  </si>
  <si>
    <t>cg11414044</t>
  </si>
  <si>
    <t>cg11433608</t>
  </si>
  <si>
    <t>cg11434671</t>
  </si>
  <si>
    <t>cg11436260</t>
  </si>
  <si>
    <t>cg11437140</t>
  </si>
  <si>
    <t>cg11439535</t>
  </si>
  <si>
    <t>cg11439826</t>
  </si>
  <si>
    <t>cg11440486</t>
  </si>
  <si>
    <t>cg11441693</t>
  </si>
  <si>
    <t>cg11446651</t>
  </si>
  <si>
    <t>cg11447922</t>
  </si>
  <si>
    <t>cg11450744</t>
  </si>
  <si>
    <t>cg11451039</t>
  </si>
  <si>
    <t>cg11460029</t>
  </si>
  <si>
    <t>cg11465639</t>
  </si>
  <si>
    <t>cg11467015</t>
  </si>
  <si>
    <t>cg11468193</t>
  </si>
  <si>
    <t>cg11468255</t>
  </si>
  <si>
    <t>cg11472422</t>
  </si>
  <si>
    <t>cg11472521</t>
  </si>
  <si>
    <t>cg11475259</t>
  </si>
  <si>
    <t>cg11475454</t>
  </si>
  <si>
    <t>cg11476241</t>
  </si>
  <si>
    <t>cg11482108</t>
  </si>
  <si>
    <t>cg11486359</t>
  </si>
  <si>
    <t>cg11486935</t>
  </si>
  <si>
    <t>cg11490681</t>
  </si>
  <si>
    <t>cg11492403</t>
  </si>
  <si>
    <t>cg11494091</t>
  </si>
  <si>
    <t>cg11494841</t>
  </si>
  <si>
    <t>cg11495544</t>
  </si>
  <si>
    <t>cg11496593</t>
  </si>
  <si>
    <t>cg11498165</t>
  </si>
  <si>
    <t>cg11499431</t>
  </si>
  <si>
    <t>cg11499681</t>
  </si>
  <si>
    <t>cg11499699</t>
  </si>
  <si>
    <t>cg11499721</t>
  </si>
  <si>
    <t>cg11504634</t>
  </si>
  <si>
    <t>cg11507926</t>
  </si>
  <si>
    <t>cg11508081</t>
  </si>
  <si>
    <t>cg11510871</t>
  </si>
  <si>
    <t>cg11511084</t>
  </si>
  <si>
    <t>cg11513943</t>
  </si>
  <si>
    <t>cg11516377</t>
  </si>
  <si>
    <t>cg11518116</t>
  </si>
  <si>
    <t>cg11520030</t>
  </si>
  <si>
    <t>cg11520509</t>
  </si>
  <si>
    <t>cg11521739</t>
  </si>
  <si>
    <t>cg11522747</t>
  </si>
  <si>
    <t>cg11526020</t>
  </si>
  <si>
    <t>cg11538998</t>
  </si>
  <si>
    <t>cg11541231</t>
  </si>
  <si>
    <t>cg11544882</t>
  </si>
  <si>
    <t>cg11546131</t>
  </si>
  <si>
    <t>cg11551740</t>
  </si>
  <si>
    <t>cg11556559</t>
  </si>
  <si>
    <t>cg11556592</t>
  </si>
  <si>
    <t>cg11566939</t>
  </si>
  <si>
    <t>cg11577151</t>
  </si>
  <si>
    <t>cg11577799</t>
  </si>
  <si>
    <t>cg11582717</t>
  </si>
  <si>
    <t>cg11584277</t>
  </si>
  <si>
    <t>cg11588644</t>
  </si>
  <si>
    <t>cg11589520</t>
  </si>
  <si>
    <t>cg11589932</t>
  </si>
  <si>
    <t>cg11592497</t>
  </si>
  <si>
    <t>cg11592852</t>
  </si>
  <si>
    <t>cg11594666</t>
  </si>
  <si>
    <t>cg11598872</t>
  </si>
  <si>
    <t>cg11600078</t>
  </si>
  <si>
    <t>cg11604426</t>
  </si>
  <si>
    <t>cg11607358</t>
  </si>
  <si>
    <t>cg11609462</t>
  </si>
  <si>
    <t>cg11609472</t>
  </si>
  <si>
    <t>cg11610258</t>
  </si>
  <si>
    <t>cg11610614</t>
  </si>
  <si>
    <t>cg11610739</t>
  </si>
  <si>
    <t>cg11612641</t>
  </si>
  <si>
    <t>cg11617253</t>
  </si>
  <si>
    <t>cg11619216</t>
  </si>
  <si>
    <t>cg11622162</t>
  </si>
  <si>
    <t>cg11624085</t>
  </si>
  <si>
    <t>cg11624993</t>
  </si>
  <si>
    <t>cg11625476</t>
  </si>
  <si>
    <t>cg11628739</t>
  </si>
  <si>
    <t>cg11629921</t>
  </si>
  <si>
    <t>cg11630242</t>
  </si>
  <si>
    <t>cg11633473</t>
  </si>
  <si>
    <t>cg11634198</t>
  </si>
  <si>
    <t>cg11636287</t>
  </si>
  <si>
    <t>cg11637712</t>
  </si>
  <si>
    <t>cg11638071</t>
  </si>
  <si>
    <t>cg11638583</t>
  </si>
  <si>
    <t>cg11638878</t>
  </si>
  <si>
    <t>cg11640275</t>
  </si>
  <si>
    <t>cg11644817</t>
  </si>
  <si>
    <t>cg11646887</t>
  </si>
  <si>
    <t>cg11650648</t>
  </si>
  <si>
    <t>cg11651717</t>
  </si>
  <si>
    <t>cg11652947</t>
  </si>
  <si>
    <t>cg11653176</t>
  </si>
  <si>
    <t>cg11653233</t>
  </si>
  <si>
    <t>cg11653266</t>
  </si>
  <si>
    <t>cg11653858</t>
  </si>
  <si>
    <t>cg11654662</t>
  </si>
  <si>
    <t>cg11656992</t>
  </si>
  <si>
    <t>cg11658054</t>
  </si>
  <si>
    <t>cg11661236</t>
  </si>
  <si>
    <t>cg11673840</t>
  </si>
  <si>
    <t>cg11679673</t>
  </si>
  <si>
    <t>cg11680604</t>
  </si>
  <si>
    <t>cg11684549</t>
  </si>
  <si>
    <t>cg11690578</t>
  </si>
  <si>
    <t>cg11690666</t>
  </si>
  <si>
    <t>cg11692409</t>
  </si>
  <si>
    <t>cg11694120</t>
  </si>
  <si>
    <t>cg11697258</t>
  </si>
  <si>
    <t>cg11698647</t>
  </si>
  <si>
    <t>cg11700630</t>
  </si>
  <si>
    <t>cg11700868</t>
  </si>
  <si>
    <t>cg11712217</t>
  </si>
  <si>
    <t>cg11713493</t>
  </si>
  <si>
    <t>cg11715999</t>
  </si>
  <si>
    <t>cg11719157</t>
  </si>
  <si>
    <t>cg11723234</t>
  </si>
  <si>
    <t>cg11723896</t>
  </si>
  <si>
    <t>cg11728928</t>
  </si>
  <si>
    <t>cg11729107</t>
  </si>
  <si>
    <t>cg11731596</t>
  </si>
  <si>
    <t>cg11732492</t>
  </si>
  <si>
    <t>cg11732855</t>
  </si>
  <si>
    <t>cg11733958</t>
  </si>
  <si>
    <t>cg11734841</t>
  </si>
  <si>
    <t>cg11736500</t>
  </si>
  <si>
    <t>cg11736544</t>
  </si>
  <si>
    <t>cg11740845</t>
  </si>
  <si>
    <t>cg11741432</t>
  </si>
  <si>
    <t>cg11744144</t>
  </si>
  <si>
    <t>cg11746924</t>
  </si>
  <si>
    <t>cg11752320</t>
  </si>
  <si>
    <t>cg11752857</t>
  </si>
  <si>
    <t>cg11754343</t>
  </si>
  <si>
    <t>cg11758345</t>
  </si>
  <si>
    <t>cg11758793</t>
  </si>
  <si>
    <t>cg11760857</t>
  </si>
  <si>
    <t>cg11760986</t>
  </si>
  <si>
    <t>cg11761483</t>
  </si>
  <si>
    <t>cg11762306</t>
  </si>
  <si>
    <t>cg11762703</t>
  </si>
  <si>
    <t>cg11763337</t>
  </si>
  <si>
    <t>cg11769332</t>
  </si>
  <si>
    <t>cg11769960</t>
  </si>
  <si>
    <t>cg11770325</t>
  </si>
  <si>
    <t>cg11774921</t>
  </si>
  <si>
    <t>cg11775634</t>
  </si>
  <si>
    <t>cg11776336</t>
  </si>
  <si>
    <t>cg11776534</t>
  </si>
  <si>
    <t>cg11779239</t>
  </si>
  <si>
    <t>cg11780934</t>
  </si>
  <si>
    <t>cg11782601</t>
  </si>
  <si>
    <t>cg11784214</t>
  </si>
  <si>
    <t>cg11786558</t>
  </si>
  <si>
    <t>cg11786776</t>
  </si>
  <si>
    <t>cg11788425</t>
  </si>
  <si>
    <t>cg11788856</t>
  </si>
  <si>
    <t>cg11791481</t>
  </si>
  <si>
    <t>cg11793449</t>
  </si>
  <si>
    <t>cg11794215</t>
  </si>
  <si>
    <t>cg11797226</t>
  </si>
  <si>
    <t>cg11797717</t>
  </si>
  <si>
    <t>cg11797803</t>
  </si>
  <si>
    <t>cg11801411</t>
  </si>
  <si>
    <t>cg11802635</t>
  </si>
  <si>
    <t>cg11802732</t>
  </si>
  <si>
    <t>cg11804928</t>
  </si>
  <si>
    <t>cg11804965</t>
  </si>
  <si>
    <t>cg11805745</t>
  </si>
  <si>
    <t>cg11807006</t>
  </si>
  <si>
    <t>cg11807584</t>
  </si>
  <si>
    <t>cg11815480</t>
  </si>
  <si>
    <t>cg11815570</t>
  </si>
  <si>
    <t>cg11816081</t>
  </si>
  <si>
    <t>cg11816577</t>
  </si>
  <si>
    <t>cg11816739</t>
  </si>
  <si>
    <t>cg11817999</t>
  </si>
  <si>
    <t>cg11818853</t>
  </si>
  <si>
    <t>cg11819707</t>
  </si>
  <si>
    <t>cg11823235</t>
  </si>
  <si>
    <t>cg11825249</t>
  </si>
  <si>
    <t>cg11830876</t>
  </si>
  <si>
    <t>cg11830880</t>
  </si>
  <si>
    <t>cg11838224</t>
  </si>
  <si>
    <t>cg11845620</t>
  </si>
  <si>
    <t>cg11849461</t>
  </si>
  <si>
    <t>cg11851411</t>
  </si>
  <si>
    <t>cg11857033</t>
  </si>
  <si>
    <t>cg11857445</t>
  </si>
  <si>
    <t>cg11859384</t>
  </si>
  <si>
    <t>cg11860203</t>
  </si>
  <si>
    <t>cg11861474</t>
  </si>
  <si>
    <t>cg11862993</t>
  </si>
  <si>
    <t>cg11864076</t>
  </si>
  <si>
    <t>cg11866296</t>
  </si>
  <si>
    <t>cg11867295</t>
  </si>
  <si>
    <t>cg11868461</t>
  </si>
  <si>
    <t>cg11869281</t>
  </si>
  <si>
    <t>cg11871421</t>
  </si>
  <si>
    <t>cg11872645</t>
  </si>
  <si>
    <t>cg11872651</t>
  </si>
  <si>
    <t>cg11872743</t>
  </si>
  <si>
    <t>cg11872776</t>
  </si>
  <si>
    <t>cg11873161</t>
  </si>
  <si>
    <t>cg11874331</t>
  </si>
  <si>
    <t>cg11881146</t>
  </si>
  <si>
    <t>cg11881861</t>
  </si>
  <si>
    <t>cg11885433</t>
  </si>
  <si>
    <t>cg11886187</t>
  </si>
  <si>
    <t>cg11890622</t>
  </si>
  <si>
    <t>cg11896345</t>
  </si>
  <si>
    <t>cg11896923</t>
  </si>
  <si>
    <t>cg11910759</t>
  </si>
  <si>
    <t>cg11915218</t>
  </si>
  <si>
    <t>cg11922371</t>
  </si>
  <si>
    <t>cg11925253</t>
  </si>
  <si>
    <t>cg11932707</t>
  </si>
  <si>
    <t>cg11933779</t>
  </si>
  <si>
    <t>cg11935831</t>
  </si>
  <si>
    <t>cg11936817</t>
  </si>
  <si>
    <t>cg11938646</t>
  </si>
  <si>
    <t>cg11950835</t>
  </si>
  <si>
    <t>cg11952315</t>
  </si>
  <si>
    <t>cg11952344</t>
  </si>
  <si>
    <t>cg11954852</t>
  </si>
  <si>
    <t>cg11955385</t>
  </si>
  <si>
    <t>cg11958594</t>
  </si>
  <si>
    <t>cg11958793</t>
  </si>
  <si>
    <t>cg11961813</t>
  </si>
  <si>
    <t>cg11961834</t>
  </si>
  <si>
    <t>cg11964099</t>
  </si>
  <si>
    <t>cg11965589</t>
  </si>
  <si>
    <t>cg11967431</t>
  </si>
  <si>
    <t>cg11968118</t>
  </si>
  <si>
    <t>cg11971423</t>
  </si>
  <si>
    <t>cg11972332</t>
  </si>
  <si>
    <t>cg11972721</t>
  </si>
  <si>
    <t>cg11974498</t>
  </si>
  <si>
    <t>cg11974710</t>
  </si>
  <si>
    <t>cg11976048</t>
  </si>
  <si>
    <t>cg11983245</t>
  </si>
  <si>
    <t>cg11988604</t>
  </si>
  <si>
    <t>cg11992241</t>
  </si>
  <si>
    <t>cg11992940</t>
  </si>
  <si>
    <t>cg11993754</t>
  </si>
  <si>
    <t>cg11997733</t>
  </si>
  <si>
    <t>cg11998307</t>
  </si>
  <si>
    <t>cg11999384</t>
  </si>
  <si>
    <t>cg11999631</t>
  </si>
  <si>
    <t>cg12000131</t>
  </si>
  <si>
    <t>cg12000458</t>
  </si>
  <si>
    <t>cg12003245</t>
  </si>
  <si>
    <t>cg12004730</t>
  </si>
  <si>
    <t>cg12008080</t>
  </si>
  <si>
    <t>cg12010452</t>
  </si>
  <si>
    <t>cg12015526</t>
  </si>
  <si>
    <t>cg12015748</t>
  </si>
  <si>
    <t>cg12017007</t>
  </si>
  <si>
    <t>cg12023844</t>
  </si>
  <si>
    <t>cg12023999</t>
  </si>
  <si>
    <t>cg12025436</t>
  </si>
  <si>
    <t>cg12027493</t>
  </si>
  <si>
    <t>cg12028455</t>
  </si>
  <si>
    <t>cg12031217</t>
  </si>
  <si>
    <t>cg12034757</t>
  </si>
  <si>
    <t>cg12034783</t>
  </si>
  <si>
    <t>cg12039422</t>
  </si>
  <si>
    <t>cg12041075</t>
  </si>
  <si>
    <t>cg12041100</t>
  </si>
  <si>
    <t>cg12046758</t>
  </si>
  <si>
    <t>cg12047944</t>
  </si>
  <si>
    <t>cg12048358</t>
  </si>
  <si>
    <t>cg12050728</t>
  </si>
  <si>
    <t>cg12053105</t>
  </si>
  <si>
    <t>cg12054453</t>
  </si>
  <si>
    <t>cg12056772</t>
  </si>
  <si>
    <t>cg12058587</t>
  </si>
  <si>
    <t>cg12061069</t>
  </si>
  <si>
    <t>cg12061649</t>
  </si>
  <si>
    <t>cg12062787</t>
  </si>
  <si>
    <t>cg12062853</t>
  </si>
  <si>
    <t>cg12065524</t>
  </si>
  <si>
    <t>cg12065943</t>
  </si>
  <si>
    <t>cg12068964</t>
  </si>
  <si>
    <t>cg12071008</t>
  </si>
  <si>
    <t>cg12071806</t>
  </si>
  <si>
    <t>cg12073167</t>
  </si>
  <si>
    <t>cg12073353</t>
  </si>
  <si>
    <t>cg12073949</t>
  </si>
  <si>
    <t>cg12076102</t>
  </si>
  <si>
    <t>cg12078154</t>
  </si>
  <si>
    <t>cg12080306</t>
  </si>
  <si>
    <t>cg12080909</t>
  </si>
  <si>
    <t>cg12081917</t>
  </si>
  <si>
    <t>cg12086046</t>
  </si>
  <si>
    <t>cg12087123</t>
  </si>
  <si>
    <t>cg12087719</t>
  </si>
  <si>
    <t>cg12089490</t>
  </si>
  <si>
    <t>cg12091339</t>
  </si>
  <si>
    <t>cg12095127</t>
  </si>
  <si>
    <t>cg12097330</t>
  </si>
  <si>
    <t>cg12098949</t>
  </si>
  <si>
    <t>cg12102573</t>
  </si>
  <si>
    <t>cg12103626</t>
  </si>
  <si>
    <t>cg12107247</t>
  </si>
  <si>
    <t>cg12113898</t>
  </si>
  <si>
    <t>cg12116288</t>
  </si>
  <si>
    <t>cg12117658</t>
  </si>
  <si>
    <t>cg12118708</t>
  </si>
  <si>
    <t>cg12119693</t>
  </si>
  <si>
    <t>cg12120406</t>
  </si>
  <si>
    <t>cg12123567</t>
  </si>
  <si>
    <t>cg12124094</t>
  </si>
  <si>
    <t>cg12125614</t>
  </si>
  <si>
    <t>cg12127162</t>
  </si>
  <si>
    <t>cg12129256</t>
  </si>
  <si>
    <t>cg12130672</t>
  </si>
  <si>
    <t>cg12130768</t>
  </si>
  <si>
    <t>cg12131324</t>
  </si>
  <si>
    <t>cg12132563</t>
  </si>
  <si>
    <t>cg12133118</t>
  </si>
  <si>
    <t>cg12133125</t>
  </si>
  <si>
    <t>cg12137220</t>
  </si>
  <si>
    <t>cg12141135</t>
  </si>
  <si>
    <t>cg12143110</t>
  </si>
  <si>
    <t>cg12146447</t>
  </si>
  <si>
    <t>cg12156887</t>
  </si>
  <si>
    <t>cg12158926</t>
  </si>
  <si>
    <t>cg12164614</t>
  </si>
  <si>
    <t>cg12165215</t>
  </si>
  <si>
    <t>cg12165772</t>
  </si>
  <si>
    <t>cg12166222</t>
  </si>
  <si>
    <t>cg12167135</t>
  </si>
  <si>
    <t>cg12167277</t>
  </si>
  <si>
    <t>cg12167688</t>
  </si>
  <si>
    <t>cg12169865</t>
  </si>
  <si>
    <t>cg12182343</t>
  </si>
  <si>
    <t>cg12183861</t>
  </si>
  <si>
    <t>cg12184886</t>
  </si>
  <si>
    <t>cg12188482</t>
  </si>
  <si>
    <t>cg12188903</t>
  </si>
  <si>
    <t>cg12188928</t>
  </si>
  <si>
    <t>cg12190341</t>
  </si>
  <si>
    <t>cg12194745</t>
  </si>
  <si>
    <t>cg12194864</t>
  </si>
  <si>
    <t>cg12195273</t>
  </si>
  <si>
    <t>cg12195695</t>
  </si>
  <si>
    <t>cg12197142</t>
  </si>
  <si>
    <t>cg12204395</t>
  </si>
  <si>
    <t>cg12210770</t>
  </si>
  <si>
    <t>cg12212103</t>
  </si>
  <si>
    <t>cg12213111</t>
  </si>
  <si>
    <t>cg12219789</t>
  </si>
  <si>
    <t>cg12221574</t>
  </si>
  <si>
    <t>cg12222323</t>
  </si>
  <si>
    <t>cg12223090</t>
  </si>
  <si>
    <t>cg12223258</t>
  </si>
  <si>
    <t>cg12224030</t>
  </si>
  <si>
    <t>cg12226639</t>
  </si>
  <si>
    <t>cg12228229</t>
  </si>
  <si>
    <t>cg12229387</t>
  </si>
  <si>
    <t>cg12232866</t>
  </si>
  <si>
    <t>cg12233386</t>
  </si>
  <si>
    <t>cg12235260</t>
  </si>
  <si>
    <t>cg12240603</t>
  </si>
  <si>
    <t>cg12243007</t>
  </si>
  <si>
    <t>cg12247247</t>
  </si>
  <si>
    <t>cg12251075</t>
  </si>
  <si>
    <t>cg12251111</t>
  </si>
  <si>
    <t>cg12251939</t>
  </si>
  <si>
    <t>cg12253634</t>
  </si>
  <si>
    <t>cg12253845</t>
  </si>
  <si>
    <t>cg12256192</t>
  </si>
  <si>
    <t>cg12258847</t>
  </si>
  <si>
    <t>cg12259256</t>
  </si>
  <si>
    <t>cg12259792</t>
  </si>
  <si>
    <t>cg12263130</t>
  </si>
  <si>
    <t>cg12274314</t>
  </si>
  <si>
    <t>cg12280065</t>
  </si>
  <si>
    <t>cg12281647</t>
  </si>
  <si>
    <t>cg12282267</t>
  </si>
  <si>
    <t>cg12282606</t>
  </si>
  <si>
    <t>cg12284870</t>
  </si>
  <si>
    <t>cg12286573</t>
  </si>
  <si>
    <t>cg12309348</t>
  </si>
  <si>
    <t>cg12318408</t>
  </si>
  <si>
    <t>cg12319098</t>
  </si>
  <si>
    <t>cg12324629</t>
  </si>
  <si>
    <t>cg12325286</t>
  </si>
  <si>
    <t>cg12326244</t>
  </si>
  <si>
    <t>cg12326965</t>
  </si>
  <si>
    <t>cg12329476</t>
  </si>
  <si>
    <t>cg12331932</t>
  </si>
  <si>
    <t>cg12343777</t>
  </si>
  <si>
    <t>cg12344605</t>
  </si>
  <si>
    <t>cg12346284</t>
  </si>
  <si>
    <t>cg12347480</t>
  </si>
  <si>
    <t>cg12347727</t>
  </si>
  <si>
    <t>cg12349181</t>
  </si>
  <si>
    <t>cg12349832</t>
  </si>
  <si>
    <t>cg12350474</t>
  </si>
  <si>
    <t>cg12351749</t>
  </si>
  <si>
    <t>cg12353788</t>
  </si>
  <si>
    <t>cg12358527</t>
  </si>
  <si>
    <t>cg12360231</t>
  </si>
  <si>
    <t>cg12361262</t>
  </si>
  <si>
    <t>cg12361772</t>
  </si>
  <si>
    <t>cg12362059</t>
  </si>
  <si>
    <t>cg12363726</t>
  </si>
  <si>
    <t>cg12364755</t>
  </si>
  <si>
    <t>cg12370791</t>
  </si>
  <si>
    <t>cg12370935</t>
  </si>
  <si>
    <t>cg12372461</t>
  </si>
  <si>
    <t>cg12373934</t>
  </si>
  <si>
    <t>cg12374579</t>
  </si>
  <si>
    <t>cg12377111</t>
  </si>
  <si>
    <t>cg12379755</t>
  </si>
  <si>
    <t>cg12380854</t>
  </si>
  <si>
    <t>cg12381873</t>
  </si>
  <si>
    <t>cg12382333</t>
  </si>
  <si>
    <t>cg12383580</t>
  </si>
  <si>
    <t>cg12386698</t>
  </si>
  <si>
    <t>cg12388760</t>
  </si>
  <si>
    <t>cg12389490</t>
  </si>
  <si>
    <t>cg12392519</t>
  </si>
  <si>
    <t>cg12392998</t>
  </si>
  <si>
    <t>cg12393272</t>
  </si>
  <si>
    <t>cg12393623</t>
  </si>
  <si>
    <t>cg12397433</t>
  </si>
  <si>
    <t>cg12398397</t>
  </si>
  <si>
    <t>cg12398870</t>
  </si>
  <si>
    <t>cg12401202</t>
  </si>
  <si>
    <t>cg12403329</t>
  </si>
  <si>
    <t>cg12405788</t>
  </si>
  <si>
    <t>cg12406137</t>
  </si>
  <si>
    <t>cg12407791</t>
  </si>
  <si>
    <t>cg12415975</t>
  </si>
  <si>
    <t>cg12417689</t>
  </si>
  <si>
    <t>cg12418947</t>
  </si>
  <si>
    <t>cg12419451</t>
  </si>
  <si>
    <t>cg12420383</t>
  </si>
  <si>
    <t>cg12422704</t>
  </si>
  <si>
    <t>cg12430029</t>
  </si>
  <si>
    <t>cg12431300</t>
  </si>
  <si>
    <t>cg12432526</t>
  </si>
  <si>
    <t>cg12432898</t>
  </si>
  <si>
    <t>cg12434571</t>
  </si>
  <si>
    <t>cg12435611</t>
  </si>
  <si>
    <t>cg12438889</t>
  </si>
  <si>
    <t>cg12439463</t>
  </si>
  <si>
    <t>cg12441066</t>
  </si>
  <si>
    <t>cg12443604</t>
  </si>
  <si>
    <t>cg12443622</t>
  </si>
  <si>
    <t>cg12444081</t>
  </si>
  <si>
    <t>cg12446644</t>
  </si>
  <si>
    <t>cg12448933</t>
  </si>
  <si>
    <t>cg12452675</t>
  </si>
  <si>
    <t>cg12455187</t>
  </si>
  <si>
    <t>cg12456432</t>
  </si>
  <si>
    <t>cg12456884</t>
  </si>
  <si>
    <t>cg12457451</t>
  </si>
  <si>
    <t>cg12459045</t>
  </si>
  <si>
    <t>cg12460307</t>
  </si>
  <si>
    <t>cg12467435</t>
  </si>
  <si>
    <t>cg12467933</t>
  </si>
  <si>
    <t>cg12468273</t>
  </si>
  <si>
    <t>cg12472416</t>
  </si>
  <si>
    <t>cg12474153</t>
  </si>
  <si>
    <t>cg12477119</t>
  </si>
  <si>
    <t>cg12483561</t>
  </si>
  <si>
    <t>cg12485428</t>
  </si>
  <si>
    <t>cg12486944</t>
  </si>
  <si>
    <t>cg12487464</t>
  </si>
  <si>
    <t>cg12489069</t>
  </si>
  <si>
    <t>cg12489736</t>
  </si>
  <si>
    <t>cg12489964</t>
  </si>
  <si>
    <t>cg12491114</t>
  </si>
  <si>
    <t>cg12493439</t>
  </si>
  <si>
    <t>cg12495731</t>
  </si>
  <si>
    <t>cg12496363</t>
  </si>
  <si>
    <t>cg12501923</t>
  </si>
  <si>
    <t>cg12503656</t>
  </si>
  <si>
    <t>cg12504247</t>
  </si>
  <si>
    <t>cg12504828</t>
  </si>
  <si>
    <t>cg12508078</t>
  </si>
  <si>
    <t>cg12513481</t>
  </si>
  <si>
    <t>cg12522342</t>
  </si>
  <si>
    <t>cg12533496</t>
  </si>
  <si>
    <t>cg12537162</t>
  </si>
  <si>
    <t>cg12537665</t>
  </si>
  <si>
    <t>cg12544557</t>
  </si>
  <si>
    <t>cg12546785</t>
  </si>
  <si>
    <t>cg12547038</t>
  </si>
  <si>
    <t>cg12549079</t>
  </si>
  <si>
    <t>cg12549573</t>
  </si>
  <si>
    <t>cg12550387</t>
  </si>
  <si>
    <t>cg12550399</t>
  </si>
  <si>
    <t>cg12552293</t>
  </si>
  <si>
    <t>cg12559031</t>
  </si>
  <si>
    <t>cg12559119</t>
  </si>
  <si>
    <t>cg12559685</t>
  </si>
  <si>
    <t>cg12560320</t>
  </si>
  <si>
    <t>cg12562461</t>
  </si>
  <si>
    <t>cg12563480</t>
  </si>
  <si>
    <t>cg12563847</t>
  </si>
  <si>
    <t>cg12564034</t>
  </si>
  <si>
    <t>cg12564108</t>
  </si>
  <si>
    <t>cg12569173</t>
  </si>
  <si>
    <t>cg12569216</t>
  </si>
  <si>
    <t>cg12570134</t>
  </si>
  <si>
    <t>cg12571055</t>
  </si>
  <si>
    <t>cg12577105</t>
  </si>
  <si>
    <t>cg12581691</t>
  </si>
  <si>
    <t>cg12584520</t>
  </si>
  <si>
    <t>cg12584528</t>
  </si>
  <si>
    <t>cg12586179</t>
  </si>
  <si>
    <t>cg12591951</t>
  </si>
  <si>
    <t>cg12593223</t>
  </si>
  <si>
    <t>cg12597066</t>
  </si>
  <si>
    <t>cg12598178</t>
  </si>
  <si>
    <t>cg12601400</t>
  </si>
  <si>
    <t>cg12601987</t>
  </si>
  <si>
    <t>cg12602439</t>
  </si>
  <si>
    <t>cg12604352</t>
  </si>
  <si>
    <t>cg12605273</t>
  </si>
  <si>
    <t>cg12612336</t>
  </si>
  <si>
    <t>cg12612410</t>
  </si>
  <si>
    <t>cg12615880</t>
  </si>
  <si>
    <t>cg12616877</t>
  </si>
  <si>
    <t>cg12628062</t>
  </si>
  <si>
    <t>cg12628324</t>
  </si>
  <si>
    <t>cg12628391</t>
  </si>
  <si>
    <t>cg12629480</t>
  </si>
  <si>
    <t>cg12630479</t>
  </si>
  <si>
    <t>cg12631517</t>
  </si>
  <si>
    <t>cg12636325</t>
  </si>
  <si>
    <t>cg12637409</t>
  </si>
  <si>
    <t>cg12640305</t>
  </si>
  <si>
    <t>cg12640817</t>
  </si>
  <si>
    <t>cg12641024</t>
  </si>
  <si>
    <t>cg12642237</t>
  </si>
  <si>
    <t>cg12642246</t>
  </si>
  <si>
    <t>cg12642651</t>
  </si>
  <si>
    <t>cg12648523</t>
  </si>
  <si>
    <t>cg12648806</t>
  </si>
  <si>
    <t>cg12649208</t>
  </si>
  <si>
    <t>cg12651761</t>
  </si>
  <si>
    <t>cg12655416</t>
  </si>
  <si>
    <t>cg12655548</t>
  </si>
  <si>
    <t>cg12658374</t>
  </si>
  <si>
    <t>cg12659653</t>
  </si>
  <si>
    <t>cg12661964</t>
  </si>
  <si>
    <t>cg12674287</t>
  </si>
  <si>
    <t>cg12679910</t>
  </si>
  <si>
    <t>cg12682573</t>
  </si>
  <si>
    <t>cg12685560</t>
  </si>
  <si>
    <t>cg12685753</t>
  </si>
  <si>
    <t>cg12688248</t>
  </si>
  <si>
    <t>cg12692199</t>
  </si>
  <si>
    <t>cg12698626</t>
  </si>
  <si>
    <t>cg12698628</t>
  </si>
  <si>
    <t>cg12699156</t>
  </si>
  <si>
    <t>cg12700039</t>
  </si>
  <si>
    <t>cg12700449</t>
  </si>
  <si>
    <t>cg12709207</t>
  </si>
  <si>
    <t>cg12710538</t>
  </si>
  <si>
    <t>cg12714757</t>
  </si>
  <si>
    <t>cg12718426</t>
  </si>
  <si>
    <t>cg12729307</t>
  </si>
  <si>
    <t>cg12729800</t>
  </si>
  <si>
    <t>cg12731325</t>
  </si>
  <si>
    <t>cg12732514</t>
  </si>
  <si>
    <t>cg12741184</t>
  </si>
  <si>
    <t>cg12742140</t>
  </si>
  <si>
    <t>cg12742209</t>
  </si>
  <si>
    <t>cg12742645</t>
  </si>
  <si>
    <t>cg12743425</t>
  </si>
  <si>
    <t>cg12744185</t>
  </si>
  <si>
    <t>cg12745335</t>
  </si>
  <si>
    <t>cg12762683</t>
  </si>
  <si>
    <t>cg12766770</t>
  </si>
  <si>
    <t>cg12767937</t>
  </si>
  <si>
    <t>cg12770741</t>
  </si>
  <si>
    <t>cg12776171</t>
  </si>
  <si>
    <t>cg12779301</t>
  </si>
  <si>
    <t>cg12779575</t>
  </si>
  <si>
    <t>cg12784386</t>
  </si>
  <si>
    <t>cg12785122</t>
  </si>
  <si>
    <t>cg12785535</t>
  </si>
  <si>
    <t>cg12785983</t>
  </si>
  <si>
    <t>cg12788467</t>
  </si>
  <si>
    <t>cg12789448</t>
  </si>
  <si>
    <t>cg12791192</t>
  </si>
  <si>
    <t>cg12791245</t>
  </si>
  <si>
    <t>cg12792180</t>
  </si>
  <si>
    <t>cg12792509</t>
  </si>
  <si>
    <t>cg12793706</t>
  </si>
  <si>
    <t>cg12793803</t>
  </si>
  <si>
    <t>cg12798194</t>
  </si>
  <si>
    <t>cg12799029</t>
  </si>
  <si>
    <t>cg12799818</t>
  </si>
  <si>
    <t>cg12800734</t>
  </si>
  <si>
    <t>cg12801225</t>
  </si>
  <si>
    <t>cg12801552</t>
  </si>
  <si>
    <t>cg12801917</t>
  </si>
  <si>
    <t>cg12802113</t>
  </si>
  <si>
    <t>cg12803069</t>
  </si>
  <si>
    <t>cg12804176</t>
  </si>
  <si>
    <t>cg12806347</t>
  </si>
  <si>
    <t>cg12806763</t>
  </si>
  <si>
    <t>cg12808359</t>
  </si>
  <si>
    <t>cg12809392</t>
  </si>
  <si>
    <t>cg12813919</t>
  </si>
  <si>
    <t>cg12814335</t>
  </si>
  <si>
    <t>cg12815142</t>
  </si>
  <si>
    <t>cg12817352</t>
  </si>
  <si>
    <t>cg12818940</t>
  </si>
  <si>
    <t>cg12833931</t>
  </si>
  <si>
    <t>cg12834820</t>
  </si>
  <si>
    <t>cg12837296</t>
  </si>
  <si>
    <t>cg12838546</t>
  </si>
  <si>
    <t>cg12840847</t>
  </si>
  <si>
    <t>cg12841525</t>
  </si>
  <si>
    <t>cg12841579</t>
  </si>
  <si>
    <t>cg12842305</t>
  </si>
  <si>
    <t>cg12842389</t>
  </si>
  <si>
    <t>cg12842409</t>
  </si>
  <si>
    <t>cg12844142</t>
  </si>
  <si>
    <t>cg12844497</t>
  </si>
  <si>
    <t>cg12846139</t>
  </si>
  <si>
    <t>cg12850099</t>
  </si>
  <si>
    <t>cg12850695</t>
  </si>
  <si>
    <t>cg12851570</t>
  </si>
  <si>
    <t>cg12854371</t>
  </si>
  <si>
    <t>cg12854855</t>
  </si>
  <si>
    <t>cg12854979</t>
  </si>
  <si>
    <t>cg12856708</t>
  </si>
  <si>
    <t>cg12864903</t>
  </si>
  <si>
    <t>cg12865436</t>
  </si>
  <si>
    <t>cg12866292</t>
  </si>
  <si>
    <t>cg12866859</t>
  </si>
  <si>
    <t>cg12868320</t>
  </si>
  <si>
    <t>cg12868545</t>
  </si>
  <si>
    <t>cg12869623</t>
  </si>
  <si>
    <t>cg12870750</t>
  </si>
  <si>
    <t>cg12871285</t>
  </si>
  <si>
    <t>cg12871463</t>
  </si>
  <si>
    <t>cg12872962</t>
  </si>
  <si>
    <t>cg12874329</t>
  </si>
  <si>
    <t>cg12881765</t>
  </si>
  <si>
    <t>cg12882189</t>
  </si>
  <si>
    <t>cg12884495</t>
  </si>
  <si>
    <t>cg12887033</t>
  </si>
  <si>
    <t>cg12889746</t>
  </si>
  <si>
    <t>cg12894055</t>
  </si>
  <si>
    <t>cg12895747</t>
  </si>
  <si>
    <t>cg12897947</t>
  </si>
  <si>
    <t>cg12899673</t>
  </si>
  <si>
    <t>cg12900649</t>
  </si>
  <si>
    <t>cg12900846</t>
  </si>
  <si>
    <t>cg12901283</t>
  </si>
  <si>
    <t>cg12901634</t>
  </si>
  <si>
    <t>cg12909921</t>
  </si>
  <si>
    <t>cg12911791</t>
  </si>
  <si>
    <t>cg12918275</t>
  </si>
  <si>
    <t>cg12920004</t>
  </si>
  <si>
    <t>cg12920094</t>
  </si>
  <si>
    <t>cg12937434</t>
  </si>
  <si>
    <t>cg12941374</t>
  </si>
  <si>
    <t>cg12946690</t>
  </si>
  <si>
    <t>cg12950012</t>
  </si>
  <si>
    <t>cg12951282</t>
  </si>
  <si>
    <t>cg12954718</t>
  </si>
  <si>
    <t>cg12955299</t>
  </si>
  <si>
    <t>cg12959737</t>
  </si>
  <si>
    <t>cg12961714</t>
  </si>
  <si>
    <t>cg12961926</t>
  </si>
  <si>
    <t>cg12964144</t>
  </si>
  <si>
    <t>cg12969595</t>
  </si>
  <si>
    <t>cg12971338</t>
  </si>
  <si>
    <t>cg12975790</t>
  </si>
  <si>
    <t>cg12976641</t>
  </si>
  <si>
    <t>cg12977686</t>
  </si>
  <si>
    <t>cg12978198</t>
  </si>
  <si>
    <t>cg12983578</t>
  </si>
  <si>
    <t>cg12989650</t>
  </si>
  <si>
    <t>cg12990974</t>
  </si>
  <si>
    <t>cg12991161</t>
  </si>
  <si>
    <t>cg12994911</t>
  </si>
  <si>
    <t>cg12995645</t>
  </si>
  <si>
    <t>cg12995933</t>
  </si>
  <si>
    <t>cg12997958</t>
  </si>
  <si>
    <t>cg12999525</t>
  </si>
  <si>
    <t>cg13000649</t>
  </si>
  <si>
    <t>cg13001289</t>
  </si>
  <si>
    <t>cg13003786</t>
  </si>
  <si>
    <t>cg13005859</t>
  </si>
  <si>
    <t>cg13013841</t>
  </si>
  <si>
    <t>cg13015534</t>
  </si>
  <si>
    <t>cg13020466</t>
  </si>
  <si>
    <t>cg13021344</t>
  </si>
  <si>
    <t>cg13027184</t>
  </si>
  <si>
    <t>cg13028250</t>
  </si>
  <si>
    <t>cg13029847</t>
  </si>
  <si>
    <t>cg13030582</t>
  </si>
  <si>
    <t>cg13038030</t>
  </si>
  <si>
    <t>cg13049862</t>
  </si>
  <si>
    <t>cg13050981</t>
  </si>
  <si>
    <t>cg13052680</t>
  </si>
  <si>
    <t>cg13053608</t>
  </si>
  <si>
    <t>cg13057055</t>
  </si>
  <si>
    <t>cg13058710</t>
  </si>
  <si>
    <t>cg13060405</t>
  </si>
  <si>
    <t>cg13060573</t>
  </si>
  <si>
    <t>cg13063335</t>
  </si>
  <si>
    <t>cg13064210</t>
  </si>
  <si>
    <t>cg13075263</t>
  </si>
  <si>
    <t>cg13077545</t>
  </si>
  <si>
    <t>cg13092575</t>
  </si>
  <si>
    <t>cg13094583</t>
  </si>
  <si>
    <t>cg13095450</t>
  </si>
  <si>
    <t>cg13096278</t>
  </si>
  <si>
    <t>cg13096724</t>
  </si>
  <si>
    <t>cg13098960</t>
  </si>
  <si>
    <t>cg13102028</t>
  </si>
  <si>
    <t>cg13102585</t>
  </si>
  <si>
    <t>cg13105709</t>
  </si>
  <si>
    <t>cg13105945</t>
  </si>
  <si>
    <t>cg13106430</t>
  </si>
  <si>
    <t>cg13107302</t>
  </si>
  <si>
    <t>cg13107870</t>
  </si>
  <si>
    <t>cg13109654</t>
  </si>
  <si>
    <t>cg13113656</t>
  </si>
  <si>
    <t>cg13114622</t>
  </si>
  <si>
    <t>cg13117272</t>
  </si>
  <si>
    <t>cg13120756</t>
  </si>
  <si>
    <t>cg13120771</t>
  </si>
  <si>
    <t>cg13122491</t>
  </si>
  <si>
    <t>cg13123723</t>
  </si>
  <si>
    <t>cg13124675</t>
  </si>
  <si>
    <t>cg13124801</t>
  </si>
  <si>
    <t>cg13129662</t>
  </si>
  <si>
    <t>cg13131243</t>
  </si>
  <si>
    <t>cg13131339</t>
  </si>
  <si>
    <t>cg13133987</t>
  </si>
  <si>
    <t>cg13134082</t>
  </si>
  <si>
    <t>cg13134802</t>
  </si>
  <si>
    <t>cg13139631</t>
  </si>
  <si>
    <t>cg13139848</t>
  </si>
  <si>
    <t>cg13145229</t>
  </si>
  <si>
    <t>cg13145440</t>
  </si>
  <si>
    <t>cg13145670</t>
  </si>
  <si>
    <t>cg13147664</t>
  </si>
  <si>
    <t>cg13148085</t>
  </si>
  <si>
    <t>cg13150534</t>
  </si>
  <si>
    <t>cg13151517</t>
  </si>
  <si>
    <t>cg13155863</t>
  </si>
  <si>
    <t>cg13155902</t>
  </si>
  <si>
    <t>cg13165009</t>
  </si>
  <si>
    <t>cg13165240</t>
  </si>
  <si>
    <t>cg13167372</t>
  </si>
  <si>
    <t>cg13169780</t>
  </si>
  <si>
    <t>cg13172724</t>
  </si>
  <si>
    <t>cg13173111</t>
  </si>
  <si>
    <t>cg13177052</t>
  </si>
  <si>
    <t>cg13178709</t>
  </si>
  <si>
    <t>cg13179087</t>
  </si>
  <si>
    <t>cg13179508</t>
  </si>
  <si>
    <t>cg13179549</t>
  </si>
  <si>
    <t>cg13180252</t>
  </si>
  <si>
    <t>cg13180280</t>
  </si>
  <si>
    <t>cg13181928</t>
  </si>
  <si>
    <t>cg13182412</t>
  </si>
  <si>
    <t>cg13182713</t>
  </si>
  <si>
    <t>cg13190493</t>
  </si>
  <si>
    <t>cg13194425</t>
  </si>
  <si>
    <t>cg13194638</t>
  </si>
  <si>
    <t>cg13194822</t>
  </si>
  <si>
    <t>cg13195185</t>
  </si>
  <si>
    <t>cg13198297</t>
  </si>
  <si>
    <t>cg13199599</t>
  </si>
  <si>
    <t>cg13203480</t>
  </si>
  <si>
    <t>cg13208609</t>
  </si>
  <si>
    <t>cg13208704</t>
  </si>
  <si>
    <t>cg13209613</t>
  </si>
  <si>
    <t>cg13210078</t>
  </si>
  <si>
    <t>cg13212159</t>
  </si>
  <si>
    <t>cg13212232</t>
  </si>
  <si>
    <t>cg13214295</t>
  </si>
  <si>
    <t>cg13215871</t>
  </si>
  <si>
    <t>cg13221924</t>
  </si>
  <si>
    <t>cg13225413</t>
  </si>
  <si>
    <t>cg13227839</t>
  </si>
  <si>
    <t>cg13229782</t>
  </si>
  <si>
    <t>cg13230424</t>
  </si>
  <si>
    <t>cg13230606</t>
  </si>
  <si>
    <t>cg13231818</t>
  </si>
  <si>
    <t>cg13234675</t>
  </si>
  <si>
    <t>cg13241663</t>
  </si>
  <si>
    <t>cg13241751</t>
  </si>
  <si>
    <t>cg13242249</t>
  </si>
  <si>
    <t>cg13243168</t>
  </si>
  <si>
    <t>cg13243311</t>
  </si>
  <si>
    <t>cg13244110</t>
  </si>
  <si>
    <t>cg13246592</t>
  </si>
  <si>
    <t>cg13248200</t>
  </si>
  <si>
    <t>cg13253847</t>
  </si>
  <si>
    <t>cg13254898</t>
  </si>
  <si>
    <t>cg13258195</t>
  </si>
  <si>
    <t>cg13261938</t>
  </si>
  <si>
    <t>cg13262310</t>
  </si>
  <si>
    <t>cg13269964</t>
  </si>
  <si>
    <t>cg13272546</t>
  </si>
  <si>
    <t>cg13273703</t>
  </si>
  <si>
    <t>cg13274713</t>
  </si>
  <si>
    <t>cg13274938</t>
  </si>
  <si>
    <t>cg13276752</t>
  </si>
  <si>
    <t>cg13278448</t>
  </si>
  <si>
    <t>cg13278727</t>
  </si>
  <si>
    <t>cg13280079</t>
  </si>
  <si>
    <t>cg13280536</t>
  </si>
  <si>
    <t>cg13282068</t>
  </si>
  <si>
    <t>cg13290523</t>
  </si>
  <si>
    <t>cg13291666</t>
  </si>
  <si>
    <t>cg13293514</t>
  </si>
  <si>
    <t>cg13295242</t>
  </si>
  <si>
    <t>cg13295878</t>
  </si>
  <si>
    <t>cg13298379</t>
  </si>
  <si>
    <t>cg13298963</t>
  </si>
  <si>
    <t>cg13303377</t>
  </si>
  <si>
    <t>cg13306942</t>
  </si>
  <si>
    <t>cg13308964</t>
  </si>
  <si>
    <t>cg13309415</t>
  </si>
  <si>
    <t>cg13309461</t>
  </si>
  <si>
    <t>cg13309513</t>
  </si>
  <si>
    <t>cg13310154</t>
  </si>
  <si>
    <t>cg13311292</t>
  </si>
  <si>
    <t>cg13313813</t>
  </si>
  <si>
    <t>cg13315690</t>
  </si>
  <si>
    <t>cg13322849</t>
  </si>
  <si>
    <t>cg13325346</t>
  </si>
  <si>
    <t>cg13325529</t>
  </si>
  <si>
    <t>cg13326508</t>
  </si>
  <si>
    <t>cg13327734</t>
  </si>
  <si>
    <t>cg13337307</t>
  </si>
  <si>
    <t>cg13337413</t>
  </si>
  <si>
    <t>cg13337740</t>
  </si>
  <si>
    <t>cg13337865</t>
  </si>
  <si>
    <t>cg13341907</t>
  </si>
  <si>
    <t>cg13342364</t>
  </si>
  <si>
    <t>cg13342722</t>
  </si>
  <si>
    <t>cg13344757</t>
  </si>
  <si>
    <t>cg13345380</t>
  </si>
  <si>
    <t>cg13347255</t>
  </si>
  <si>
    <t>cg13347577</t>
  </si>
  <si>
    <t>cg13348574</t>
  </si>
  <si>
    <t>cg13350783</t>
  </si>
  <si>
    <t>cg13351208</t>
  </si>
  <si>
    <t>cg13351552</t>
  </si>
  <si>
    <t>cg13352650</t>
  </si>
  <si>
    <t>cg13354304</t>
  </si>
  <si>
    <t>cg13355623</t>
  </si>
  <si>
    <t>cg13356133</t>
  </si>
  <si>
    <t>cg13357496</t>
  </si>
  <si>
    <t>cg13358186</t>
  </si>
  <si>
    <t>cg13358773</t>
  </si>
  <si>
    <t>cg13360263</t>
  </si>
  <si>
    <t>cg13360495</t>
  </si>
  <si>
    <t>cg13364107</t>
  </si>
  <si>
    <t>cg13375427</t>
  </si>
  <si>
    <t>cg13375828</t>
  </si>
  <si>
    <t>cg13376404</t>
  </si>
  <si>
    <t>cg13380204</t>
  </si>
  <si>
    <t>cg13383971</t>
  </si>
  <si>
    <t>cg13384996</t>
  </si>
  <si>
    <t>cg13388466</t>
  </si>
  <si>
    <t>cg13389211</t>
  </si>
  <si>
    <t>cg13390332</t>
  </si>
  <si>
    <t>cg13391313</t>
  </si>
  <si>
    <t>cg13392258</t>
  </si>
  <si>
    <t>cg13392587</t>
  </si>
  <si>
    <t>cg13393585</t>
  </si>
  <si>
    <t>cg13397568</t>
  </si>
  <si>
    <t>cg13398135</t>
  </si>
  <si>
    <t>cg13400969</t>
  </si>
  <si>
    <t>cg13408214</t>
  </si>
  <si>
    <t>cg13415628</t>
  </si>
  <si>
    <t>cg13415865</t>
  </si>
  <si>
    <t>cg13416381</t>
  </si>
  <si>
    <t>cg13418631</t>
  </si>
  <si>
    <t>cg13418795</t>
  </si>
  <si>
    <t>cg13418839</t>
  </si>
  <si>
    <t>cg13421594</t>
  </si>
  <si>
    <t>cg13424870</t>
  </si>
  <si>
    <t>cg13432451</t>
  </si>
  <si>
    <t>cg13432524</t>
  </si>
  <si>
    <t>cg13433366</t>
  </si>
  <si>
    <t>cg13437593</t>
  </si>
  <si>
    <t>cg13438549</t>
  </si>
  <si>
    <t>cg13442333</t>
  </si>
  <si>
    <t>cg13445175</t>
  </si>
  <si>
    <t>cg13446533</t>
  </si>
  <si>
    <t>cg13453139</t>
  </si>
  <si>
    <t>cg13453607</t>
  </si>
  <si>
    <t>cg13454770</t>
  </si>
  <si>
    <t>cg13457515</t>
  </si>
  <si>
    <t>cg13465852</t>
  </si>
  <si>
    <t>cg13466546</t>
  </si>
  <si>
    <t>cg13468144</t>
  </si>
  <si>
    <t>cg13468400</t>
  </si>
  <si>
    <t>cg13475484</t>
  </si>
  <si>
    <t>cg13475704</t>
  </si>
  <si>
    <t>cg13476105</t>
  </si>
  <si>
    <t>cg13476336</t>
  </si>
  <si>
    <t>cg13476464</t>
  </si>
  <si>
    <t>cg13477614</t>
  </si>
  <si>
    <t>cg13482375</t>
  </si>
  <si>
    <t>cg13483990</t>
  </si>
  <si>
    <t>cg13484467</t>
  </si>
  <si>
    <t>cg13484848</t>
  </si>
  <si>
    <t>cg13486955</t>
  </si>
  <si>
    <t>cg13487284</t>
  </si>
  <si>
    <t>cg13488013</t>
  </si>
  <si>
    <t>cg13489424</t>
  </si>
  <si>
    <t>cg13491759</t>
  </si>
  <si>
    <t>cg13492227</t>
  </si>
  <si>
    <t>cg13498284</t>
  </si>
  <si>
    <t>cg13501999</t>
  </si>
  <si>
    <t>cg13504059</t>
  </si>
  <si>
    <t>cg13515774</t>
  </si>
  <si>
    <t>cg13520327</t>
  </si>
  <si>
    <t>cg13521677</t>
  </si>
  <si>
    <t>cg13523072</t>
  </si>
  <si>
    <t>cg13523731</t>
  </si>
  <si>
    <t>cg13525669</t>
  </si>
  <si>
    <t>cg13525683</t>
  </si>
  <si>
    <t>cg13526488</t>
  </si>
  <si>
    <t>cg13526518</t>
  </si>
  <si>
    <t>cg13530203</t>
  </si>
  <si>
    <t>cg13533061</t>
  </si>
  <si>
    <t>cg13533976</t>
  </si>
  <si>
    <t>cg13535852</t>
  </si>
  <si>
    <t>cg13537781</t>
  </si>
  <si>
    <t>cg13537940</t>
  </si>
  <si>
    <t>cg13539171</t>
  </si>
  <si>
    <t>cg13540312</t>
  </si>
  <si>
    <t>cg13541073</t>
  </si>
  <si>
    <t>cg13541578</t>
  </si>
  <si>
    <t>cg13542692</t>
  </si>
  <si>
    <t>cg13545633</t>
  </si>
  <si>
    <t>cg13545874</t>
  </si>
  <si>
    <t>cg13547767</t>
  </si>
  <si>
    <t>cg13549638</t>
  </si>
  <si>
    <t>cg13550419</t>
  </si>
  <si>
    <t>cg13553293</t>
  </si>
  <si>
    <t>cg13553400</t>
  </si>
  <si>
    <t>cg13557167</t>
  </si>
  <si>
    <t>cg13557418</t>
  </si>
  <si>
    <t>cg13560794</t>
  </si>
  <si>
    <t>cg13561792</t>
  </si>
  <si>
    <t>cg13563094</t>
  </si>
  <si>
    <t>cg13564055</t>
  </si>
  <si>
    <t>cg13564075</t>
  </si>
  <si>
    <t>cg13569987</t>
  </si>
  <si>
    <t>cg13584383</t>
  </si>
  <si>
    <t>cg13588265</t>
  </si>
  <si>
    <t>cg13591701</t>
  </si>
  <si>
    <t>cg13597417</t>
  </si>
  <si>
    <t>cg13597528</t>
  </si>
  <si>
    <t>cg13597544</t>
  </si>
  <si>
    <t>cg13604794</t>
  </si>
  <si>
    <t>cg13606025</t>
  </si>
  <si>
    <t>cg13609544</t>
  </si>
  <si>
    <t>cg13611006</t>
  </si>
  <si>
    <t>cg13612447</t>
  </si>
  <si>
    <t>cg13614045</t>
  </si>
  <si>
    <t>cg13614812</t>
  </si>
  <si>
    <t>cg13616930</t>
  </si>
  <si>
    <t>cg13617604</t>
  </si>
  <si>
    <t>cg13633262</t>
  </si>
  <si>
    <t>cg13635578</t>
  </si>
  <si>
    <t>cg13636817</t>
  </si>
  <si>
    <t>cg13638849</t>
  </si>
  <si>
    <t>cg13643509</t>
  </si>
  <si>
    <t>cg13643585</t>
  </si>
  <si>
    <t>cg13644197</t>
  </si>
  <si>
    <t>cg13648045</t>
  </si>
  <si>
    <t>cg13651224</t>
  </si>
  <si>
    <t>cg13654836</t>
  </si>
  <si>
    <t>cg13654848</t>
  </si>
  <si>
    <t>cg13655341</t>
  </si>
  <si>
    <t>cg13655803</t>
  </si>
  <si>
    <t>cg13655923</t>
  </si>
  <si>
    <t>cg13655938</t>
  </si>
  <si>
    <t>cg13658093</t>
  </si>
  <si>
    <t>cg13659446</t>
  </si>
  <si>
    <t>cg13661908</t>
  </si>
  <si>
    <t>cg13662597</t>
  </si>
  <si>
    <t>cg13664588</t>
  </si>
  <si>
    <t>cg13668490</t>
  </si>
  <si>
    <t>cg13670306</t>
  </si>
  <si>
    <t>cg13672501</t>
  </si>
  <si>
    <t>cg13672743</t>
  </si>
  <si>
    <t>cg13675837</t>
  </si>
  <si>
    <t>cg13675957</t>
  </si>
  <si>
    <t>cg13679714</t>
  </si>
  <si>
    <t>cg13682140</t>
  </si>
  <si>
    <t>cg13683374</t>
  </si>
  <si>
    <t>cg13684447</t>
  </si>
  <si>
    <t>cg13685679</t>
  </si>
  <si>
    <t>cg13694281</t>
  </si>
  <si>
    <t>cg13694291</t>
  </si>
  <si>
    <t>cg13694749</t>
  </si>
  <si>
    <t>cg13699963</t>
  </si>
  <si>
    <t>cg13700073</t>
  </si>
  <si>
    <t>cg13702695</t>
  </si>
  <si>
    <t>cg13706352</t>
  </si>
  <si>
    <t>cg13712818</t>
  </si>
  <si>
    <t>cg13716104</t>
  </si>
  <si>
    <t>cg13718961</t>
  </si>
  <si>
    <t>cg13724311</t>
  </si>
  <si>
    <t>cg13726166</t>
  </si>
  <si>
    <t>cg13726843</t>
  </si>
  <si>
    <t>cg13728128</t>
  </si>
  <si>
    <t>cg13734043</t>
  </si>
  <si>
    <t>cg13734314</t>
  </si>
  <si>
    <t>cg13745142</t>
  </si>
  <si>
    <t>cg13745832</t>
  </si>
  <si>
    <t>cg13747876</t>
  </si>
  <si>
    <t>cg13748570</t>
  </si>
  <si>
    <t>cg13748657</t>
  </si>
  <si>
    <t>cg13749033</t>
  </si>
  <si>
    <t>cg13749119</t>
  </si>
  <si>
    <t>cg13752093</t>
  </si>
  <si>
    <t>cg13752649</t>
  </si>
  <si>
    <t>cg13752828</t>
  </si>
  <si>
    <t>cg13753670</t>
  </si>
  <si>
    <t>cg13755873</t>
  </si>
  <si>
    <t>cg13758221</t>
  </si>
  <si>
    <t>cg13758243</t>
  </si>
  <si>
    <t>cg13759229</t>
  </si>
  <si>
    <t>cg13759645</t>
  </si>
  <si>
    <t>cg13759852</t>
  </si>
  <si>
    <t>cg13761780</t>
  </si>
  <si>
    <t>cg13761998</t>
  </si>
  <si>
    <t>cg13763516</t>
  </si>
  <si>
    <t>cg13765368</t>
  </si>
  <si>
    <t>cg13766044</t>
  </si>
  <si>
    <t>cg13767294</t>
  </si>
  <si>
    <t>cg13767779</t>
  </si>
  <si>
    <t>cg13770529</t>
  </si>
  <si>
    <t>cg13777783</t>
  </si>
  <si>
    <t>cg13777937</t>
  </si>
  <si>
    <t>cg13778743</t>
  </si>
  <si>
    <t>cg13780065</t>
  </si>
  <si>
    <t>cg13781408</t>
  </si>
  <si>
    <t>cg13781853</t>
  </si>
  <si>
    <t>cg13784792</t>
  </si>
  <si>
    <t>cg13787272</t>
  </si>
  <si>
    <t>cg13788927</t>
  </si>
  <si>
    <t>cg13789775</t>
  </si>
  <si>
    <t>cg13800079</t>
  </si>
  <si>
    <t>cg13801193</t>
  </si>
  <si>
    <t>cg13801946</t>
  </si>
  <si>
    <t>cg13804838</t>
  </si>
  <si>
    <t>cg13808223</t>
  </si>
  <si>
    <t>cg13810862</t>
  </si>
  <si>
    <t>cg13812937</t>
  </si>
  <si>
    <t>cg13818368</t>
  </si>
  <si>
    <t>cg13818573</t>
  </si>
  <si>
    <t>cg13819250</t>
  </si>
  <si>
    <t>cg13823366</t>
  </si>
  <si>
    <t>cg13823791</t>
  </si>
  <si>
    <t>cg13824734</t>
  </si>
  <si>
    <t>cg13825374</t>
  </si>
  <si>
    <t>cg13826447</t>
  </si>
  <si>
    <t>cg13829056</t>
  </si>
  <si>
    <t>cg13832201</t>
  </si>
  <si>
    <t>cg13843603</t>
  </si>
  <si>
    <t>cg13846232</t>
  </si>
  <si>
    <t>cg13847066</t>
  </si>
  <si>
    <t>cg13847853</t>
  </si>
  <si>
    <t>cg13849142</t>
  </si>
  <si>
    <t>cg13855261</t>
  </si>
  <si>
    <t>cg13855662</t>
  </si>
  <si>
    <t>cg13855862</t>
  </si>
  <si>
    <t>cg13859324</t>
  </si>
  <si>
    <t>cg13868393</t>
  </si>
  <si>
    <t>cg13870426</t>
  </si>
  <si>
    <t>cg13871900</t>
  </si>
  <si>
    <t>cg13874654</t>
  </si>
  <si>
    <t>cg13875673</t>
  </si>
  <si>
    <t>cg13876325</t>
  </si>
  <si>
    <t>cg13878456</t>
  </si>
  <si>
    <t>cg13893634</t>
  </si>
  <si>
    <t>cg13896106</t>
  </si>
  <si>
    <t>cg13896604</t>
  </si>
  <si>
    <t>cg13910291</t>
  </si>
  <si>
    <t>cg13915354</t>
  </si>
  <si>
    <t>cg13916835</t>
  </si>
  <si>
    <t>cg13916877</t>
  </si>
  <si>
    <t>cg13918518</t>
  </si>
  <si>
    <t>cg13921640</t>
  </si>
  <si>
    <t>cg13925686</t>
  </si>
  <si>
    <t>cg13925920</t>
  </si>
  <si>
    <t>cg13937155</t>
  </si>
  <si>
    <t>cg13940405</t>
  </si>
  <si>
    <t>cg13942695</t>
  </si>
  <si>
    <t>cg13944018</t>
  </si>
  <si>
    <t>cg13944205</t>
  </si>
  <si>
    <t>cg13945540</t>
  </si>
  <si>
    <t>cg13946050</t>
  </si>
  <si>
    <t>cg13947735</t>
  </si>
  <si>
    <t>cg13948956</t>
  </si>
  <si>
    <t>cg13952688</t>
  </si>
  <si>
    <t>cg13956700</t>
  </si>
  <si>
    <t>cg13960358</t>
  </si>
  <si>
    <t>cg13964280</t>
  </si>
  <si>
    <t>cg13966383</t>
  </si>
  <si>
    <t>cg13973942</t>
  </si>
  <si>
    <t>cg13984289</t>
  </si>
  <si>
    <t>cg13984330</t>
  </si>
  <si>
    <t>cg13984746</t>
  </si>
  <si>
    <t>cg13986127</t>
  </si>
  <si>
    <t>cg13987781</t>
  </si>
  <si>
    <t>cg13990559</t>
  </si>
  <si>
    <t>cg13992856</t>
  </si>
  <si>
    <t>cg13998093</t>
  </si>
  <si>
    <t>cg14002185</t>
  </si>
  <si>
    <t>cg14003223</t>
  </si>
  <si>
    <t>cg14007442</t>
  </si>
  <si>
    <t>cg14008506</t>
  </si>
  <si>
    <t>cg14009013</t>
  </si>
  <si>
    <t>cg14010578</t>
  </si>
  <si>
    <t>cg14011845</t>
  </si>
  <si>
    <t>cg14014525</t>
  </si>
  <si>
    <t>cg14014613</t>
  </si>
  <si>
    <t>cg14015996</t>
  </si>
  <si>
    <t>cg14018648</t>
  </si>
  <si>
    <t>cg14020904</t>
  </si>
  <si>
    <t>cg14021168</t>
  </si>
  <si>
    <t>cg14022313</t>
  </si>
  <si>
    <t>cg14030083</t>
  </si>
  <si>
    <t>cg14032260</t>
  </si>
  <si>
    <t>cg14035019</t>
  </si>
  <si>
    <t>cg14038259</t>
  </si>
  <si>
    <t>cg14039228</t>
  </si>
  <si>
    <t>cg14039779</t>
  </si>
  <si>
    <t>cg14042121</t>
  </si>
  <si>
    <t>cg14043602</t>
  </si>
  <si>
    <t>cg14045725</t>
  </si>
  <si>
    <t>cg14048487</t>
  </si>
  <si>
    <t>cg14050019</t>
  </si>
  <si>
    <t>cg14050053</t>
  </si>
  <si>
    <t>cg14050954</t>
  </si>
  <si>
    <t>cg14051161</t>
  </si>
  <si>
    <t>cg14051535</t>
  </si>
  <si>
    <t>cg14054928</t>
  </si>
  <si>
    <t>cg14056110</t>
  </si>
  <si>
    <t>cg14056306</t>
  </si>
  <si>
    <t>cg14057711</t>
  </si>
  <si>
    <t>cg14057772</t>
  </si>
  <si>
    <t>cg14058010</t>
  </si>
  <si>
    <t>cg14059221</t>
  </si>
  <si>
    <t>cg14059665</t>
  </si>
  <si>
    <t>cg14061793</t>
  </si>
  <si>
    <t>cg14062197</t>
  </si>
  <si>
    <t>cg14063566</t>
  </si>
  <si>
    <t>cg14065153</t>
  </si>
  <si>
    <t>cg14066471</t>
  </si>
  <si>
    <t>cg14066645</t>
  </si>
  <si>
    <t>cg14067834</t>
  </si>
  <si>
    <t>cg14068180</t>
  </si>
  <si>
    <t>cg14070162</t>
  </si>
  <si>
    <t>cg14072027</t>
  </si>
  <si>
    <t>cg14073862</t>
  </si>
  <si>
    <t>cg14074284</t>
  </si>
  <si>
    <t>cg14075731</t>
  </si>
  <si>
    <t>cg14076390</t>
  </si>
  <si>
    <t>cg14077847</t>
  </si>
  <si>
    <t>cg14078435</t>
  </si>
  <si>
    <t>cg14078639</t>
  </si>
  <si>
    <t>cg14094767</t>
  </si>
  <si>
    <t>cg14095148</t>
  </si>
  <si>
    <t>cg14097019</t>
  </si>
  <si>
    <t>cg14098795</t>
  </si>
  <si>
    <t>cg14100578</t>
  </si>
  <si>
    <t>cg14102292</t>
  </si>
  <si>
    <t>cg14105952</t>
  </si>
  <si>
    <t>cg14106046</t>
  </si>
  <si>
    <t>cg14109847</t>
  </si>
  <si>
    <t>cg14114517</t>
  </si>
  <si>
    <t>cg14115004</t>
  </si>
  <si>
    <t>cg14116792</t>
  </si>
  <si>
    <t>cg14122652</t>
  </si>
  <si>
    <t>cg14123409</t>
  </si>
  <si>
    <t>cg14127567</t>
  </si>
  <si>
    <t>cg14128316</t>
  </si>
  <si>
    <t>cg14131824</t>
  </si>
  <si>
    <t>cg14133108</t>
  </si>
  <si>
    <t>cg14135174</t>
  </si>
  <si>
    <t>cg14136083</t>
  </si>
  <si>
    <t>cg14136186</t>
  </si>
  <si>
    <t>cg14136374</t>
  </si>
  <si>
    <t>cg14154330</t>
  </si>
  <si>
    <t>cg14158601</t>
  </si>
  <si>
    <t>cg14165663</t>
  </si>
  <si>
    <t>cg14170220</t>
  </si>
  <si>
    <t>cg14170437</t>
  </si>
  <si>
    <t>cg14173624</t>
  </si>
  <si>
    <t>cg14173815</t>
  </si>
  <si>
    <t>cg14175304</t>
  </si>
  <si>
    <t>cg14176339</t>
  </si>
  <si>
    <t>cg14177325</t>
  </si>
  <si>
    <t>cg14181940</t>
  </si>
  <si>
    <t>cg14182461</t>
  </si>
  <si>
    <t>cg14189853</t>
  </si>
  <si>
    <t>cg14189993</t>
  </si>
  <si>
    <t>cg14191955</t>
  </si>
  <si>
    <t>cg14193561</t>
  </si>
  <si>
    <t>cg14195103</t>
  </si>
  <si>
    <t>cg14196186</t>
  </si>
  <si>
    <t>cg14199384</t>
  </si>
  <si>
    <t>cg14202916</t>
  </si>
  <si>
    <t>cg14204735</t>
  </si>
  <si>
    <t>cg14207147</t>
  </si>
  <si>
    <t>cg14207794</t>
  </si>
  <si>
    <t>cg14208070</t>
  </si>
  <si>
    <t>cg14208859</t>
  </si>
  <si>
    <t>cg14208875</t>
  </si>
  <si>
    <t>cg14210494</t>
  </si>
  <si>
    <t>cg14210726</t>
  </si>
  <si>
    <t>cg14211385</t>
  </si>
  <si>
    <t>cg14212953</t>
  </si>
  <si>
    <t>cg14213439</t>
  </si>
  <si>
    <t>cg14215472</t>
  </si>
  <si>
    <t>cg14225207</t>
  </si>
  <si>
    <t>cg14225393</t>
  </si>
  <si>
    <t>cg14226929</t>
  </si>
  <si>
    <t>cg14230397</t>
  </si>
  <si>
    <t>cg14231270</t>
  </si>
  <si>
    <t>cg14233507</t>
  </si>
  <si>
    <t>cg14233847</t>
  </si>
  <si>
    <t>cg14234083</t>
  </si>
  <si>
    <t>cg14235676</t>
  </si>
  <si>
    <t>cg14236443</t>
  </si>
  <si>
    <t>cg14237025</t>
  </si>
  <si>
    <t>cg14237674</t>
  </si>
  <si>
    <t>cg14240300</t>
  </si>
  <si>
    <t>cg14240820</t>
  </si>
  <si>
    <t>cg14241662</t>
  </si>
  <si>
    <t>cg14249528</t>
  </si>
  <si>
    <t>cg14250028</t>
  </si>
  <si>
    <t>cg14256699</t>
  </si>
  <si>
    <t>cg14257656</t>
  </si>
  <si>
    <t>cg14258078</t>
  </si>
  <si>
    <t>cg14261472</t>
  </si>
  <si>
    <t>cg14262035</t>
  </si>
  <si>
    <t>cg14264910</t>
  </si>
  <si>
    <t>cg14265068</t>
  </si>
  <si>
    <t>cg14268120</t>
  </si>
  <si>
    <t>cg14268200</t>
  </si>
  <si>
    <t>cg14270193</t>
  </si>
  <si>
    <t>cg14271505</t>
  </si>
  <si>
    <t>cg14272075</t>
  </si>
  <si>
    <t>cg14275281</t>
  </si>
  <si>
    <t>cg14275779</t>
  </si>
  <si>
    <t>cg14281612</t>
  </si>
  <si>
    <t>cg14285150</t>
  </si>
  <si>
    <t>cg14286346</t>
  </si>
  <si>
    <t>cg14288903</t>
  </si>
  <si>
    <t>cg14289594</t>
  </si>
  <si>
    <t>cg14295306</t>
  </si>
  <si>
    <t>cg14295458</t>
  </si>
  <si>
    <t>cg14311523</t>
  </si>
  <si>
    <t>cg14312114</t>
  </si>
  <si>
    <t>cg14312323</t>
  </si>
  <si>
    <t>cg14312860</t>
  </si>
  <si>
    <t>cg14314796</t>
  </si>
  <si>
    <t>cg14314889</t>
  </si>
  <si>
    <t>cg14315198</t>
  </si>
  <si>
    <t>cg14321245</t>
  </si>
  <si>
    <t>cg14321269</t>
  </si>
  <si>
    <t>cg14321697</t>
  </si>
  <si>
    <t>cg14323199</t>
  </si>
  <si>
    <t>cg14327068</t>
  </si>
  <si>
    <t>cg14327901</t>
  </si>
  <si>
    <t>cg14329441</t>
  </si>
  <si>
    <t>cg14331206</t>
  </si>
  <si>
    <t>cg14331822</t>
  </si>
  <si>
    <t>cg14332367</t>
  </si>
  <si>
    <t>cg14334587</t>
  </si>
  <si>
    <t>cg14335816</t>
  </si>
  <si>
    <t>cg14337614</t>
  </si>
  <si>
    <t>cg14338246</t>
  </si>
  <si>
    <t>cg14342823</t>
  </si>
  <si>
    <t>cg14343334</t>
  </si>
  <si>
    <t>cg14343381</t>
  </si>
  <si>
    <t>cg14343701</t>
  </si>
  <si>
    <t>cg14344955</t>
  </si>
  <si>
    <t>cg14345497</t>
  </si>
  <si>
    <t>cg14349843</t>
  </si>
  <si>
    <t>cg14350358</t>
  </si>
  <si>
    <t>cg14352477</t>
  </si>
  <si>
    <t>cg14354881</t>
  </si>
  <si>
    <t>cg14355889</t>
  </si>
  <si>
    <t>cg14355911</t>
  </si>
  <si>
    <t>cg14360268</t>
  </si>
  <si>
    <t>cg14360897</t>
  </si>
  <si>
    <t>cg14360917</t>
  </si>
  <si>
    <t>cg14365364</t>
  </si>
  <si>
    <t>cg14373396</t>
  </si>
  <si>
    <t>cg14376548</t>
  </si>
  <si>
    <t>cg14377681</t>
  </si>
  <si>
    <t>cg14377703</t>
  </si>
  <si>
    <t>cg14381452</t>
  </si>
  <si>
    <t>cg14382933</t>
  </si>
  <si>
    <t>cg14383062</t>
  </si>
  <si>
    <t>cg14385325</t>
  </si>
  <si>
    <t>cg14389924</t>
  </si>
  <si>
    <t>cg14392652</t>
  </si>
  <si>
    <t>cg14394011</t>
  </si>
  <si>
    <t>cg14394837</t>
  </si>
  <si>
    <t>cg14398691</t>
  </si>
  <si>
    <t>cg14399851</t>
  </si>
  <si>
    <t>cg14401583</t>
  </si>
  <si>
    <t>cg14404318</t>
  </si>
  <si>
    <t>cg14411375</t>
  </si>
  <si>
    <t>cg14417329</t>
  </si>
  <si>
    <t>cg14419435</t>
  </si>
  <si>
    <t>cg14421700</t>
  </si>
  <si>
    <t>cg14421980</t>
  </si>
  <si>
    <t>cg14424407</t>
  </si>
  <si>
    <t>cg14424625</t>
  </si>
  <si>
    <t>cg14425294</t>
  </si>
  <si>
    <t>cg14425602</t>
  </si>
  <si>
    <t>cg14426167</t>
  </si>
  <si>
    <t>cg14427590</t>
  </si>
  <si>
    <t>cg14428178</t>
  </si>
  <si>
    <t>cg14430629</t>
  </si>
  <si>
    <t>cg14430867</t>
  </si>
  <si>
    <t>cg14431361</t>
  </si>
  <si>
    <t>cg14431592</t>
  </si>
  <si>
    <t>cg14436231</t>
  </si>
  <si>
    <t>cg14438019</t>
  </si>
  <si>
    <t>cg14439774</t>
  </si>
  <si>
    <t>cg14445437</t>
  </si>
  <si>
    <t>cg14446575</t>
  </si>
  <si>
    <t>cg14455421</t>
  </si>
  <si>
    <t>cg14457311</t>
  </si>
  <si>
    <t>cg14458578</t>
  </si>
  <si>
    <t>cg14459710</t>
  </si>
  <si>
    <t>cg14459995</t>
  </si>
  <si>
    <t>cg14460715</t>
  </si>
  <si>
    <t>cg14466206</t>
  </si>
  <si>
    <t>cg14466337</t>
  </si>
  <si>
    <t>cg14467066</t>
  </si>
  <si>
    <t>cg14473823</t>
  </si>
  <si>
    <t>cg14474728</t>
  </si>
  <si>
    <t>cg14475480</t>
  </si>
  <si>
    <t>cg14480315</t>
  </si>
  <si>
    <t>cg14480531</t>
  </si>
  <si>
    <t>cg14483244</t>
  </si>
  <si>
    <t>cg14483988</t>
  </si>
  <si>
    <t>cg14484274</t>
  </si>
  <si>
    <t>cg14486995</t>
  </si>
  <si>
    <t>cg14487805</t>
  </si>
  <si>
    <t>cg14489217</t>
  </si>
  <si>
    <t>cg14489649</t>
  </si>
  <si>
    <t>cg14492302</t>
  </si>
  <si>
    <t>cg14492337</t>
  </si>
  <si>
    <t>cg14493980</t>
  </si>
  <si>
    <t>cg14494812</t>
  </si>
  <si>
    <t>cg14495443</t>
  </si>
  <si>
    <t>cg14496199</t>
  </si>
  <si>
    <t>cg14497491</t>
  </si>
  <si>
    <t>cg14497940</t>
  </si>
  <si>
    <t>cg14498455</t>
  </si>
  <si>
    <t>cg14499532</t>
  </si>
  <si>
    <t>cg14500255</t>
  </si>
  <si>
    <t>cg14501219</t>
  </si>
  <si>
    <t>cg14502994</t>
  </si>
  <si>
    <t>cg14503521</t>
  </si>
  <si>
    <t>cg14505694</t>
  </si>
  <si>
    <t>cg14517810</t>
  </si>
  <si>
    <t>cg14517863</t>
  </si>
  <si>
    <t>cg14521508</t>
  </si>
  <si>
    <t>cg14522800</t>
  </si>
  <si>
    <t>cg14524754</t>
  </si>
  <si>
    <t>cg14525064</t>
  </si>
  <si>
    <t>cg14529102</t>
  </si>
  <si>
    <t>cg14530006</t>
  </si>
  <si>
    <t>cg14532412</t>
  </si>
  <si>
    <t>cg14554017</t>
  </si>
  <si>
    <t>cg14554468</t>
  </si>
  <si>
    <t>cg14556515</t>
  </si>
  <si>
    <t>cg14557909</t>
  </si>
  <si>
    <t>cg14561881</t>
  </si>
  <si>
    <t>cg14562086</t>
  </si>
  <si>
    <t>cg14565120</t>
  </si>
  <si>
    <t>cg14577029</t>
  </si>
  <si>
    <t>cg14578363</t>
  </si>
  <si>
    <t>cg14578500</t>
  </si>
  <si>
    <t>cg14579184</t>
  </si>
  <si>
    <t>cg14582845</t>
  </si>
  <si>
    <t>cg14583225</t>
  </si>
  <si>
    <t>cg14585054</t>
  </si>
  <si>
    <t>cg14587065</t>
  </si>
  <si>
    <t>cg14587273</t>
  </si>
  <si>
    <t>cg14587335</t>
  </si>
  <si>
    <t>cg14589466</t>
  </si>
  <si>
    <t>cg14589810</t>
  </si>
  <si>
    <t>cg14591195</t>
  </si>
  <si>
    <t>cg14592065</t>
  </si>
  <si>
    <t>cg14592673</t>
  </si>
  <si>
    <t>cg14592794</t>
  </si>
  <si>
    <t>cg14593033</t>
  </si>
  <si>
    <t>cg14596352</t>
  </si>
  <si>
    <t>cg14596431</t>
  </si>
  <si>
    <t>cg14598213</t>
  </si>
  <si>
    <t>cg14598413</t>
  </si>
  <si>
    <t>cg14601284</t>
  </si>
  <si>
    <t>cg14601550</t>
  </si>
  <si>
    <t>cg14602839</t>
  </si>
  <si>
    <t>cg14603886</t>
  </si>
  <si>
    <t>cg14604830</t>
  </si>
  <si>
    <t>cg14608424</t>
  </si>
  <si>
    <t>cg14608550</t>
  </si>
  <si>
    <t>cg14609289</t>
  </si>
  <si>
    <t>cg14610189</t>
  </si>
  <si>
    <t>cg14610973</t>
  </si>
  <si>
    <t>cg14611816</t>
  </si>
  <si>
    <t>cg14615768</t>
  </si>
  <si>
    <t>cg14615946</t>
  </si>
  <si>
    <t>cg14616648</t>
  </si>
  <si>
    <t>cg14617634</t>
  </si>
  <si>
    <t>cg14619064</t>
  </si>
  <si>
    <t>cg14619975</t>
  </si>
  <si>
    <t>cg14621907</t>
  </si>
  <si>
    <t>cg14622443</t>
  </si>
  <si>
    <t>cg14623518</t>
  </si>
  <si>
    <t>cg14628267</t>
  </si>
  <si>
    <t>cg14629755</t>
  </si>
  <si>
    <t>cg14632180</t>
  </si>
  <si>
    <t>cg14633020</t>
  </si>
  <si>
    <t>cg14633562</t>
  </si>
  <si>
    <t>cg14633721</t>
  </si>
  <si>
    <t>cg14634563</t>
  </si>
  <si>
    <t>cg14634687</t>
  </si>
  <si>
    <t>cg14636077</t>
  </si>
  <si>
    <t>cg14636712</t>
  </si>
  <si>
    <t>cg14636922</t>
  </si>
  <si>
    <t>cg14637649</t>
  </si>
  <si>
    <t>cg14641400</t>
  </si>
  <si>
    <t>cg14644025</t>
  </si>
  <si>
    <t>cg14648237</t>
  </si>
  <si>
    <t>cg14651919</t>
  </si>
  <si>
    <t>cg14653593</t>
  </si>
  <si>
    <t>cg14657915</t>
  </si>
  <si>
    <t>cg14661281</t>
  </si>
  <si>
    <t>cg14666354</t>
  </si>
  <si>
    <t>cg14667799</t>
  </si>
  <si>
    <t>cg14668821</t>
  </si>
  <si>
    <t>cg14671328</t>
  </si>
  <si>
    <t>cg14672994</t>
  </si>
  <si>
    <t>cg14673149</t>
  </si>
  <si>
    <t>cg14674306</t>
  </si>
  <si>
    <t>cg14675357</t>
  </si>
  <si>
    <t>cg14677510</t>
  </si>
  <si>
    <t>cg14677615</t>
  </si>
  <si>
    <t>cg14680575</t>
  </si>
  <si>
    <t>cg14681207</t>
  </si>
  <si>
    <t>cg14685146</t>
  </si>
  <si>
    <t>cg14685990</t>
  </si>
  <si>
    <t>cg14686309</t>
  </si>
  <si>
    <t>cg14686645</t>
  </si>
  <si>
    <t>cg14688272</t>
  </si>
  <si>
    <t>cg14688962</t>
  </si>
  <si>
    <t>cg14691671</t>
  </si>
  <si>
    <t>cg14692950</t>
  </si>
  <si>
    <t>cg14694075</t>
  </si>
  <si>
    <t>cg14696468</t>
  </si>
  <si>
    <t>cg14697334</t>
  </si>
  <si>
    <t>cg14698646</t>
  </si>
  <si>
    <t>cg14700325</t>
  </si>
  <si>
    <t>cg14700941</t>
  </si>
  <si>
    <t>cg14701504</t>
  </si>
  <si>
    <t>cg14703553</t>
  </si>
  <si>
    <t>cg14714923</t>
  </si>
  <si>
    <t>cg14715602</t>
  </si>
  <si>
    <t>cg14715778</t>
  </si>
  <si>
    <t>cg14716933</t>
  </si>
  <si>
    <t>cg14720773</t>
  </si>
  <si>
    <t>cg14723032</t>
  </si>
  <si>
    <t>cg14729930</t>
  </si>
  <si>
    <t>cg14737977</t>
  </si>
  <si>
    <t>cg14741653</t>
  </si>
  <si>
    <t>cg14741666</t>
  </si>
  <si>
    <t>cg14750190</t>
  </si>
  <si>
    <t>cg14750778</t>
  </si>
  <si>
    <t>cg14752362</t>
  </si>
  <si>
    <t>cg14752965</t>
  </si>
  <si>
    <t>cg14755066</t>
  </si>
  <si>
    <t>cg14758012</t>
  </si>
  <si>
    <t>cg14758065</t>
  </si>
  <si>
    <t>cg14762845</t>
  </si>
  <si>
    <t>cg14764661</t>
  </si>
  <si>
    <t>cg14765834</t>
  </si>
  <si>
    <t>cg14767407</t>
  </si>
  <si>
    <t>cg14769589</t>
  </si>
  <si>
    <t>cg14770527</t>
  </si>
  <si>
    <t>cg14771877</t>
  </si>
  <si>
    <t>cg14776943</t>
  </si>
  <si>
    <t>cg14777341</t>
  </si>
  <si>
    <t>cg14777574</t>
  </si>
  <si>
    <t>cg14779622</t>
  </si>
  <si>
    <t>cg14779974</t>
  </si>
  <si>
    <t>cg14780427</t>
  </si>
  <si>
    <t>cg14780845</t>
  </si>
  <si>
    <t>cg14782678</t>
  </si>
  <si>
    <t>cg14783471</t>
  </si>
  <si>
    <t>cg14787267</t>
  </si>
  <si>
    <t>cg14787477</t>
  </si>
  <si>
    <t>cg14789963</t>
  </si>
  <si>
    <t>cg14794027</t>
  </si>
  <si>
    <t>cg14798119</t>
  </si>
  <si>
    <t>cg14801726</t>
  </si>
  <si>
    <t>cg14807365</t>
  </si>
  <si>
    <t>cg14808739</t>
  </si>
  <si>
    <t>cg14809705</t>
  </si>
  <si>
    <t>cg14818621</t>
  </si>
  <si>
    <t>cg14820441</t>
  </si>
  <si>
    <t>cg14824403</t>
  </si>
  <si>
    <t>cg14824495</t>
  </si>
  <si>
    <t>cg14825408</t>
  </si>
  <si>
    <t>cg14826891</t>
  </si>
  <si>
    <t>cg14829516</t>
  </si>
  <si>
    <t>cg14831622</t>
  </si>
  <si>
    <t>cg14832352</t>
  </si>
  <si>
    <t>cg14832489</t>
  </si>
  <si>
    <t>cg14834285</t>
  </si>
  <si>
    <t>cg14836839</t>
  </si>
  <si>
    <t>cg14843216</t>
  </si>
  <si>
    <t>cg14846293</t>
  </si>
  <si>
    <t>cg14848767</t>
  </si>
  <si>
    <t>cg14851204</t>
  </si>
  <si>
    <t>cg14853974</t>
  </si>
  <si>
    <t>cg14854355</t>
  </si>
  <si>
    <t>cg14855877</t>
  </si>
  <si>
    <t>cg14861570</t>
  </si>
  <si>
    <t>cg14862806</t>
  </si>
  <si>
    <t>cg14864603</t>
  </si>
  <si>
    <t>cg14866827</t>
  </si>
  <si>
    <t>cg14868594</t>
  </si>
  <si>
    <t>cg14882946</t>
  </si>
  <si>
    <t>cg14883190</t>
  </si>
  <si>
    <t>cg14884929</t>
  </si>
  <si>
    <t>cg14885762</t>
  </si>
  <si>
    <t>cg14886572</t>
  </si>
  <si>
    <t>cg14888908</t>
  </si>
  <si>
    <t>cg14890343</t>
  </si>
  <si>
    <t>cg14891900</t>
  </si>
  <si>
    <t>cg14893129</t>
  </si>
  <si>
    <t>cg14897188</t>
  </si>
  <si>
    <t>cg14897563</t>
  </si>
  <si>
    <t>cg14900154</t>
  </si>
  <si>
    <t>cg14901671</t>
  </si>
  <si>
    <t>cg14906455</t>
  </si>
  <si>
    <t>cg14914519</t>
  </si>
  <si>
    <t>cg14927663</t>
  </si>
  <si>
    <t>cg14931122</t>
  </si>
  <si>
    <t>cg14932796</t>
  </si>
  <si>
    <t>cg14939765</t>
  </si>
  <si>
    <t>cg14948086</t>
  </si>
  <si>
    <t>cg14953672</t>
  </si>
  <si>
    <t>cg14954375</t>
  </si>
  <si>
    <t>cg14955151</t>
  </si>
  <si>
    <t>cg14957346</t>
  </si>
  <si>
    <t>cg14957685</t>
  </si>
  <si>
    <t>cg14960238</t>
  </si>
  <si>
    <t>cg14970515</t>
  </si>
  <si>
    <t>cg14971269</t>
  </si>
  <si>
    <t>cg14971744</t>
  </si>
  <si>
    <t>cg14973055</t>
  </si>
  <si>
    <t>cg14974722</t>
  </si>
  <si>
    <t>cg14988593</t>
  </si>
  <si>
    <t>cg14996805</t>
  </si>
  <si>
    <t>cg14999189</t>
  </si>
  <si>
    <t>cg15001747</t>
  </si>
  <si>
    <t>cg15002214</t>
  </si>
  <si>
    <t>cg15009525</t>
  </si>
  <si>
    <t>cg15009575</t>
  </si>
  <si>
    <t>cg15009813</t>
  </si>
  <si>
    <t>cg15010903</t>
  </si>
  <si>
    <t>cg15013761</t>
  </si>
  <si>
    <t>cg15014549</t>
  </si>
  <si>
    <t>cg15014684</t>
  </si>
  <si>
    <t>cg15019011</t>
  </si>
  <si>
    <t>cg15022313</t>
  </si>
  <si>
    <t>cg15030415</t>
  </si>
  <si>
    <t>cg15033031</t>
  </si>
  <si>
    <t>cg15034857</t>
  </si>
  <si>
    <t>cg15035143</t>
  </si>
  <si>
    <t>cg15036326</t>
  </si>
  <si>
    <t>cg15040720</t>
  </si>
  <si>
    <t>cg15041662</t>
  </si>
  <si>
    <t>cg15043615</t>
  </si>
  <si>
    <t>cg15046304</t>
  </si>
  <si>
    <t>cg15046489</t>
  </si>
  <si>
    <t>cg15047055</t>
  </si>
  <si>
    <t>cg15049636</t>
  </si>
  <si>
    <t>cg15059743</t>
  </si>
  <si>
    <t>cg15065049</t>
  </si>
  <si>
    <t>cg15067870</t>
  </si>
  <si>
    <t>cg15070283</t>
  </si>
  <si>
    <t>cg15072306</t>
  </si>
  <si>
    <t>cg15073643</t>
  </si>
  <si>
    <t>cg15081027</t>
  </si>
  <si>
    <t>cg15082983</t>
  </si>
  <si>
    <t>cg15084558</t>
  </si>
  <si>
    <t>cg15086788</t>
  </si>
  <si>
    <t>cg15088257</t>
  </si>
  <si>
    <t>cg15088880</t>
  </si>
  <si>
    <t>cg15089228</t>
  </si>
  <si>
    <t>cg15089742</t>
  </si>
  <si>
    <t>cg15090217</t>
  </si>
  <si>
    <t>cg15090877</t>
  </si>
  <si>
    <t>cg15093383</t>
  </si>
  <si>
    <t>cg15095917</t>
  </si>
  <si>
    <t>cg15097361</t>
  </si>
  <si>
    <t>cg15097606</t>
  </si>
  <si>
    <t>cg15100135</t>
  </si>
  <si>
    <t>cg15102609</t>
  </si>
  <si>
    <t>cg15103564</t>
  </si>
  <si>
    <t>cg15103567</t>
  </si>
  <si>
    <t>cg15103701</t>
  </si>
  <si>
    <t>cg15105252</t>
  </si>
  <si>
    <t>cg15108890</t>
  </si>
  <si>
    <t>cg15116918</t>
  </si>
  <si>
    <t>cg15117681</t>
  </si>
  <si>
    <t>cg15117739</t>
  </si>
  <si>
    <t>cg15118204</t>
  </si>
  <si>
    <t>cg15120237</t>
  </si>
  <si>
    <t>cg15123200</t>
  </si>
  <si>
    <t>cg15125338</t>
  </si>
  <si>
    <t>cg15136129</t>
  </si>
  <si>
    <t>cg15139254</t>
  </si>
  <si>
    <t>cg15156975</t>
  </si>
  <si>
    <t>cg15158977</t>
  </si>
  <si>
    <t>cg15159588</t>
  </si>
  <si>
    <t>cg15160501</t>
  </si>
  <si>
    <t>cg15164573</t>
  </si>
  <si>
    <t>cg15165676</t>
  </si>
  <si>
    <t>cg15165864</t>
  </si>
  <si>
    <t>cg15171272</t>
  </si>
  <si>
    <t>cg15189764</t>
  </si>
  <si>
    <t>cg15196365</t>
  </si>
  <si>
    <t>cg15204912</t>
  </si>
  <si>
    <t>cg15206136</t>
  </si>
  <si>
    <t>cg15206330</t>
  </si>
  <si>
    <t>cg15213604</t>
  </si>
  <si>
    <t>cg15215033</t>
  </si>
  <si>
    <t>cg15217011</t>
  </si>
  <si>
    <t>cg15218777</t>
  </si>
  <si>
    <t>cg15218995</t>
  </si>
  <si>
    <t>cg15224459</t>
  </si>
  <si>
    <t>cg15228441</t>
  </si>
  <si>
    <t>cg15228606</t>
  </si>
  <si>
    <t>cg15229153</t>
  </si>
  <si>
    <t>cg15229994</t>
  </si>
  <si>
    <t>cg15230985</t>
  </si>
  <si>
    <t>cg15235074</t>
  </si>
  <si>
    <t>cg15236035</t>
  </si>
  <si>
    <t>cg15236196</t>
  </si>
  <si>
    <t>cg15238200</t>
  </si>
  <si>
    <t>cg15246895</t>
  </si>
  <si>
    <t>cg15246989</t>
  </si>
  <si>
    <t>cg15252429</t>
  </si>
  <si>
    <t>cg15253816</t>
  </si>
  <si>
    <t>cg15254287</t>
  </si>
  <si>
    <t>cg15254632</t>
  </si>
  <si>
    <t>cg15257836</t>
  </si>
  <si>
    <t>cg15258416</t>
  </si>
  <si>
    <t>cg15258696</t>
  </si>
  <si>
    <t>cg15259031</t>
  </si>
  <si>
    <t>cg15261887</t>
  </si>
  <si>
    <t>cg15265853</t>
  </si>
  <si>
    <t>cg15269394</t>
  </si>
  <si>
    <t>cg15269721</t>
  </si>
  <si>
    <t>cg15270350</t>
  </si>
  <si>
    <t>cg15278956</t>
  </si>
  <si>
    <t>cg15285217</t>
  </si>
  <si>
    <t>cg15285733</t>
  </si>
  <si>
    <t>cg15288800</t>
  </si>
  <si>
    <t>cg15291243</t>
  </si>
  <si>
    <t>cg15295273</t>
  </si>
  <si>
    <t>cg15295732</t>
  </si>
  <si>
    <t>cg15296856</t>
  </si>
  <si>
    <t>cg15298286</t>
  </si>
  <si>
    <t>cg15298719</t>
  </si>
  <si>
    <t>cg15312673</t>
  </si>
  <si>
    <t>cg15321573</t>
  </si>
  <si>
    <t>cg15323584</t>
  </si>
  <si>
    <t>cg15325704</t>
  </si>
  <si>
    <t>cg15326656</t>
  </si>
  <si>
    <t>cg15329876</t>
  </si>
  <si>
    <t>cg15334380</t>
  </si>
  <si>
    <t>cg15335334</t>
  </si>
  <si>
    <t>cg15344021</t>
  </si>
  <si>
    <t>cg15358396</t>
  </si>
  <si>
    <t>cg15360853</t>
  </si>
  <si>
    <t>cg15368544</t>
  </si>
  <si>
    <t>cg15368771</t>
  </si>
  <si>
    <t>cg15369512</t>
  </si>
  <si>
    <t>cg15370140</t>
  </si>
  <si>
    <t>cg15370235</t>
  </si>
  <si>
    <t>cg15370309</t>
  </si>
  <si>
    <t>cg15370536</t>
  </si>
  <si>
    <t>cg15373782</t>
  </si>
  <si>
    <t>cg15374027</t>
  </si>
  <si>
    <t>cg15374234</t>
  </si>
  <si>
    <t>cg15377933</t>
  </si>
  <si>
    <t>cg15378038</t>
  </si>
  <si>
    <t>cg15378486</t>
  </si>
  <si>
    <t>cg15378686</t>
  </si>
  <si>
    <t>cg15378866</t>
  </si>
  <si>
    <t>cg15379400</t>
  </si>
  <si>
    <t>cg15380836</t>
  </si>
  <si>
    <t>cg15382095</t>
  </si>
  <si>
    <t>cg15383962</t>
  </si>
  <si>
    <t>cg15384640</t>
  </si>
  <si>
    <t>cg15385254</t>
  </si>
  <si>
    <t>cg15387893</t>
  </si>
  <si>
    <t>cg15389765</t>
  </si>
  <si>
    <t>cg15389899</t>
  </si>
  <si>
    <t>cg15392900</t>
  </si>
  <si>
    <t>cg15393585</t>
  </si>
  <si>
    <t>cg15394558</t>
  </si>
  <si>
    <t>cg15395491</t>
  </si>
  <si>
    <t>cg15399785</t>
  </si>
  <si>
    <t>cg15403942</t>
  </si>
  <si>
    <t>cg15405028</t>
  </si>
  <si>
    <t>cg15406343</t>
  </si>
  <si>
    <t>cg15406425</t>
  </si>
  <si>
    <t>cg15407058</t>
  </si>
  <si>
    <t>cg15412250</t>
  </si>
  <si>
    <t>cg15412772</t>
  </si>
  <si>
    <t>cg15415094</t>
  </si>
  <si>
    <t>cg15416352</t>
  </si>
  <si>
    <t>cg15416363</t>
  </si>
  <si>
    <t>cg15416417</t>
  </si>
  <si>
    <t>cg15418287</t>
  </si>
  <si>
    <t>cg15419054</t>
  </si>
  <si>
    <t>cg15420395</t>
  </si>
  <si>
    <t>cg15425530</t>
  </si>
  <si>
    <t>cg15433411</t>
  </si>
  <si>
    <t>cg15434211</t>
  </si>
  <si>
    <t>cg15437741</t>
  </si>
  <si>
    <t>cg15438211</t>
  </si>
  <si>
    <t>cg15439745</t>
  </si>
  <si>
    <t>cg15440512</t>
  </si>
  <si>
    <t>cg15442567</t>
  </si>
  <si>
    <t>cg15443128</t>
  </si>
  <si>
    <t>cg15443822</t>
  </si>
  <si>
    <t>cg15444626</t>
  </si>
  <si>
    <t>cg15445000</t>
  </si>
  <si>
    <t>cg15446373</t>
  </si>
  <si>
    <t>cg15456099</t>
  </si>
  <si>
    <t>cg15463255</t>
  </si>
  <si>
    <t>cg15467911</t>
  </si>
  <si>
    <t>cg15468668</t>
  </si>
  <si>
    <t>cg15475272</t>
  </si>
  <si>
    <t>cg15502888</t>
  </si>
  <si>
    <t>cg15503752</t>
  </si>
  <si>
    <t>cg15506894</t>
  </si>
  <si>
    <t>cg15517965</t>
  </si>
  <si>
    <t>cg15519092</t>
  </si>
  <si>
    <t>cg15519474</t>
  </si>
  <si>
    <t>cg15524101</t>
  </si>
  <si>
    <t>cg15526387</t>
  </si>
  <si>
    <t>cg15538177</t>
  </si>
  <si>
    <t>cg15538418</t>
  </si>
  <si>
    <t>cg15539420</t>
  </si>
  <si>
    <t>cg15540723</t>
  </si>
  <si>
    <t>cg15545636</t>
  </si>
  <si>
    <t>cg15545842</t>
  </si>
  <si>
    <t>cg15546842</t>
  </si>
  <si>
    <t>cg15547672</t>
  </si>
  <si>
    <t>cg15555014</t>
  </si>
  <si>
    <t>cg15557036</t>
  </si>
  <si>
    <t>cg15573861</t>
  </si>
  <si>
    <t>cg15574312</t>
  </si>
  <si>
    <t>cg15577692</t>
  </si>
  <si>
    <t>cg15586931</t>
  </si>
  <si>
    <t>cg15589042</t>
  </si>
  <si>
    <t>cg15590217</t>
  </si>
  <si>
    <t>cg15590387</t>
  </si>
  <si>
    <t>cg15595739</t>
  </si>
  <si>
    <t>cg15596913</t>
  </si>
  <si>
    <t>cg15597405</t>
  </si>
  <si>
    <t>cg15601050</t>
  </si>
  <si>
    <t>cg15602217</t>
  </si>
  <si>
    <t>cg15602326</t>
  </si>
  <si>
    <t>cg15606962</t>
  </si>
  <si>
    <t>cg15607311</t>
  </si>
  <si>
    <t>cg15608939</t>
  </si>
  <si>
    <t>cg15611098</t>
  </si>
  <si>
    <t>cg15612085</t>
  </si>
  <si>
    <t>cg15614308</t>
  </si>
  <si>
    <t>cg15614883</t>
  </si>
  <si>
    <t>cg15616496</t>
  </si>
  <si>
    <t>cg15625558</t>
  </si>
  <si>
    <t>cg15627593</t>
  </si>
  <si>
    <t>cg15631337</t>
  </si>
  <si>
    <t>cg15639045</t>
  </si>
  <si>
    <t>cg15639842</t>
  </si>
  <si>
    <t>cg15639951</t>
  </si>
  <si>
    <t>cg15642209</t>
  </si>
  <si>
    <t>cg15649236</t>
  </si>
  <si>
    <t>cg15660077</t>
  </si>
  <si>
    <t>cg15660427</t>
  </si>
  <si>
    <t>cg15660466</t>
  </si>
  <si>
    <t>cg15660573</t>
  </si>
  <si>
    <t>cg15661536</t>
  </si>
  <si>
    <t>cg15668538</t>
  </si>
  <si>
    <t>cg15670620</t>
  </si>
  <si>
    <t>cg15673001</t>
  </si>
  <si>
    <t>cg15673540</t>
  </si>
  <si>
    <t>cg15674580</t>
  </si>
  <si>
    <t>cg15679139</t>
  </si>
  <si>
    <t>cg15685680</t>
  </si>
  <si>
    <t>cg15689513</t>
  </si>
  <si>
    <t>cg15694113</t>
  </si>
  <si>
    <t>cg15695648</t>
  </si>
  <si>
    <t>cg15697511</t>
  </si>
  <si>
    <t>cg15699347</t>
  </si>
  <si>
    <t>cg15700850</t>
  </si>
  <si>
    <t>cg15701419</t>
  </si>
  <si>
    <t>cg15703377</t>
  </si>
  <si>
    <t>cg15704699</t>
  </si>
  <si>
    <t>cg15707978</t>
  </si>
  <si>
    <t>cg15708148</t>
  </si>
  <si>
    <t>cg15711404</t>
  </si>
  <si>
    <t>cg15712341</t>
  </si>
  <si>
    <t>cg15713898</t>
  </si>
  <si>
    <t>cg15715716</t>
  </si>
  <si>
    <t>cg15721475</t>
  </si>
  <si>
    <t>cg15724116</t>
  </si>
  <si>
    <t>cg15725989</t>
  </si>
  <si>
    <t>cg15726326</t>
  </si>
  <si>
    <t>cg15727185</t>
  </si>
  <si>
    <t>cg15730030</t>
  </si>
  <si>
    <t>cg15735984</t>
  </si>
  <si>
    <t>cg15738800</t>
  </si>
  <si>
    <t>cg15738933</t>
  </si>
  <si>
    <t>cg15741124</t>
  </si>
  <si>
    <t>cg15742840</t>
  </si>
  <si>
    <t>cg15743799</t>
  </si>
  <si>
    <t>cg15743833</t>
  </si>
  <si>
    <t>cg15752436</t>
  </si>
  <si>
    <t>cg15756507</t>
  </si>
  <si>
    <t>cg15757793</t>
  </si>
  <si>
    <t>cg15758074</t>
  </si>
  <si>
    <t>cg15758175</t>
  </si>
  <si>
    <t>cg15759721</t>
  </si>
  <si>
    <t>cg15761609</t>
  </si>
  <si>
    <t>cg15761799</t>
  </si>
  <si>
    <t>cg15761954</t>
  </si>
  <si>
    <t>cg15771370</t>
  </si>
  <si>
    <t>cg15773539</t>
  </si>
  <si>
    <t>cg15774028</t>
  </si>
  <si>
    <t>cg15774065</t>
  </si>
  <si>
    <t>cg15774391</t>
  </si>
  <si>
    <t>cg15780578</t>
  </si>
  <si>
    <t>cg15786837</t>
  </si>
  <si>
    <t>cg15787636</t>
  </si>
  <si>
    <t>cg15790255</t>
  </si>
  <si>
    <t>cg15792487</t>
  </si>
  <si>
    <t>cg15792713</t>
  </si>
  <si>
    <t>cg15797314</t>
  </si>
  <si>
    <t>cg15797422</t>
  </si>
  <si>
    <t>cg15797971</t>
  </si>
  <si>
    <t>cg15798088</t>
  </si>
  <si>
    <t>cg15798221</t>
  </si>
  <si>
    <t>cg15799267</t>
  </si>
  <si>
    <t>cg15800421</t>
  </si>
  <si>
    <t>cg15800722</t>
  </si>
  <si>
    <t>cg15801433</t>
  </si>
  <si>
    <t>cg15802396</t>
  </si>
  <si>
    <t>cg15804598</t>
  </si>
  <si>
    <t>cg15808279</t>
  </si>
  <si>
    <t>cg15809959</t>
  </si>
  <si>
    <t>cg15811235</t>
  </si>
  <si>
    <t>cg15816464</t>
  </si>
  <si>
    <t>cg15816978</t>
  </si>
  <si>
    <t>cg15818577</t>
  </si>
  <si>
    <t>cg15818956</t>
  </si>
  <si>
    <t>cg15824080</t>
  </si>
  <si>
    <t>cg15826398</t>
  </si>
  <si>
    <t>cg15831452</t>
  </si>
  <si>
    <t>cg15831500</t>
  </si>
  <si>
    <t>cg15831708</t>
  </si>
  <si>
    <t>cg15833634</t>
  </si>
  <si>
    <t>cg15833711</t>
  </si>
  <si>
    <t>cg15835232</t>
  </si>
  <si>
    <t>cg15835620</t>
  </si>
  <si>
    <t>cg15838142</t>
  </si>
  <si>
    <t>cg15839184</t>
  </si>
  <si>
    <t>cg15841310</t>
  </si>
  <si>
    <t>cg15846886</t>
  </si>
  <si>
    <t>cg15849060</t>
  </si>
  <si>
    <t>cg15849154</t>
  </si>
  <si>
    <t>cg15849368</t>
  </si>
  <si>
    <t>cg15852649</t>
  </si>
  <si>
    <t>cg15862406</t>
  </si>
  <si>
    <t>cg15868002</t>
  </si>
  <si>
    <t>cg15882999</t>
  </si>
  <si>
    <t>cg15884175</t>
  </si>
  <si>
    <t>cg15884223</t>
  </si>
  <si>
    <t>cg15888693</t>
  </si>
  <si>
    <t>cg15889768</t>
  </si>
  <si>
    <t>cg15890075</t>
  </si>
  <si>
    <t>cg15894365</t>
  </si>
  <si>
    <t>cg15903404</t>
  </si>
  <si>
    <t>cg15906409</t>
  </si>
  <si>
    <t>cg15906692</t>
  </si>
  <si>
    <t>cg15907897</t>
  </si>
  <si>
    <t>cg15908709</t>
  </si>
  <si>
    <t>cg15913671</t>
  </si>
  <si>
    <t>cg15922057</t>
  </si>
  <si>
    <t>cg15923688</t>
  </si>
  <si>
    <t>cg15935247</t>
  </si>
  <si>
    <t>cg15939920</t>
  </si>
  <si>
    <t>cg15940260</t>
  </si>
  <si>
    <t>cg15944824</t>
  </si>
  <si>
    <t>cg15945287</t>
  </si>
  <si>
    <t>cg15946337</t>
  </si>
  <si>
    <t>cg15947866</t>
  </si>
  <si>
    <t>cg15958938</t>
  </si>
  <si>
    <t>cg15961473</t>
  </si>
  <si>
    <t>cg15965094</t>
  </si>
  <si>
    <t>cg15965566</t>
  </si>
  <si>
    <t>cg15965578</t>
  </si>
  <si>
    <t>cg15979932</t>
  </si>
  <si>
    <t>cg15981475</t>
  </si>
  <si>
    <t>cg15989935</t>
  </si>
  <si>
    <t>cg15991309</t>
  </si>
  <si>
    <t>cg15993345</t>
  </si>
  <si>
    <t>cg15994085</t>
  </si>
  <si>
    <t>cg15994159</t>
  </si>
  <si>
    <t>cg15996882</t>
  </si>
  <si>
    <t>cg15998686</t>
  </si>
  <si>
    <t>cg15999590</t>
  </si>
  <si>
    <t>cg16001713</t>
  </si>
  <si>
    <t>cg16002660</t>
  </si>
  <si>
    <t>cg16004467</t>
  </si>
  <si>
    <t>cg16007628</t>
  </si>
  <si>
    <t>cg16009714</t>
  </si>
  <si>
    <t>cg16009970</t>
  </si>
  <si>
    <t>cg16010178</t>
  </si>
  <si>
    <t>cg16016165</t>
  </si>
  <si>
    <t>cg16017165</t>
  </si>
  <si>
    <t>cg16017492</t>
  </si>
  <si>
    <t>cg16018154</t>
  </si>
  <si>
    <t>cg16020904</t>
  </si>
  <si>
    <t>cg16022580</t>
  </si>
  <si>
    <t>cg16027267</t>
  </si>
  <si>
    <t>cg16029534</t>
  </si>
  <si>
    <t>cg16030113</t>
  </si>
  <si>
    <t>cg16030510</t>
  </si>
  <si>
    <t>cg16030878</t>
  </si>
  <si>
    <t>cg16033151</t>
  </si>
  <si>
    <t>cg16033277</t>
  </si>
  <si>
    <t>cg16037981</t>
  </si>
  <si>
    <t>cg16040186</t>
  </si>
  <si>
    <t>cg16045390</t>
  </si>
  <si>
    <t>cg16046227</t>
  </si>
  <si>
    <t>cg16047144</t>
  </si>
  <si>
    <t>cg16049335</t>
  </si>
  <si>
    <t>cg16050028</t>
  </si>
  <si>
    <t>cg16052325</t>
  </si>
  <si>
    <t>cg16052975</t>
  </si>
  <si>
    <t>cg16054546</t>
  </si>
  <si>
    <t>cg16060163</t>
  </si>
  <si>
    <t>cg16061354</t>
  </si>
  <si>
    <t>cg16061375</t>
  </si>
  <si>
    <t>cg16061953</t>
  </si>
  <si>
    <t>cg16062877</t>
  </si>
  <si>
    <t>cg16063416</t>
  </si>
  <si>
    <t>cg16065186</t>
  </si>
  <si>
    <t>cg16065241</t>
  </si>
  <si>
    <t>cg16065538</t>
  </si>
  <si>
    <t>cg16066221</t>
  </si>
  <si>
    <t>cg16068923</t>
  </si>
  <si>
    <t>cg16070387</t>
  </si>
  <si>
    <t>cg16081441</t>
  </si>
  <si>
    <t>cg16082620</t>
  </si>
  <si>
    <t>cg16086007</t>
  </si>
  <si>
    <t>cg16087060</t>
  </si>
  <si>
    <t>cg16087412</t>
  </si>
  <si>
    <t>cg16093048</t>
  </si>
  <si>
    <t>cg16093580</t>
  </si>
  <si>
    <t>cg16094520</t>
  </si>
  <si>
    <t>cg16097205</t>
  </si>
  <si>
    <t>cg16097357</t>
  </si>
  <si>
    <t>cg16099282</t>
  </si>
  <si>
    <t>cg16105471</t>
  </si>
  <si>
    <t>cg16106360</t>
  </si>
  <si>
    <t>cg16107640</t>
  </si>
  <si>
    <t>cg16115072</t>
  </si>
  <si>
    <t>cg16115867</t>
  </si>
  <si>
    <t>cg16118438</t>
  </si>
  <si>
    <t>cg16119134</t>
  </si>
  <si>
    <t>cg16122072</t>
  </si>
  <si>
    <t>cg16124975</t>
  </si>
  <si>
    <t>cg16124977</t>
  </si>
  <si>
    <t>cg16125564</t>
  </si>
  <si>
    <t>cg16126760</t>
  </si>
  <si>
    <t>cg16135698</t>
  </si>
  <si>
    <t>cg16154524</t>
  </si>
  <si>
    <t>cg16166230</t>
  </si>
  <si>
    <t>cg16177647</t>
  </si>
  <si>
    <t>cg16179589</t>
  </si>
  <si>
    <t>cg16182479</t>
  </si>
  <si>
    <t>cg16185015</t>
  </si>
  <si>
    <t>cg16191656</t>
  </si>
  <si>
    <t>cg16193090</t>
  </si>
  <si>
    <t>cg16200799</t>
  </si>
  <si>
    <t>cg16203607</t>
  </si>
  <si>
    <t>cg16203911</t>
  </si>
  <si>
    <t>cg16212534</t>
  </si>
  <si>
    <t>cg16217242</t>
  </si>
  <si>
    <t>cg16218910</t>
  </si>
  <si>
    <t>cg16220183</t>
  </si>
  <si>
    <t>cg16225441</t>
  </si>
  <si>
    <t>cg16233074</t>
  </si>
  <si>
    <t>cg16233151</t>
  </si>
  <si>
    <t>cg16247184</t>
  </si>
  <si>
    <t>cg16250023</t>
  </si>
  <si>
    <t>cg16251357</t>
  </si>
  <si>
    <t>cg16252131</t>
  </si>
  <si>
    <t>cg16252995</t>
  </si>
  <si>
    <t>cg16257434</t>
  </si>
  <si>
    <t>cg16262566</t>
  </si>
  <si>
    <t>cg16264807</t>
  </si>
  <si>
    <t>cg16265599</t>
  </si>
  <si>
    <t>cg16268449</t>
  </si>
  <si>
    <t>cg16268473</t>
  </si>
  <si>
    <t>cg16275894</t>
  </si>
  <si>
    <t>cg16276850</t>
  </si>
  <si>
    <t>cg16281322</t>
  </si>
  <si>
    <t>cg16286735</t>
  </si>
  <si>
    <t>cg16293484</t>
  </si>
  <si>
    <t>cg16296754</t>
  </si>
  <si>
    <t>cg16300419</t>
  </si>
  <si>
    <t>cg16301617</t>
  </si>
  <si>
    <t>cg16301857</t>
  </si>
  <si>
    <t>cg16306381</t>
  </si>
  <si>
    <t>cg16312900</t>
  </si>
  <si>
    <t>cg16315923</t>
  </si>
  <si>
    <t>cg16316944</t>
  </si>
  <si>
    <t>cg16317901</t>
  </si>
  <si>
    <t>cg16320249</t>
  </si>
  <si>
    <t>cg16320809</t>
  </si>
  <si>
    <t>cg16323498</t>
  </si>
  <si>
    <t>cg16325482</t>
  </si>
  <si>
    <t>cg16326696</t>
  </si>
  <si>
    <t>cg16328772</t>
  </si>
  <si>
    <t>cg16330558</t>
  </si>
  <si>
    <t>cg16332493</t>
  </si>
  <si>
    <t>cg16332577</t>
  </si>
  <si>
    <t>cg16333078</t>
  </si>
  <si>
    <t>cg16340178</t>
  </si>
  <si>
    <t>cg16341159</t>
  </si>
  <si>
    <t>cg16347155</t>
  </si>
  <si>
    <t>cg16347279</t>
  </si>
  <si>
    <t>cg16347361</t>
  </si>
  <si>
    <t>cg16352624</t>
  </si>
  <si>
    <t>cg16353615</t>
  </si>
  <si>
    <t>cg16357568</t>
  </si>
  <si>
    <t>cg16357768</t>
  </si>
  <si>
    <t>cg16358867</t>
  </si>
  <si>
    <t>cg16362949</t>
  </si>
  <si>
    <t>cg16366323</t>
  </si>
  <si>
    <t>cg16366607</t>
  </si>
  <si>
    <t>cg16366686</t>
  </si>
  <si>
    <t>cg16373176</t>
  </si>
  <si>
    <t>cg16374343</t>
  </si>
  <si>
    <t>cg16375265</t>
  </si>
  <si>
    <t>cg16375358</t>
  </si>
  <si>
    <t>cg16375728</t>
  </si>
  <si>
    <t>cg16376218</t>
  </si>
  <si>
    <t>cg16376379</t>
  </si>
  <si>
    <t>cg16378063</t>
  </si>
  <si>
    <t>cg16381019</t>
  </si>
  <si>
    <t>cg16381059</t>
  </si>
  <si>
    <t>cg16389984</t>
  </si>
  <si>
    <t>cg16391182</t>
  </si>
  <si>
    <t>cg16393688</t>
  </si>
  <si>
    <t>cg16393877</t>
  </si>
  <si>
    <t>cg16397722</t>
  </si>
  <si>
    <t>cg16398362</t>
  </si>
  <si>
    <t>cg16399589</t>
  </si>
  <si>
    <t>cg16400150</t>
  </si>
  <si>
    <t>cg16400238</t>
  </si>
  <si>
    <t>cg16400802</t>
  </si>
  <si>
    <t>cg16403854</t>
  </si>
  <si>
    <t>cg16413777</t>
  </si>
  <si>
    <t>cg16419345</t>
  </si>
  <si>
    <t>cg16423811</t>
  </si>
  <si>
    <t>cg16425057</t>
  </si>
  <si>
    <t>cg16427420</t>
  </si>
  <si>
    <t>cg16428008</t>
  </si>
  <si>
    <t>cg16429055</t>
  </si>
  <si>
    <t>cg16429214</t>
  </si>
  <si>
    <t>cg16430854</t>
  </si>
  <si>
    <t>cg16431233</t>
  </si>
  <si>
    <t>cg16441044</t>
  </si>
  <si>
    <t>cg16441248</t>
  </si>
  <si>
    <t>cg16443050</t>
  </si>
  <si>
    <t>cg16447486</t>
  </si>
  <si>
    <t>cg16449699</t>
  </si>
  <si>
    <t>cg16450103</t>
  </si>
  <si>
    <t>cg16452865</t>
  </si>
  <si>
    <t>cg16460383</t>
  </si>
  <si>
    <t>cg16460860</t>
  </si>
  <si>
    <t>cg16463557</t>
  </si>
  <si>
    <t>cg16464328</t>
  </si>
  <si>
    <t>cg16472369</t>
  </si>
  <si>
    <t>cg16473658</t>
  </si>
  <si>
    <t>cg16477091</t>
  </si>
  <si>
    <t>cg16477417</t>
  </si>
  <si>
    <t>cg16483033</t>
  </si>
  <si>
    <t>cg16501701</t>
  </si>
  <si>
    <t>cg16502437</t>
  </si>
  <si>
    <t>cg16502522</t>
  </si>
  <si>
    <t>cg16521309</t>
  </si>
  <si>
    <t>cg16521403</t>
  </si>
  <si>
    <t>cg16521594</t>
  </si>
  <si>
    <t>cg16530382</t>
  </si>
  <si>
    <t>cg16530881</t>
  </si>
  <si>
    <t>cg16532606</t>
  </si>
  <si>
    <t>cg16535018</t>
  </si>
  <si>
    <t>cg16535752</t>
  </si>
  <si>
    <t>cg16535788</t>
  </si>
  <si>
    <t>cg16536575</t>
  </si>
  <si>
    <t>cg16538568</t>
  </si>
  <si>
    <t>cg16544272</t>
  </si>
  <si>
    <t>cg16545079</t>
  </si>
  <si>
    <t>cg16546489</t>
  </si>
  <si>
    <t>cg16547235</t>
  </si>
  <si>
    <t>cg16548154</t>
  </si>
  <si>
    <t>cg16550485</t>
  </si>
  <si>
    <t>cg16551665</t>
  </si>
  <si>
    <t>cg16555536</t>
  </si>
  <si>
    <t>cg16556679</t>
  </si>
  <si>
    <t>cg16557178</t>
  </si>
  <si>
    <t>cg16557906</t>
  </si>
  <si>
    <t>cg16558432</t>
  </si>
  <si>
    <t>cg16561392</t>
  </si>
  <si>
    <t>cg16563370</t>
  </si>
  <si>
    <t>cg16564940</t>
  </si>
  <si>
    <t>cg16567202</t>
  </si>
  <si>
    <t>cg16568056</t>
  </si>
  <si>
    <t>cg16568256</t>
  </si>
  <si>
    <t>cg16568759</t>
  </si>
  <si>
    <t>cg16569407</t>
  </si>
  <si>
    <t>cg16570294</t>
  </si>
  <si>
    <t>cg16573346</t>
  </si>
  <si>
    <t>cg16574065</t>
  </si>
  <si>
    <t>cg16575427</t>
  </si>
  <si>
    <t>cg16578291</t>
  </si>
  <si>
    <t>cg16581097</t>
  </si>
  <si>
    <t>cg16592596</t>
  </si>
  <si>
    <t>cg16594296</t>
  </si>
  <si>
    <t>cg16594906</t>
  </si>
  <si>
    <t>cg16595056</t>
  </si>
  <si>
    <t>cg16596106</t>
  </si>
  <si>
    <t>cg16597406</t>
  </si>
  <si>
    <t>cg16601094</t>
  </si>
  <si>
    <t>cg16603176</t>
  </si>
  <si>
    <t>cg16607945</t>
  </si>
  <si>
    <t>cg16608731</t>
  </si>
  <si>
    <t>cg16610917</t>
  </si>
  <si>
    <t>cg16611352</t>
  </si>
  <si>
    <t>cg16612511</t>
  </si>
  <si>
    <t>cg16614940</t>
  </si>
  <si>
    <t>cg16616918</t>
  </si>
  <si>
    <t>cg16619311</t>
  </si>
  <si>
    <t>cg16619378</t>
  </si>
  <si>
    <t>cg16622353</t>
  </si>
  <si>
    <t>cg16624788</t>
  </si>
  <si>
    <t>cg16625402</t>
  </si>
  <si>
    <t>cg16626236</t>
  </si>
  <si>
    <t>cg16626322</t>
  </si>
  <si>
    <t>cg16629179</t>
  </si>
  <si>
    <t>cg16636204</t>
  </si>
  <si>
    <t>cg16636522</t>
  </si>
  <si>
    <t>cg16637223</t>
  </si>
  <si>
    <t>cg16637813</t>
  </si>
  <si>
    <t>cg16649771</t>
  </si>
  <si>
    <t>cg16652063</t>
  </si>
  <si>
    <t>cg16654603</t>
  </si>
  <si>
    <t>cg16656411</t>
  </si>
  <si>
    <t>cg16656428</t>
  </si>
  <si>
    <t>cg16656794</t>
  </si>
  <si>
    <t>cg16658582</t>
  </si>
  <si>
    <t>cg16659413</t>
  </si>
  <si>
    <t>cg16661744</t>
  </si>
  <si>
    <t>cg16662451</t>
  </si>
  <si>
    <t>cg16663459</t>
  </si>
  <si>
    <t>cg16670446</t>
  </si>
  <si>
    <t>cg16671079</t>
  </si>
  <si>
    <t>cg16672637</t>
  </si>
  <si>
    <t>cg16672659</t>
  </si>
  <si>
    <t>cg16673904</t>
  </si>
  <si>
    <t>cg16678099</t>
  </si>
  <si>
    <t>cg16678925</t>
  </si>
  <si>
    <t>cg16681349</t>
  </si>
  <si>
    <t>cg16681421</t>
  </si>
  <si>
    <t>cg16682454</t>
  </si>
  <si>
    <t>cg16686175</t>
  </si>
  <si>
    <t>cg16686185</t>
  </si>
  <si>
    <t>cg16691224</t>
  </si>
  <si>
    <t>cg16694354</t>
  </si>
  <si>
    <t>cg16695758</t>
  </si>
  <si>
    <t>cg16696476</t>
  </si>
  <si>
    <t>cg16699850</t>
  </si>
  <si>
    <t>cg16700758</t>
  </si>
  <si>
    <t>cg16701467</t>
  </si>
  <si>
    <t>cg16722931</t>
  </si>
  <si>
    <t>cg16723002</t>
  </si>
  <si>
    <t>cg16723994</t>
  </si>
  <si>
    <t>cg16732367</t>
  </si>
  <si>
    <t>cg16732654</t>
  </si>
  <si>
    <t>cg16734549</t>
  </si>
  <si>
    <t>cg16735646</t>
  </si>
  <si>
    <t>cg16755067</t>
  </si>
  <si>
    <t>cg16756330</t>
  </si>
  <si>
    <t>cg16757248</t>
  </si>
  <si>
    <t>cg16757821</t>
  </si>
  <si>
    <t>cg16757984</t>
  </si>
  <si>
    <t>cg16759952</t>
  </si>
  <si>
    <t>cg16759954</t>
  </si>
  <si>
    <t>cg16762195</t>
  </si>
  <si>
    <t>cg16765006</t>
  </si>
  <si>
    <t>cg16768937</t>
  </si>
  <si>
    <t>cg16772514</t>
  </si>
  <si>
    <t>cg16775460</t>
  </si>
  <si>
    <t>cg16776035</t>
  </si>
  <si>
    <t>cg16776874</t>
  </si>
  <si>
    <t>cg16777510</t>
  </si>
  <si>
    <t>cg16778811</t>
  </si>
  <si>
    <t>cg16779580</t>
  </si>
  <si>
    <t>cg16780784</t>
  </si>
  <si>
    <t>cg16780847</t>
  </si>
  <si>
    <t>cg16781907</t>
  </si>
  <si>
    <t>cg16792613</t>
  </si>
  <si>
    <t>cg16794390</t>
  </si>
  <si>
    <t>cg16801102</t>
  </si>
  <si>
    <t>cg16803122</t>
  </si>
  <si>
    <t>cg16807061</t>
  </si>
  <si>
    <t>cg16807961</t>
  </si>
  <si>
    <t>cg16811108</t>
  </si>
  <si>
    <t>cg16818627</t>
  </si>
  <si>
    <t>cg16818787</t>
  </si>
  <si>
    <t>cg16818830</t>
  </si>
  <si>
    <t>cg16822095</t>
  </si>
  <si>
    <t>cg16824477</t>
  </si>
  <si>
    <t>cg16824740</t>
  </si>
  <si>
    <t>cg16825062</t>
  </si>
  <si>
    <t>cg16825173</t>
  </si>
  <si>
    <t>cg16825319</t>
  </si>
  <si>
    <t>cg16826286</t>
  </si>
  <si>
    <t>cg16826504</t>
  </si>
  <si>
    <t>cg16826777</t>
  </si>
  <si>
    <t>cg16827186</t>
  </si>
  <si>
    <t>cg16830078</t>
  </si>
  <si>
    <t>cg16830379</t>
  </si>
  <si>
    <t>cg16831331</t>
  </si>
  <si>
    <t>cg16833167</t>
  </si>
  <si>
    <t>cg16833452</t>
  </si>
  <si>
    <t>cg16835502</t>
  </si>
  <si>
    <t>cg16837973</t>
  </si>
  <si>
    <t>cg16862528</t>
  </si>
  <si>
    <t>cg16864825</t>
  </si>
  <si>
    <t>cg16864867</t>
  </si>
  <si>
    <t>cg16865890</t>
  </si>
  <si>
    <t>cg16866257</t>
  </si>
  <si>
    <t>cg16876461</t>
  </si>
  <si>
    <t>cg16879936</t>
  </si>
  <si>
    <t>cg16886414</t>
  </si>
  <si>
    <t>cg16886471</t>
  </si>
  <si>
    <t>cg16887170</t>
  </si>
  <si>
    <t>cg16892303</t>
  </si>
  <si>
    <t>cg16893174</t>
  </si>
  <si>
    <t>cg16896344</t>
  </si>
  <si>
    <t>cg16896879</t>
  </si>
  <si>
    <t>cg16897462</t>
  </si>
  <si>
    <t>cg16897885</t>
  </si>
  <si>
    <t>cg16904599</t>
  </si>
  <si>
    <t>cg16910379</t>
  </si>
  <si>
    <t>cg16918327</t>
  </si>
  <si>
    <t>cg16920407</t>
  </si>
  <si>
    <t>cg16927232</t>
  </si>
  <si>
    <t>cg16928046</t>
  </si>
  <si>
    <t>cg16928487</t>
  </si>
  <si>
    <t>cg16929041</t>
  </si>
  <si>
    <t>cg16935597</t>
  </si>
  <si>
    <t>cg16935790</t>
  </si>
  <si>
    <t>cg16949378</t>
  </si>
  <si>
    <t>cg16950616</t>
  </si>
  <si>
    <t>cg16950726</t>
  </si>
  <si>
    <t>cg16953473</t>
  </si>
  <si>
    <t>cg16957323</t>
  </si>
  <si>
    <t>cg16959037</t>
  </si>
  <si>
    <t>cg16963138</t>
  </si>
  <si>
    <t>cg16964464</t>
  </si>
  <si>
    <t>cg16979622</t>
  </si>
  <si>
    <t>cg16980360</t>
  </si>
  <si>
    <t>cg16983055</t>
  </si>
  <si>
    <t>cg16983627</t>
  </si>
  <si>
    <t>cg16985966</t>
  </si>
  <si>
    <t>cg16987606</t>
  </si>
  <si>
    <t>cg16988970</t>
  </si>
  <si>
    <t>cg16989148</t>
  </si>
  <si>
    <t>cg16999636</t>
  </si>
  <si>
    <t>cg17000593</t>
  </si>
  <si>
    <t>cg17003199</t>
  </si>
  <si>
    <t>cg17003260</t>
  </si>
  <si>
    <t>cg17005273</t>
  </si>
  <si>
    <t>cg17006667</t>
  </si>
  <si>
    <t>cg17015522</t>
  </si>
  <si>
    <t>cg17016524</t>
  </si>
  <si>
    <t>cg17018021</t>
  </si>
  <si>
    <t>cg17019969</t>
  </si>
  <si>
    <t>cg17024199</t>
  </si>
  <si>
    <t>cg17024482</t>
  </si>
  <si>
    <t>cg17028080</t>
  </si>
  <si>
    <t>cg17028259</t>
  </si>
  <si>
    <t>cg17029237</t>
  </si>
  <si>
    <t>cg17032081</t>
  </si>
  <si>
    <t>cg17033684</t>
  </si>
  <si>
    <t>cg17033854</t>
  </si>
  <si>
    <t>cg17035997</t>
  </si>
  <si>
    <t>cg17040807</t>
  </si>
  <si>
    <t>cg17041511</t>
  </si>
  <si>
    <t>cg17045044</t>
  </si>
  <si>
    <t>cg17045539</t>
  </si>
  <si>
    <t>cg17046484</t>
  </si>
  <si>
    <t>cg17046823</t>
  </si>
  <si>
    <t>cg17050097</t>
  </si>
  <si>
    <t>cg17050693</t>
  </si>
  <si>
    <t>cg17052783</t>
  </si>
  <si>
    <t>cg17056607</t>
  </si>
  <si>
    <t>cg17058616</t>
  </si>
  <si>
    <t>cg17060157</t>
  </si>
  <si>
    <t>cg17065262</t>
  </si>
  <si>
    <t>cg17065601</t>
  </si>
  <si>
    <t>cg17067993</t>
  </si>
  <si>
    <t>cg17069533</t>
  </si>
  <si>
    <t>cg17071855</t>
  </si>
  <si>
    <t>cg17072368</t>
  </si>
  <si>
    <t>cg17072465</t>
  </si>
  <si>
    <t>cg17075258</t>
  </si>
  <si>
    <t>cg17079806</t>
  </si>
  <si>
    <t>cg17091893</t>
  </si>
  <si>
    <t>cg17093855</t>
  </si>
  <si>
    <t>cg17096374</t>
  </si>
  <si>
    <t>cg17096412</t>
  </si>
  <si>
    <t>cg17100770</t>
  </si>
  <si>
    <t>cg17101843</t>
  </si>
  <si>
    <t>cg17102112</t>
  </si>
  <si>
    <t>cg17102495</t>
  </si>
  <si>
    <t>cg17108859</t>
  </si>
  <si>
    <t>cg17110400</t>
  </si>
  <si>
    <t>cg17112975</t>
  </si>
  <si>
    <t>cg17113147</t>
  </si>
  <si>
    <t>cg17115402</t>
  </si>
  <si>
    <t>cg17118262</t>
  </si>
  <si>
    <t>cg17118948</t>
  </si>
  <si>
    <t>cg17119387</t>
  </si>
  <si>
    <t>cg17123029</t>
  </si>
  <si>
    <t>cg17125699</t>
  </si>
  <si>
    <t>cg17129331</t>
  </si>
  <si>
    <t>cg17129388</t>
  </si>
  <si>
    <t>cg17129554</t>
  </si>
  <si>
    <t>cg17129576</t>
  </si>
  <si>
    <t>cg17137380</t>
  </si>
  <si>
    <t>cg17138359</t>
  </si>
  <si>
    <t>cg17142404</t>
  </si>
  <si>
    <t>cg17142723</t>
  </si>
  <si>
    <t>cg17143303</t>
  </si>
  <si>
    <t>cg17143972</t>
  </si>
  <si>
    <t>cg17154395</t>
  </si>
  <si>
    <t>cg17155978</t>
  </si>
  <si>
    <t>cg17161537</t>
  </si>
  <si>
    <t>cg17170819</t>
  </si>
  <si>
    <t>cg17178468</t>
  </si>
  <si>
    <t>cg17178761</t>
  </si>
  <si>
    <t>cg17179099</t>
  </si>
  <si>
    <t>cg17180011</t>
  </si>
  <si>
    <t>cg17180742</t>
  </si>
  <si>
    <t>cg17181019</t>
  </si>
  <si>
    <t>cg17182054</t>
  </si>
  <si>
    <t>cg17185810</t>
  </si>
  <si>
    <t>cg17186990</t>
  </si>
  <si>
    <t>cg17189639</t>
  </si>
  <si>
    <t>cg17190117</t>
  </si>
  <si>
    <t>cg17191872</t>
  </si>
  <si>
    <t>cg17192511</t>
  </si>
  <si>
    <t>cg17194728</t>
  </si>
  <si>
    <t>cg17196805</t>
  </si>
  <si>
    <t>cg17198019</t>
  </si>
  <si>
    <t>cg17199113</t>
  </si>
  <si>
    <t>cg17199367</t>
  </si>
  <si>
    <t>cg17201438</t>
  </si>
  <si>
    <t>cg17202724</t>
  </si>
  <si>
    <t>cg17203352</t>
  </si>
  <si>
    <t>cg17205988</t>
  </si>
  <si>
    <t>cg17207000</t>
  </si>
  <si>
    <t>cg17210604</t>
  </si>
  <si>
    <t>cg17212073</t>
  </si>
  <si>
    <t>cg17215234</t>
  </si>
  <si>
    <t>cg17217096</t>
  </si>
  <si>
    <t>cg17217295</t>
  </si>
  <si>
    <t>cg17217443</t>
  </si>
  <si>
    <t>cg17219432</t>
  </si>
  <si>
    <t>cg17222164</t>
  </si>
  <si>
    <t>cg17224892</t>
  </si>
  <si>
    <t>cg17228560</t>
  </si>
  <si>
    <t>cg17231347</t>
  </si>
  <si>
    <t>cg17233506</t>
  </si>
  <si>
    <t>cg17233517</t>
  </si>
  <si>
    <t>cg17248183</t>
  </si>
  <si>
    <t>cg17250296</t>
  </si>
  <si>
    <t>cg17254383</t>
  </si>
  <si>
    <t>cg17254701</t>
  </si>
  <si>
    <t>cg17255150</t>
  </si>
  <si>
    <t>cg17255712</t>
  </si>
  <si>
    <t>cg17257596</t>
  </si>
  <si>
    <t>cg17258265</t>
  </si>
  <si>
    <t>cg17258364</t>
  </si>
  <si>
    <t>cg17258741</t>
  </si>
  <si>
    <t>cg17258816</t>
  </si>
  <si>
    <t>cg17260180</t>
  </si>
  <si>
    <t>cg17261211</t>
  </si>
  <si>
    <t>cg17265120</t>
  </si>
  <si>
    <t>cg17265693</t>
  </si>
  <si>
    <t>cg17267493</t>
  </si>
  <si>
    <t>cg17269581</t>
  </si>
  <si>
    <t>cg17274378</t>
  </si>
  <si>
    <t>cg17278864</t>
  </si>
  <si>
    <t>cg17279327</t>
  </si>
  <si>
    <t>cg17280106</t>
  </si>
  <si>
    <t>cg17280134</t>
  </si>
  <si>
    <t>cg17284809</t>
  </si>
  <si>
    <t>cg17290136</t>
  </si>
  <si>
    <t>cg17290636</t>
  </si>
  <si>
    <t>cg17292463</t>
  </si>
  <si>
    <t>cg17294330</t>
  </si>
  <si>
    <t>cg17295235</t>
  </si>
  <si>
    <t>cg17301311</t>
  </si>
  <si>
    <t>cg17301842</t>
  </si>
  <si>
    <t>cg17314478</t>
  </si>
  <si>
    <t>cg17314998</t>
  </si>
  <si>
    <t>cg17315679</t>
  </si>
  <si>
    <t>cg17319889</t>
  </si>
  <si>
    <t>cg17323027</t>
  </si>
  <si>
    <t>cg17323298</t>
  </si>
  <si>
    <t>cg17324776</t>
  </si>
  <si>
    <t>cg17325958</t>
  </si>
  <si>
    <t>cg17326994</t>
  </si>
  <si>
    <t>cg17327986</t>
  </si>
  <si>
    <t>cg17329859</t>
  </si>
  <si>
    <t>cg17330305</t>
  </si>
  <si>
    <t>cg17332016</t>
  </si>
  <si>
    <t>cg17332379</t>
  </si>
  <si>
    <t>cg17333424</t>
  </si>
  <si>
    <t>cg17334389</t>
  </si>
  <si>
    <t>cg17334453</t>
  </si>
  <si>
    <t>cg17337048</t>
  </si>
  <si>
    <t>cg17338258</t>
  </si>
  <si>
    <t>cg17342247</t>
  </si>
  <si>
    <t>cg17346145</t>
  </si>
  <si>
    <t>cg17346650</t>
  </si>
  <si>
    <t>cg17347326</t>
  </si>
  <si>
    <t>cg17347851</t>
  </si>
  <si>
    <t>cg17351862</t>
  </si>
  <si>
    <t>cg17351882</t>
  </si>
  <si>
    <t>cg17353900</t>
  </si>
  <si>
    <t>cg17355042</t>
  </si>
  <si>
    <t>cg17366325</t>
  </si>
  <si>
    <t>cg17366410</t>
  </si>
  <si>
    <t>cg17367194</t>
  </si>
  <si>
    <t>cg17367243</t>
  </si>
  <si>
    <t>cg17367948</t>
  </si>
  <si>
    <t>cg17368500</t>
  </si>
  <si>
    <t>cg17369032</t>
  </si>
  <si>
    <t>cg17369059</t>
  </si>
  <si>
    <t>cg17372941</t>
  </si>
  <si>
    <t>cg17374802</t>
  </si>
  <si>
    <t>cg17377647</t>
  </si>
  <si>
    <t>cg17379666</t>
  </si>
  <si>
    <t>cg17380770</t>
  </si>
  <si>
    <t>cg17381692</t>
  </si>
  <si>
    <t>cg17385679</t>
  </si>
  <si>
    <t>cg17391942</t>
  </si>
  <si>
    <t>cg17399352</t>
  </si>
  <si>
    <t>cg17406383</t>
  </si>
  <si>
    <t>cg17410625</t>
  </si>
  <si>
    <t>cg17411949</t>
  </si>
  <si>
    <t>cg17413194</t>
  </si>
  <si>
    <t>cg17415381</t>
  </si>
  <si>
    <t>cg17415576</t>
  </si>
  <si>
    <t>cg17416383</t>
  </si>
  <si>
    <t>cg17428774</t>
  </si>
  <si>
    <t>cg17430821</t>
  </si>
  <si>
    <t>cg17432061</t>
  </si>
  <si>
    <t>cg17434577</t>
  </si>
  <si>
    <t>cg17434724</t>
  </si>
  <si>
    <t>cg17442269</t>
  </si>
  <si>
    <t>cg17442852</t>
  </si>
  <si>
    <t>cg17444582</t>
  </si>
  <si>
    <t>cg17447791</t>
  </si>
  <si>
    <t>cg17456644</t>
  </si>
  <si>
    <t>cg17457912</t>
  </si>
  <si>
    <t>cg17457925</t>
  </si>
  <si>
    <t>cg17460204</t>
  </si>
  <si>
    <t>cg17462329</t>
  </si>
  <si>
    <t>cg17465549</t>
  </si>
  <si>
    <t>cg17471062</t>
  </si>
  <si>
    <t>cg17476101</t>
  </si>
  <si>
    <t>cg17476649</t>
  </si>
  <si>
    <t>cg17477946</t>
  </si>
  <si>
    <t>cg17482927</t>
  </si>
  <si>
    <t>cg17512993</t>
  </si>
  <si>
    <t>cg17523868</t>
  </si>
  <si>
    <t>cg17525654</t>
  </si>
  <si>
    <t>cg17528967</t>
  </si>
  <si>
    <t>cg17529058</t>
  </si>
  <si>
    <t>cg17530586</t>
  </si>
  <si>
    <t>cg17530782</t>
  </si>
  <si>
    <t>cg17533847</t>
  </si>
  <si>
    <t>cg17544904</t>
  </si>
  <si>
    <t>cg17547157</t>
  </si>
  <si>
    <t>cg17548844</t>
  </si>
  <si>
    <t>cg17549513</t>
  </si>
  <si>
    <t>cg17549878</t>
  </si>
  <si>
    <t>cg17552029</t>
  </si>
  <si>
    <t>cg17552093</t>
  </si>
  <si>
    <t>cg17555470</t>
  </si>
  <si>
    <t>cg17557704</t>
  </si>
  <si>
    <t>cg17559549</t>
  </si>
  <si>
    <t>cg17560338</t>
  </si>
  <si>
    <t>cg17560340</t>
  </si>
  <si>
    <t>cg17562963</t>
  </si>
  <si>
    <t>cg17563271</t>
  </si>
  <si>
    <t>cg17568035</t>
  </si>
  <si>
    <t>cg17569492</t>
  </si>
  <si>
    <t>cg17570483</t>
  </si>
  <si>
    <t>cg17574251</t>
  </si>
  <si>
    <t>cg17579154</t>
  </si>
  <si>
    <t>cg17579753</t>
  </si>
  <si>
    <t>cg17580178</t>
  </si>
  <si>
    <t>cg17580614</t>
  </si>
  <si>
    <t>cg17581104</t>
  </si>
  <si>
    <t>cg17581200</t>
  </si>
  <si>
    <t>cg17585025</t>
  </si>
  <si>
    <t>cg17585031</t>
  </si>
  <si>
    <t>cg17585356</t>
  </si>
  <si>
    <t>cg17587682</t>
  </si>
  <si>
    <t>cg17591341</t>
  </si>
  <si>
    <t>cg17596554</t>
  </si>
  <si>
    <t>cg17601710</t>
  </si>
  <si>
    <t>cg17601801</t>
  </si>
  <si>
    <t>cg17607722</t>
  </si>
  <si>
    <t>cg17609294</t>
  </si>
  <si>
    <t>cg17611765</t>
  </si>
  <si>
    <t>cg17612147</t>
  </si>
  <si>
    <t>cg17613452</t>
  </si>
  <si>
    <t>cg17614750</t>
  </si>
  <si>
    <t>cg17614801</t>
  </si>
  <si>
    <t>cg17616192</t>
  </si>
  <si>
    <t>cg17617805</t>
  </si>
  <si>
    <t>cg17628249</t>
  </si>
  <si>
    <t>cg17628468</t>
  </si>
  <si>
    <t>cg17628867</t>
  </si>
  <si>
    <t>cg17639046</t>
  </si>
  <si>
    <t>cg17641443</t>
  </si>
  <si>
    <t>cg17645598</t>
  </si>
  <si>
    <t>cg17646273</t>
  </si>
  <si>
    <t>cg17650713</t>
  </si>
  <si>
    <t>cg17653341</t>
  </si>
  <si>
    <t>cg17658638</t>
  </si>
  <si>
    <t>cg17661955</t>
  </si>
  <si>
    <t>cg17663577</t>
  </si>
  <si>
    <t>cg17663700</t>
  </si>
  <si>
    <t>cg17665699</t>
  </si>
  <si>
    <t>cg17670512</t>
  </si>
  <si>
    <t>cg17675301</t>
  </si>
  <si>
    <t>cg17677397</t>
  </si>
  <si>
    <t>cg17677987</t>
  </si>
  <si>
    <t>cg17679743</t>
  </si>
  <si>
    <t>cg17681255</t>
  </si>
  <si>
    <t>cg17686885</t>
  </si>
  <si>
    <t>cg17697835</t>
  </si>
  <si>
    <t>cg17703078</t>
  </si>
  <si>
    <t>cg17704343</t>
  </si>
  <si>
    <t>cg17707493</t>
  </si>
  <si>
    <t>cg17713864</t>
  </si>
  <si>
    <t>cg17716661</t>
  </si>
  <si>
    <t>cg17718576</t>
  </si>
  <si>
    <t>cg17723549</t>
  </si>
  <si>
    <t>cg17730176</t>
  </si>
  <si>
    <t>cg17730758</t>
  </si>
  <si>
    <t>cg17736285</t>
  </si>
  <si>
    <t>cg17740401</t>
  </si>
  <si>
    <t>cg17740959</t>
  </si>
  <si>
    <t>cg17742418</t>
  </si>
  <si>
    <t>cg17742559</t>
  </si>
  <si>
    <t>cg17743580</t>
  </si>
  <si>
    <t>cg17746119</t>
  </si>
  <si>
    <t>cg17748242</t>
  </si>
  <si>
    <t>cg17749033</t>
  </si>
  <si>
    <t>cg17749454</t>
  </si>
  <si>
    <t>cg17749520</t>
  </si>
  <si>
    <t>cg17751684</t>
  </si>
  <si>
    <t>cg17751776</t>
  </si>
  <si>
    <t>cg17751892</t>
  </si>
  <si>
    <t>cg17752707</t>
  </si>
  <si>
    <t>cg17753212</t>
  </si>
  <si>
    <t>cg17755564</t>
  </si>
  <si>
    <t>cg17757575</t>
  </si>
  <si>
    <t>cg17775235</t>
  </si>
  <si>
    <t>cg17776688</t>
  </si>
  <si>
    <t>cg17777228</t>
  </si>
  <si>
    <t>cg17778721</t>
  </si>
  <si>
    <t>cg17779676</t>
  </si>
  <si>
    <t>cg17780413</t>
  </si>
  <si>
    <t>cg17780682</t>
  </si>
  <si>
    <t>cg17780687</t>
  </si>
  <si>
    <t>cg17781958</t>
  </si>
  <si>
    <t>cg17783593</t>
  </si>
  <si>
    <t>cg17783815</t>
  </si>
  <si>
    <t>cg17784528</t>
  </si>
  <si>
    <t>cg17787710</t>
  </si>
  <si>
    <t>cg17787990</t>
  </si>
  <si>
    <t>cg17792108</t>
  </si>
  <si>
    <t>cg17797591</t>
  </si>
  <si>
    <t>cg17803467</t>
  </si>
  <si>
    <t>cg17807001</t>
  </si>
  <si>
    <t>cg17808011</t>
  </si>
  <si>
    <t>cg17809280</t>
  </si>
  <si>
    <t>cg17817350</t>
  </si>
  <si>
    <t>cg17818061</t>
  </si>
  <si>
    <t>cg17820591</t>
  </si>
  <si>
    <t>cg17828456</t>
  </si>
  <si>
    <t>cg17829984</t>
  </si>
  <si>
    <t>cg17830209</t>
  </si>
  <si>
    <t>cg17832704</t>
  </si>
  <si>
    <t>cg17837191</t>
  </si>
  <si>
    <t>cg17837789</t>
  </si>
  <si>
    <t>cg17839611</t>
  </si>
  <si>
    <t>cg17840501</t>
  </si>
  <si>
    <t>cg17840858</t>
  </si>
  <si>
    <t>cg17842670</t>
  </si>
  <si>
    <t>cg17844831</t>
  </si>
  <si>
    <t>cg17852482</t>
  </si>
  <si>
    <t>cg17852791</t>
  </si>
  <si>
    <t>cg17852841</t>
  </si>
  <si>
    <t>cg17853801</t>
  </si>
  <si>
    <t>cg17854297</t>
  </si>
  <si>
    <t>cg17861836</t>
  </si>
  <si>
    <t>cg17862368</t>
  </si>
  <si>
    <t>cg17863312</t>
  </si>
  <si>
    <t>cg17864156</t>
  </si>
  <si>
    <t>cg17864646</t>
  </si>
  <si>
    <t>cg17865108</t>
  </si>
  <si>
    <t>cg17867848</t>
  </si>
  <si>
    <t>cg17872658</t>
  </si>
  <si>
    <t>cg17875156</t>
  </si>
  <si>
    <t>cg17876332</t>
  </si>
  <si>
    <t>cg17881042</t>
  </si>
  <si>
    <t>cg17881353</t>
  </si>
  <si>
    <t>cg17887478</t>
  </si>
  <si>
    <t>cg17888554</t>
  </si>
  <si>
    <t>cg17890928</t>
  </si>
  <si>
    <t>cg17891226</t>
  </si>
  <si>
    <t>cg17892169</t>
  </si>
  <si>
    <t>cg17894008</t>
  </si>
  <si>
    <t>cg17895236</t>
  </si>
  <si>
    <t>cg17895730</t>
  </si>
  <si>
    <t>cg17896880</t>
  </si>
  <si>
    <t>cg17900015</t>
  </si>
  <si>
    <t>cg17900593</t>
  </si>
  <si>
    <t>cg17900697</t>
  </si>
  <si>
    <t>cg17906332</t>
  </si>
  <si>
    <t>cg17907739</t>
  </si>
  <si>
    <t>cg17916916</t>
  </si>
  <si>
    <t>cg17918965</t>
  </si>
  <si>
    <t>cg17921248</t>
  </si>
  <si>
    <t>cg17924415</t>
  </si>
  <si>
    <t>cg17928869</t>
  </si>
  <si>
    <t>cg17929859</t>
  </si>
  <si>
    <t>cg17933764</t>
  </si>
  <si>
    <t>cg17934365</t>
  </si>
  <si>
    <t>cg17936051</t>
  </si>
  <si>
    <t>cg17938383</t>
  </si>
  <si>
    <t>cg17942030</t>
  </si>
  <si>
    <t>cg17942053</t>
  </si>
  <si>
    <t>cg17942929</t>
  </si>
  <si>
    <t>cg17943663</t>
  </si>
  <si>
    <t>cg17944561</t>
  </si>
  <si>
    <t>cg17944774</t>
  </si>
  <si>
    <t>cg17953577</t>
  </si>
  <si>
    <t>cg17955325</t>
  </si>
  <si>
    <t>cg17956832</t>
  </si>
  <si>
    <t>cg17958132</t>
  </si>
  <si>
    <t>cg17958984</t>
  </si>
  <si>
    <t>cg17960080</t>
  </si>
  <si>
    <t>cg17975663</t>
  </si>
  <si>
    <t>cg17976065</t>
  </si>
  <si>
    <t>cg17976625</t>
  </si>
  <si>
    <t>cg17976731</t>
  </si>
  <si>
    <t>cg17977273</t>
  </si>
  <si>
    <t>cg17977580</t>
  </si>
  <si>
    <t>cg17978293</t>
  </si>
  <si>
    <t>cg17980404</t>
  </si>
  <si>
    <t>cg17985300</t>
  </si>
  <si>
    <t>cg17985418</t>
  </si>
  <si>
    <t>cg17987384</t>
  </si>
  <si>
    <t>cg17989037</t>
  </si>
  <si>
    <t>cg17989572</t>
  </si>
  <si>
    <t>cg17993985</t>
  </si>
  <si>
    <t>cg17996892</t>
  </si>
  <si>
    <t>cg17998822</t>
  </si>
  <si>
    <t>cg18002862</t>
  </si>
  <si>
    <t>cg18007049</t>
  </si>
  <si>
    <t>cg18008269</t>
  </si>
  <si>
    <t>cg18008451</t>
  </si>
  <si>
    <t>cg18011274</t>
  </si>
  <si>
    <t>cg18013303</t>
  </si>
  <si>
    <t>cg18013419</t>
  </si>
  <si>
    <t>cg18014543</t>
  </si>
  <si>
    <t>cg18015026</t>
  </si>
  <si>
    <t>cg18016128</t>
  </si>
  <si>
    <t>cg18017908</t>
  </si>
  <si>
    <t>cg18025838</t>
  </si>
  <si>
    <t>cg18026826</t>
  </si>
  <si>
    <t>cg18027529</t>
  </si>
  <si>
    <t>cg18032289</t>
  </si>
  <si>
    <t>cg18033416</t>
  </si>
  <si>
    <t>cg18033628</t>
  </si>
  <si>
    <t>cg18034329</t>
  </si>
  <si>
    <t>cg18036653</t>
  </si>
  <si>
    <t>cg18039474</t>
  </si>
  <si>
    <t>cg18041642</t>
  </si>
  <si>
    <t>cg18042079</t>
  </si>
  <si>
    <t>cg18043070</t>
  </si>
  <si>
    <t>cg18043280</t>
  </si>
  <si>
    <t>cg18043825</t>
  </si>
  <si>
    <t>cg18048405</t>
  </si>
  <si>
    <t>cg18052139</t>
  </si>
  <si>
    <t>cg18052778</t>
  </si>
  <si>
    <t>cg18056303</t>
  </si>
  <si>
    <t>cg18057904</t>
  </si>
  <si>
    <t>cg18058895</t>
  </si>
  <si>
    <t>cg18060242</t>
  </si>
  <si>
    <t>cg18061678</t>
  </si>
  <si>
    <t>cg18062196</t>
  </si>
  <si>
    <t>cg18063493</t>
  </si>
  <si>
    <t>cg18068256</t>
  </si>
  <si>
    <t>cg18070562</t>
  </si>
  <si>
    <t>cg18070630</t>
  </si>
  <si>
    <t>cg18082885</t>
  </si>
  <si>
    <t>cg18083597</t>
  </si>
  <si>
    <t>cg18085862</t>
  </si>
  <si>
    <t>cg18087902</t>
  </si>
  <si>
    <t>cg18089193</t>
  </si>
  <si>
    <t>cg18089810</t>
  </si>
  <si>
    <t>cg18091275</t>
  </si>
  <si>
    <t>cg18093559</t>
  </si>
  <si>
    <t>cg18098089</t>
  </si>
  <si>
    <t>cg18098187</t>
  </si>
  <si>
    <t>cg18098335</t>
  </si>
  <si>
    <t>cg18098769</t>
  </si>
  <si>
    <t>cg18100532</t>
  </si>
  <si>
    <t>cg18104645</t>
  </si>
  <si>
    <t>cg18105529</t>
  </si>
  <si>
    <t>cg18105735</t>
  </si>
  <si>
    <t>cg18105842</t>
  </si>
  <si>
    <t>cg18108623</t>
  </si>
  <si>
    <t>cg18119429</t>
  </si>
  <si>
    <t>cg18121601</t>
  </si>
  <si>
    <t>cg18123596</t>
  </si>
  <si>
    <t>cg18123753</t>
  </si>
  <si>
    <t>cg18124488</t>
  </si>
  <si>
    <t>cg18124852</t>
  </si>
  <si>
    <t>cg18126613</t>
  </si>
  <si>
    <t>cg18127922</t>
  </si>
  <si>
    <t>cg18129105</t>
  </si>
  <si>
    <t>cg18129628</t>
  </si>
  <si>
    <t>cg18131365</t>
  </si>
  <si>
    <t>cg18145340</t>
  </si>
  <si>
    <t>cg18146300</t>
  </si>
  <si>
    <t>cg18146389</t>
  </si>
  <si>
    <t>cg18152830</t>
  </si>
  <si>
    <t>cg18153061</t>
  </si>
  <si>
    <t>cg18156278</t>
  </si>
  <si>
    <t>cg18161036</t>
  </si>
  <si>
    <t>cg18163227</t>
  </si>
  <si>
    <t>cg18170751</t>
  </si>
  <si>
    <t>cg18173263</t>
  </si>
  <si>
    <t>cg18173351</t>
  </si>
  <si>
    <t>cg18179002</t>
  </si>
  <si>
    <t>cg18181134</t>
  </si>
  <si>
    <t>cg18181209</t>
  </si>
  <si>
    <t>cg18181703</t>
  </si>
  <si>
    <t>cg18181787</t>
  </si>
  <si>
    <t>cg18181904</t>
  </si>
  <si>
    <t>cg18181954</t>
  </si>
  <si>
    <t>cg18183214</t>
  </si>
  <si>
    <t>cg18185665</t>
  </si>
  <si>
    <t>cg18186771</t>
  </si>
  <si>
    <t>cg18190433</t>
  </si>
  <si>
    <t>cg18194032</t>
  </si>
  <si>
    <t>cg18197398</t>
  </si>
  <si>
    <t>cg18198734</t>
  </si>
  <si>
    <t>cg18200150</t>
  </si>
  <si>
    <t>cg18207999</t>
  </si>
  <si>
    <t>cg18210160</t>
  </si>
  <si>
    <t>cg18210619</t>
  </si>
  <si>
    <t>cg18211249</t>
  </si>
  <si>
    <t>cg18211263</t>
  </si>
  <si>
    <t>cg18213979</t>
  </si>
  <si>
    <t>cg18219562</t>
  </si>
  <si>
    <t>cg18227216</t>
  </si>
  <si>
    <t>cg18238623</t>
  </si>
  <si>
    <t>cg18240347</t>
  </si>
  <si>
    <t>cg18241672</t>
  </si>
  <si>
    <t>cg18247177</t>
  </si>
  <si>
    <t>cg18247852</t>
  </si>
  <si>
    <t>cg18248022</t>
  </si>
  <si>
    <t>cg18248273</t>
  </si>
  <si>
    <t>cg18255166</t>
  </si>
  <si>
    <t>cg18256790</t>
  </si>
  <si>
    <t>cg18257852</t>
  </si>
  <si>
    <t>cg18258716</t>
  </si>
  <si>
    <t>cg18259003</t>
  </si>
  <si>
    <t>cg18259339</t>
  </si>
  <si>
    <t>cg18260555</t>
  </si>
  <si>
    <t>cg18264219</t>
  </si>
  <si>
    <t>cg18264284</t>
  </si>
  <si>
    <t>cg18278729</t>
  </si>
  <si>
    <t>cg18303242</t>
  </si>
  <si>
    <t>cg18303410</t>
  </si>
  <si>
    <t>cg18306406</t>
  </si>
  <si>
    <t>cg18308351</t>
  </si>
  <si>
    <t>cg18311384</t>
  </si>
  <si>
    <t>cg18312782</t>
  </si>
  <si>
    <t>cg18312989</t>
  </si>
  <si>
    <t>cg18318636</t>
  </si>
  <si>
    <t>cg18323018</t>
  </si>
  <si>
    <t>cg18324432</t>
  </si>
  <si>
    <t>cg18326232</t>
  </si>
  <si>
    <t>cg18328477</t>
  </si>
  <si>
    <t>cg18328681</t>
  </si>
  <si>
    <t>cg18337735</t>
  </si>
  <si>
    <t>cg18338311</t>
  </si>
  <si>
    <t>cg18340535</t>
  </si>
  <si>
    <t>cg18345635</t>
  </si>
  <si>
    <t>cg18346531</t>
  </si>
  <si>
    <t>cg18347010</t>
  </si>
  <si>
    <t>cg18350520</t>
  </si>
  <si>
    <t>cg18350786</t>
  </si>
  <si>
    <t>cg18358509</t>
  </si>
  <si>
    <t>cg18363008</t>
  </si>
  <si>
    <t>cg18366149</t>
  </si>
  <si>
    <t>cg18369972</t>
  </si>
  <si>
    <t>cg18372208</t>
  </si>
  <si>
    <t>cg18374322</t>
  </si>
  <si>
    <t>cg18379455</t>
  </si>
  <si>
    <t>cg18384893</t>
  </si>
  <si>
    <t>cg18385501</t>
  </si>
  <si>
    <t>cg18386883</t>
  </si>
  <si>
    <t>cg18391427</t>
  </si>
  <si>
    <t>cg18391467</t>
  </si>
  <si>
    <t>cg18391770</t>
  </si>
  <si>
    <t>cg18393046</t>
  </si>
  <si>
    <t>cg18394567</t>
  </si>
  <si>
    <t>cg18395355</t>
  </si>
  <si>
    <t>cg18396911</t>
  </si>
  <si>
    <t>cg18397357</t>
  </si>
  <si>
    <t>cg18401391</t>
  </si>
  <si>
    <t>cg18402166</t>
  </si>
  <si>
    <t>cg18402261</t>
  </si>
  <si>
    <t>cg18403478</t>
  </si>
  <si>
    <t>cg18404811</t>
  </si>
  <si>
    <t>cg18405262</t>
  </si>
  <si>
    <t>cg18407309</t>
  </si>
  <si>
    <t>cg18410271</t>
  </si>
  <si>
    <t>cg18413116</t>
  </si>
  <si>
    <t>cg18418479</t>
  </si>
  <si>
    <t>cg18421167</t>
  </si>
  <si>
    <t>cg18423549</t>
  </si>
  <si>
    <t>cg18425570</t>
  </si>
  <si>
    <t>cg18425700</t>
  </si>
  <si>
    <t>cg18426477</t>
  </si>
  <si>
    <t>cg18426551</t>
  </si>
  <si>
    <t>cg18427091</t>
  </si>
  <si>
    <t>cg18434674</t>
  </si>
  <si>
    <t>cg18437480</t>
  </si>
  <si>
    <t>cg18437808</t>
  </si>
  <si>
    <t>cg18439358</t>
  </si>
  <si>
    <t>cg18447972</t>
  </si>
  <si>
    <t>cg18450810</t>
  </si>
  <si>
    <t>cg18456621</t>
  </si>
  <si>
    <t>cg18459759</t>
  </si>
  <si>
    <t>cg18461693</t>
  </si>
  <si>
    <t>cg18465945</t>
  </si>
  <si>
    <t>cg18466378</t>
  </si>
  <si>
    <t>cg18468019</t>
  </si>
  <si>
    <t>cg18469159</t>
  </si>
  <si>
    <t>cg18469326</t>
  </si>
  <si>
    <t>cg18470295</t>
  </si>
  <si>
    <t>cg18472787</t>
  </si>
  <si>
    <t>cg18473705</t>
  </si>
  <si>
    <t>cg18479972</t>
  </si>
  <si>
    <t>cg18483549</t>
  </si>
  <si>
    <t>cg18490846</t>
  </si>
  <si>
    <t>cg18493677</t>
  </si>
  <si>
    <t>cg18494448</t>
  </si>
  <si>
    <t>cg18495341</t>
  </si>
  <si>
    <t>cg18498593</t>
  </si>
  <si>
    <t>cg18503387</t>
  </si>
  <si>
    <t>cg18507062</t>
  </si>
  <si>
    <t>cg18512890</t>
  </si>
  <si>
    <t>cg18515063</t>
  </si>
  <si>
    <t>cg18515343</t>
  </si>
  <si>
    <t>cg18516619</t>
  </si>
  <si>
    <t>cg18517517</t>
  </si>
  <si>
    <t>cg18520696</t>
  </si>
  <si>
    <t>cg18526861</t>
  </si>
  <si>
    <t>cg18531405</t>
  </si>
  <si>
    <t>cg18536148</t>
  </si>
  <si>
    <t>cg18536994</t>
  </si>
  <si>
    <t>cg18538270</t>
  </si>
  <si>
    <t>cg18548413</t>
  </si>
  <si>
    <t>cg18549292</t>
  </si>
  <si>
    <t>cg18557086</t>
  </si>
  <si>
    <t>cg18559249</t>
  </si>
  <si>
    <t>cg18559799</t>
  </si>
  <si>
    <t>cg18563987</t>
  </si>
  <si>
    <t>cg18565023</t>
  </si>
  <si>
    <t>cg18566702</t>
  </si>
  <si>
    <t>cg18568061</t>
  </si>
  <si>
    <t>cg18583306</t>
  </si>
  <si>
    <t>cg18585273</t>
  </si>
  <si>
    <t>cg18586095</t>
  </si>
  <si>
    <t>cg18590335</t>
  </si>
  <si>
    <t>cg18594963</t>
  </si>
  <si>
    <t>cg18595542</t>
  </si>
  <si>
    <t>cg18605491</t>
  </si>
  <si>
    <t>cg18605975</t>
  </si>
  <si>
    <t>cg18606723</t>
  </si>
  <si>
    <t>cg18609037</t>
  </si>
  <si>
    <t>cg18609306</t>
  </si>
  <si>
    <t>cg18612956</t>
  </si>
  <si>
    <t>cg18618206</t>
  </si>
  <si>
    <t>cg18618815</t>
  </si>
  <si>
    <t>cg18632631</t>
  </si>
  <si>
    <t>cg18634030</t>
  </si>
  <si>
    <t>cg18634637</t>
  </si>
  <si>
    <t>cg18636012</t>
  </si>
  <si>
    <t>cg18639734</t>
  </si>
  <si>
    <t>cg18641851</t>
  </si>
  <si>
    <t>cg18643191</t>
  </si>
  <si>
    <t>cg18646599</t>
  </si>
  <si>
    <t>cg18648066</t>
  </si>
  <si>
    <t>cg18648693</t>
  </si>
  <si>
    <t>cg18657389</t>
  </si>
  <si>
    <t>cg18657419</t>
  </si>
  <si>
    <t>cg18670765</t>
  </si>
  <si>
    <t>cg18672959</t>
  </si>
  <si>
    <t>cg18673401</t>
  </si>
  <si>
    <t>cg18673409</t>
  </si>
  <si>
    <t>cg18674340</t>
  </si>
  <si>
    <t>cg18678316</t>
  </si>
  <si>
    <t>cg18683132</t>
  </si>
  <si>
    <t>cg18686747</t>
  </si>
  <si>
    <t>cg18689614</t>
  </si>
  <si>
    <t>cg18699524</t>
  </si>
  <si>
    <t>cg18700940</t>
  </si>
  <si>
    <t>cg18700967</t>
  </si>
  <si>
    <t>cg18701696</t>
  </si>
  <si>
    <t>cg18702166</t>
  </si>
  <si>
    <t>cg18702234</t>
  </si>
  <si>
    <t>cg18702948</t>
  </si>
  <si>
    <t>cg18703089</t>
  </si>
  <si>
    <t>cg18705229</t>
  </si>
  <si>
    <t>cg18706228</t>
  </si>
  <si>
    <t>cg18709893</t>
  </si>
  <si>
    <t>cg18710162</t>
  </si>
  <si>
    <t>cg18712119</t>
  </si>
  <si>
    <t>cg18713166</t>
  </si>
  <si>
    <t>cg18733548</t>
  </si>
  <si>
    <t>cg18736141</t>
  </si>
  <si>
    <t>cg18738545</t>
  </si>
  <si>
    <t>cg18739821</t>
  </si>
  <si>
    <t>cg18743730</t>
  </si>
  <si>
    <t>cg18747420</t>
  </si>
  <si>
    <t>cg18748499</t>
  </si>
  <si>
    <t>cg18749404</t>
  </si>
  <si>
    <t>cg18750756</t>
  </si>
  <si>
    <t>cg18754669</t>
  </si>
  <si>
    <t>cg18755226</t>
  </si>
  <si>
    <t>cg18757974</t>
  </si>
  <si>
    <t>cg18761997</t>
  </si>
  <si>
    <t>cg18771195</t>
  </si>
  <si>
    <t>cg18771327</t>
  </si>
  <si>
    <t>cg18772531</t>
  </si>
  <si>
    <t>cg18773260</t>
  </si>
  <si>
    <t>cg18774209</t>
  </si>
  <si>
    <t>cg18777448</t>
  </si>
  <si>
    <t>cg18777774</t>
  </si>
  <si>
    <t>cg18778254</t>
  </si>
  <si>
    <t>cg18780021</t>
  </si>
  <si>
    <t>cg18780432</t>
  </si>
  <si>
    <t>cg18781099</t>
  </si>
  <si>
    <t>cg18784565</t>
  </si>
  <si>
    <t>cg18784943</t>
  </si>
  <si>
    <t>cg18785724</t>
  </si>
  <si>
    <t>cg18786891</t>
  </si>
  <si>
    <t>cg18798495</t>
  </si>
  <si>
    <t>cg18801599</t>
  </si>
  <si>
    <t>cg18802048</t>
  </si>
  <si>
    <t>cg18802706</t>
  </si>
  <si>
    <t>cg18804206</t>
  </si>
  <si>
    <t>cg18809973</t>
  </si>
  <si>
    <t>cg18811860</t>
  </si>
  <si>
    <t>cg18822950</t>
  </si>
  <si>
    <t>cg18824549</t>
  </si>
  <si>
    <t>cg18826743</t>
  </si>
  <si>
    <t>cg18831134</t>
  </si>
  <si>
    <t>cg18848394</t>
  </si>
  <si>
    <t>cg18850434</t>
  </si>
  <si>
    <t>cg18851332</t>
  </si>
  <si>
    <t>cg18853199</t>
  </si>
  <si>
    <t>cg18871289</t>
  </si>
  <si>
    <t>cg18872016</t>
  </si>
  <si>
    <t>cg18872749</t>
  </si>
  <si>
    <t>cg18875496</t>
  </si>
  <si>
    <t>cg18877667</t>
  </si>
  <si>
    <t>cg18878437</t>
  </si>
  <si>
    <t>cg18881501</t>
  </si>
  <si>
    <t>cg18884137</t>
  </si>
  <si>
    <t>cg18896448</t>
  </si>
  <si>
    <t>cg18898440</t>
  </si>
  <si>
    <t>cg18900669</t>
  </si>
  <si>
    <t>cg18901278</t>
  </si>
  <si>
    <t>cg18901980</t>
  </si>
  <si>
    <t>cg18902820</t>
  </si>
  <si>
    <t>cg18905962</t>
  </si>
  <si>
    <t>cg18906596</t>
  </si>
  <si>
    <t>cg18907495</t>
  </si>
  <si>
    <t>cg18908315</t>
  </si>
  <si>
    <t>cg18909235</t>
  </si>
  <si>
    <t>cg18909666</t>
  </si>
  <si>
    <t>cg18910127</t>
  </si>
  <si>
    <t>cg18911972</t>
  </si>
  <si>
    <t>cg18915128</t>
  </si>
  <si>
    <t>cg18915156</t>
  </si>
  <si>
    <t>cg18915691</t>
  </si>
  <si>
    <t>cg18916055</t>
  </si>
  <si>
    <t>cg18921712</t>
  </si>
  <si>
    <t>cg18925864</t>
  </si>
  <si>
    <t>cg18929842</t>
  </si>
  <si>
    <t>cg18935231</t>
  </si>
  <si>
    <t>cg18935396</t>
  </si>
  <si>
    <t>cg18938150</t>
  </si>
  <si>
    <t>cg18941614</t>
  </si>
  <si>
    <t>cg18942579</t>
  </si>
  <si>
    <t>cg18943286</t>
  </si>
  <si>
    <t>cg18943599</t>
  </si>
  <si>
    <t>cg18945744</t>
  </si>
  <si>
    <t>cg18948221</t>
  </si>
  <si>
    <t>cg18950779</t>
  </si>
  <si>
    <t>cg18953011</t>
  </si>
  <si>
    <t>cg18955698</t>
  </si>
  <si>
    <t>cg18956355</t>
  </si>
  <si>
    <t>cg18957070</t>
  </si>
  <si>
    <t>cg18960216</t>
  </si>
  <si>
    <t>cg18960324</t>
  </si>
  <si>
    <t>cg18960629</t>
  </si>
  <si>
    <t>cg18963239</t>
  </si>
  <si>
    <t>cg18963509</t>
  </si>
  <si>
    <t>cg18964082</t>
  </si>
  <si>
    <t>cg18964954</t>
  </si>
  <si>
    <t>cg18965980</t>
  </si>
  <si>
    <t>cg18982073</t>
  </si>
  <si>
    <t>cg18984809</t>
  </si>
  <si>
    <t>cg18988110</t>
  </si>
  <si>
    <t>cg18994438</t>
  </si>
  <si>
    <t>cg18995023</t>
  </si>
  <si>
    <t>cg18999998</t>
  </si>
  <si>
    <t>cg19001794</t>
  </si>
  <si>
    <t>cg19003708</t>
  </si>
  <si>
    <t>cg19006796</t>
  </si>
  <si>
    <t>cg19008858</t>
  </si>
  <si>
    <t>cg19009921</t>
  </si>
  <si>
    <t>cg19014749</t>
  </si>
  <si>
    <t>cg19015264</t>
  </si>
  <si>
    <t>cg19015511</t>
  </si>
  <si>
    <t>cg19015897</t>
  </si>
  <si>
    <t>cg19016664</t>
  </si>
  <si>
    <t>cg19017293</t>
  </si>
  <si>
    <t>cg19020855</t>
  </si>
  <si>
    <t>cg19021076</t>
  </si>
  <si>
    <t>cg19022525</t>
  </si>
  <si>
    <t>cg19024279</t>
  </si>
  <si>
    <t>cg19024575</t>
  </si>
  <si>
    <t>cg19026231</t>
  </si>
  <si>
    <t>cg19029445</t>
  </si>
  <si>
    <t>cg19031271</t>
  </si>
  <si>
    <t>cg19031565</t>
  </si>
  <si>
    <t>cg19036644</t>
  </si>
  <si>
    <t>cg19038490</t>
  </si>
  <si>
    <t>cg19039291</t>
  </si>
  <si>
    <t>cg19040509</t>
  </si>
  <si>
    <t>cg19042062</t>
  </si>
  <si>
    <t>cg19045983</t>
  </si>
  <si>
    <t>cg19048548</t>
  </si>
  <si>
    <t>cg19049349</t>
  </si>
  <si>
    <t>cg19049616</t>
  </si>
  <si>
    <t>cg19049809</t>
  </si>
  <si>
    <t>cg19051015</t>
  </si>
  <si>
    <t>cg19051042</t>
  </si>
  <si>
    <t>cg19051802</t>
  </si>
  <si>
    <t>cg19052952</t>
  </si>
  <si>
    <t>cg19055369</t>
  </si>
  <si>
    <t>cg19055390</t>
  </si>
  <si>
    <t>cg19055869</t>
  </si>
  <si>
    <t>cg19056418</t>
  </si>
  <si>
    <t>cg19057163</t>
  </si>
  <si>
    <t>cg19057309</t>
  </si>
  <si>
    <t>cg19057916</t>
  </si>
  <si>
    <t>cg19060895</t>
  </si>
  <si>
    <t>cg19066150</t>
  </si>
  <si>
    <t>cg19075717</t>
  </si>
  <si>
    <t>cg19078123</t>
  </si>
  <si>
    <t>cg19081885</t>
  </si>
  <si>
    <t>cg19083265</t>
  </si>
  <si>
    <t>cg19091902</t>
  </si>
  <si>
    <t>cg19093680</t>
  </si>
  <si>
    <t>cg19096389</t>
  </si>
  <si>
    <t>cg19102531</t>
  </si>
  <si>
    <t>cg19103969</t>
  </si>
  <si>
    <t>cg19106478</t>
  </si>
  <si>
    <t>cg19108736</t>
  </si>
  <si>
    <t>cg19113201</t>
  </si>
  <si>
    <t>cg19117322</t>
  </si>
  <si>
    <t>cg19118161</t>
  </si>
  <si>
    <t>cg19118751</t>
  </si>
  <si>
    <t>cg19122720</t>
  </si>
  <si>
    <t>cg19122948</t>
  </si>
  <si>
    <t>cg19123408</t>
  </si>
  <si>
    <t>cg19131647</t>
  </si>
  <si>
    <t>cg19132496</t>
  </si>
  <si>
    <t>cg19132701</t>
  </si>
  <si>
    <t>cg19134130</t>
  </si>
  <si>
    <t>cg19137417</t>
  </si>
  <si>
    <t>cg19138227</t>
  </si>
  <si>
    <t>cg19141563</t>
  </si>
  <si>
    <t>cg19142133</t>
  </si>
  <si>
    <t>cg19143629</t>
  </si>
  <si>
    <t>cg19144019</t>
  </si>
  <si>
    <t>cg19144954</t>
  </si>
  <si>
    <t>cg19145162</t>
  </si>
  <si>
    <t>cg19147912</t>
  </si>
  <si>
    <t>cg19157162</t>
  </si>
  <si>
    <t>cg19157327</t>
  </si>
  <si>
    <t>cg19157842</t>
  </si>
  <si>
    <t>cg19159842</t>
  </si>
  <si>
    <t>cg19160958</t>
  </si>
  <si>
    <t>cg19169154</t>
  </si>
  <si>
    <t>cg19170021</t>
  </si>
  <si>
    <t>cg19171161</t>
  </si>
  <si>
    <t>cg19171383</t>
  </si>
  <si>
    <t>cg19171919</t>
  </si>
  <si>
    <t>cg19172143</t>
  </si>
  <si>
    <t>cg19172222</t>
  </si>
  <si>
    <t>cg19173666</t>
  </si>
  <si>
    <t>cg19174634</t>
  </si>
  <si>
    <t>cg19175364</t>
  </si>
  <si>
    <t>cg19176559</t>
  </si>
  <si>
    <t>cg19176696</t>
  </si>
  <si>
    <t>cg19177465</t>
  </si>
  <si>
    <t>cg19177783</t>
  </si>
  <si>
    <t>cg19178081</t>
  </si>
  <si>
    <t>cg19185574</t>
  </si>
  <si>
    <t>cg19186089</t>
  </si>
  <si>
    <t>cg19187410</t>
  </si>
  <si>
    <t>cg19190016</t>
  </si>
  <si>
    <t>cg19192626</t>
  </si>
  <si>
    <t>cg19196414</t>
  </si>
  <si>
    <t>cg19200719</t>
  </si>
  <si>
    <t>cg19202384</t>
  </si>
  <si>
    <t>cg19208681</t>
  </si>
  <si>
    <t>cg19212391</t>
  </si>
  <si>
    <t>cg19216894</t>
  </si>
  <si>
    <t>cg19218102</t>
  </si>
  <si>
    <t>cg19219672</t>
  </si>
  <si>
    <t>cg19246600</t>
  </si>
  <si>
    <t>cg19246977</t>
  </si>
  <si>
    <t>cg19248602</t>
  </si>
  <si>
    <t>cg19248659</t>
  </si>
  <si>
    <t>cg19250315</t>
  </si>
  <si>
    <t>cg19252218</t>
  </si>
  <si>
    <t>cg19254618</t>
  </si>
  <si>
    <t>cg19265289</t>
  </si>
  <si>
    <t>cg19265972</t>
  </si>
  <si>
    <t>cg19267213</t>
  </si>
  <si>
    <t>cg19269104</t>
  </si>
  <si>
    <t>cg19269473</t>
  </si>
  <si>
    <t>cg19269520</t>
  </si>
  <si>
    <t>cg19269661</t>
  </si>
  <si>
    <t>cg19270309</t>
  </si>
  <si>
    <t>cg19271359</t>
  </si>
  <si>
    <t>cg19280121</t>
  </si>
  <si>
    <t>cg19284277</t>
  </si>
  <si>
    <t>cg19285217</t>
  </si>
  <si>
    <t>cg19286647</t>
  </si>
  <si>
    <t>cg19286672</t>
  </si>
  <si>
    <t>cg19287064</t>
  </si>
  <si>
    <t>cg19288723</t>
  </si>
  <si>
    <t>cg19291926</t>
  </si>
  <si>
    <t>cg19299965</t>
  </si>
  <si>
    <t>cg19308989</t>
  </si>
  <si>
    <t>cg19314352</t>
  </si>
  <si>
    <t>cg19321658</t>
  </si>
  <si>
    <t>cg19321887</t>
  </si>
  <si>
    <t>cg19324204</t>
  </si>
  <si>
    <t>cg19325791</t>
  </si>
  <si>
    <t>cg19328583</t>
  </si>
  <si>
    <t>cg19328649</t>
  </si>
  <si>
    <t>cg19346202</t>
  </si>
  <si>
    <t>cg19354039</t>
  </si>
  <si>
    <t>cg19367522</t>
  </si>
  <si>
    <t>cg19375196</t>
  </si>
  <si>
    <t>cg19378624</t>
  </si>
  <si>
    <t>cg19392007</t>
  </si>
  <si>
    <t>cg19392175</t>
  </si>
  <si>
    <t>cg19393755</t>
  </si>
  <si>
    <t>cg19394103</t>
  </si>
  <si>
    <t>cg19395400</t>
  </si>
  <si>
    <t>cg19398748</t>
  </si>
  <si>
    <t>cg19398858</t>
  </si>
  <si>
    <t>cg19399402</t>
  </si>
  <si>
    <t>cg19408882</t>
  </si>
  <si>
    <t>cg19411729</t>
  </si>
  <si>
    <t>cg19413066</t>
  </si>
  <si>
    <t>cg19414266</t>
  </si>
  <si>
    <t>cg19415091</t>
  </si>
  <si>
    <t>cg19418818</t>
  </si>
  <si>
    <t>cg19419497</t>
  </si>
  <si>
    <t>cg19419581</t>
  </si>
  <si>
    <t>cg19424759</t>
  </si>
  <si>
    <t>cg19425528</t>
  </si>
  <si>
    <t>cg19427746</t>
  </si>
  <si>
    <t>cg19431200</t>
  </si>
  <si>
    <t>cg19433487</t>
  </si>
  <si>
    <t>cg19437626</t>
  </si>
  <si>
    <t>cg19437868</t>
  </si>
  <si>
    <t>cg19439071</t>
  </si>
  <si>
    <t>cg19441674</t>
  </si>
  <si>
    <t>cg19441872</t>
  </si>
  <si>
    <t>cg19442264</t>
  </si>
  <si>
    <t>cg19442493</t>
  </si>
  <si>
    <t>cg19442659</t>
  </si>
  <si>
    <t>cg19444779</t>
  </si>
  <si>
    <t>cg19445578</t>
  </si>
  <si>
    <t>cg19447923</t>
  </si>
  <si>
    <t>cg19450036</t>
  </si>
  <si>
    <t>cg19455142</t>
  </si>
  <si>
    <t>cg19457506</t>
  </si>
  <si>
    <t>cg19457603</t>
  </si>
  <si>
    <t>cg19462087</t>
  </si>
  <si>
    <t>cg19462352</t>
  </si>
  <si>
    <t>cg19468528</t>
  </si>
  <si>
    <t>cg19470841</t>
  </si>
  <si>
    <t>cg19471376</t>
  </si>
  <si>
    <t>cg19477236</t>
  </si>
  <si>
    <t>cg19477978</t>
  </si>
  <si>
    <t>cg19478079</t>
  </si>
  <si>
    <t>cg19478539</t>
  </si>
  <si>
    <t>cg19479366</t>
  </si>
  <si>
    <t>cg19481531</t>
  </si>
  <si>
    <t>cg19483048</t>
  </si>
  <si>
    <t>cg19494913</t>
  </si>
  <si>
    <t>cg19496976</t>
  </si>
  <si>
    <t>cg19500851</t>
  </si>
  <si>
    <t>cg19500949</t>
  </si>
  <si>
    <t>cg19502920</t>
  </si>
  <si>
    <t>cg19502936</t>
  </si>
  <si>
    <t>cg19504184</t>
  </si>
  <si>
    <t>cg19504620</t>
  </si>
  <si>
    <t>cg19506190</t>
  </si>
  <si>
    <t>cg19511844</t>
  </si>
  <si>
    <t>cg19513247</t>
  </si>
  <si>
    <t>cg19514148</t>
  </si>
  <si>
    <t>cg19514854</t>
  </si>
  <si>
    <t>cg19515510</t>
  </si>
  <si>
    <t>cg19526455</t>
  </si>
  <si>
    <t>cg19529645</t>
  </si>
  <si>
    <t>cg19531713</t>
  </si>
  <si>
    <t>cg19537511</t>
  </si>
  <si>
    <t>cg19539519</t>
  </si>
  <si>
    <t>cg19539667</t>
  </si>
  <si>
    <t>cg19548479</t>
  </si>
  <si>
    <t>cg19549279</t>
  </si>
  <si>
    <t>cg19550533</t>
  </si>
  <si>
    <t>cg19553721</t>
  </si>
  <si>
    <t>cg19554255</t>
  </si>
  <si>
    <t>cg19557623</t>
  </si>
  <si>
    <t>cg19558848</t>
  </si>
  <si>
    <t>cg19559213</t>
  </si>
  <si>
    <t>cg19563574</t>
  </si>
  <si>
    <t>cg19572487</t>
  </si>
  <si>
    <t>cg19572766</t>
  </si>
  <si>
    <t>cg19573464</t>
  </si>
  <si>
    <t>cg19573490</t>
  </si>
  <si>
    <t>cg19575837</t>
  </si>
  <si>
    <t>cg19576556</t>
  </si>
  <si>
    <t>cg19577098</t>
  </si>
  <si>
    <t>cg19577532</t>
  </si>
  <si>
    <t>cg19578297</t>
  </si>
  <si>
    <t>cg19579216</t>
  </si>
  <si>
    <t>cg19585196</t>
  </si>
  <si>
    <t>cg19585797</t>
  </si>
  <si>
    <t>cg19586645</t>
  </si>
  <si>
    <t>cg19587434</t>
  </si>
  <si>
    <t>cg19589251</t>
  </si>
  <si>
    <t>cg19590470</t>
  </si>
  <si>
    <t>cg19590674</t>
  </si>
  <si>
    <t>cg19592176</t>
  </si>
  <si>
    <t>cg19598544</t>
  </si>
  <si>
    <t>cg19601328</t>
  </si>
  <si>
    <t>cg19603557</t>
  </si>
  <si>
    <t>cg19607648</t>
  </si>
  <si>
    <t>cg19613591</t>
  </si>
  <si>
    <t>cg19616309</t>
  </si>
  <si>
    <t>cg19617355</t>
  </si>
  <si>
    <t>cg19619206</t>
  </si>
  <si>
    <t>cg19619576</t>
  </si>
  <si>
    <t>cg19620017</t>
  </si>
  <si>
    <t>cg19623237</t>
  </si>
  <si>
    <t>cg19626872</t>
  </si>
  <si>
    <t>cg19627538</t>
  </si>
  <si>
    <t>cg19630374</t>
  </si>
  <si>
    <t>cg19636308</t>
  </si>
  <si>
    <t>cg19639560</t>
  </si>
  <si>
    <t>cg19645256</t>
  </si>
  <si>
    <t>cg19646165</t>
  </si>
  <si>
    <t>cg19648792</t>
  </si>
  <si>
    <t>cg19651249</t>
  </si>
  <si>
    <t>cg19652694</t>
  </si>
  <si>
    <t>cg19654743</t>
  </si>
  <si>
    <t>cg19654781</t>
  </si>
  <si>
    <t>cg19656686</t>
  </si>
  <si>
    <t>cg19663942</t>
  </si>
  <si>
    <t>cg19668255</t>
  </si>
  <si>
    <t>cg19668538</t>
  </si>
  <si>
    <t>cg19670317</t>
  </si>
  <si>
    <t>cg19671246</t>
  </si>
  <si>
    <t>cg19673176</t>
  </si>
  <si>
    <t>cg19678067</t>
  </si>
  <si>
    <t>cg19679112</t>
  </si>
  <si>
    <t>cg19683251</t>
  </si>
  <si>
    <t>cg19697725</t>
  </si>
  <si>
    <t>cg19699211</t>
  </si>
  <si>
    <t>cg19702274</t>
  </si>
  <si>
    <t>cg19707448</t>
  </si>
  <si>
    <t>cg19710398</t>
  </si>
  <si>
    <t>cg19710451</t>
  </si>
  <si>
    <t>cg19713980</t>
  </si>
  <si>
    <t>cg19715771</t>
  </si>
  <si>
    <t>cg19716073</t>
  </si>
  <si>
    <t>cg19716930</t>
  </si>
  <si>
    <t>cg19717060</t>
  </si>
  <si>
    <t>cg19719930</t>
  </si>
  <si>
    <t>cg19720377</t>
  </si>
  <si>
    <t>cg19729693</t>
  </si>
  <si>
    <t>cg19733833</t>
  </si>
  <si>
    <t>cg19734370</t>
  </si>
  <si>
    <t>cg19747232</t>
  </si>
  <si>
    <t>cg19747640</t>
  </si>
  <si>
    <t>cg19747744</t>
  </si>
  <si>
    <t>cg19747876</t>
  </si>
  <si>
    <t>cg19751754</t>
  </si>
  <si>
    <t>cg19752117</t>
  </si>
  <si>
    <t>cg19752722</t>
  </si>
  <si>
    <t>cg19753476</t>
  </si>
  <si>
    <t>cg19754282</t>
  </si>
  <si>
    <t>cg19755171</t>
  </si>
  <si>
    <t>cg19755815</t>
  </si>
  <si>
    <t>cg19761262</t>
  </si>
  <si>
    <t>cg19761273</t>
  </si>
  <si>
    <t>cg19763471</t>
  </si>
  <si>
    <t>cg19763755</t>
  </si>
  <si>
    <t>cg19774236</t>
  </si>
  <si>
    <t>cg19775406</t>
  </si>
  <si>
    <t>cg19777771</t>
  </si>
  <si>
    <t>cg19780643</t>
  </si>
  <si>
    <t>cg19781309</t>
  </si>
  <si>
    <t>cg19781696</t>
  </si>
  <si>
    <t>cg19782446</t>
  </si>
  <si>
    <t>cg19785418</t>
  </si>
  <si>
    <t>cg19786084</t>
  </si>
  <si>
    <t>cg19786489</t>
  </si>
  <si>
    <t>cg19786602</t>
  </si>
  <si>
    <t>cg19786648</t>
  </si>
  <si>
    <t>cg19786808</t>
  </si>
  <si>
    <t>cg19788754</t>
  </si>
  <si>
    <t>cg19789473</t>
  </si>
  <si>
    <t>cg19796640</t>
  </si>
  <si>
    <t>cg19798596</t>
  </si>
  <si>
    <t>cg19802564</t>
  </si>
  <si>
    <t>cg19804860</t>
  </si>
  <si>
    <t>cg19805377</t>
  </si>
  <si>
    <t>cg19805748</t>
  </si>
  <si>
    <t>cg19805781</t>
  </si>
  <si>
    <t>cg19806995</t>
  </si>
  <si>
    <t>cg19808047</t>
  </si>
  <si>
    <t>cg19810715</t>
  </si>
  <si>
    <t>cg19812432</t>
  </si>
  <si>
    <t>cg19814611</t>
  </si>
  <si>
    <t>cg19814946</t>
  </si>
  <si>
    <t>cg19815818</t>
  </si>
  <si>
    <t>cg19816938</t>
  </si>
  <si>
    <t>cg19821988</t>
  </si>
  <si>
    <t>cg19823710</t>
  </si>
  <si>
    <t>cg19825371</t>
  </si>
  <si>
    <t>cg19829001</t>
  </si>
  <si>
    <t>cg19829375</t>
  </si>
  <si>
    <t>cg19829381</t>
  </si>
  <si>
    <t>cg19832556</t>
  </si>
  <si>
    <t>cg19846318</t>
  </si>
  <si>
    <t>cg19846389</t>
  </si>
  <si>
    <t>cg19846491</t>
  </si>
  <si>
    <t>cg19846500</t>
  </si>
  <si>
    <t>cg19848313</t>
  </si>
  <si>
    <t>cg19855563</t>
  </si>
  <si>
    <t>cg19857461</t>
  </si>
  <si>
    <t>cg19859193</t>
  </si>
  <si>
    <t>cg19865134</t>
  </si>
  <si>
    <t>cg19865896</t>
  </si>
  <si>
    <t>cg19869422</t>
  </si>
  <si>
    <t>cg19869698</t>
  </si>
  <si>
    <t>cg19876689</t>
  </si>
  <si>
    <t>cg19878076</t>
  </si>
  <si>
    <t>cg19880947</t>
  </si>
  <si>
    <t>cg19881880</t>
  </si>
  <si>
    <t>cg19893820</t>
  </si>
  <si>
    <t>cg19894975</t>
  </si>
  <si>
    <t>cg19895197</t>
  </si>
  <si>
    <t>cg19909679</t>
  </si>
  <si>
    <t>cg19911566</t>
  </si>
  <si>
    <t>cg19911719</t>
  </si>
  <si>
    <t>cg19912332</t>
  </si>
  <si>
    <t>cg19912956</t>
  </si>
  <si>
    <t>cg19913426</t>
  </si>
  <si>
    <t>cg19914554</t>
  </si>
  <si>
    <t>cg19915413</t>
  </si>
  <si>
    <t>cg19917300</t>
  </si>
  <si>
    <t>cg19919217</t>
  </si>
  <si>
    <t>cg19923798</t>
  </si>
  <si>
    <t>cg19927565</t>
  </si>
  <si>
    <t>cg19931468</t>
  </si>
  <si>
    <t>cg19934381</t>
  </si>
  <si>
    <t>cg19935261</t>
  </si>
  <si>
    <t>cg19936372</t>
  </si>
  <si>
    <t>cg19939880</t>
  </si>
  <si>
    <t>cg19942495</t>
  </si>
  <si>
    <t>cg19943578</t>
  </si>
  <si>
    <t>cg19944656</t>
  </si>
  <si>
    <t>cg19948701</t>
  </si>
  <si>
    <t>cg19948914</t>
  </si>
  <si>
    <t>cg19949591</t>
  </si>
  <si>
    <t>cg19952427</t>
  </si>
  <si>
    <t>cg19953452</t>
  </si>
  <si>
    <t>cg19955318</t>
  </si>
  <si>
    <t>cg19956147</t>
  </si>
  <si>
    <t>cg19959519</t>
  </si>
  <si>
    <t>cg19963856</t>
  </si>
  <si>
    <t>cg19965023</t>
  </si>
  <si>
    <t>cg19965511</t>
  </si>
  <si>
    <t>cg19972788</t>
  </si>
  <si>
    <t>cg19973338</t>
  </si>
  <si>
    <t>cg19975759</t>
  </si>
  <si>
    <t>cg19976404</t>
  </si>
  <si>
    <t>cg19978955</t>
  </si>
  <si>
    <t>cg19982230</t>
  </si>
  <si>
    <t>cg19982668</t>
  </si>
  <si>
    <t>cg19982822</t>
  </si>
  <si>
    <t>cg19983403</t>
  </si>
  <si>
    <t>cg19984991</t>
  </si>
  <si>
    <t>cg19985030</t>
  </si>
  <si>
    <t>cg19986200</t>
  </si>
  <si>
    <t>cg19986472</t>
  </si>
  <si>
    <t>cg19987768</t>
  </si>
  <si>
    <t>cg19989673</t>
  </si>
  <si>
    <t>cg20000342</t>
  </si>
  <si>
    <t>cg20005923</t>
  </si>
  <si>
    <t>cg20009499</t>
  </si>
  <si>
    <t>cg20012089</t>
  </si>
  <si>
    <t>cg20015299</t>
  </si>
  <si>
    <t>cg20021790</t>
  </si>
  <si>
    <t>cg20022223</t>
  </si>
  <si>
    <t>cg20023324</t>
  </si>
  <si>
    <t>cg20024403</t>
  </si>
  <si>
    <t>cg20025963</t>
  </si>
  <si>
    <t>cg20029153</t>
  </si>
  <si>
    <t>cg20030711</t>
  </si>
  <si>
    <t>cg20031364</t>
  </si>
  <si>
    <t>cg20032370</t>
  </si>
  <si>
    <t>cg20034190</t>
  </si>
  <si>
    <t>cg20034226</t>
  </si>
  <si>
    <t>cg20035032</t>
  </si>
  <si>
    <t>cg20037470</t>
  </si>
  <si>
    <t>cg20045394</t>
  </si>
  <si>
    <t>cg20061971</t>
  </si>
  <si>
    <t>cg20063450</t>
  </si>
  <si>
    <t>cg20065905</t>
  </si>
  <si>
    <t>cg20067719</t>
  </si>
  <si>
    <t>cg20072359</t>
  </si>
  <si>
    <t>cg20072792</t>
  </si>
  <si>
    <t>cg20081244</t>
  </si>
  <si>
    <t>cg20082357</t>
  </si>
  <si>
    <t>cg20083906</t>
  </si>
  <si>
    <t>cg20088138</t>
  </si>
  <si>
    <t>cg20089715</t>
  </si>
  <si>
    <t>cg20089899</t>
  </si>
  <si>
    <t>cg20092334</t>
  </si>
  <si>
    <t>cg20093718</t>
  </si>
  <si>
    <t>cg20097219</t>
  </si>
  <si>
    <t>cg20098910</t>
  </si>
  <si>
    <t>cg20099806</t>
  </si>
  <si>
    <t>cg20100641</t>
  </si>
  <si>
    <t>cg20118857</t>
  </si>
  <si>
    <t>cg20120165</t>
  </si>
  <si>
    <t>cg20120371</t>
  </si>
  <si>
    <t>cg20122476</t>
  </si>
  <si>
    <t>cg20124188</t>
  </si>
  <si>
    <t>cg20125516</t>
  </si>
  <si>
    <t>cg20130018</t>
  </si>
  <si>
    <t>cg20131685</t>
  </si>
  <si>
    <t>cg20131968</t>
  </si>
  <si>
    <t>cg20132830</t>
  </si>
  <si>
    <t>cg20132903</t>
  </si>
  <si>
    <t>cg20137147</t>
  </si>
  <si>
    <t>cg20138264</t>
  </si>
  <si>
    <t>cg20139214</t>
  </si>
  <si>
    <t>cg20139425</t>
  </si>
  <si>
    <t>cg20142309</t>
  </si>
  <si>
    <t>cg20143393</t>
  </si>
  <si>
    <t>cg20150887</t>
  </si>
  <si>
    <t>cg20151207</t>
  </si>
  <si>
    <t>cg20152382</t>
  </si>
  <si>
    <t>cg20153196</t>
  </si>
  <si>
    <t>cg20155566</t>
  </si>
  <si>
    <t>cg20157577</t>
  </si>
  <si>
    <t>cg20161132</t>
  </si>
  <si>
    <t>cg20161508</t>
  </si>
  <si>
    <t>cg20163115</t>
  </si>
  <si>
    <t>cg20163288</t>
  </si>
  <si>
    <t>cg20163324</t>
  </si>
  <si>
    <t>cg20163463</t>
  </si>
  <si>
    <t>cg20163532</t>
  </si>
  <si>
    <t>cg20164390</t>
  </si>
  <si>
    <t>cg20173014</t>
  </si>
  <si>
    <t>cg20182985</t>
  </si>
  <si>
    <t>cg20184238</t>
  </si>
  <si>
    <t>cg20184247</t>
  </si>
  <si>
    <t>cg20184405</t>
  </si>
  <si>
    <t>cg20185525</t>
  </si>
  <si>
    <t>cg20186396</t>
  </si>
  <si>
    <t>cg20189674</t>
  </si>
  <si>
    <t>cg20190559</t>
  </si>
  <si>
    <t>cg20191066</t>
  </si>
  <si>
    <t>cg20191307</t>
  </si>
  <si>
    <t>cg20195049</t>
  </si>
  <si>
    <t>cg20197093</t>
  </si>
  <si>
    <t>cg20199629</t>
  </si>
  <si>
    <t>cg20201957</t>
  </si>
  <si>
    <t>cg20204921</t>
  </si>
  <si>
    <t>cg20207470</t>
  </si>
  <si>
    <t>cg20207911</t>
  </si>
  <si>
    <t>cg20208129</t>
  </si>
  <si>
    <t>cg20209009</t>
  </si>
  <si>
    <t>cg20210373</t>
  </si>
  <si>
    <t>cg20212624</t>
  </si>
  <si>
    <t>cg20214871</t>
  </si>
  <si>
    <t>cg20215112</t>
  </si>
  <si>
    <t>cg20215212</t>
  </si>
  <si>
    <t>cg20216752</t>
  </si>
  <si>
    <t>cg20233029</t>
  </si>
  <si>
    <t>cg20233206</t>
  </si>
  <si>
    <t>cg20237773</t>
  </si>
  <si>
    <t>cg20239565</t>
  </si>
  <si>
    <t>cg20239912</t>
  </si>
  <si>
    <t>cg20242280</t>
  </si>
  <si>
    <t>cg20242937</t>
  </si>
  <si>
    <t>cg20243898</t>
  </si>
  <si>
    <t>cg20247048</t>
  </si>
  <si>
    <t>cg20248093</t>
  </si>
  <si>
    <t>cg20248866</t>
  </si>
  <si>
    <t>cg20250080</t>
  </si>
  <si>
    <t>cg20250341</t>
  </si>
  <si>
    <t>cg20257013</t>
  </si>
  <si>
    <t>cg20265358</t>
  </si>
  <si>
    <t>cg20266104</t>
  </si>
  <si>
    <t>cg20266154</t>
  </si>
  <si>
    <t>cg20269976</t>
  </si>
  <si>
    <t>cg20271366</t>
  </si>
  <si>
    <t>cg20271950</t>
  </si>
  <si>
    <t>cg20272962</t>
  </si>
  <si>
    <t>cg20275739</t>
  </si>
  <si>
    <t>cg20279493</t>
  </si>
  <si>
    <t>cg20283895</t>
  </si>
  <si>
    <t>cg20284120</t>
  </si>
  <si>
    <t>cg20284682</t>
  </si>
  <si>
    <t>cg20287434</t>
  </si>
  <si>
    <t>cg20289768</t>
  </si>
  <si>
    <t>cg20290167</t>
  </si>
  <si>
    <t>cg20291162</t>
  </si>
  <si>
    <t>cg20296990</t>
  </si>
  <si>
    <t>cg20297360</t>
  </si>
  <si>
    <t>cg20299935</t>
  </si>
  <si>
    <t>cg20300541</t>
  </si>
  <si>
    <t>cg20301962</t>
  </si>
  <si>
    <t>cg20303331</t>
  </si>
  <si>
    <t>cg20303724</t>
  </si>
  <si>
    <t>cg20306234</t>
  </si>
  <si>
    <t>cg20309353</t>
  </si>
  <si>
    <t>cg20309891</t>
  </si>
  <si>
    <t>cg20316397</t>
  </si>
  <si>
    <t>cg20317521</t>
  </si>
  <si>
    <t>cg20318252</t>
  </si>
  <si>
    <t>cg20320624</t>
  </si>
  <si>
    <t>cg20322832</t>
  </si>
  <si>
    <t>cg20326117</t>
  </si>
  <si>
    <t>cg20326572</t>
  </si>
  <si>
    <t>cg20326682</t>
  </si>
  <si>
    <t>cg20333067</t>
  </si>
  <si>
    <t>cg20335959</t>
  </si>
  <si>
    <t>cg20339228</t>
  </si>
  <si>
    <t>cg20339692</t>
  </si>
  <si>
    <t>cg20340190</t>
  </si>
  <si>
    <t>cg20353884</t>
  </si>
  <si>
    <t>cg20356510</t>
  </si>
  <si>
    <t>cg20358362</t>
  </si>
  <si>
    <t>cg20359349</t>
  </si>
  <si>
    <t>cg20359565</t>
  </si>
  <si>
    <t>cg20362308</t>
  </si>
  <si>
    <t>cg20366603</t>
  </si>
  <si>
    <t>cg20367082</t>
  </si>
  <si>
    <t>cg20376447</t>
  </si>
  <si>
    <t>cg20388732</t>
  </si>
  <si>
    <t>cg20391365</t>
  </si>
  <si>
    <t>cg20396069</t>
  </si>
  <si>
    <t>cg20396782</t>
  </si>
  <si>
    <t>cg20401567</t>
  </si>
  <si>
    <t>cg20406482</t>
  </si>
  <si>
    <t>cg20407796</t>
  </si>
  <si>
    <t>cg20408339</t>
  </si>
  <si>
    <t>cg20412356</t>
  </si>
  <si>
    <t>cg20413432</t>
  </si>
  <si>
    <t>cg20413441</t>
  </si>
  <si>
    <t>cg20419735</t>
  </si>
  <si>
    <t>cg20420603</t>
  </si>
  <si>
    <t>cg20428133</t>
  </si>
  <si>
    <t>cg20429250</t>
  </si>
  <si>
    <t>cg20429833</t>
  </si>
  <si>
    <t>cg20432589</t>
  </si>
  <si>
    <t>cg20432680</t>
  </si>
  <si>
    <t>cg20433103</t>
  </si>
  <si>
    <t>cg20433386</t>
  </si>
  <si>
    <t>cg20433906</t>
  </si>
  <si>
    <t>cg20435125</t>
  </si>
  <si>
    <t>cg20438427</t>
  </si>
  <si>
    <t>cg20438445</t>
  </si>
  <si>
    <t>cg20438687</t>
  </si>
  <si>
    <t>cg20440115</t>
  </si>
  <si>
    <t>cg20442573</t>
  </si>
  <si>
    <t>cg20447452</t>
  </si>
  <si>
    <t>cg20448053</t>
  </si>
  <si>
    <t>cg20450617</t>
  </si>
  <si>
    <t>cg20454400</t>
  </si>
  <si>
    <t>cg20455395</t>
  </si>
  <si>
    <t>cg20458044</t>
  </si>
  <si>
    <t>cg20458835</t>
  </si>
  <si>
    <t>cg20461826</t>
  </si>
  <si>
    <t>cg20464360</t>
  </si>
  <si>
    <t>cg20469139</t>
  </si>
  <si>
    <t>cg20469991</t>
  </si>
  <si>
    <t>cg20471691</t>
  </si>
  <si>
    <t>cg20480274</t>
  </si>
  <si>
    <t>cg20482145</t>
  </si>
  <si>
    <t>cg20485733</t>
  </si>
  <si>
    <t>cg20490001</t>
  </si>
  <si>
    <t>cg20490015</t>
  </si>
  <si>
    <t>cg20492401</t>
  </si>
  <si>
    <t>cg20493283</t>
  </si>
  <si>
    <t>cg20496643</t>
  </si>
  <si>
    <t>cg20496928</t>
  </si>
  <si>
    <t>cg20498199</t>
  </si>
  <si>
    <t>cg20500126</t>
  </si>
  <si>
    <t>cg20500869</t>
  </si>
  <si>
    <t>cg20503109</t>
  </si>
  <si>
    <t>cg20503576</t>
  </si>
  <si>
    <t>cg20504236</t>
  </si>
  <si>
    <t>cg20505218</t>
  </si>
  <si>
    <t>cg20508454</t>
  </si>
  <si>
    <t>cg20508508</t>
  </si>
  <si>
    <t>cg20510084</t>
  </si>
  <si>
    <t>cg20520147</t>
  </si>
  <si>
    <t>cg20521685</t>
  </si>
  <si>
    <t>cg20522401</t>
  </si>
  <si>
    <t>cg20523169</t>
  </si>
  <si>
    <t>cg20524308</t>
  </si>
  <si>
    <t>cg20525549</t>
  </si>
  <si>
    <t>cg20529961</t>
  </si>
  <si>
    <t>cg20531020</t>
  </si>
  <si>
    <t>cg20536841</t>
  </si>
  <si>
    <t>cg20538707</t>
  </si>
  <si>
    <t>cg20538986</t>
  </si>
  <si>
    <t>cg20539368</t>
  </si>
  <si>
    <t>cg20541344</t>
  </si>
  <si>
    <t>cg20544516</t>
  </si>
  <si>
    <t>cg20546782</t>
  </si>
  <si>
    <t>cg20551922</t>
  </si>
  <si>
    <t>cg20552468</t>
  </si>
  <si>
    <t>cg20552747</t>
  </si>
  <si>
    <t>cg20553938</t>
  </si>
  <si>
    <t>cg20554542</t>
  </si>
  <si>
    <t>cg20556951</t>
  </si>
  <si>
    <t>cg20556988</t>
  </si>
  <si>
    <t>cg20557071</t>
  </si>
  <si>
    <t>cg20557159</t>
  </si>
  <si>
    <t>cg20559422</t>
  </si>
  <si>
    <t>cg20561661</t>
  </si>
  <si>
    <t>cg20562359</t>
  </si>
  <si>
    <t>cg20562478</t>
  </si>
  <si>
    <t>cg20565352</t>
  </si>
  <si>
    <t>cg20569893</t>
  </si>
  <si>
    <t>cg20571913</t>
  </si>
  <si>
    <t>cg20572153</t>
  </si>
  <si>
    <t>cg20572838</t>
  </si>
  <si>
    <t>cg20574153</t>
  </si>
  <si>
    <t>cg20577663</t>
  </si>
  <si>
    <t>cg20584484</t>
  </si>
  <si>
    <t>cg20586239</t>
  </si>
  <si>
    <t>cg20592390</t>
  </si>
  <si>
    <t>cg20593518</t>
  </si>
  <si>
    <t>cg20604336</t>
  </si>
  <si>
    <t>cg20612559</t>
  </si>
  <si>
    <t>cg20612875</t>
  </si>
  <si>
    <t>cg20614854</t>
  </si>
  <si>
    <t>cg20615344</t>
  </si>
  <si>
    <t>cg20616186</t>
  </si>
  <si>
    <t>cg20619808</t>
  </si>
  <si>
    <t>cg20621447</t>
  </si>
  <si>
    <t>cg20622410</t>
  </si>
  <si>
    <t>cg20623503</t>
  </si>
  <si>
    <t>cg20623645</t>
  </si>
  <si>
    <t>cg20627106</t>
  </si>
  <si>
    <t>cg20627364</t>
  </si>
  <si>
    <t>cg20629183</t>
  </si>
  <si>
    <t>cg20630410</t>
  </si>
  <si>
    <t>cg20633370</t>
  </si>
  <si>
    <t>cg20635146</t>
  </si>
  <si>
    <t>cg20637570</t>
  </si>
  <si>
    <t>cg20637609</t>
  </si>
  <si>
    <t>cg20640281</t>
  </si>
  <si>
    <t>cg20641289</t>
  </si>
  <si>
    <t>cg20641798</t>
  </si>
  <si>
    <t>cg20650513</t>
  </si>
  <si>
    <t>cg20651417</t>
  </si>
  <si>
    <t>cg20651616</t>
  </si>
  <si>
    <t>cg20652822</t>
  </si>
  <si>
    <t>cg20653128</t>
  </si>
  <si>
    <t>cg20656294</t>
  </si>
  <si>
    <t>cg20656587</t>
  </si>
  <si>
    <t>cg20656830</t>
  </si>
  <si>
    <t>cg20657324</t>
  </si>
  <si>
    <t>cg20658709</t>
  </si>
  <si>
    <t>cg20658711</t>
  </si>
  <si>
    <t>cg20658797</t>
  </si>
  <si>
    <t>cg20660556</t>
  </si>
  <si>
    <t>cg20662501</t>
  </si>
  <si>
    <t>cg20663688</t>
  </si>
  <si>
    <t>cg20667664</t>
  </si>
  <si>
    <t>cg20667796</t>
  </si>
  <si>
    <t>cg20668546</t>
  </si>
  <si>
    <t>cg20669414</t>
  </si>
  <si>
    <t>cg20673721</t>
  </si>
  <si>
    <t>cg20676542</t>
  </si>
  <si>
    <t>cg20677157</t>
  </si>
  <si>
    <t>cg20679560</t>
  </si>
  <si>
    <t>cg20680148</t>
  </si>
  <si>
    <t>cg20680592</t>
  </si>
  <si>
    <t>cg20682376</t>
  </si>
  <si>
    <t>cg20682981</t>
  </si>
  <si>
    <t>cg20687553</t>
  </si>
  <si>
    <t>cg20690125</t>
  </si>
  <si>
    <t>cg20690922</t>
  </si>
  <si>
    <t>cg20692730</t>
  </si>
  <si>
    <t>cg20693334</t>
  </si>
  <si>
    <t>cg20693880</t>
  </si>
  <si>
    <t>cg20696432</t>
  </si>
  <si>
    <t>cg20697044</t>
  </si>
  <si>
    <t>cg20697424</t>
  </si>
  <si>
    <t>cg20698501</t>
  </si>
  <si>
    <t>cg20699780</t>
  </si>
  <si>
    <t>cg20701457</t>
  </si>
  <si>
    <t>cg20703752</t>
  </si>
  <si>
    <t>cg20705065</t>
  </si>
  <si>
    <t>cg20705392</t>
  </si>
  <si>
    <t>cg20706315</t>
  </si>
  <si>
    <t>cg20707786</t>
  </si>
  <si>
    <t>cg20710603</t>
  </si>
  <si>
    <t>cg20712808</t>
  </si>
  <si>
    <t>cg20715438</t>
  </si>
  <si>
    <t>cg20716209</t>
  </si>
  <si>
    <t>cg20718319</t>
  </si>
  <si>
    <t>cg20719001</t>
  </si>
  <si>
    <t>cg20719238</t>
  </si>
  <si>
    <t>cg20721542</t>
  </si>
  <si>
    <t>cg20721917</t>
  </si>
  <si>
    <t>cg20723599</t>
  </si>
  <si>
    <t>cg20724073</t>
  </si>
  <si>
    <t>cg20725135</t>
  </si>
  <si>
    <t>cg20734996</t>
  </si>
  <si>
    <t>cg20740903</t>
  </si>
  <si>
    <t>cg20744152</t>
  </si>
  <si>
    <t>cg20748397</t>
  </si>
  <si>
    <t>cg20754979</t>
  </si>
  <si>
    <t>cg20757526</t>
  </si>
  <si>
    <t>cg20758492</t>
  </si>
  <si>
    <t>cg20758932</t>
  </si>
  <si>
    <t>cg20760063</t>
  </si>
  <si>
    <t>cg20760360</t>
  </si>
  <si>
    <t>cg20762290</t>
  </si>
  <si>
    <t>cg20762586</t>
  </si>
  <si>
    <t>cg20767977</t>
  </si>
  <si>
    <t>cg20770803</t>
  </si>
  <si>
    <t>cg20772590</t>
  </si>
  <si>
    <t>cg20775212</t>
  </si>
  <si>
    <t>cg20777461</t>
  </si>
  <si>
    <t>cg20779229</t>
  </si>
  <si>
    <t>cg20789035</t>
  </si>
  <si>
    <t>cg20795913</t>
  </si>
  <si>
    <t>cg20796999</t>
  </si>
  <si>
    <t>cg20797699</t>
  </si>
  <si>
    <t>cg20801753</t>
  </si>
  <si>
    <t>cg20803910</t>
  </si>
  <si>
    <t>cg20804072</t>
  </si>
  <si>
    <t>cg20807852</t>
  </si>
  <si>
    <t>cg20810975</t>
  </si>
  <si>
    <t>cg20811659</t>
  </si>
  <si>
    <t>cg20813798</t>
  </si>
  <si>
    <t>cg20813927</t>
  </si>
  <si>
    <t>cg20817853</t>
  </si>
  <si>
    <t>cg20821276</t>
  </si>
  <si>
    <t>cg20824457</t>
  </si>
  <si>
    <t>cg20830827</t>
  </si>
  <si>
    <t>cg20830994</t>
  </si>
  <si>
    <t>cg20833182</t>
  </si>
  <si>
    <t>cg20834073</t>
  </si>
  <si>
    <t>cg20835989</t>
  </si>
  <si>
    <t>cg20840174</t>
  </si>
  <si>
    <t>cg20841748</t>
  </si>
  <si>
    <t>cg20848987</t>
  </si>
  <si>
    <t>cg20855763</t>
  </si>
  <si>
    <t>cg20856497</t>
  </si>
  <si>
    <t>cg20863668</t>
  </si>
  <si>
    <t>cg20866393</t>
  </si>
  <si>
    <t>cg20866711</t>
  </si>
  <si>
    <t>cg20868728</t>
  </si>
  <si>
    <t>cg20871314</t>
  </si>
  <si>
    <t>cg20876003</t>
  </si>
  <si>
    <t>cg20878275</t>
  </si>
  <si>
    <t>cg20885198</t>
  </si>
  <si>
    <t>cg20887455</t>
  </si>
  <si>
    <t>cg20888521</t>
  </si>
  <si>
    <t>cg20900103</t>
  </si>
  <si>
    <t>cg20902195</t>
  </si>
  <si>
    <t>cg20902737</t>
  </si>
  <si>
    <t>cg20902751</t>
  </si>
  <si>
    <t>cg20903433</t>
  </si>
  <si>
    <t>cg20910875</t>
  </si>
  <si>
    <t>cg20911989</t>
  </si>
  <si>
    <t>cg20917348</t>
  </si>
  <si>
    <t>cg20921894</t>
  </si>
  <si>
    <t>cg20923575</t>
  </si>
  <si>
    <t>cg20927567</t>
  </si>
  <si>
    <t>cg20929407</t>
  </si>
  <si>
    <t>cg20929947</t>
  </si>
  <si>
    <t>cg20930201</t>
  </si>
  <si>
    <t>cg20932150</t>
  </si>
  <si>
    <t>cg20934520</t>
  </si>
  <si>
    <t>cg20934892</t>
  </si>
  <si>
    <t>cg20935293</t>
  </si>
  <si>
    <t>cg20935841</t>
  </si>
  <si>
    <t>cg20935945</t>
  </si>
  <si>
    <t>cg20936878</t>
  </si>
  <si>
    <t>cg20937981</t>
  </si>
  <si>
    <t>cg20938708</t>
  </si>
  <si>
    <t>cg20942162</t>
  </si>
  <si>
    <t>cg20942310</t>
  </si>
  <si>
    <t>cg20943461</t>
  </si>
  <si>
    <t>cg20944510</t>
  </si>
  <si>
    <t>cg20960642</t>
  </si>
  <si>
    <t>cg20961045</t>
  </si>
  <si>
    <t>cg20961637</t>
  </si>
  <si>
    <t>cg20969675</t>
  </si>
  <si>
    <t>cg20970205</t>
  </si>
  <si>
    <t>cg20970904</t>
  </si>
  <si>
    <t>cg20976019</t>
  </si>
  <si>
    <t>cg20976581</t>
  </si>
  <si>
    <t>cg20985587</t>
  </si>
  <si>
    <t>cg20993386</t>
  </si>
  <si>
    <t>cg20994084</t>
  </si>
  <si>
    <t>cg20997028</t>
  </si>
  <si>
    <t>cg20998481</t>
  </si>
  <si>
    <t>cg20998539</t>
  </si>
  <si>
    <t>cg21000021</t>
  </si>
  <si>
    <t>cg21000227</t>
  </si>
  <si>
    <t>cg21001780</t>
  </si>
  <si>
    <t>cg21005054</t>
  </si>
  <si>
    <t>cg21009972</t>
  </si>
  <si>
    <t>cg21011621</t>
  </si>
  <si>
    <t>cg21012979</t>
  </si>
  <si>
    <t>cg21013395</t>
  </si>
  <si>
    <t>cg21015805</t>
  </si>
  <si>
    <t>cg21016177</t>
  </si>
  <si>
    <t>cg21016445</t>
  </si>
  <si>
    <t>cg21018494</t>
  </si>
  <si>
    <t>cg21018997</t>
  </si>
  <si>
    <t>cg21022002</t>
  </si>
  <si>
    <t>cg21023447</t>
  </si>
  <si>
    <t>cg21027792</t>
  </si>
  <si>
    <t>cg21028142</t>
  </si>
  <si>
    <t>cg21028211</t>
  </si>
  <si>
    <t>cg21028463</t>
  </si>
  <si>
    <t>cg21034531</t>
  </si>
  <si>
    <t>cg21038703</t>
  </si>
  <si>
    <t>cg21038819</t>
  </si>
  <si>
    <t>cg21039665</t>
  </si>
  <si>
    <t>cg21042139</t>
  </si>
  <si>
    <t>cg21042919</t>
  </si>
  <si>
    <t>cg21044022</t>
  </si>
  <si>
    <t>cg21045131</t>
  </si>
  <si>
    <t>cg21050342</t>
  </si>
  <si>
    <t>cg21066028</t>
  </si>
  <si>
    <t>cg21066636</t>
  </si>
  <si>
    <t>cg21068610</t>
  </si>
  <si>
    <t>cg21069922</t>
  </si>
  <si>
    <t>cg21070161</t>
  </si>
  <si>
    <t>cg21071097</t>
  </si>
  <si>
    <t>cg21084358</t>
  </si>
  <si>
    <t>cg21085035</t>
  </si>
  <si>
    <t>cg21085351</t>
  </si>
  <si>
    <t>cg21087902</t>
  </si>
  <si>
    <t>cg21088108</t>
  </si>
  <si>
    <t>cg21088715</t>
  </si>
  <si>
    <t>cg21089050</t>
  </si>
  <si>
    <t>cg21091640</t>
  </si>
  <si>
    <t>cg21092177</t>
  </si>
  <si>
    <t>cg21092296</t>
  </si>
  <si>
    <t>cg21093005</t>
  </si>
  <si>
    <t>cg21093368</t>
  </si>
  <si>
    <t>cg21094737</t>
  </si>
  <si>
    <t>cg21094739</t>
  </si>
  <si>
    <t>cg21095561</t>
  </si>
  <si>
    <t>cg21100638</t>
  </si>
  <si>
    <t>cg21100932</t>
  </si>
  <si>
    <t>cg21101143</t>
  </si>
  <si>
    <t>cg21116410</t>
  </si>
  <si>
    <t>cg21122199</t>
  </si>
  <si>
    <t>cg21126573</t>
  </si>
  <si>
    <t>cg21127735</t>
  </si>
  <si>
    <t>cg21132931</t>
  </si>
  <si>
    <t>cg21137244</t>
  </si>
  <si>
    <t>cg21140633</t>
  </si>
  <si>
    <t>cg21140843</t>
  </si>
  <si>
    <t>cg21141089</t>
  </si>
  <si>
    <t>cg21141329</t>
  </si>
  <si>
    <t>cg21150901</t>
  </si>
  <si>
    <t>cg21152875</t>
  </si>
  <si>
    <t>cg21156912</t>
  </si>
  <si>
    <t>cg21184495</t>
  </si>
  <si>
    <t>cg21186810</t>
  </si>
  <si>
    <t>cg21187669</t>
  </si>
  <si>
    <t>cg21195914</t>
  </si>
  <si>
    <t>cg21196860</t>
  </si>
  <si>
    <t>cg21197958</t>
  </si>
  <si>
    <t>cg21201099</t>
  </si>
  <si>
    <t>cg21204860</t>
  </si>
  <si>
    <t>cg21207593</t>
  </si>
  <si>
    <t>cg21216471</t>
  </si>
  <si>
    <t>cg21217426</t>
  </si>
  <si>
    <t>cg21219851</t>
  </si>
  <si>
    <t>cg21231964</t>
  </si>
  <si>
    <t>cg21232937</t>
  </si>
  <si>
    <t>cg21233690</t>
  </si>
  <si>
    <t>cg21234812</t>
  </si>
  <si>
    <t>cg21234914</t>
  </si>
  <si>
    <t>cg21235251</t>
  </si>
  <si>
    <t>cg21237418</t>
  </si>
  <si>
    <t>cg21238376</t>
  </si>
  <si>
    <t>cg21238609</t>
  </si>
  <si>
    <t>cg21238619</t>
  </si>
  <si>
    <t>cg21242356</t>
  </si>
  <si>
    <t>cg21242834</t>
  </si>
  <si>
    <t>cg21242872</t>
  </si>
  <si>
    <t>cg21246872</t>
  </si>
  <si>
    <t>cg21255657</t>
  </si>
  <si>
    <t>cg21256649</t>
  </si>
  <si>
    <t>cg21260850</t>
  </si>
  <si>
    <t>cg21264131</t>
  </si>
  <si>
    <t>cg21274724</t>
  </si>
  <si>
    <t>cg21275283</t>
  </si>
  <si>
    <t>cg21275801</t>
  </si>
  <si>
    <t>cg21279865</t>
  </si>
  <si>
    <t>cg21280392</t>
  </si>
  <si>
    <t>cg21283739</t>
  </si>
  <si>
    <t>cg21286117</t>
  </si>
  <si>
    <t>cg21287330</t>
  </si>
  <si>
    <t>cg21288861</t>
  </si>
  <si>
    <t>cg21289555</t>
  </si>
  <si>
    <t>cg21289738</t>
  </si>
  <si>
    <t>cg21289763</t>
  </si>
  <si>
    <t>cg21291342</t>
  </si>
  <si>
    <t>cg21291641</t>
  </si>
  <si>
    <t>cg21292067</t>
  </si>
  <si>
    <t>cg21293920</t>
  </si>
  <si>
    <t>cg21299211</t>
  </si>
  <si>
    <t>cg21300187</t>
  </si>
  <si>
    <t>cg21301440</t>
  </si>
  <si>
    <t>cg21303745</t>
  </si>
  <si>
    <t>cg21304488</t>
  </si>
  <si>
    <t>cg21308479</t>
  </si>
  <si>
    <t>cg21308545</t>
  </si>
  <si>
    <t>cg21308809</t>
  </si>
  <si>
    <t>cg21309379</t>
  </si>
  <si>
    <t>cg21320221</t>
  </si>
  <si>
    <t>cg21322120</t>
  </si>
  <si>
    <t>cg21325715</t>
  </si>
  <si>
    <t>cg21325732</t>
  </si>
  <si>
    <t>cg21326006</t>
  </si>
  <si>
    <t>cg21327235</t>
  </si>
  <si>
    <t>cg21330419</t>
  </si>
  <si>
    <t>cg21330553</t>
  </si>
  <si>
    <t>cg21330727</t>
  </si>
  <si>
    <t>cg21331386</t>
  </si>
  <si>
    <t>cg21333338</t>
  </si>
  <si>
    <t>cg21333665</t>
  </si>
  <si>
    <t>cg21334048</t>
  </si>
  <si>
    <t>cg21335375</t>
  </si>
  <si>
    <t>cg21335556</t>
  </si>
  <si>
    <t>cg21336116</t>
  </si>
  <si>
    <t>cg21336373</t>
  </si>
  <si>
    <t>cg21336650</t>
  </si>
  <si>
    <t>cg21337881</t>
  </si>
  <si>
    <t>cg21337984</t>
  </si>
  <si>
    <t>cg21343406</t>
  </si>
  <si>
    <t>cg21348173</t>
  </si>
  <si>
    <t>cg21348233</t>
  </si>
  <si>
    <t>cg21351140</t>
  </si>
  <si>
    <t>cg21357108</t>
  </si>
  <si>
    <t>cg21358336</t>
  </si>
  <si>
    <t>cg21358381</t>
  </si>
  <si>
    <t>cg21369870</t>
  </si>
  <si>
    <t>cg21371335</t>
  </si>
  <si>
    <t>cg21371645</t>
  </si>
  <si>
    <t>cg21373156</t>
  </si>
  <si>
    <t>cg21374048</t>
  </si>
  <si>
    <t>cg21376908</t>
  </si>
  <si>
    <t>cg21379851</t>
  </si>
  <si>
    <t>cg21387752</t>
  </si>
  <si>
    <t>cg21390363</t>
  </si>
  <si>
    <t>cg21393885</t>
  </si>
  <si>
    <t>cg21399795</t>
  </si>
  <si>
    <t>cg21400851</t>
  </si>
  <si>
    <t>cg21400896</t>
  </si>
  <si>
    <t>cg21404063</t>
  </si>
  <si>
    <t>cg21409722</t>
  </si>
  <si>
    <t>cg21416237</t>
  </si>
  <si>
    <t>cg21430752</t>
  </si>
  <si>
    <t>cg21437345</t>
  </si>
  <si>
    <t>cg21438057</t>
  </si>
  <si>
    <t>cg21441076</t>
  </si>
  <si>
    <t>cg21441211</t>
  </si>
  <si>
    <t>cg21446455</t>
  </si>
  <si>
    <t>cg21452942</t>
  </si>
  <si>
    <t>cg21461745</t>
  </si>
  <si>
    <t>cg21463898</t>
  </si>
  <si>
    <t>cg21463907</t>
  </si>
  <si>
    <t>cg21464975</t>
  </si>
  <si>
    <t>cg21468274</t>
  </si>
  <si>
    <t>cg21468728</t>
  </si>
  <si>
    <t>cg21468939</t>
  </si>
  <si>
    <t>cg21474683</t>
  </si>
  <si>
    <t>cg21474786</t>
  </si>
  <si>
    <t>cg21482174</t>
  </si>
  <si>
    <t>cg21483922</t>
  </si>
  <si>
    <t>cg21485555</t>
  </si>
  <si>
    <t>cg21486954</t>
  </si>
  <si>
    <t>cg21487261</t>
  </si>
  <si>
    <t>cg21491028</t>
  </si>
  <si>
    <t>cg21495715</t>
  </si>
  <si>
    <t>cg21499006</t>
  </si>
  <si>
    <t>cg21499137</t>
  </si>
  <si>
    <t>cg21499348</t>
  </si>
  <si>
    <t>cg21500092</t>
  </si>
  <si>
    <t>cg21500342</t>
  </si>
  <si>
    <t>cg21501163</t>
  </si>
  <si>
    <t>cg21502541</t>
  </si>
  <si>
    <t>cg21503904</t>
  </si>
  <si>
    <t>cg21504064</t>
  </si>
  <si>
    <t>cg21507719</t>
  </si>
  <si>
    <t>cg21508639</t>
  </si>
  <si>
    <t>cg21508748</t>
  </si>
  <si>
    <t>cg21509889</t>
  </si>
  <si>
    <t>cg21513437</t>
  </si>
  <si>
    <t>cg21515349</t>
  </si>
  <si>
    <t>cg21516305</t>
  </si>
  <si>
    <t>cg21516384</t>
  </si>
  <si>
    <t>cg21517158</t>
  </si>
  <si>
    <t>cg21519701</t>
  </si>
  <si>
    <t>cg21520950</t>
  </si>
  <si>
    <t>cg21522303</t>
  </si>
  <si>
    <t>cg21526357</t>
  </si>
  <si>
    <t>cg21531740</t>
  </si>
  <si>
    <t>cg21533971</t>
  </si>
  <si>
    <t>cg21537459</t>
  </si>
  <si>
    <t>cg21546610</t>
  </si>
  <si>
    <t>cg21550504</t>
  </si>
  <si>
    <t>cg21550585</t>
  </si>
  <si>
    <t>cg21553980</t>
  </si>
  <si>
    <t>cg21554013</t>
  </si>
  <si>
    <t>cg21554670</t>
  </si>
  <si>
    <t>cg21557879</t>
  </si>
  <si>
    <t>cg21562801</t>
  </si>
  <si>
    <t>cg21564728</t>
  </si>
  <si>
    <t>cg21571937</t>
  </si>
  <si>
    <t>cg21579666</t>
  </si>
  <si>
    <t>cg21579975</t>
  </si>
  <si>
    <t>cg21584710</t>
  </si>
  <si>
    <t>cg21586412</t>
  </si>
  <si>
    <t>cg21591452</t>
  </si>
  <si>
    <t>cg21594642</t>
  </si>
  <si>
    <t>cg21601845</t>
  </si>
  <si>
    <t>cg21602160</t>
  </si>
  <si>
    <t>cg21602363</t>
  </si>
  <si>
    <t>cg21603891</t>
  </si>
  <si>
    <t>cg21605283</t>
  </si>
  <si>
    <t>cg21605540</t>
  </si>
  <si>
    <t>cg21610915</t>
  </si>
  <si>
    <t>cg21613389</t>
  </si>
  <si>
    <t>cg21613693</t>
  </si>
  <si>
    <t>cg21614723</t>
  </si>
  <si>
    <t>cg21615831</t>
  </si>
  <si>
    <t>cg21622464</t>
  </si>
  <si>
    <t>cg21626848</t>
  </si>
  <si>
    <t>cg21634261</t>
  </si>
  <si>
    <t>cg21636577</t>
  </si>
  <si>
    <t>cg21637653</t>
  </si>
  <si>
    <t>cg21637761</t>
  </si>
  <si>
    <t>cg21639401</t>
  </si>
  <si>
    <t>cg21640994</t>
  </si>
  <si>
    <t>cg21644830</t>
  </si>
  <si>
    <t>cg21648260</t>
  </si>
  <si>
    <t>cg21649005</t>
  </si>
  <si>
    <t>cg21652260</t>
  </si>
  <si>
    <t>cg21652832</t>
  </si>
  <si>
    <t>cg21656522</t>
  </si>
  <si>
    <t>cg21657704</t>
  </si>
  <si>
    <t>cg21659714</t>
  </si>
  <si>
    <t>cg21665000</t>
  </si>
  <si>
    <t>cg21676780</t>
  </si>
  <si>
    <t>cg21678736</t>
  </si>
  <si>
    <t>cg21680729</t>
  </si>
  <si>
    <t>cg21688152</t>
  </si>
  <si>
    <t>cg21689291</t>
  </si>
  <si>
    <t>cg21690621</t>
  </si>
  <si>
    <t>cg21692159</t>
  </si>
  <si>
    <t>cg21693422</t>
  </si>
  <si>
    <t>cg21694161</t>
  </si>
  <si>
    <t>cg21695089</t>
  </si>
  <si>
    <t>cg21696636</t>
  </si>
  <si>
    <t>cg21697381</t>
  </si>
  <si>
    <t>cg21698310</t>
  </si>
  <si>
    <t>cg21699124</t>
  </si>
  <si>
    <t>cg21703538</t>
  </si>
  <si>
    <t>cg21705120</t>
  </si>
  <si>
    <t>cg21705844</t>
  </si>
  <si>
    <t>cg21706229</t>
  </si>
  <si>
    <t>cg21712729</t>
  </si>
  <si>
    <t>cg21722775</t>
  </si>
  <si>
    <t>cg21722785</t>
  </si>
  <si>
    <t>cg21724451</t>
  </si>
  <si>
    <t>cg21727223</t>
  </si>
  <si>
    <t>cg21730131</t>
  </si>
  <si>
    <t>cg21732844</t>
  </si>
  <si>
    <t>cg21733020</t>
  </si>
  <si>
    <t>cg21733927</t>
  </si>
  <si>
    <t>cg21734318</t>
  </si>
  <si>
    <t>cg21734707</t>
  </si>
  <si>
    <t>cg21734751</t>
  </si>
  <si>
    <t>cg21737020</t>
  </si>
  <si>
    <t>cg21745184</t>
  </si>
  <si>
    <t>cg21745320</t>
  </si>
  <si>
    <t>cg21745595</t>
  </si>
  <si>
    <t>cg21749091</t>
  </si>
  <si>
    <t>cg21762727</t>
  </si>
  <si>
    <t>cg21765252</t>
  </si>
  <si>
    <t>cg21766667</t>
  </si>
  <si>
    <t>cg21767759</t>
  </si>
  <si>
    <t>cg21770145</t>
  </si>
  <si>
    <t>cg21780393</t>
  </si>
  <si>
    <t>cg21785145</t>
  </si>
  <si>
    <t>cg21790234</t>
  </si>
  <si>
    <t>cg21794816</t>
  </si>
  <si>
    <t>cg21795637</t>
  </si>
  <si>
    <t>cg21795699</t>
  </si>
  <si>
    <t>cg21798832</t>
  </si>
  <si>
    <t>cg21802919</t>
  </si>
  <si>
    <t>cg21808045</t>
  </si>
  <si>
    <t>cg21808406</t>
  </si>
  <si>
    <t>cg21809093</t>
  </si>
  <si>
    <t>cg21809624</t>
  </si>
  <si>
    <t>cg21810173</t>
  </si>
  <si>
    <t>cg21811911</t>
  </si>
  <si>
    <t>cg21817187</t>
  </si>
  <si>
    <t>cg21821388</t>
  </si>
  <si>
    <t>cg21823502</t>
  </si>
  <si>
    <t>cg21824114</t>
  </si>
  <si>
    <t>cg21824162</t>
  </si>
  <si>
    <t>cg21824620</t>
  </si>
  <si>
    <t>cg21824710</t>
  </si>
  <si>
    <t>cg21842914</t>
  </si>
  <si>
    <t>cg21843902</t>
  </si>
  <si>
    <t>cg21846903</t>
  </si>
  <si>
    <t>cg21846970</t>
  </si>
  <si>
    <t>cg21847118</t>
  </si>
  <si>
    <t>cg21847347</t>
  </si>
  <si>
    <t>cg21848407</t>
  </si>
  <si>
    <t>cg21850852</t>
  </si>
  <si>
    <t>cg21853806</t>
  </si>
  <si>
    <t>cg21853871</t>
  </si>
  <si>
    <t>cg21854286</t>
  </si>
  <si>
    <t>cg21854895</t>
  </si>
  <si>
    <t>cg21855910</t>
  </si>
  <si>
    <t>cg21856603</t>
  </si>
  <si>
    <t>cg21864868</t>
  </si>
  <si>
    <t>cg21868063</t>
  </si>
  <si>
    <t>cg21869027</t>
  </si>
  <si>
    <t>cg21870038</t>
  </si>
  <si>
    <t>cg21870662</t>
  </si>
  <si>
    <t>cg21872009</t>
  </si>
  <si>
    <t>cg21872037</t>
  </si>
  <si>
    <t>cg21872782</t>
  </si>
  <si>
    <t>cg21874706</t>
  </si>
  <si>
    <t>cg21874814</t>
  </si>
  <si>
    <t>cg21875401</t>
  </si>
  <si>
    <t>cg21875455</t>
  </si>
  <si>
    <t>cg21877220</t>
  </si>
  <si>
    <t>cg21879233</t>
  </si>
  <si>
    <t>cg21881434</t>
  </si>
  <si>
    <t>cg21881537</t>
  </si>
  <si>
    <t>cg21884568</t>
  </si>
  <si>
    <t>cg21890738</t>
  </si>
  <si>
    <t>cg21897970</t>
  </si>
  <si>
    <t>cg21898424</t>
  </si>
  <si>
    <t>cg21901395</t>
  </si>
  <si>
    <t>cg21902119</t>
  </si>
  <si>
    <t>cg21902394</t>
  </si>
  <si>
    <t>cg21903817</t>
  </si>
  <si>
    <t>cg21905819</t>
  </si>
  <si>
    <t>cg21906911</t>
  </si>
  <si>
    <t>cg21908344</t>
  </si>
  <si>
    <t>cg21908488</t>
  </si>
  <si>
    <t>cg21909206</t>
  </si>
  <si>
    <t>cg21918848</t>
  </si>
  <si>
    <t>cg21925688</t>
  </si>
  <si>
    <t>cg21930443</t>
  </si>
  <si>
    <t>cg21931864</t>
  </si>
  <si>
    <t>cg21932255</t>
  </si>
  <si>
    <t>cg21934311</t>
  </si>
  <si>
    <t>cg21935549</t>
  </si>
  <si>
    <t>cg21936280</t>
  </si>
  <si>
    <t>cg21937460</t>
  </si>
  <si>
    <t>cg21937660</t>
  </si>
  <si>
    <t>cg21939017</t>
  </si>
  <si>
    <t>cg21940220</t>
  </si>
  <si>
    <t>cg21940313</t>
  </si>
  <si>
    <t>cg21944455</t>
  </si>
  <si>
    <t>cg21946667</t>
  </si>
  <si>
    <t>cg21951648</t>
  </si>
  <si>
    <t>cg21953146</t>
  </si>
  <si>
    <t>cg21955402</t>
  </si>
  <si>
    <t>cg21969477</t>
  </si>
  <si>
    <t>cg21969795</t>
  </si>
  <si>
    <t>cg21971206</t>
  </si>
  <si>
    <t>cg21971800</t>
  </si>
  <si>
    <t>cg21977256</t>
  </si>
  <si>
    <t>cg21979773</t>
  </si>
  <si>
    <t>cg21982941</t>
  </si>
  <si>
    <t>cg21989425</t>
  </si>
  <si>
    <t>cg21994267</t>
  </si>
  <si>
    <t>cg21994579</t>
  </si>
  <si>
    <t>cg21997130</t>
  </si>
  <si>
    <t>cg21997766</t>
  </si>
  <si>
    <t>cg22002216</t>
  </si>
  <si>
    <t>cg22018815</t>
  </si>
  <si>
    <t>cg22021357</t>
  </si>
  <si>
    <t>cg22023604</t>
  </si>
  <si>
    <t>cg22024692</t>
  </si>
  <si>
    <t>cg22027305</t>
  </si>
  <si>
    <t>cg22027433</t>
  </si>
  <si>
    <t>cg22028542</t>
  </si>
  <si>
    <t>cg22032946</t>
  </si>
  <si>
    <t>cg22033759</t>
  </si>
  <si>
    <t>cg22041033</t>
  </si>
  <si>
    <t>cg22044342</t>
  </si>
  <si>
    <t>cg22044408</t>
  </si>
  <si>
    <t>cg22047552</t>
  </si>
  <si>
    <t>cg22051124</t>
  </si>
  <si>
    <t>cg22059098</t>
  </si>
  <si>
    <t>cg22078560</t>
  </si>
  <si>
    <t>cg22083166</t>
  </si>
  <si>
    <t>cg22091236</t>
  </si>
  <si>
    <t>cg22092292</t>
  </si>
  <si>
    <t>cg22094953</t>
  </si>
  <si>
    <t>cg22096465</t>
  </si>
  <si>
    <t>cg22098511</t>
  </si>
  <si>
    <t>cg22100937</t>
  </si>
  <si>
    <t>cg22101190</t>
  </si>
  <si>
    <t>cg22109370</t>
  </si>
  <si>
    <t>cg22110517</t>
  </si>
  <si>
    <t>cg22110896</t>
  </si>
  <si>
    <t>cg22113187</t>
  </si>
  <si>
    <t>cg22113926</t>
  </si>
  <si>
    <t>cg22114264</t>
  </si>
  <si>
    <t>cg22114424</t>
  </si>
  <si>
    <t>cg22120948</t>
  </si>
  <si>
    <t>cg22123504</t>
  </si>
  <si>
    <t>cg22123774</t>
  </si>
  <si>
    <t>cg22127215</t>
  </si>
  <si>
    <t>cg22128435</t>
  </si>
  <si>
    <t>cg22129111</t>
  </si>
  <si>
    <t>cg22130568</t>
  </si>
  <si>
    <t>cg22133495</t>
  </si>
  <si>
    <t>cg22134634</t>
  </si>
  <si>
    <t>cg22135678</t>
  </si>
  <si>
    <t>cg22141459</t>
  </si>
  <si>
    <t>cg22142205</t>
  </si>
  <si>
    <t>cg22144328</t>
  </si>
  <si>
    <t>cg22144450</t>
  </si>
  <si>
    <t>cg22146252</t>
  </si>
  <si>
    <t>cg22149137</t>
  </si>
  <si>
    <t>cg22149471</t>
  </si>
  <si>
    <t>cg22149837</t>
  </si>
  <si>
    <t>cg22153994</t>
  </si>
  <si>
    <t>cg22156456</t>
  </si>
  <si>
    <t>cg22157628</t>
  </si>
  <si>
    <t>cg22159015</t>
  </si>
  <si>
    <t>cg22159483</t>
  </si>
  <si>
    <t>cg22160349</t>
  </si>
  <si>
    <t>cg22160463</t>
  </si>
  <si>
    <t>cg22160735</t>
  </si>
  <si>
    <t>cg22161784</t>
  </si>
  <si>
    <t>cg22166084</t>
  </si>
  <si>
    <t>cg22167400</t>
  </si>
  <si>
    <t>cg22173019</t>
  </si>
  <si>
    <t>cg22173510</t>
  </si>
  <si>
    <t>cg22174693</t>
  </si>
  <si>
    <t>cg22175811</t>
  </si>
  <si>
    <t>cg22176097</t>
  </si>
  <si>
    <t>cg22177308</t>
  </si>
  <si>
    <t>cg22182666</t>
  </si>
  <si>
    <t>cg22184944</t>
  </si>
  <si>
    <t>cg22186223</t>
  </si>
  <si>
    <t>cg22186315</t>
  </si>
  <si>
    <t>cg22187660</t>
  </si>
  <si>
    <t>cg22190090</t>
  </si>
  <si>
    <t>cg22191510</t>
  </si>
  <si>
    <t>cg22194188</t>
  </si>
  <si>
    <t>cg22195222</t>
  </si>
  <si>
    <t>cg22197033</t>
  </si>
  <si>
    <t>cg22201614</t>
  </si>
  <si>
    <t>cg22209573</t>
  </si>
  <si>
    <t>cg22209601</t>
  </si>
  <si>
    <t>cg22213752</t>
  </si>
  <si>
    <t>cg22216643</t>
  </si>
  <si>
    <t>cg22217463</t>
  </si>
  <si>
    <t>cg22219933</t>
  </si>
  <si>
    <t>cg22220165</t>
  </si>
  <si>
    <t>cg22225479</t>
  </si>
  <si>
    <t>cg22227424</t>
  </si>
  <si>
    <t>cg22228071</t>
  </si>
  <si>
    <t>cg22229594</t>
  </si>
  <si>
    <t>cg22234897</t>
  </si>
  <si>
    <t>cg22242539</t>
  </si>
  <si>
    <t>cg22245585</t>
  </si>
  <si>
    <t>cg22247041</t>
  </si>
  <si>
    <t>cg22249386</t>
  </si>
  <si>
    <t>cg22249932</t>
  </si>
  <si>
    <t>cg22251401</t>
  </si>
  <si>
    <t>cg22254135</t>
  </si>
  <si>
    <t>cg22255288</t>
  </si>
  <si>
    <t>cg22257099</t>
  </si>
  <si>
    <t>cg22258892</t>
  </si>
  <si>
    <t>cg22259724</t>
  </si>
  <si>
    <t>cg22263420</t>
  </si>
  <si>
    <t>cg22266009</t>
  </si>
  <si>
    <t>cg22268760</t>
  </si>
  <si>
    <t>cg22269622</t>
  </si>
  <si>
    <t>cg22273168</t>
  </si>
  <si>
    <t>cg22273231</t>
  </si>
  <si>
    <t>cg22274049</t>
  </si>
  <si>
    <t>cg22276046</t>
  </si>
  <si>
    <t>cg22276227</t>
  </si>
  <si>
    <t>cg22280792</t>
  </si>
  <si>
    <t>cg22281505</t>
  </si>
  <si>
    <t>cg22282280</t>
  </si>
  <si>
    <t>cg22285438</t>
  </si>
  <si>
    <t>cg22285671</t>
  </si>
  <si>
    <t>cg22286184</t>
  </si>
  <si>
    <t>cg22288657</t>
  </si>
  <si>
    <t>cg22289810</t>
  </si>
  <si>
    <t>cg22292753</t>
  </si>
  <si>
    <t>cg22296593</t>
  </si>
  <si>
    <t>cg22298548</t>
  </si>
  <si>
    <t>cg22303227</t>
  </si>
  <si>
    <t>cg22305346</t>
  </si>
  <si>
    <t>cg22306038</t>
  </si>
  <si>
    <t>cg22308759</t>
  </si>
  <si>
    <t>cg22309826</t>
  </si>
  <si>
    <t>cg22311942</t>
  </si>
  <si>
    <t>cg22312249</t>
  </si>
  <si>
    <t>cg22315048</t>
  </si>
  <si>
    <t>cg22325646</t>
  </si>
  <si>
    <t>cg22325715</t>
  </si>
  <si>
    <t>cg22325823</t>
  </si>
  <si>
    <t>cg22325828</t>
  </si>
  <si>
    <t>cg22326188</t>
  </si>
  <si>
    <t>cg22326353</t>
  </si>
  <si>
    <t>cg22329579</t>
  </si>
  <si>
    <t>cg22331165</t>
  </si>
  <si>
    <t>cg22331200</t>
  </si>
  <si>
    <t>cg22344581</t>
  </si>
  <si>
    <t>cg22347696</t>
  </si>
  <si>
    <t>cg22348431</t>
  </si>
  <si>
    <t>cg22349442</t>
  </si>
  <si>
    <t>cg22350872</t>
  </si>
  <si>
    <t>cg22353381</t>
  </si>
  <si>
    <t>cg22353429</t>
  </si>
  <si>
    <t>cg22354918</t>
  </si>
  <si>
    <t>cg22359162</t>
  </si>
  <si>
    <t>cg22359664</t>
  </si>
  <si>
    <t>cg22360318</t>
  </si>
  <si>
    <t>cg22361181</t>
  </si>
  <si>
    <t>cg22362148</t>
  </si>
  <si>
    <t>cg22373112</t>
  </si>
  <si>
    <t>cg22373392</t>
  </si>
  <si>
    <t>cg22376269</t>
  </si>
  <si>
    <t>cg22376389</t>
  </si>
  <si>
    <t>cg22376583</t>
  </si>
  <si>
    <t>cg22377486</t>
  </si>
  <si>
    <t>cg22379668</t>
  </si>
  <si>
    <t>cg22381590</t>
  </si>
  <si>
    <t>cg22382004</t>
  </si>
  <si>
    <t>cg22383874</t>
  </si>
  <si>
    <t>cg22386583</t>
  </si>
  <si>
    <t>cg22392708</t>
  </si>
  <si>
    <t>cg22396679</t>
  </si>
  <si>
    <t>cg22396850</t>
  </si>
  <si>
    <t>cg22430950</t>
  </si>
  <si>
    <t>cg22433726</t>
  </si>
  <si>
    <t>cg22434594</t>
  </si>
  <si>
    <t>cg22436527</t>
  </si>
  <si>
    <t>cg22436928</t>
  </si>
  <si>
    <t>cg22437020</t>
  </si>
  <si>
    <t>cg22437987</t>
  </si>
  <si>
    <t>cg22442210</t>
  </si>
  <si>
    <t>cg22442557</t>
  </si>
  <si>
    <t>cg22443975</t>
  </si>
  <si>
    <t>cg22449107</t>
  </si>
  <si>
    <t>cg22455720</t>
  </si>
  <si>
    <t>cg22459930</t>
  </si>
  <si>
    <t>cg22459948</t>
  </si>
  <si>
    <t>cg22460710</t>
  </si>
  <si>
    <t>cg22462240</t>
  </si>
  <si>
    <t>cg22463793</t>
  </si>
  <si>
    <t>cg22465736</t>
  </si>
  <si>
    <t>cg22467534</t>
  </si>
  <si>
    <t>cg22469388</t>
  </si>
  <si>
    <t>cg22476252</t>
  </si>
  <si>
    <t>cg22476893</t>
  </si>
  <si>
    <t>cg22479481</t>
  </si>
  <si>
    <t>cg22481606</t>
  </si>
  <si>
    <t>cg22481974</t>
  </si>
  <si>
    <t>cg22485810</t>
  </si>
  <si>
    <t>cg22486214</t>
  </si>
  <si>
    <t>cg22495124</t>
  </si>
  <si>
    <t>cg22496729</t>
  </si>
  <si>
    <t>cg22496986</t>
  </si>
  <si>
    <t>cg22497847</t>
  </si>
  <si>
    <t>cg22497856</t>
  </si>
  <si>
    <t>cg22499001</t>
  </si>
  <si>
    <t>cg22499797</t>
  </si>
  <si>
    <t>cg22500183</t>
  </si>
  <si>
    <t>cg22502153</t>
  </si>
  <si>
    <t>cg22504104</t>
  </si>
  <si>
    <t>cg22504778</t>
  </si>
  <si>
    <t>cg22506042</t>
  </si>
  <si>
    <t>cg22508999</t>
  </si>
  <si>
    <t>cg22509504</t>
  </si>
  <si>
    <t>cg22513637</t>
  </si>
  <si>
    <t>cg22513955</t>
  </si>
  <si>
    <t>cg22515010</t>
  </si>
  <si>
    <t>cg22516975</t>
  </si>
  <si>
    <t>cg22518373</t>
  </si>
  <si>
    <t>cg22519420</t>
  </si>
  <si>
    <t>cg22530519</t>
  </si>
  <si>
    <t>cg22533099</t>
  </si>
  <si>
    <t>cg22533317</t>
  </si>
  <si>
    <t>cg22533606</t>
  </si>
  <si>
    <t>cg22533683</t>
  </si>
  <si>
    <t>cg22535523</t>
  </si>
  <si>
    <t>cg22541400</t>
  </si>
  <si>
    <t>cg22542139</t>
  </si>
  <si>
    <t>cg22542685</t>
  </si>
  <si>
    <t>cg22555517</t>
  </si>
  <si>
    <t>cg22556056</t>
  </si>
  <si>
    <t>cg22556795</t>
  </si>
  <si>
    <t>cg22562494</t>
  </si>
  <si>
    <t>cg22570042</t>
  </si>
  <si>
    <t>cg22572454</t>
  </si>
  <si>
    <t>cg22584138</t>
  </si>
  <si>
    <t>cg22590062</t>
  </si>
  <si>
    <t>cg22590099</t>
  </si>
  <si>
    <t>cg22590424</t>
  </si>
  <si>
    <t>cg22590522</t>
  </si>
  <si>
    <t>cg22595391</t>
  </si>
  <si>
    <t>cg22608999</t>
  </si>
  <si>
    <t>cg22622425</t>
  </si>
  <si>
    <t>cg22622440</t>
  </si>
  <si>
    <t>cg22622477</t>
  </si>
  <si>
    <t>cg22632017</t>
  </si>
  <si>
    <t>cg22632666</t>
  </si>
  <si>
    <t>cg22632947</t>
  </si>
  <si>
    <t>cg22633024</t>
  </si>
  <si>
    <t>cg22635673</t>
  </si>
  <si>
    <t>cg22640452</t>
  </si>
  <si>
    <t>cg22640868</t>
  </si>
  <si>
    <t>cg22641952</t>
  </si>
  <si>
    <t>cg22642477</t>
  </si>
  <si>
    <t>cg22645881</t>
  </si>
  <si>
    <t>cg22647670</t>
  </si>
  <si>
    <t>cg22651493</t>
  </si>
  <si>
    <t>cg22652275</t>
  </si>
  <si>
    <t>cg22652286</t>
  </si>
  <si>
    <t>cg22658649</t>
  </si>
  <si>
    <t>cg22660299</t>
  </si>
  <si>
    <t>cg22660619</t>
  </si>
  <si>
    <t>cg22664250</t>
  </si>
  <si>
    <t>cg22669656</t>
  </si>
  <si>
    <t>cg22671072</t>
  </si>
  <si>
    <t>cg22674248</t>
  </si>
  <si>
    <t>cg22674497</t>
  </si>
  <si>
    <t>cg22675937</t>
  </si>
  <si>
    <t>cg22678083</t>
  </si>
  <si>
    <t>cg22685463</t>
  </si>
  <si>
    <t>cg22686022</t>
  </si>
  <si>
    <t>cg22686523</t>
  </si>
  <si>
    <t>cg22687902</t>
  </si>
  <si>
    <t>cg22688566</t>
  </si>
  <si>
    <t>cg22694526</t>
  </si>
  <si>
    <t>cg22695339</t>
  </si>
  <si>
    <t>cg22696093</t>
  </si>
  <si>
    <t>cg22697517</t>
  </si>
  <si>
    <t>cg22699052</t>
  </si>
  <si>
    <t>cg22700148</t>
  </si>
  <si>
    <t>cg22700328</t>
  </si>
  <si>
    <t>cg22702443</t>
  </si>
  <si>
    <t>cg22703115</t>
  </si>
  <si>
    <t>cg22704696</t>
  </si>
  <si>
    <t>cg22713958</t>
  </si>
  <si>
    <t>cg22736090</t>
  </si>
  <si>
    <t>cg22738586</t>
  </si>
  <si>
    <t>cg22741997</t>
  </si>
  <si>
    <t>cg22747490</t>
  </si>
  <si>
    <t>cg22748024</t>
  </si>
  <si>
    <t>cg22748407</t>
  </si>
  <si>
    <t>cg22749810</t>
  </si>
  <si>
    <t>cg22758970</t>
  </si>
  <si>
    <t>cg22759234</t>
  </si>
  <si>
    <t>cg22760037</t>
  </si>
  <si>
    <t>cg22760086</t>
  </si>
  <si>
    <t>cg22763680</t>
  </si>
  <si>
    <t>cg22764421</t>
  </si>
  <si>
    <t>cg22764700</t>
  </si>
  <si>
    <t>cg22764851</t>
  </si>
  <si>
    <t>cg22765338</t>
  </si>
  <si>
    <t>cg22766770</t>
  </si>
  <si>
    <t>cg22767735</t>
  </si>
  <si>
    <t>cg22774127</t>
  </si>
  <si>
    <t>cg22784805</t>
  </si>
  <si>
    <t>cg22785629</t>
  </si>
  <si>
    <t>cg22790779</t>
  </si>
  <si>
    <t>cg22791545</t>
  </si>
  <si>
    <t>cg22791700</t>
  </si>
  <si>
    <t>cg22792503</t>
  </si>
  <si>
    <t>cg22792552</t>
  </si>
  <si>
    <t>cg22792735</t>
  </si>
  <si>
    <t>cg22795610</t>
  </si>
  <si>
    <t>cg22795769</t>
  </si>
  <si>
    <t>cg22796355</t>
  </si>
  <si>
    <t>cg22802687</t>
  </si>
  <si>
    <t>cg22803868</t>
  </si>
  <si>
    <t>cg22805796</t>
  </si>
  <si>
    <t>cg22806229</t>
  </si>
  <si>
    <t>cg22807402</t>
  </si>
  <si>
    <t>cg22807608</t>
  </si>
  <si>
    <t>cg22808175</t>
  </si>
  <si>
    <t>cg22809418</t>
  </si>
  <si>
    <t>cg22811387</t>
  </si>
  <si>
    <t>cg22826936</t>
  </si>
  <si>
    <t>cg22832103</t>
  </si>
  <si>
    <t>cg22833809</t>
  </si>
  <si>
    <t>cg22834172</t>
  </si>
  <si>
    <t>cg22839108</t>
  </si>
  <si>
    <t>cg22842797</t>
  </si>
  <si>
    <t>cg22843538</t>
  </si>
  <si>
    <t>cg22846776</t>
  </si>
  <si>
    <t>cg22846807</t>
  </si>
  <si>
    <t>cg22852503</t>
  </si>
  <si>
    <t>cg22853140</t>
  </si>
  <si>
    <t>cg22855255</t>
  </si>
  <si>
    <t>cg22875013</t>
  </si>
  <si>
    <t>cg22876918</t>
  </si>
  <si>
    <t>cg22878535</t>
  </si>
  <si>
    <t>cg22882093</t>
  </si>
  <si>
    <t>cg22882460</t>
  </si>
  <si>
    <t>cg22884732</t>
  </si>
  <si>
    <t>cg22885891</t>
  </si>
  <si>
    <t>cg22887526</t>
  </si>
  <si>
    <t>cg22888787</t>
  </si>
  <si>
    <t>cg22892904</t>
  </si>
  <si>
    <t>cg22895083</t>
  </si>
  <si>
    <t>cg22900075</t>
  </si>
  <si>
    <t>cg22904737</t>
  </si>
  <si>
    <t>cg22912701</t>
  </si>
  <si>
    <t>cg22912922</t>
  </si>
  <si>
    <t>cg22927215</t>
  </si>
  <si>
    <t>cg22932220</t>
  </si>
  <si>
    <t>cg22935450</t>
  </si>
  <si>
    <t>cg22938275</t>
  </si>
  <si>
    <t>cg22946556</t>
  </si>
  <si>
    <t>cg22947322</t>
  </si>
  <si>
    <t>cg22948288</t>
  </si>
  <si>
    <t>cg22949073</t>
  </si>
  <si>
    <t>cg22950105</t>
  </si>
  <si>
    <t>cg22956015</t>
  </si>
  <si>
    <t>cg22956598</t>
  </si>
  <si>
    <t>cg22957404</t>
  </si>
  <si>
    <t>cg22961747</t>
  </si>
  <si>
    <t>cg22964929</t>
  </si>
  <si>
    <t>cg22968401</t>
  </si>
  <si>
    <t>cg22969950</t>
  </si>
  <si>
    <t>cg22972262</t>
  </si>
  <si>
    <t>cg22972519</t>
  </si>
  <si>
    <t>cg22972965</t>
  </si>
  <si>
    <t>cg22975147</t>
  </si>
  <si>
    <t>cg22975671</t>
  </si>
  <si>
    <t>cg22980156</t>
  </si>
  <si>
    <t>cg22981628</t>
  </si>
  <si>
    <t>cg22982093</t>
  </si>
  <si>
    <t>cg22982098</t>
  </si>
  <si>
    <t>cg22983092</t>
  </si>
  <si>
    <t>cg22983677</t>
  </si>
  <si>
    <t>cg22990955</t>
  </si>
  <si>
    <t>cg22994634</t>
  </si>
  <si>
    <t>cg22996129</t>
  </si>
  <si>
    <t>cg22998028</t>
  </si>
  <si>
    <t>cg22999025</t>
  </si>
  <si>
    <t>cg23004409</t>
  </si>
  <si>
    <t>cg23010414</t>
  </si>
  <si>
    <t>cg23011419</t>
  </si>
  <si>
    <t>cg23011729</t>
  </si>
  <si>
    <t>cg23016243</t>
  </si>
  <si>
    <t>cg23017728</t>
  </si>
  <si>
    <t>cg23018236</t>
  </si>
  <si>
    <t>cg23019125</t>
  </si>
  <si>
    <t>cg23033866</t>
  </si>
  <si>
    <t>cg23045404</t>
  </si>
  <si>
    <t>cg23047236</t>
  </si>
  <si>
    <t>cg23051970</t>
  </si>
  <si>
    <t>cg23053525</t>
  </si>
  <si>
    <t>cg23053537</t>
  </si>
  <si>
    <t>cg23060709</t>
  </si>
  <si>
    <t>cg23086243</t>
  </si>
  <si>
    <t>cg23090603</t>
  </si>
  <si>
    <t>cg23092047</t>
  </si>
  <si>
    <t>cg23093812</t>
  </si>
  <si>
    <t>cg23098051</t>
  </si>
  <si>
    <t>cg23099913</t>
  </si>
  <si>
    <t>cg23101091</t>
  </si>
  <si>
    <t>cg23101675</t>
  </si>
  <si>
    <t>cg23103688</t>
  </si>
  <si>
    <t>cg23104592</t>
  </si>
  <si>
    <t>cg23109444</t>
  </si>
  <si>
    <t>cg23110019</t>
  </si>
  <si>
    <t>cg23110832</t>
  </si>
  <si>
    <t>cg23112192</t>
  </si>
  <si>
    <t>cg23115933</t>
  </si>
  <si>
    <t>cg23119809</t>
  </si>
  <si>
    <t>cg23120042</t>
  </si>
  <si>
    <t>cg23120541</t>
  </si>
  <si>
    <t>cg23120942</t>
  </si>
  <si>
    <t>cg23121350</t>
  </si>
  <si>
    <t>cg23122409</t>
  </si>
  <si>
    <t>cg23124641</t>
  </si>
  <si>
    <t>cg23125328</t>
  </si>
  <si>
    <t>cg23128056</t>
  </si>
  <si>
    <t>cg23135546</t>
  </si>
  <si>
    <t>cg23141183</t>
  </si>
  <si>
    <t>cg23145686</t>
  </si>
  <si>
    <t>cg23146565</t>
  </si>
  <si>
    <t>cg23147149</t>
  </si>
  <si>
    <t>cg23162983</t>
  </si>
  <si>
    <t>cg23177095</t>
  </si>
  <si>
    <t>cg23180925</t>
  </si>
  <si>
    <t>cg23181573</t>
  </si>
  <si>
    <t>cg23186643</t>
  </si>
  <si>
    <t>cg23190366</t>
  </si>
  <si>
    <t>cg23197939</t>
  </si>
  <si>
    <t>cg23209016</t>
  </si>
  <si>
    <t>cg23209575</t>
  </si>
  <si>
    <t>cg23210812</t>
  </si>
  <si>
    <t>cg23214207</t>
  </si>
  <si>
    <t>cg23214985</t>
  </si>
  <si>
    <t>cg23215341</t>
  </si>
  <si>
    <t>cg23217463</t>
  </si>
  <si>
    <t>cg23218895</t>
  </si>
  <si>
    <t>cg23221139</t>
  </si>
  <si>
    <t>cg23221605</t>
  </si>
  <si>
    <t>cg23221732</t>
  </si>
  <si>
    <t>cg23231873</t>
  </si>
  <si>
    <t>cg23238734</t>
  </si>
  <si>
    <t>cg23239407</t>
  </si>
  <si>
    <t>cg23242944</t>
  </si>
  <si>
    <t>cg23244398</t>
  </si>
  <si>
    <t>cg23245933</t>
  </si>
  <si>
    <t>cg23247955</t>
  </si>
  <si>
    <t>cg23251296</t>
  </si>
  <si>
    <t>cg23252828</t>
  </si>
  <si>
    <t>cg23254346</t>
  </si>
  <si>
    <t>cg23254528</t>
  </si>
  <si>
    <t>cg23258611</t>
  </si>
  <si>
    <t>cg23259289</t>
  </si>
  <si>
    <t>cg23261154</t>
  </si>
  <si>
    <t>cg23261327</t>
  </si>
  <si>
    <t>cg23268290</t>
  </si>
  <si>
    <t>cg23274244</t>
  </si>
  <si>
    <t>cg23275958</t>
  </si>
  <si>
    <t>cg23277328</t>
  </si>
  <si>
    <t>cg23279833</t>
  </si>
  <si>
    <t>cg23282276</t>
  </si>
  <si>
    <t>cg23288674</t>
  </si>
  <si>
    <t>cg23290960</t>
  </si>
  <si>
    <t>cg23290969</t>
  </si>
  <si>
    <t>cg23291136</t>
  </si>
  <si>
    <t>cg23291732</t>
  </si>
  <si>
    <t>cg23293329</t>
  </si>
  <si>
    <t>cg23296116</t>
  </si>
  <si>
    <t>cg23296697</t>
  </si>
  <si>
    <t>cg23299262</t>
  </si>
  <si>
    <t>cg23299807</t>
  </si>
  <si>
    <t>cg23314805</t>
  </si>
  <si>
    <t>cg23329015</t>
  </si>
  <si>
    <t>cg23332610</t>
  </si>
  <si>
    <t>cg23333072</t>
  </si>
  <si>
    <t>cg23333306</t>
  </si>
  <si>
    <t>cg23336647</t>
  </si>
  <si>
    <t>cg23341567</t>
  </si>
  <si>
    <t>cg23343486</t>
  </si>
  <si>
    <t>cg23346773</t>
  </si>
  <si>
    <t>cg23347958</t>
  </si>
  <si>
    <t>cg23349301</t>
  </si>
  <si>
    <t>cg23350580</t>
  </si>
  <si>
    <t>cg23352191</t>
  </si>
  <si>
    <t>cg23353000</t>
  </si>
  <si>
    <t>cg23353570</t>
  </si>
  <si>
    <t>cg23355492</t>
  </si>
  <si>
    <t>cg23355952</t>
  </si>
  <si>
    <t>cg23357250</t>
  </si>
  <si>
    <t>cg23357605</t>
  </si>
  <si>
    <t>cg23363877</t>
  </si>
  <si>
    <t>cg23370290</t>
  </si>
  <si>
    <t>cg23370394</t>
  </si>
  <si>
    <t>cg23370820</t>
  </si>
  <si>
    <t>cg23372723</t>
  </si>
  <si>
    <t>cg23378165</t>
  </si>
  <si>
    <t>cg23378546</t>
  </si>
  <si>
    <t>cg23387800</t>
  </si>
  <si>
    <t>cg23388392</t>
  </si>
  <si>
    <t>cg23392390</t>
  </si>
  <si>
    <t>cg23397741</t>
  </si>
  <si>
    <t>cg23398109</t>
  </si>
  <si>
    <t>cg23398508</t>
  </si>
  <si>
    <t>cg23399011</t>
  </si>
  <si>
    <t>cg23399028</t>
  </si>
  <si>
    <t>cg23400451</t>
  </si>
  <si>
    <t>cg23402144</t>
  </si>
  <si>
    <t>cg23403099</t>
  </si>
  <si>
    <t>cg23403980</t>
  </si>
  <si>
    <t>cg23404101</t>
  </si>
  <si>
    <t>cg23404330</t>
  </si>
  <si>
    <t>cg23406509</t>
  </si>
  <si>
    <t>cg23408670</t>
  </si>
  <si>
    <t>cg23411065</t>
  </si>
  <si>
    <t>cg23411869</t>
  </si>
  <si>
    <t>cg23413051</t>
  </si>
  <si>
    <t>cg23423852</t>
  </si>
  <si>
    <t>cg23431989</t>
  </si>
  <si>
    <t>cg23434413</t>
  </si>
  <si>
    <t>cg23436779</t>
  </si>
  <si>
    <t>cg23443106</t>
  </si>
  <si>
    <t>cg23443627</t>
  </si>
  <si>
    <t>cg23445926</t>
  </si>
  <si>
    <t>cg23447202</t>
  </si>
  <si>
    <t>cg23448635</t>
  </si>
  <si>
    <t>cg23448998</t>
  </si>
  <si>
    <t>cg23450972</t>
  </si>
  <si>
    <t>cg23450974</t>
  </si>
  <si>
    <t>cg23451251</t>
  </si>
  <si>
    <t>cg23452458</t>
  </si>
  <si>
    <t>cg23453353</t>
  </si>
  <si>
    <t>cg23453622</t>
  </si>
  <si>
    <t>cg23460124</t>
  </si>
  <si>
    <t>cg23460369</t>
  </si>
  <si>
    <t>cg23464217</t>
  </si>
  <si>
    <t>cg23466001</t>
  </si>
  <si>
    <t>cg23470227</t>
  </si>
  <si>
    <t>cg23470850</t>
  </si>
  <si>
    <t>cg23472153</t>
  </si>
  <si>
    <t>cg23474049</t>
  </si>
  <si>
    <t>cg23475474</t>
  </si>
  <si>
    <t>cg23476745</t>
  </si>
  <si>
    <t>cg23483512</t>
  </si>
  <si>
    <t>cg23484609</t>
  </si>
  <si>
    <t>cg23488804</t>
  </si>
  <si>
    <t>cg23490090</t>
  </si>
  <si>
    <t>cg23490727</t>
  </si>
  <si>
    <t>cg23491236</t>
  </si>
  <si>
    <t>cg23498221</t>
  </si>
  <si>
    <t>cg23498628</t>
  </si>
  <si>
    <t>cg23499846</t>
  </si>
  <si>
    <t>cg23499929</t>
  </si>
  <si>
    <t>cg23501773</t>
  </si>
  <si>
    <t>cg23504737</t>
  </si>
  <si>
    <t>cg23507761</t>
  </si>
  <si>
    <t>cg23508201</t>
  </si>
  <si>
    <t>cg23509064</t>
  </si>
  <si>
    <t>cg23509272</t>
  </si>
  <si>
    <t>cg23512231</t>
  </si>
  <si>
    <t>cg23515619</t>
  </si>
  <si>
    <t>cg23515921</t>
  </si>
  <si>
    <t>cg23522862</t>
  </si>
  <si>
    <t>cg23525500</t>
  </si>
  <si>
    <t>cg23526824</t>
  </si>
  <si>
    <t>cg23527517</t>
  </si>
  <si>
    <t>cg23527902</t>
  </si>
  <si>
    <t>cg23528037</t>
  </si>
  <si>
    <t>cg23529278</t>
  </si>
  <si>
    <t>cg23530268</t>
  </si>
  <si>
    <t>cg23530553</t>
  </si>
  <si>
    <t>cg23532322</t>
  </si>
  <si>
    <t>cg23534210</t>
  </si>
  <si>
    <t>cg23534301</t>
  </si>
  <si>
    <t>cg23535449</t>
  </si>
  <si>
    <t>cg23536675</t>
  </si>
  <si>
    <t>cg23542572</t>
  </si>
  <si>
    <t>cg23545250</t>
  </si>
  <si>
    <t>cg23550016</t>
  </si>
  <si>
    <t>cg23550396</t>
  </si>
  <si>
    <t>cg23551455</t>
  </si>
  <si>
    <t>cg23552440</t>
  </si>
  <si>
    <t>cg23552820</t>
  </si>
  <si>
    <t>cg23556191</t>
  </si>
  <si>
    <t>cg23556715</t>
  </si>
  <si>
    <t>cg23556923</t>
  </si>
  <si>
    <t>cg23559053</t>
  </si>
  <si>
    <t>cg23559331</t>
  </si>
  <si>
    <t>cg23566401</t>
  </si>
  <si>
    <t>cg23566793</t>
  </si>
  <si>
    <t>cg23567690</t>
  </si>
  <si>
    <t>cg23570245</t>
  </si>
  <si>
    <t>cg23571857</t>
  </si>
  <si>
    <t>cg23576473</t>
  </si>
  <si>
    <t>cg23584352</t>
  </si>
  <si>
    <t>cg23586254</t>
  </si>
  <si>
    <t>cg23591139</t>
  </si>
  <si>
    <t>cg23592730</t>
  </si>
  <si>
    <t>cg23596678</t>
  </si>
  <si>
    <t>cg23596986</t>
  </si>
  <si>
    <t>cg23599229</t>
  </si>
  <si>
    <t>cg23599559</t>
  </si>
  <si>
    <t>cg23599820</t>
  </si>
  <si>
    <t>cg23601515</t>
  </si>
  <si>
    <t>cg23601905</t>
  </si>
  <si>
    <t>cg23602058</t>
  </si>
  <si>
    <t>cg23606623</t>
  </si>
  <si>
    <t>cg23612072</t>
  </si>
  <si>
    <t>cg23619431</t>
  </si>
  <si>
    <t>cg23623659</t>
  </si>
  <si>
    <t>cg23626961</t>
  </si>
  <si>
    <t>cg23629722</t>
  </si>
  <si>
    <t>cg23630380</t>
  </si>
  <si>
    <t>cg23630423</t>
  </si>
  <si>
    <t>cg23630798</t>
  </si>
  <si>
    <t>cg23632849</t>
  </si>
  <si>
    <t>cg23635206</t>
  </si>
  <si>
    <t>cg23636055</t>
  </si>
  <si>
    <t>cg23639257</t>
  </si>
  <si>
    <t>cg23639857</t>
  </si>
  <si>
    <t>cg23641597</t>
  </si>
  <si>
    <t>cg23645149</t>
  </si>
  <si>
    <t>cg23646044</t>
  </si>
  <si>
    <t>cg23651149</t>
  </si>
  <si>
    <t>cg23653444</t>
  </si>
  <si>
    <t>cg23655623</t>
  </si>
  <si>
    <t>cg23658721</t>
  </si>
  <si>
    <t>cg23660014</t>
  </si>
  <si>
    <t>cg23660755</t>
  </si>
  <si>
    <t>cg23663533</t>
  </si>
  <si>
    <t>cg23663547</t>
  </si>
  <si>
    <t>cg23664708</t>
  </si>
  <si>
    <t>cg23666829</t>
  </si>
  <si>
    <t>cg23667362</t>
  </si>
  <si>
    <t>cg23668631</t>
  </si>
  <si>
    <t>cg23671708</t>
  </si>
  <si>
    <t>cg23673974</t>
  </si>
  <si>
    <t>cg23674788</t>
  </si>
  <si>
    <t>cg23679492</t>
  </si>
  <si>
    <t>cg23679982</t>
  </si>
  <si>
    <t>cg23680099</t>
  </si>
  <si>
    <t>cg23680448</t>
  </si>
  <si>
    <t>cg23682934</t>
  </si>
  <si>
    <t>cg23690866</t>
  </si>
  <si>
    <t>cg23691006</t>
  </si>
  <si>
    <t>cg23693293</t>
  </si>
  <si>
    <t>cg23695880</t>
  </si>
  <si>
    <t>cg23698897</t>
  </si>
  <si>
    <t>cg23708206</t>
  </si>
  <si>
    <t>cg23712458</t>
  </si>
  <si>
    <t>cg23714707</t>
  </si>
  <si>
    <t>cg23715667</t>
  </si>
  <si>
    <t>cg23717187</t>
  </si>
  <si>
    <t>cg23718195</t>
  </si>
  <si>
    <t>cg23718283</t>
  </si>
  <si>
    <t>cg23722151</t>
  </si>
  <si>
    <t>cg23728471</t>
  </si>
  <si>
    <t>cg23728735</t>
  </si>
  <si>
    <t>cg23731030</t>
  </si>
  <si>
    <t>cg23736297</t>
  </si>
  <si>
    <t>cg23738585</t>
  </si>
  <si>
    <t>cg23743114</t>
  </si>
  <si>
    <t>cg23750361</t>
  </si>
  <si>
    <t>cg23752000</t>
  </si>
  <si>
    <t>cg23753415</t>
  </si>
  <si>
    <t>cg23753610</t>
  </si>
  <si>
    <t>cg23756173</t>
  </si>
  <si>
    <t>cg23756381</t>
  </si>
  <si>
    <t>cg23758016</t>
  </si>
  <si>
    <t>cg23763736</t>
  </si>
  <si>
    <t>cg23765170</t>
  </si>
  <si>
    <t>cg23765707</t>
  </si>
  <si>
    <t>cg23766918</t>
  </si>
  <si>
    <t>cg23768117</t>
  </si>
  <si>
    <t>cg23768572</t>
  </si>
  <si>
    <t>cg23768680</t>
  </si>
  <si>
    <t>cg23770271</t>
  </si>
  <si>
    <t>cg23770553</t>
  </si>
  <si>
    <t>cg23771187</t>
  </si>
  <si>
    <t>cg23771985</t>
  </si>
  <si>
    <t>cg23772500</t>
  </si>
  <si>
    <t>cg23779331</t>
  </si>
  <si>
    <t>cg23781810</t>
  </si>
  <si>
    <t>cg23791626</t>
  </si>
  <si>
    <t>cg23792934</t>
  </si>
  <si>
    <t>cg23793397</t>
  </si>
  <si>
    <t>cg23793625</t>
  </si>
  <si>
    <t>cg23796525</t>
  </si>
  <si>
    <t>cg23796578</t>
  </si>
  <si>
    <t>cg23797032</t>
  </si>
  <si>
    <t>cg23798789</t>
  </si>
  <si>
    <t>cg23808301</t>
  </si>
  <si>
    <t>cg23823134</t>
  </si>
  <si>
    <t>cg23824379</t>
  </si>
  <si>
    <t>cg23830037</t>
  </si>
  <si>
    <t>cg23835923</t>
  </si>
  <si>
    <t>cg23838005</t>
  </si>
  <si>
    <t>cg23845168</t>
  </si>
  <si>
    <t>cg23846713</t>
  </si>
  <si>
    <t>cg23847314</t>
  </si>
  <si>
    <t>cg23857976</t>
  </si>
  <si>
    <t>cg23859051</t>
  </si>
  <si>
    <t>cg23866755</t>
  </si>
  <si>
    <t>cg23873735</t>
  </si>
  <si>
    <t>cg23875758</t>
  </si>
  <si>
    <t>cg23876285</t>
  </si>
  <si>
    <t>cg23878875</t>
  </si>
  <si>
    <t>cg23880589</t>
  </si>
  <si>
    <t>cg23882658</t>
  </si>
  <si>
    <t>cg23883802</t>
  </si>
  <si>
    <t>cg23884531</t>
  </si>
  <si>
    <t>cg23888340</t>
  </si>
  <si>
    <t>cg23890832</t>
  </si>
  <si>
    <t>cg23898320</t>
  </si>
  <si>
    <t>cg23901967</t>
  </si>
  <si>
    <t>cg23905164</t>
  </si>
  <si>
    <t>cg23907852</t>
  </si>
  <si>
    <t>cg23907982</t>
  </si>
  <si>
    <t>cg23913876</t>
  </si>
  <si>
    <t>cg23913923</t>
  </si>
  <si>
    <t>cg23917768</t>
  </si>
  <si>
    <t>cg23918047</t>
  </si>
  <si>
    <t>cg23921860</t>
  </si>
  <si>
    <t>cg23922718</t>
  </si>
  <si>
    <t>cg23922753</t>
  </si>
  <si>
    <t>cg23924082</t>
  </si>
  <si>
    <t>cg23924737</t>
  </si>
  <si>
    <t>cg23925678</t>
  </si>
  <si>
    <t>cg23927124</t>
  </si>
  <si>
    <t>cg23928512</t>
  </si>
  <si>
    <t>cg23934351</t>
  </si>
  <si>
    <t>cg23935447</t>
  </si>
  <si>
    <t>cg23938329</t>
  </si>
  <si>
    <t>cg23939642</t>
  </si>
  <si>
    <t>cg23943272</t>
  </si>
  <si>
    <t>cg23945265</t>
  </si>
  <si>
    <t>cg23945793</t>
  </si>
  <si>
    <t>cg23947460</t>
  </si>
  <si>
    <t>cg23950157</t>
  </si>
  <si>
    <t>cg23955881</t>
  </si>
  <si>
    <t>cg23955979</t>
  </si>
  <si>
    <t>cg23956680</t>
  </si>
  <si>
    <t>cg23957372</t>
  </si>
  <si>
    <t>cg23957660</t>
  </si>
  <si>
    <t>cg23959115</t>
  </si>
  <si>
    <t>cg23959474</t>
  </si>
  <si>
    <t>cg23963024</t>
  </si>
  <si>
    <t>cg23966214</t>
  </si>
  <si>
    <t>cg23966361</t>
  </si>
  <si>
    <t>cg23966705</t>
  </si>
  <si>
    <t>cg23968558</t>
  </si>
  <si>
    <t>cg23976464</t>
  </si>
  <si>
    <t>cg23979832</t>
  </si>
  <si>
    <t>cg23982617</t>
  </si>
  <si>
    <t>cg23983449</t>
  </si>
  <si>
    <t>cg23985595</t>
  </si>
  <si>
    <t>cg23986145</t>
  </si>
  <si>
    <t>cg23986185</t>
  </si>
  <si>
    <t>cg23987336</t>
  </si>
  <si>
    <t>cg23990932</t>
  </si>
  <si>
    <t>cg23993559</t>
  </si>
  <si>
    <t>cg23994112</t>
  </si>
  <si>
    <t>cg23996241</t>
  </si>
  <si>
    <t>cg23999491</t>
  </si>
  <si>
    <t>cg24001070</t>
  </si>
  <si>
    <t>cg24003835</t>
  </si>
  <si>
    <t>cg24004187</t>
  </si>
  <si>
    <t>cg24005457</t>
  </si>
  <si>
    <t>cg24006361</t>
  </si>
  <si>
    <t>cg24007084</t>
  </si>
  <si>
    <t>cg24011405</t>
  </si>
  <si>
    <t>cg24014629</t>
  </si>
  <si>
    <t>cg24015057</t>
  </si>
  <si>
    <t>cg24016054</t>
  </si>
  <si>
    <t>cg24017800</t>
  </si>
  <si>
    <t>cg24027378</t>
  </si>
  <si>
    <t>cg24029352</t>
  </si>
  <si>
    <t>cg24030735</t>
  </si>
  <si>
    <t>cg24032330</t>
  </si>
  <si>
    <t>cg24032414</t>
  </si>
  <si>
    <t>cg24034453</t>
  </si>
  <si>
    <t>cg24035202</t>
  </si>
  <si>
    <t>cg24037629</t>
  </si>
  <si>
    <t>cg24041995</t>
  </si>
  <si>
    <t>cg24047905</t>
  </si>
  <si>
    <t>cg24049451</t>
  </si>
  <si>
    <t>cg24052772</t>
  </si>
  <si>
    <t>cg24052809</t>
  </si>
  <si>
    <t>cg24055398</t>
  </si>
  <si>
    <t>cg24060136</t>
  </si>
  <si>
    <t>cg24063036</t>
  </si>
  <si>
    <t>cg24063039</t>
  </si>
  <si>
    <t>cg24063043</t>
  </si>
  <si>
    <t>cg24063238</t>
  </si>
  <si>
    <t>cg24064639</t>
  </si>
  <si>
    <t>cg24066677</t>
  </si>
  <si>
    <t>cg24070195</t>
  </si>
  <si>
    <t>cg24072311</t>
  </si>
  <si>
    <t>cg24073064</t>
  </si>
  <si>
    <t>cg24073161</t>
  </si>
  <si>
    <t>cg24073738</t>
  </si>
  <si>
    <t>cg24073994</t>
  </si>
  <si>
    <t>cg24077265</t>
  </si>
  <si>
    <t>cg24080793</t>
  </si>
  <si>
    <t>cg24081873</t>
  </si>
  <si>
    <t>cg24082871</t>
  </si>
  <si>
    <t>cg24083294</t>
  </si>
  <si>
    <t>cg24084898</t>
  </si>
  <si>
    <t>cg24085207</t>
  </si>
  <si>
    <t>cg24085344</t>
  </si>
  <si>
    <t>cg24085707</t>
  </si>
  <si>
    <t>cg24085713</t>
  </si>
  <si>
    <t>cg24087796</t>
  </si>
  <si>
    <t>cg24089133</t>
  </si>
  <si>
    <t>cg24090635</t>
  </si>
  <si>
    <t>cg24091162</t>
  </si>
  <si>
    <t>cg24092295</t>
  </si>
  <si>
    <t>cg24092340</t>
  </si>
  <si>
    <t>cg24092442</t>
  </si>
  <si>
    <t>cg24093028</t>
  </si>
  <si>
    <t>cg24095850</t>
  </si>
  <si>
    <t>cg24098990</t>
  </si>
  <si>
    <t>cg24105314</t>
  </si>
  <si>
    <t>cg24105797</t>
  </si>
  <si>
    <t>cg24106686</t>
  </si>
  <si>
    <t>cg24109860</t>
  </si>
  <si>
    <t>cg24110839</t>
  </si>
  <si>
    <t>cg24113637</t>
  </si>
  <si>
    <t>cg24113950</t>
  </si>
  <si>
    <t>cg24114154</t>
  </si>
  <si>
    <t>cg24124043</t>
  </si>
  <si>
    <t>cg24124398</t>
  </si>
  <si>
    <t>cg24124977</t>
  </si>
  <si>
    <t>cg24126567</t>
  </si>
  <si>
    <t>cg24126768</t>
  </si>
  <si>
    <t>cg24126880</t>
  </si>
  <si>
    <t>cg24127866</t>
  </si>
  <si>
    <t>cg24128434</t>
  </si>
  <si>
    <t>cg24129626</t>
  </si>
  <si>
    <t>cg24129923</t>
  </si>
  <si>
    <t>cg24135615</t>
  </si>
  <si>
    <t>cg24136563</t>
  </si>
  <si>
    <t>cg24136700</t>
  </si>
  <si>
    <t>cg24137448</t>
  </si>
  <si>
    <t>cg24139443</t>
  </si>
  <si>
    <t>cg24140528</t>
  </si>
  <si>
    <t>cg24144070</t>
  </si>
  <si>
    <t>cg24146586</t>
  </si>
  <si>
    <t>cg24148361</t>
  </si>
  <si>
    <t>cg24150949</t>
  </si>
  <si>
    <t>cg24151087</t>
  </si>
  <si>
    <t>cg24151267</t>
  </si>
  <si>
    <t>cg24154465</t>
  </si>
  <si>
    <t>cg24155025</t>
  </si>
  <si>
    <t>cg24158482</t>
  </si>
  <si>
    <t>cg24159253</t>
  </si>
  <si>
    <t>cg24163736</t>
  </si>
  <si>
    <t>cg24164612</t>
  </si>
  <si>
    <t>cg24165056</t>
  </si>
  <si>
    <t>cg24165107</t>
  </si>
  <si>
    <t>cg24166520</t>
  </si>
  <si>
    <t>cg24170090</t>
  </si>
  <si>
    <t>cg24173049</t>
  </si>
  <si>
    <t>cg24174232</t>
  </si>
  <si>
    <t>cg24174307</t>
  </si>
  <si>
    <t>cg24176680</t>
  </si>
  <si>
    <t>cg24177452</t>
  </si>
  <si>
    <t>cg24179182</t>
  </si>
  <si>
    <t>cg24181389</t>
  </si>
  <si>
    <t>cg24181510</t>
  </si>
  <si>
    <t>cg24181662</t>
  </si>
  <si>
    <t>cg24182328</t>
  </si>
  <si>
    <t>cg24185397</t>
  </si>
  <si>
    <t>cg24186249</t>
  </si>
  <si>
    <t>cg24192805</t>
  </si>
  <si>
    <t>cg24200059</t>
  </si>
  <si>
    <t>cg24205140</t>
  </si>
  <si>
    <t>cg24206431</t>
  </si>
  <si>
    <t>cg24209115</t>
  </si>
  <si>
    <t>cg24210523</t>
  </si>
  <si>
    <t>cg24210813</t>
  </si>
  <si>
    <t>cg24211157</t>
  </si>
  <si>
    <t>cg24211908</t>
  </si>
  <si>
    <t>cg24212517</t>
  </si>
  <si>
    <t>cg24212677</t>
  </si>
  <si>
    <t>cg24213788</t>
  </si>
  <si>
    <t>cg24214470</t>
  </si>
  <si>
    <t>cg24218620</t>
  </si>
  <si>
    <t>cg24220383</t>
  </si>
  <si>
    <t>cg24221742</t>
  </si>
  <si>
    <t>cg24222083</t>
  </si>
  <si>
    <t>cg24223942</t>
  </si>
  <si>
    <t>cg24229819</t>
  </si>
  <si>
    <t>cg24237296</t>
  </si>
  <si>
    <t>cg24238265</t>
  </si>
  <si>
    <t>cg24238341</t>
  </si>
  <si>
    <t>cg24238356</t>
  </si>
  <si>
    <t>cg24238929</t>
  </si>
  <si>
    <t>cg24239992</t>
  </si>
  <si>
    <t>cg24239999</t>
  </si>
  <si>
    <t>cg24241823</t>
  </si>
  <si>
    <t>cg24247086</t>
  </si>
  <si>
    <t>cg24247472</t>
  </si>
  <si>
    <t>cg24247667</t>
  </si>
  <si>
    <t>cg24251800</t>
  </si>
  <si>
    <t>cg24251850</t>
  </si>
  <si>
    <t>cg24253367</t>
  </si>
  <si>
    <t>cg24253464</t>
  </si>
  <si>
    <t>cg24269082</t>
  </si>
  <si>
    <t>cg24269276</t>
  </si>
  <si>
    <t>cg24274176</t>
  </si>
  <si>
    <t>cg24274579</t>
  </si>
  <si>
    <t>cg24276151</t>
  </si>
  <si>
    <t>cg24278841</t>
  </si>
  <si>
    <t>cg24280925</t>
  </si>
  <si>
    <t>cg24287175</t>
  </si>
  <si>
    <t>cg24291845</t>
  </si>
  <si>
    <t>cg24314339</t>
  </si>
  <si>
    <t>cg24317310</t>
  </si>
  <si>
    <t>cg24318076</t>
  </si>
  <si>
    <t>cg24318728</t>
  </si>
  <si>
    <t>cg24319102</t>
  </si>
  <si>
    <t>cg24320242</t>
  </si>
  <si>
    <t>cg24320673</t>
  </si>
  <si>
    <t>cg24321297</t>
  </si>
  <si>
    <t>cg24322968</t>
  </si>
  <si>
    <t>cg24325790</t>
  </si>
  <si>
    <t>cg24327522</t>
  </si>
  <si>
    <t>cg24328095</t>
  </si>
  <si>
    <t>cg24328816</t>
  </si>
  <si>
    <t>cg24331786</t>
  </si>
  <si>
    <t>cg24332433</t>
  </si>
  <si>
    <t>cg24338748</t>
  </si>
  <si>
    <t>cg24339470</t>
  </si>
  <si>
    <t>cg24340911</t>
  </si>
  <si>
    <t>cg24341611</t>
  </si>
  <si>
    <t>cg24343322</t>
  </si>
  <si>
    <t>cg24354368</t>
  </si>
  <si>
    <t>cg24355809</t>
  </si>
  <si>
    <t>cg24357161</t>
  </si>
  <si>
    <t>cg24361571</t>
  </si>
  <si>
    <t>cg24375215</t>
  </si>
  <si>
    <t>cg24375938</t>
  </si>
  <si>
    <t>cg24378470</t>
  </si>
  <si>
    <t>cg24380489</t>
  </si>
  <si>
    <t>cg24387542</t>
  </si>
  <si>
    <t>cg24389239</t>
  </si>
  <si>
    <t>cg24389488</t>
  </si>
  <si>
    <t>cg24392479</t>
  </si>
  <si>
    <t>cg24392889</t>
  </si>
  <si>
    <t>cg24393783</t>
  </si>
  <si>
    <t>cg24393942</t>
  </si>
  <si>
    <t>cg24394631</t>
  </si>
  <si>
    <t>cg24395128</t>
  </si>
  <si>
    <t>cg24396400</t>
  </si>
  <si>
    <t>cg24399406</t>
  </si>
  <si>
    <t>cg24408200</t>
  </si>
  <si>
    <t>cg24412797</t>
  </si>
  <si>
    <t>cg24414089</t>
  </si>
  <si>
    <t>cg24416660</t>
  </si>
  <si>
    <t>cg24420717</t>
  </si>
  <si>
    <t>cg24422797</t>
  </si>
  <si>
    <t>cg24425978</t>
  </si>
  <si>
    <t>cg24426232</t>
  </si>
  <si>
    <t>cg24427271</t>
  </si>
  <si>
    <t>cg24428040</t>
  </si>
  <si>
    <t>cg24431349</t>
  </si>
  <si>
    <t>cg24431966</t>
  </si>
  <si>
    <t>cg24432245</t>
  </si>
  <si>
    <t>cg24432295</t>
  </si>
  <si>
    <t>cg24433586</t>
  </si>
  <si>
    <t>cg24438423</t>
  </si>
  <si>
    <t>cg24438655</t>
  </si>
  <si>
    <t>cg24451123</t>
  </si>
  <si>
    <t>cg24453819</t>
  </si>
  <si>
    <t>cg24457403</t>
  </si>
  <si>
    <t>cg24458315</t>
  </si>
  <si>
    <t>cg24459106</t>
  </si>
  <si>
    <t>cg24459563</t>
  </si>
  <si>
    <t>cg24459759</t>
  </si>
  <si>
    <t>cg24466448</t>
  </si>
  <si>
    <t>cg24470734</t>
  </si>
  <si>
    <t>cg24476449</t>
  </si>
  <si>
    <t>cg24477886</t>
  </si>
  <si>
    <t>cg24479417</t>
  </si>
  <si>
    <t>cg24480120</t>
  </si>
  <si>
    <t>cg24481782</t>
  </si>
  <si>
    <t>cg24483576</t>
  </si>
  <si>
    <t>cg24484352</t>
  </si>
  <si>
    <t>cg24488602</t>
  </si>
  <si>
    <t>cg24488861</t>
  </si>
  <si>
    <t>cg24489015</t>
  </si>
  <si>
    <t>cg24494412</t>
  </si>
  <si>
    <t>cg24499524</t>
  </si>
  <si>
    <t>cg24499677</t>
  </si>
  <si>
    <t>cg24505527</t>
  </si>
  <si>
    <t>cg24513224</t>
  </si>
  <si>
    <t>cg24513522</t>
  </si>
  <si>
    <t>cg24515861</t>
  </si>
  <si>
    <t>cg24516497</t>
  </si>
  <si>
    <t>cg24517066</t>
  </si>
  <si>
    <t>cg24519441</t>
  </si>
  <si>
    <t>cg24520381</t>
  </si>
  <si>
    <t>cg24524013</t>
  </si>
  <si>
    <t>cg24527131</t>
  </si>
  <si>
    <t>cg24527434</t>
  </si>
  <si>
    <t>cg24534926</t>
  </si>
  <si>
    <t>cg24535046</t>
  </si>
  <si>
    <t>cg24537275</t>
  </si>
  <si>
    <t>cg24543937</t>
  </si>
  <si>
    <t>cg24545728</t>
  </si>
  <si>
    <t>cg24546723</t>
  </si>
  <si>
    <t>cg24550880</t>
  </si>
  <si>
    <t>cg24553547</t>
  </si>
  <si>
    <t>cg24555639</t>
  </si>
  <si>
    <t>cg24561572</t>
  </si>
  <si>
    <t>cg24566615</t>
  </si>
  <si>
    <t>cg24571110</t>
  </si>
  <si>
    <t>cg24576620</t>
  </si>
  <si>
    <t>cg24580146</t>
  </si>
  <si>
    <t>cg24582925</t>
  </si>
  <si>
    <t>cg24590075</t>
  </si>
  <si>
    <t>cg24604641</t>
  </si>
  <si>
    <t>cg24607642</t>
  </si>
  <si>
    <t>cg24608385</t>
  </si>
  <si>
    <t>cg24613923</t>
  </si>
  <si>
    <t>cg24615044</t>
  </si>
  <si>
    <t>cg24615251</t>
  </si>
  <si>
    <t>cg24616461</t>
  </si>
  <si>
    <t>cg24618492</t>
  </si>
  <si>
    <t>cg24626411</t>
  </si>
  <si>
    <t>cg24630593</t>
  </si>
  <si>
    <t>cg24631052</t>
  </si>
  <si>
    <t>cg24636510</t>
  </si>
  <si>
    <t>cg24647724</t>
  </si>
  <si>
    <t>cg24650913</t>
  </si>
  <si>
    <t>cg24655262</t>
  </si>
  <si>
    <t>cg24655570</t>
  </si>
  <si>
    <t>cg24656005</t>
  </si>
  <si>
    <t>cg24657085</t>
  </si>
  <si>
    <t>cg24657463</t>
  </si>
  <si>
    <t>cg24660120</t>
  </si>
  <si>
    <t>cg24667510</t>
  </si>
  <si>
    <t>cg24670000</t>
  </si>
  <si>
    <t>cg24671810</t>
  </si>
  <si>
    <t>cg24675735</t>
  </si>
  <si>
    <t>cg24675879</t>
  </si>
  <si>
    <t>cg24677192</t>
  </si>
  <si>
    <t>cg24678211</t>
  </si>
  <si>
    <t>cg24679082</t>
  </si>
  <si>
    <t>cg24680415</t>
  </si>
  <si>
    <t>cg24680602</t>
  </si>
  <si>
    <t>cg24682149</t>
  </si>
  <si>
    <t>cg24686189</t>
  </si>
  <si>
    <t>cg24686322</t>
  </si>
  <si>
    <t>cg24687229</t>
  </si>
  <si>
    <t>cg24687652</t>
  </si>
  <si>
    <t>cg24688837</t>
  </si>
  <si>
    <t>cg24689895</t>
  </si>
  <si>
    <t>cg24696473</t>
  </si>
  <si>
    <t>cg24696861</t>
  </si>
  <si>
    <t>cg24699097</t>
  </si>
  <si>
    <t>cg24699433</t>
  </si>
  <si>
    <t>cg24703533</t>
  </si>
  <si>
    <t>cg24718015</t>
  </si>
  <si>
    <t>cg24719133</t>
  </si>
  <si>
    <t>cg24720967</t>
  </si>
  <si>
    <t>cg24721777</t>
  </si>
  <si>
    <t>cg24724583</t>
  </si>
  <si>
    <t>cg24725841</t>
  </si>
  <si>
    <t>cg24726137</t>
  </si>
  <si>
    <t>cg24738036</t>
  </si>
  <si>
    <t>cg24742298</t>
  </si>
  <si>
    <t>cg24743310</t>
  </si>
  <si>
    <t>cg24744258</t>
  </si>
  <si>
    <t>cg24744721</t>
  </si>
  <si>
    <t>cg24747122</t>
  </si>
  <si>
    <t>cg24750674</t>
  </si>
  <si>
    <t>cg24754689</t>
  </si>
  <si>
    <t>cg24756213</t>
  </si>
  <si>
    <t>cg24766030</t>
  </si>
  <si>
    <t>cg24768077</t>
  </si>
  <si>
    <t>cg24768093</t>
  </si>
  <si>
    <t>cg24768902</t>
  </si>
  <si>
    <t>cg24769205</t>
  </si>
  <si>
    <t>cg24770158</t>
  </si>
  <si>
    <t>cg24770569</t>
  </si>
  <si>
    <t>cg24771570</t>
  </si>
  <si>
    <t>cg24774396</t>
  </si>
  <si>
    <t>cg24774891</t>
  </si>
  <si>
    <t>cg24775814</t>
  </si>
  <si>
    <t>cg24777505</t>
  </si>
  <si>
    <t>cg24778016</t>
  </si>
  <si>
    <t>cg24778683</t>
  </si>
  <si>
    <t>cg24778909</t>
  </si>
  <si>
    <t>cg24792209</t>
  </si>
  <si>
    <t>cg24793470</t>
  </si>
  <si>
    <t>cg24793903</t>
  </si>
  <si>
    <t>cg24795046</t>
  </si>
  <si>
    <t>cg24804060</t>
  </si>
  <si>
    <t>cg24808754</t>
  </si>
  <si>
    <t>cg24809269</t>
  </si>
  <si>
    <t>cg24825722</t>
  </si>
  <si>
    <t>cg24832218</t>
  </si>
  <si>
    <t>cg24838010</t>
  </si>
  <si>
    <t>cg24838043</t>
  </si>
  <si>
    <t>cg24839693</t>
  </si>
  <si>
    <t>cg24841318</t>
  </si>
  <si>
    <t>cg24844000</t>
  </si>
  <si>
    <t>cg24844534</t>
  </si>
  <si>
    <t>cg24845246</t>
  </si>
  <si>
    <t>cg24862483</t>
  </si>
  <si>
    <t>cg24865637</t>
  </si>
  <si>
    <t>cg24868134</t>
  </si>
  <si>
    <t>cg24869815</t>
  </si>
  <si>
    <t>cg24870391</t>
  </si>
  <si>
    <t>cg24874389</t>
  </si>
  <si>
    <t>cg24874612</t>
  </si>
  <si>
    <t>cg24877195</t>
  </si>
  <si>
    <t>cg24879327</t>
  </si>
  <si>
    <t>cg24879395</t>
  </si>
  <si>
    <t>cg24881289</t>
  </si>
  <si>
    <t>cg24881471</t>
  </si>
  <si>
    <t>cg24882295</t>
  </si>
  <si>
    <t>cg24882332</t>
  </si>
  <si>
    <t>cg24884140</t>
  </si>
  <si>
    <t>cg24888187</t>
  </si>
  <si>
    <t>cg24889708</t>
  </si>
  <si>
    <t>cg24893073</t>
  </si>
  <si>
    <t>cg24895052</t>
  </si>
  <si>
    <t>cg24895173</t>
  </si>
  <si>
    <t>cg24895178</t>
  </si>
  <si>
    <t>cg24899995</t>
  </si>
  <si>
    <t>cg24904739</t>
  </si>
  <si>
    <t>cg24908413</t>
  </si>
  <si>
    <t>cg24909396</t>
  </si>
  <si>
    <t>cg24910161</t>
  </si>
  <si>
    <t>cg24917104</t>
  </si>
  <si>
    <t>cg24917359</t>
  </si>
  <si>
    <t>cg24928546</t>
  </si>
  <si>
    <t>cg24929264</t>
  </si>
  <si>
    <t>cg24930218</t>
  </si>
  <si>
    <t>cg24930536</t>
  </si>
  <si>
    <t>cg24935631</t>
  </si>
  <si>
    <t>cg24935810</t>
  </si>
  <si>
    <t>cg24942343</t>
  </si>
  <si>
    <t>cg24943609</t>
  </si>
  <si>
    <t>cg24944395</t>
  </si>
  <si>
    <t>cg24945092</t>
  </si>
  <si>
    <t>cg24945657</t>
  </si>
  <si>
    <t>cg24946791</t>
  </si>
  <si>
    <t>cg24948079</t>
  </si>
  <si>
    <t>cg24948406</t>
  </si>
  <si>
    <t>cg24948782</t>
  </si>
  <si>
    <t>cg24950402</t>
  </si>
  <si>
    <t>cg24957695</t>
  </si>
  <si>
    <t>cg24958366</t>
  </si>
  <si>
    <t>cg24961523</t>
  </si>
  <si>
    <t>cg24962672</t>
  </si>
  <si>
    <t>cg24967701</t>
  </si>
  <si>
    <t>cg24969728</t>
  </si>
  <si>
    <t>cg24970327</t>
  </si>
  <si>
    <t>cg24973483</t>
  </si>
  <si>
    <t>cg24975211</t>
  </si>
  <si>
    <t>cg24976131</t>
  </si>
  <si>
    <t>cg24983862</t>
  </si>
  <si>
    <t>cg24985035</t>
  </si>
  <si>
    <t>cg24985835</t>
  </si>
  <si>
    <t>cg24987590</t>
  </si>
  <si>
    <t>cg24987604</t>
  </si>
  <si>
    <t>cg24988684</t>
  </si>
  <si>
    <t>cg24989577</t>
  </si>
  <si>
    <t>cg24992471</t>
  </si>
  <si>
    <t>cg24994625</t>
  </si>
  <si>
    <t>cg24995783</t>
  </si>
  <si>
    <t>cg25004507</t>
  </si>
  <si>
    <t>cg25006521</t>
  </si>
  <si>
    <t>cg25009896</t>
  </si>
  <si>
    <t>cg25011051</t>
  </si>
  <si>
    <t>cg25011395</t>
  </si>
  <si>
    <t>cg25013053</t>
  </si>
  <si>
    <t>cg25015416</t>
  </si>
  <si>
    <t>cg25020142</t>
  </si>
  <si>
    <t>cg25022086</t>
  </si>
  <si>
    <t>cg25022289</t>
  </si>
  <si>
    <t>cg25022915</t>
  </si>
  <si>
    <t>cg25023262</t>
  </si>
  <si>
    <t>cg25024143</t>
  </si>
  <si>
    <t>cg25024920</t>
  </si>
  <si>
    <t>cg25027367</t>
  </si>
  <si>
    <t>cg25027863</t>
  </si>
  <si>
    <t>cg25030388</t>
  </si>
  <si>
    <t>cg25031824</t>
  </si>
  <si>
    <t>cg25032094</t>
  </si>
  <si>
    <t>cg25032096</t>
  </si>
  <si>
    <t>cg25032983</t>
  </si>
  <si>
    <t>cg25033990</t>
  </si>
  <si>
    <t>cg25036758</t>
  </si>
  <si>
    <t>cg25038082</t>
  </si>
  <si>
    <t>cg25043129</t>
  </si>
  <si>
    <t>cg25044734</t>
  </si>
  <si>
    <t>cg25050975</t>
  </si>
  <si>
    <t>cg25054907</t>
  </si>
  <si>
    <t>cg25055744</t>
  </si>
  <si>
    <t>cg25057221</t>
  </si>
  <si>
    <t>cg25060035</t>
  </si>
  <si>
    <t>cg25062802</t>
  </si>
  <si>
    <t>cg25063515</t>
  </si>
  <si>
    <t>cg25067197</t>
  </si>
  <si>
    <t>cg25067702</t>
  </si>
  <si>
    <t>cg25068915</t>
  </si>
  <si>
    <t>cg25069354</t>
  </si>
  <si>
    <t>cg25069596</t>
  </si>
  <si>
    <t>cg25070639</t>
  </si>
  <si>
    <t>cg25072359</t>
  </si>
  <si>
    <t>cg25072666</t>
  </si>
  <si>
    <t>cg25077430</t>
  </si>
  <si>
    <t>cg25078137</t>
  </si>
  <si>
    <t>cg25079544</t>
  </si>
  <si>
    <t>cg25093320</t>
  </si>
  <si>
    <t>cg25098174</t>
  </si>
  <si>
    <t>cg25101657</t>
  </si>
  <si>
    <t>cg25104511</t>
  </si>
  <si>
    <t>cg25109721</t>
  </si>
  <si>
    <t>cg25109873</t>
  </si>
  <si>
    <t>cg25114561</t>
  </si>
  <si>
    <t>cg25120513</t>
  </si>
  <si>
    <t>cg25124433</t>
  </si>
  <si>
    <t>cg25132957</t>
  </si>
  <si>
    <t>cg25133762</t>
  </si>
  <si>
    <t>cg25135555</t>
  </si>
  <si>
    <t>cg25137908</t>
  </si>
  <si>
    <t>cg25138936</t>
  </si>
  <si>
    <t>cg25142500</t>
  </si>
  <si>
    <t>cg25145360</t>
  </si>
  <si>
    <t>cg25145670</t>
  </si>
  <si>
    <t>cg25149475</t>
  </si>
  <si>
    <t>cg25151916</t>
  </si>
  <si>
    <t>cg25158320</t>
  </si>
  <si>
    <t>cg25160190</t>
  </si>
  <si>
    <t>cg25162533</t>
  </si>
  <si>
    <t>cg25164957</t>
  </si>
  <si>
    <t>cg25169641</t>
  </si>
  <si>
    <t>cg25169926</t>
  </si>
  <si>
    <t>cg25170034</t>
  </si>
  <si>
    <t>cg25170850</t>
  </si>
  <si>
    <t>cg25171014</t>
  </si>
  <si>
    <t>cg25173129</t>
  </si>
  <si>
    <t>cg25174591</t>
  </si>
  <si>
    <t>cg25182165</t>
  </si>
  <si>
    <t>cg25183263</t>
  </si>
  <si>
    <t>cg25184507</t>
  </si>
  <si>
    <t>cg25185710</t>
  </si>
  <si>
    <t>cg25189267</t>
  </si>
  <si>
    <t>cg25191725</t>
  </si>
  <si>
    <t>cg25192000</t>
  </si>
  <si>
    <t>cg25193782</t>
  </si>
  <si>
    <t>cg25195332</t>
  </si>
  <si>
    <t>cg25202280</t>
  </si>
  <si>
    <t>cg25202943</t>
  </si>
  <si>
    <t>cg25204186</t>
  </si>
  <si>
    <t>cg25207738</t>
  </si>
  <si>
    <t>cg25208821</t>
  </si>
  <si>
    <t>cg25211566</t>
  </si>
  <si>
    <t>cg25216196</t>
  </si>
  <si>
    <t>cg25216634</t>
  </si>
  <si>
    <t>cg25219874</t>
  </si>
  <si>
    <t>cg25221637</t>
  </si>
  <si>
    <t>cg25225483</t>
  </si>
  <si>
    <t>cg25225655</t>
  </si>
  <si>
    <t>cg25227866</t>
  </si>
  <si>
    <t>cg25228126</t>
  </si>
  <si>
    <t>cg25228625</t>
  </si>
  <si>
    <t>cg25238382</t>
  </si>
  <si>
    <t>cg25245133</t>
  </si>
  <si>
    <t>cg25245192</t>
  </si>
  <si>
    <t>cg25246246</t>
  </si>
  <si>
    <t>cg25248278</t>
  </si>
  <si>
    <t>cg25255429</t>
  </si>
  <si>
    <t>cg25255713</t>
  </si>
  <si>
    <t>cg25255850</t>
  </si>
  <si>
    <t>cg25256099</t>
  </si>
  <si>
    <t>cg25259129</t>
  </si>
  <si>
    <t>cg25277353</t>
  </si>
  <si>
    <t>cg25278144</t>
  </si>
  <si>
    <t>cg25282715</t>
  </si>
  <si>
    <t>cg25283175</t>
  </si>
  <si>
    <t>cg25289431</t>
  </si>
  <si>
    <t>cg25292663</t>
  </si>
  <si>
    <t>cg25298039</t>
  </si>
  <si>
    <t>cg25304136</t>
  </si>
  <si>
    <t>cg25304405</t>
  </si>
  <si>
    <t>cg25309567</t>
  </si>
  <si>
    <t>cg25322211</t>
  </si>
  <si>
    <t>cg25322720</t>
  </si>
  <si>
    <t>cg25324068</t>
  </si>
  <si>
    <t>cg25327531</t>
  </si>
  <si>
    <t>cg25329072</t>
  </si>
  <si>
    <t>cg25329734</t>
  </si>
  <si>
    <t>cg25330016</t>
  </si>
  <si>
    <t>cg25330878</t>
  </si>
  <si>
    <t>cg25333602</t>
  </si>
  <si>
    <t>cg25334369</t>
  </si>
  <si>
    <t>cg25334860</t>
  </si>
  <si>
    <t>cg25339112</t>
  </si>
  <si>
    <t>cg25340056</t>
  </si>
  <si>
    <t>cg25340515</t>
  </si>
  <si>
    <t>cg25341923</t>
  </si>
  <si>
    <t>cg25344194</t>
  </si>
  <si>
    <t>cg25344639</t>
  </si>
  <si>
    <t>cg25346576</t>
  </si>
  <si>
    <t>cg25348532</t>
  </si>
  <si>
    <t>cg25349574</t>
  </si>
  <si>
    <t>cg25351614</t>
  </si>
  <si>
    <t>cg25355213</t>
  </si>
  <si>
    <t>cg25362050</t>
  </si>
  <si>
    <t>cg25362219</t>
  </si>
  <si>
    <t>cg25363387</t>
  </si>
  <si>
    <t>cg25364898</t>
  </si>
  <si>
    <t>cg25365221</t>
  </si>
  <si>
    <t>cg25365260</t>
  </si>
  <si>
    <t>cg25365794</t>
  </si>
  <si>
    <t>cg25371017</t>
  </si>
  <si>
    <t>cg25372072</t>
  </si>
  <si>
    <t>cg25373624</t>
  </si>
  <si>
    <t>cg25376409</t>
  </si>
  <si>
    <t>cg25378181</t>
  </si>
  <si>
    <t>cg25379762</t>
  </si>
  <si>
    <t>cg25389328</t>
  </si>
  <si>
    <t>cg25392325</t>
  </si>
  <si>
    <t>cg25399461</t>
  </si>
  <si>
    <t>cg25399573</t>
  </si>
  <si>
    <t>cg25399818</t>
  </si>
  <si>
    <t>cg25400253</t>
  </si>
  <si>
    <t>cg25404930</t>
  </si>
  <si>
    <t>cg25405787</t>
  </si>
  <si>
    <t>cg25407238</t>
  </si>
  <si>
    <t>cg25408698</t>
  </si>
  <si>
    <t>cg25411207</t>
  </si>
  <si>
    <t>cg25413575</t>
  </si>
  <si>
    <t>cg25415978</t>
  </si>
  <si>
    <t>cg25418200</t>
  </si>
  <si>
    <t>cg25422089</t>
  </si>
  <si>
    <t>cg25422405</t>
  </si>
  <si>
    <t>cg25422411</t>
  </si>
  <si>
    <t>cg25423135</t>
  </si>
  <si>
    <t>cg25424571</t>
  </si>
  <si>
    <t>cg25425074</t>
  </si>
  <si>
    <t>cg25426563</t>
  </si>
  <si>
    <t>cg25432997</t>
  </si>
  <si>
    <t>cg25441338</t>
  </si>
  <si>
    <t>cg25443968</t>
  </si>
  <si>
    <t>cg25443991</t>
  </si>
  <si>
    <t>cg25445101</t>
  </si>
  <si>
    <t>cg25446098</t>
  </si>
  <si>
    <t>cg25447461</t>
  </si>
  <si>
    <t>cg25448636</t>
  </si>
  <si>
    <t>cg25449821</t>
  </si>
  <si>
    <t>cg25450200</t>
  </si>
  <si>
    <t>cg25450986</t>
  </si>
  <si>
    <t>cg25451120</t>
  </si>
  <si>
    <t>cg25456020</t>
  </si>
  <si>
    <t>cg25465406</t>
  </si>
  <si>
    <t>cg25471787</t>
  </si>
  <si>
    <t>cg25479708</t>
  </si>
  <si>
    <t>cg25492364</t>
  </si>
  <si>
    <t>cg25492458</t>
  </si>
  <si>
    <t>cg25492583</t>
  </si>
  <si>
    <t>cg25495775</t>
  </si>
  <si>
    <t>cg25500553</t>
  </si>
  <si>
    <t>cg25504443</t>
  </si>
  <si>
    <t>cg25504966</t>
  </si>
  <si>
    <t>cg25505729</t>
  </si>
  <si>
    <t>cg25507121</t>
  </si>
  <si>
    <t>cg25508376</t>
  </si>
  <si>
    <t>cg25510895</t>
  </si>
  <si>
    <t>cg25512537</t>
  </si>
  <si>
    <t>cg25512683</t>
  </si>
  <si>
    <t>cg25514104</t>
  </si>
  <si>
    <t>cg25514439</t>
  </si>
  <si>
    <t>cg25515639</t>
  </si>
  <si>
    <t>cg25515941</t>
  </si>
  <si>
    <t>cg25520488</t>
  </si>
  <si>
    <t>cg25520679</t>
  </si>
  <si>
    <t>cg25523477</t>
  </si>
  <si>
    <t>cg25525709</t>
  </si>
  <si>
    <t>cg25526759</t>
  </si>
  <si>
    <t>cg25526913</t>
  </si>
  <si>
    <t>cg25532751</t>
  </si>
  <si>
    <t>cg25535257</t>
  </si>
  <si>
    <t>cg25538809</t>
  </si>
  <si>
    <t>cg25551545</t>
  </si>
  <si>
    <t>cg25552172</t>
  </si>
  <si>
    <t>cg25554340</t>
  </si>
  <si>
    <t>cg25555068</t>
  </si>
  <si>
    <t>cg25558027</t>
  </si>
  <si>
    <t>cg25558087</t>
  </si>
  <si>
    <t>cg25558099</t>
  </si>
  <si>
    <t>cg25558531</t>
  </si>
  <si>
    <t>cg25561792</t>
  </si>
  <si>
    <t>cg25562797</t>
  </si>
  <si>
    <t>cg25564901</t>
  </si>
  <si>
    <t>cg25565082</t>
  </si>
  <si>
    <t>cg25571269</t>
  </si>
  <si>
    <t>cg25575553</t>
  </si>
  <si>
    <t>cg25577130</t>
  </si>
  <si>
    <t>cg25578028</t>
  </si>
  <si>
    <t>cg25579860</t>
  </si>
  <si>
    <t>cg25581039</t>
  </si>
  <si>
    <t>cg25581932</t>
  </si>
  <si>
    <t>cg25582353</t>
  </si>
  <si>
    <t>cg25582403</t>
  </si>
  <si>
    <t>cg25584780</t>
  </si>
  <si>
    <t>cg25585129</t>
  </si>
  <si>
    <t>cg25588826</t>
  </si>
  <si>
    <t>cg25590127</t>
  </si>
  <si>
    <t>cg25591301</t>
  </si>
  <si>
    <t>cg25591996</t>
  </si>
  <si>
    <t>cg25593391</t>
  </si>
  <si>
    <t>cg25596289</t>
  </si>
  <si>
    <t>cg25600481</t>
  </si>
  <si>
    <t>cg25605912</t>
  </si>
  <si>
    <t>cg25616160</t>
  </si>
  <si>
    <t>cg25617556</t>
  </si>
  <si>
    <t>cg25625561</t>
  </si>
  <si>
    <t>cg25627098</t>
  </si>
  <si>
    <t>cg25634141</t>
  </si>
  <si>
    <t>cg25635840</t>
  </si>
  <si>
    <t>cg25639671</t>
  </si>
  <si>
    <t>cg25639749</t>
  </si>
  <si>
    <t>cg25642812</t>
  </si>
  <si>
    <t>cg25646095</t>
  </si>
  <si>
    <t>cg25647784</t>
  </si>
  <si>
    <t>cg25647823</t>
  </si>
  <si>
    <t>cg25648121</t>
  </si>
  <si>
    <t>cg25649188</t>
  </si>
  <si>
    <t>cg25649895</t>
  </si>
  <si>
    <t>cg25652454</t>
  </si>
  <si>
    <t>cg25653011</t>
  </si>
  <si>
    <t>cg25656836</t>
  </si>
  <si>
    <t>cg25658272</t>
  </si>
  <si>
    <t>cg25662857</t>
  </si>
  <si>
    <t>cg25664054</t>
  </si>
  <si>
    <t>cg25664403</t>
  </si>
  <si>
    <t>cg25671438</t>
  </si>
  <si>
    <t>cg25673241</t>
  </si>
  <si>
    <t>cg25673373</t>
  </si>
  <si>
    <t>cg25673591</t>
  </si>
  <si>
    <t>cg25673593</t>
  </si>
  <si>
    <t>cg25676215</t>
  </si>
  <si>
    <t>cg25676905</t>
  </si>
  <si>
    <t>cg25680014</t>
  </si>
  <si>
    <t>cg25689499</t>
  </si>
  <si>
    <t>cg25690715</t>
  </si>
  <si>
    <t>cg25696023</t>
  </si>
  <si>
    <t>cg25696459</t>
  </si>
  <si>
    <t>cg25699034</t>
  </si>
  <si>
    <t>cg25699343</t>
  </si>
  <si>
    <t>cg25705936</t>
  </si>
  <si>
    <t>cg25708777</t>
  </si>
  <si>
    <t>cg25709050</t>
  </si>
  <si>
    <t>cg25711239</t>
  </si>
  <si>
    <t>cg25711358</t>
  </si>
  <si>
    <t>cg25714850</t>
  </si>
  <si>
    <t>cg25716740</t>
  </si>
  <si>
    <t>cg25718402</t>
  </si>
  <si>
    <t>cg25718732</t>
  </si>
  <si>
    <t>cg25720755</t>
  </si>
  <si>
    <t>cg25724441</t>
  </si>
  <si>
    <t>cg25725890</t>
  </si>
  <si>
    <t>cg25729060</t>
  </si>
  <si>
    <t>cg25729716</t>
  </si>
  <si>
    <t>cg25738176</t>
  </si>
  <si>
    <t>cg25738340</t>
  </si>
  <si>
    <t>cg25739700</t>
  </si>
  <si>
    <t>cg25742201</t>
  </si>
  <si>
    <t>cg25743345</t>
  </si>
  <si>
    <t>cg25743584</t>
  </si>
  <si>
    <t>cg25746923</t>
  </si>
  <si>
    <t>cg25748136</t>
  </si>
  <si>
    <t>cg25748524</t>
  </si>
  <si>
    <t>cg25750004</t>
  </si>
  <si>
    <t>cg25750507</t>
  </si>
  <si>
    <t>cg25753026</t>
  </si>
  <si>
    <t>cg25753722</t>
  </si>
  <si>
    <t>cg25754888</t>
  </si>
  <si>
    <t>cg25756586</t>
  </si>
  <si>
    <t>cg25758952</t>
  </si>
  <si>
    <t>cg25759517</t>
  </si>
  <si>
    <t>cg25782563</t>
  </si>
  <si>
    <t>cg25791620</t>
  </si>
  <si>
    <t>cg25791868</t>
  </si>
  <si>
    <t>cg25791875</t>
  </si>
  <si>
    <t>cg25796129</t>
  </si>
  <si>
    <t>cg25803583</t>
  </si>
  <si>
    <t>cg25804541</t>
  </si>
  <si>
    <t>cg25809905</t>
  </si>
  <si>
    <t>cg25810857</t>
  </si>
  <si>
    <t>cg25813582</t>
  </si>
  <si>
    <t>cg25813630</t>
  </si>
  <si>
    <t>cg25814096</t>
  </si>
  <si>
    <t>cg25818659</t>
  </si>
  <si>
    <t>cg25819424</t>
  </si>
  <si>
    <t>cg25820602</t>
  </si>
  <si>
    <t>cg25821249</t>
  </si>
  <si>
    <t>cg25821304</t>
  </si>
  <si>
    <t>cg25825612</t>
  </si>
  <si>
    <t>cg25826596</t>
  </si>
  <si>
    <t>cg25827022</t>
  </si>
  <si>
    <t>cg25831111</t>
  </si>
  <si>
    <t>cg25832551</t>
  </si>
  <si>
    <t>cg25833597</t>
  </si>
  <si>
    <t>cg25836567</t>
  </si>
  <si>
    <t>cg25837104</t>
  </si>
  <si>
    <t>cg25837213</t>
  </si>
  <si>
    <t>cg25838977</t>
  </si>
  <si>
    <t>cg25839227</t>
  </si>
  <si>
    <t>cg25839236</t>
  </si>
  <si>
    <t>cg25839877</t>
  </si>
  <si>
    <t>cg25841344</t>
  </si>
  <si>
    <t>cg25843873</t>
  </si>
  <si>
    <t>cg25856379</t>
  </si>
  <si>
    <t>cg25856632</t>
  </si>
  <si>
    <t>cg25867820</t>
  </si>
  <si>
    <t>cg25867973</t>
  </si>
  <si>
    <t>cg25868286</t>
  </si>
  <si>
    <t>cg25874108</t>
  </si>
  <si>
    <t>cg25876840</t>
  </si>
  <si>
    <t>cg25877179</t>
  </si>
  <si>
    <t>cg25877299</t>
  </si>
  <si>
    <t>cg25879946</t>
  </si>
  <si>
    <t>cg25882366</t>
  </si>
  <si>
    <t>cg25882785</t>
  </si>
  <si>
    <t>cg25885038</t>
  </si>
  <si>
    <t>cg25888914</t>
  </si>
  <si>
    <t>cg25890092</t>
  </si>
  <si>
    <t>cg25892761</t>
  </si>
  <si>
    <t>cg25893857</t>
  </si>
  <si>
    <t>cg25894374</t>
  </si>
  <si>
    <t>cg25894806</t>
  </si>
  <si>
    <t>cg25896754</t>
  </si>
  <si>
    <t>cg25898425</t>
  </si>
  <si>
    <t>cg25899532</t>
  </si>
  <si>
    <t>cg25900902</t>
  </si>
  <si>
    <t>cg25901400</t>
  </si>
  <si>
    <t>cg25901662</t>
  </si>
  <si>
    <t>cg25902229</t>
  </si>
  <si>
    <t>cg25903783</t>
  </si>
  <si>
    <t>cg25905052</t>
  </si>
  <si>
    <t>cg25905459</t>
  </si>
  <si>
    <t>cg25907686</t>
  </si>
  <si>
    <t>cg25907965</t>
  </si>
  <si>
    <t>cg25909396</t>
  </si>
  <si>
    <t>cg25910083</t>
  </si>
  <si>
    <t>cg25912016</t>
  </si>
  <si>
    <t>cg25912699</t>
  </si>
  <si>
    <t>cg25913172</t>
  </si>
  <si>
    <t>cg25918947</t>
  </si>
  <si>
    <t>cg25921518</t>
  </si>
  <si>
    <t>cg25924840</t>
  </si>
  <si>
    <t>cg25930644</t>
  </si>
  <si>
    <t>cg25934680</t>
  </si>
  <si>
    <t>cg25934728</t>
  </si>
  <si>
    <t>cg25936381</t>
  </si>
  <si>
    <t>cg25936839</t>
  </si>
  <si>
    <t>cg25937028</t>
  </si>
  <si>
    <t>cg25948591</t>
  </si>
  <si>
    <t>cg25948831</t>
  </si>
  <si>
    <t>cg25949363</t>
  </si>
  <si>
    <t>cg25950100</t>
  </si>
  <si>
    <t>cg25950505</t>
  </si>
  <si>
    <t>cg25955817</t>
  </si>
  <si>
    <t>cg25985778</t>
  </si>
  <si>
    <t>cg25986496</t>
  </si>
  <si>
    <t>cg25986678</t>
  </si>
  <si>
    <t>cg25987502</t>
  </si>
  <si>
    <t>cg25987842</t>
  </si>
  <si>
    <t>cg25988830</t>
  </si>
  <si>
    <t>cg25999891</t>
  </si>
  <si>
    <t>cg26003222</t>
  </si>
  <si>
    <t>cg26003785</t>
  </si>
  <si>
    <t>cg26007445</t>
  </si>
  <si>
    <t>cg26007540</t>
  </si>
  <si>
    <t>cg26011438</t>
  </si>
  <si>
    <t>cg26013733</t>
  </si>
  <si>
    <t>cg26014634</t>
  </si>
  <si>
    <t>cg26016574</t>
  </si>
  <si>
    <t>cg26017457</t>
  </si>
  <si>
    <t>cg26017754</t>
  </si>
  <si>
    <t>cg26019259</t>
  </si>
  <si>
    <t>cg26022315</t>
  </si>
  <si>
    <t>cg26024597</t>
  </si>
  <si>
    <t>cg26026296</t>
  </si>
  <si>
    <t>cg26027170</t>
  </si>
  <si>
    <t>cg26028628</t>
  </si>
  <si>
    <t>cg26035171</t>
  </si>
  <si>
    <t>cg26037614</t>
  </si>
  <si>
    <t>cg26038697</t>
  </si>
  <si>
    <t>cg26040060</t>
  </si>
  <si>
    <t>cg26041593</t>
  </si>
  <si>
    <t>cg26049998</t>
  </si>
  <si>
    <t>cg26055488</t>
  </si>
  <si>
    <t>cg26055841</t>
  </si>
  <si>
    <t>cg26068527</t>
  </si>
  <si>
    <t>cg26069230</t>
  </si>
  <si>
    <t>cg26074051</t>
  </si>
  <si>
    <t>cg26074120</t>
  </si>
  <si>
    <t>cg26077228</t>
  </si>
  <si>
    <t>cg26078513</t>
  </si>
  <si>
    <t>cg26079699</t>
  </si>
  <si>
    <t>cg26079706</t>
  </si>
  <si>
    <t>cg26080305</t>
  </si>
  <si>
    <t>cg26083576</t>
  </si>
  <si>
    <t>cg26085533</t>
  </si>
  <si>
    <t>cg26090020</t>
  </si>
  <si>
    <t>cg26093898</t>
  </si>
  <si>
    <t>cg26094122</t>
  </si>
  <si>
    <t>cg26094554</t>
  </si>
  <si>
    <t>cg26097878</t>
  </si>
  <si>
    <t>cg26101277</t>
  </si>
  <si>
    <t>cg26101366</t>
  </si>
  <si>
    <t>cg26103628</t>
  </si>
  <si>
    <t>cg26104591</t>
  </si>
  <si>
    <t>cg26105045</t>
  </si>
  <si>
    <t>cg26105658</t>
  </si>
  <si>
    <t>cg26111518</t>
  </si>
  <si>
    <t>cg26114392</t>
  </si>
  <si>
    <t>cg26114595</t>
  </si>
  <si>
    <t>cg26118142</t>
  </si>
  <si>
    <t>cg26126367</t>
  </si>
  <si>
    <t>cg26126623</t>
  </si>
  <si>
    <t>cg26126806</t>
  </si>
  <si>
    <t>cg26130581</t>
  </si>
  <si>
    <t>cg26131026</t>
  </si>
  <si>
    <t>cg26131816</t>
  </si>
  <si>
    <t>cg26133266</t>
  </si>
  <si>
    <t>cg26134124</t>
  </si>
  <si>
    <t>cg26135975</t>
  </si>
  <si>
    <t>cg26138224</t>
  </si>
  <si>
    <t>cg26142132</t>
  </si>
  <si>
    <t>cg26142236</t>
  </si>
  <si>
    <t>cg26144002</t>
  </si>
  <si>
    <t>cg26146048</t>
  </si>
  <si>
    <t>cg26147132</t>
  </si>
  <si>
    <t>cg26147338</t>
  </si>
  <si>
    <t>cg26148904</t>
  </si>
  <si>
    <t>cg26160217</t>
  </si>
  <si>
    <t>cg26161820</t>
  </si>
  <si>
    <t>cg26164164</t>
  </si>
  <si>
    <t>cg26165269</t>
  </si>
  <si>
    <t>cg26166818</t>
  </si>
  <si>
    <t>cg26170930</t>
  </si>
  <si>
    <t>cg26171913</t>
  </si>
  <si>
    <t>cg26175448</t>
  </si>
  <si>
    <t>cg26176014</t>
  </si>
  <si>
    <t>cg26176469</t>
  </si>
  <si>
    <t>cg26176717</t>
  </si>
  <si>
    <t>cg26178523</t>
  </si>
  <si>
    <t>cg26178974</t>
  </si>
  <si>
    <t>cg26181583</t>
  </si>
  <si>
    <t>cg26183265</t>
  </si>
  <si>
    <t>cg26184501</t>
  </si>
  <si>
    <t>cg26187005</t>
  </si>
  <si>
    <t>cg26199241</t>
  </si>
  <si>
    <t>cg26200976</t>
  </si>
  <si>
    <t>cg26202853</t>
  </si>
  <si>
    <t>cg26206680</t>
  </si>
  <si>
    <t>cg26208644</t>
  </si>
  <si>
    <t>cg26210721</t>
  </si>
  <si>
    <t>cg26216891</t>
  </si>
  <si>
    <t>cg26217633</t>
  </si>
  <si>
    <t>cg26218110</t>
  </si>
  <si>
    <t>cg26218753</t>
  </si>
  <si>
    <t>cg26227119</t>
  </si>
  <si>
    <t>cg26231241</t>
  </si>
  <si>
    <t>cg26234644</t>
  </si>
  <si>
    <t>cg26235490</t>
  </si>
  <si>
    <t>cg26236278</t>
  </si>
  <si>
    <t>cg26239391</t>
  </si>
  <si>
    <t>cg26244646</t>
  </si>
  <si>
    <t>cg26245256</t>
  </si>
  <si>
    <t>cg26246074</t>
  </si>
  <si>
    <t>cg26247880</t>
  </si>
  <si>
    <t>cg26249987</t>
  </si>
  <si>
    <t>cg26250129</t>
  </si>
  <si>
    <t>cg26260291</t>
  </si>
  <si>
    <t>cg26261291</t>
  </si>
  <si>
    <t>cg26263675</t>
  </si>
  <si>
    <t>cg26264032</t>
  </si>
  <si>
    <t>cg26264133</t>
  </si>
  <si>
    <t>cg26279336</t>
  </si>
  <si>
    <t>cg26279814</t>
  </si>
  <si>
    <t>cg26282347</t>
  </si>
  <si>
    <t>cg26283098</t>
  </si>
  <si>
    <t>cg26283127</t>
  </si>
  <si>
    <t>cg26284483</t>
  </si>
  <si>
    <t>cg26292173</t>
  </si>
  <si>
    <t>cg26294578</t>
  </si>
  <si>
    <t>cg26296337</t>
  </si>
  <si>
    <t>cg26299514</t>
  </si>
  <si>
    <t>cg26301489</t>
  </si>
  <si>
    <t>cg26303202</t>
  </si>
  <si>
    <t>cg26307871</t>
  </si>
  <si>
    <t>cg26308530</t>
  </si>
  <si>
    <t>cg26312133</t>
  </si>
  <si>
    <t>cg26312191</t>
  </si>
  <si>
    <t>cg26313514</t>
  </si>
  <si>
    <t>cg26316373</t>
  </si>
  <si>
    <t>cg26317834</t>
  </si>
  <si>
    <t>cg26324973</t>
  </si>
  <si>
    <t>cg26328589</t>
  </si>
  <si>
    <t>cg26329692</t>
  </si>
  <si>
    <t>cg26333802</t>
  </si>
  <si>
    <t>cg26334670</t>
  </si>
  <si>
    <t>cg26337259</t>
  </si>
  <si>
    <t>cg26343721</t>
  </si>
  <si>
    <t>cg26344747</t>
  </si>
  <si>
    <t>cg26344798</t>
  </si>
  <si>
    <t>cg26348684</t>
  </si>
  <si>
    <t>cg26349454</t>
  </si>
  <si>
    <t>cg26350921</t>
  </si>
  <si>
    <t>cg26351132</t>
  </si>
  <si>
    <t>cg26359857</t>
  </si>
  <si>
    <t>cg26360197</t>
  </si>
  <si>
    <t>cg26365813</t>
  </si>
  <si>
    <t>cg26366360</t>
  </si>
  <si>
    <t>cg26369269</t>
  </si>
  <si>
    <t>cg26369484</t>
  </si>
  <si>
    <t>cg26370022</t>
  </si>
  <si>
    <t>cg26376245</t>
  </si>
  <si>
    <t>cg26376749</t>
  </si>
  <si>
    <t>cg26377339</t>
  </si>
  <si>
    <t>cg26387998</t>
  </si>
  <si>
    <t>cg26388152</t>
  </si>
  <si>
    <t>cg26389281</t>
  </si>
  <si>
    <t>cg26390041</t>
  </si>
  <si>
    <t>cg26391277</t>
  </si>
  <si>
    <t>cg26392367</t>
  </si>
  <si>
    <t>cg26393183</t>
  </si>
  <si>
    <t>cg26394308</t>
  </si>
  <si>
    <t>cg26397172</t>
  </si>
  <si>
    <t>cg26403608</t>
  </si>
  <si>
    <t>cg26408224</t>
  </si>
  <si>
    <t>cg26411466</t>
  </si>
  <si>
    <t>cg26413730</t>
  </si>
  <si>
    <t>cg26418770</t>
  </si>
  <si>
    <t>cg26422469</t>
  </si>
  <si>
    <t>cg26423824</t>
  </si>
  <si>
    <t>cg26442874</t>
  </si>
  <si>
    <t>cg26450228</t>
  </si>
  <si>
    <t>cg26454350</t>
  </si>
  <si>
    <t>cg26455386</t>
  </si>
  <si>
    <t>cg26455685</t>
  </si>
  <si>
    <t>cg26457700</t>
  </si>
  <si>
    <t>cg26460867</t>
  </si>
  <si>
    <t>cg26462239</t>
  </si>
  <si>
    <t>cg26465214</t>
  </si>
  <si>
    <t>cg26474465</t>
  </si>
  <si>
    <t>cg26475541</t>
  </si>
  <si>
    <t>cg26475911</t>
  </si>
  <si>
    <t>cg26477257</t>
  </si>
  <si>
    <t>cg26478249</t>
  </si>
  <si>
    <t>cg26480745</t>
  </si>
  <si>
    <t>cg26499286</t>
  </si>
  <si>
    <t>cg26499363</t>
  </si>
  <si>
    <t>cg26500312</t>
  </si>
  <si>
    <t>cg26501664</t>
  </si>
  <si>
    <t>cg26503701</t>
  </si>
  <si>
    <t>cg26504421</t>
  </si>
  <si>
    <t>cg26506288</t>
  </si>
  <si>
    <t>cg26506842</t>
  </si>
  <si>
    <t>cg26507657</t>
  </si>
  <si>
    <t>cg26508170</t>
  </si>
  <si>
    <t>cg26509269</t>
  </si>
  <si>
    <t>cg26516954</t>
  </si>
  <si>
    <t>cg26521011</t>
  </si>
  <si>
    <t>cg26522717</t>
  </si>
  <si>
    <t>cg26524541</t>
  </si>
  <si>
    <t>cg26527638</t>
  </si>
  <si>
    <t>cg26527984</t>
  </si>
  <si>
    <t>cg26529556</t>
  </si>
  <si>
    <t>cg26532627</t>
  </si>
  <si>
    <t>cg26534477</t>
  </si>
  <si>
    <t>cg26535547</t>
  </si>
  <si>
    <t>cg26543989</t>
  </si>
  <si>
    <t>cg26545162</t>
  </si>
  <si>
    <t>cg26547236</t>
  </si>
  <si>
    <t>cg26550194</t>
  </si>
  <si>
    <t>cg26551072</t>
  </si>
  <si>
    <t>cg26551326</t>
  </si>
  <si>
    <t>cg26555306</t>
  </si>
  <si>
    <t>cg26557540</t>
  </si>
  <si>
    <t>cg26558799</t>
  </si>
  <si>
    <t>cg26558919</t>
  </si>
  <si>
    <t>cg26559015</t>
  </si>
  <si>
    <t>cg26561313</t>
  </si>
  <si>
    <t>cg26567801</t>
  </si>
  <si>
    <t>cg26572811</t>
  </si>
  <si>
    <t>cg26574247</t>
  </si>
  <si>
    <t>cg26574980</t>
  </si>
  <si>
    <t>cg26575738</t>
  </si>
  <si>
    <t>cg26585066</t>
  </si>
  <si>
    <t>cg26586920</t>
  </si>
  <si>
    <t>cg26598603</t>
  </si>
  <si>
    <t>cg26602314</t>
  </si>
  <si>
    <t>cg26604444</t>
  </si>
  <si>
    <t>cg26605335</t>
  </si>
  <si>
    <t>cg26605760</t>
  </si>
  <si>
    <t>cg26607785</t>
  </si>
  <si>
    <t>cg26609642</t>
  </si>
  <si>
    <t>cg26612727</t>
  </si>
  <si>
    <t>cg26615017</t>
  </si>
  <si>
    <t>cg26619894</t>
  </si>
  <si>
    <t>cg26619987</t>
  </si>
  <si>
    <t>cg26621046</t>
  </si>
  <si>
    <t>cg26622699</t>
  </si>
  <si>
    <t>cg26623266</t>
  </si>
  <si>
    <t>cg26623286</t>
  </si>
  <si>
    <t>cg26623554</t>
  </si>
  <si>
    <t>cg26623837</t>
  </si>
  <si>
    <t>cg26624105</t>
  </si>
  <si>
    <t>cg26627346</t>
  </si>
  <si>
    <t>cg26628069</t>
  </si>
  <si>
    <t>cg26628751</t>
  </si>
  <si>
    <t>cg26628907</t>
  </si>
  <si>
    <t>cg26630069</t>
  </si>
  <si>
    <t>cg26630138</t>
  </si>
  <si>
    <t>cg26632416</t>
  </si>
  <si>
    <t>cg26634219</t>
  </si>
  <si>
    <t>cg26646878</t>
  </si>
  <si>
    <t>cg26650064</t>
  </si>
  <si>
    <t>cg26651978</t>
  </si>
  <si>
    <t>cg26654286</t>
  </si>
  <si>
    <t>cg26660800</t>
  </si>
  <si>
    <t>cg26663469</t>
  </si>
  <si>
    <t>cg26665785</t>
  </si>
  <si>
    <t>cg26668490</t>
  </si>
  <si>
    <t>cg26671554</t>
  </si>
  <si>
    <t>cg26673151</t>
  </si>
  <si>
    <t>cg26673195</t>
  </si>
  <si>
    <t>cg26674546</t>
  </si>
  <si>
    <t>cg26674800</t>
  </si>
  <si>
    <t>cg26682425</t>
  </si>
  <si>
    <t>cg26687072</t>
  </si>
  <si>
    <t>cg26692860</t>
  </si>
  <si>
    <t>cg26693701</t>
  </si>
  <si>
    <t>cg26695387</t>
  </si>
  <si>
    <t>cg26697117</t>
  </si>
  <si>
    <t>cg26697929</t>
  </si>
  <si>
    <t>cg26698604</t>
  </si>
  <si>
    <t>cg26699755</t>
  </si>
  <si>
    <t>cg26717786</t>
  </si>
  <si>
    <t>cg26719625</t>
  </si>
  <si>
    <t>cg26726230</t>
  </si>
  <si>
    <t>cg26726340</t>
  </si>
  <si>
    <t>cg26729026</t>
  </si>
  <si>
    <t>cg26729913</t>
  </si>
  <si>
    <t>cg26730025</t>
  </si>
  <si>
    <t>cg26730036</t>
  </si>
  <si>
    <t>cg26733142</t>
  </si>
  <si>
    <t>cg26733897</t>
  </si>
  <si>
    <t>cg26735886</t>
  </si>
  <si>
    <t>cg26736812</t>
  </si>
  <si>
    <t>cg26738437</t>
  </si>
  <si>
    <t>cg26740942</t>
  </si>
  <si>
    <t>cg26741654</t>
  </si>
  <si>
    <t>cg26743024</t>
  </si>
  <si>
    <t>cg26748477</t>
  </si>
  <si>
    <t>cg26749306</t>
  </si>
  <si>
    <t>cg26750927</t>
  </si>
  <si>
    <t>cg26751372</t>
  </si>
  <si>
    <t>cg26754159</t>
  </si>
  <si>
    <t>cg26756684</t>
  </si>
  <si>
    <t>cg26763542</t>
  </si>
  <si>
    <t>cg26766064</t>
  </si>
  <si>
    <t>cg26768556</t>
  </si>
  <si>
    <t>cg26768605</t>
  </si>
  <si>
    <t>cg26771272</t>
  </si>
  <si>
    <t>cg26771557</t>
  </si>
  <si>
    <t>cg26772172</t>
  </si>
  <si>
    <t>cg26779305</t>
  </si>
  <si>
    <t>cg26779716</t>
  </si>
  <si>
    <t>cg26781109</t>
  </si>
  <si>
    <t>cg26782881</t>
  </si>
  <si>
    <t>cg26783127</t>
  </si>
  <si>
    <t>cg26784276</t>
  </si>
  <si>
    <t>cg26787320</t>
  </si>
  <si>
    <t>cg26796190</t>
  </si>
  <si>
    <t>cg26799250</t>
  </si>
  <si>
    <t>cg26800237</t>
  </si>
  <si>
    <t>cg26815021</t>
  </si>
  <si>
    <t>cg26829529</t>
  </si>
  <si>
    <t>cg26840162</t>
  </si>
  <si>
    <t>cg26841647</t>
  </si>
  <si>
    <t>cg26846781</t>
  </si>
  <si>
    <t>cg26848071</t>
  </si>
  <si>
    <t>cg26852159</t>
  </si>
  <si>
    <t>cg26853415</t>
  </si>
  <si>
    <t>cg26853458</t>
  </si>
  <si>
    <t>cg26857408</t>
  </si>
  <si>
    <t>cg26857837</t>
  </si>
  <si>
    <t>cg26858605</t>
  </si>
  <si>
    <t>cg26870936</t>
  </si>
  <si>
    <t>cg26871803</t>
  </si>
  <si>
    <t>cg26872977</t>
  </si>
  <si>
    <t>cg26873488</t>
  </si>
  <si>
    <t>cg26874634</t>
  </si>
  <si>
    <t>cg26875248</t>
  </si>
  <si>
    <t>cg26876703</t>
  </si>
  <si>
    <t>cg26877023</t>
  </si>
  <si>
    <t>cg26877678</t>
  </si>
  <si>
    <t>cg26878655</t>
  </si>
  <si>
    <t>cg26881527</t>
  </si>
  <si>
    <t>cg26884359</t>
  </si>
  <si>
    <t>cg26884973</t>
  </si>
  <si>
    <t>cg26886976</t>
  </si>
  <si>
    <t>cg26888147</t>
  </si>
  <si>
    <t>cg26893861</t>
  </si>
  <si>
    <t>cg26894552</t>
  </si>
  <si>
    <t>cg26898336</t>
  </si>
  <si>
    <t>cg26898567</t>
  </si>
  <si>
    <t>cg26899651</t>
  </si>
  <si>
    <t>cg26900995</t>
  </si>
  <si>
    <t>cg26904212</t>
  </si>
  <si>
    <t>cg26909851</t>
  </si>
  <si>
    <t>cg26910280</t>
  </si>
  <si>
    <t>cg26910488</t>
  </si>
  <si>
    <t>cg26911630</t>
  </si>
  <si>
    <t>cg26916966</t>
  </si>
  <si>
    <t>cg26917480</t>
  </si>
  <si>
    <t>cg26918577</t>
  </si>
  <si>
    <t>cg26920587</t>
  </si>
  <si>
    <t>cg26921093</t>
  </si>
  <si>
    <t>cg26925114</t>
  </si>
  <si>
    <t>cg26926665</t>
  </si>
  <si>
    <t>cg26928858</t>
  </si>
  <si>
    <t>cg26930078</t>
  </si>
  <si>
    <t>cg26932437</t>
  </si>
  <si>
    <t>cg26933683</t>
  </si>
  <si>
    <t>cg26934993</t>
  </si>
  <si>
    <t>cg26938474</t>
  </si>
  <si>
    <t>cg26939365</t>
  </si>
  <si>
    <t>cg26939946</t>
  </si>
  <si>
    <t>cg26941433</t>
  </si>
  <si>
    <t>cg26946534</t>
  </si>
  <si>
    <t>cg26946849</t>
  </si>
  <si>
    <t>cg26953137</t>
  </si>
  <si>
    <t>cg26955287</t>
  </si>
  <si>
    <t>cg26956135</t>
  </si>
  <si>
    <t>cg26958777</t>
  </si>
  <si>
    <t>cg26960562</t>
  </si>
  <si>
    <t>cg26963090</t>
  </si>
  <si>
    <t>cg26963795</t>
  </si>
  <si>
    <t>cg26963844</t>
  </si>
  <si>
    <t>cg26968025</t>
  </si>
  <si>
    <t>cg26968087</t>
  </si>
  <si>
    <t>cg26968203</t>
  </si>
  <si>
    <t>cg26971420</t>
  </si>
  <si>
    <t>cg26972479</t>
  </si>
  <si>
    <t>cg26972601</t>
  </si>
  <si>
    <t>cg26976042</t>
  </si>
  <si>
    <t>cg26978064</t>
  </si>
  <si>
    <t>cg26979107</t>
  </si>
  <si>
    <t>cg26979143</t>
  </si>
  <si>
    <t>cg26980978</t>
  </si>
  <si>
    <t>cg26983991</t>
  </si>
  <si>
    <t>cg26985149</t>
  </si>
  <si>
    <t>cg26986438</t>
  </si>
  <si>
    <t>cg26986447</t>
  </si>
  <si>
    <t>cg26988585</t>
  </si>
  <si>
    <t>cg26988800</t>
  </si>
  <si>
    <t>cg26989927</t>
  </si>
  <si>
    <t>cg26996616</t>
  </si>
  <si>
    <t>cg26999029</t>
  </si>
  <si>
    <t>cg27005118</t>
  </si>
  <si>
    <t>cg27005179</t>
  </si>
  <si>
    <t>cg27005487</t>
  </si>
  <si>
    <t>cg27014091</t>
  </si>
  <si>
    <t>cg27016544</t>
  </si>
  <si>
    <t>cg27016929</t>
  </si>
  <si>
    <t>cg27019019</t>
  </si>
  <si>
    <t>cg27020281</t>
  </si>
  <si>
    <t>cg27022420</t>
  </si>
  <si>
    <t>cg27022584</t>
  </si>
  <si>
    <t>cg27026360</t>
  </si>
  <si>
    <t>cg27029445</t>
  </si>
  <si>
    <t>cg27034606</t>
  </si>
  <si>
    <t>cg27040644</t>
  </si>
  <si>
    <t>cg27043427</t>
  </si>
  <si>
    <t>cg27048959</t>
  </si>
  <si>
    <t>cg27050612</t>
  </si>
  <si>
    <t>cg27052442</t>
  </si>
  <si>
    <t>cg27052455</t>
  </si>
  <si>
    <t>cg27056016</t>
  </si>
  <si>
    <t>cg27058882</t>
  </si>
  <si>
    <t>cg27059552</t>
  </si>
  <si>
    <t>cg27059698</t>
  </si>
  <si>
    <t>cg27060387</t>
  </si>
  <si>
    <t>cg27061889</t>
  </si>
  <si>
    <t>cg27063237</t>
  </si>
  <si>
    <t>cg27065254</t>
  </si>
  <si>
    <t>cg27066590</t>
  </si>
  <si>
    <t>cg27067158</t>
  </si>
  <si>
    <t>cg27072575</t>
  </si>
  <si>
    <t>cg27072893</t>
  </si>
  <si>
    <t>cg27073561</t>
  </si>
  <si>
    <t>cg27075917</t>
  </si>
  <si>
    <t>cg27076608</t>
  </si>
  <si>
    <t>cg27088844</t>
  </si>
  <si>
    <t>cg27095035</t>
  </si>
  <si>
    <t>cg27095910</t>
  </si>
  <si>
    <t>cg27101157</t>
  </si>
  <si>
    <t>cg27101899</t>
  </si>
  <si>
    <t>cg27102350</t>
  </si>
  <si>
    <t>cg27105465</t>
  </si>
  <si>
    <t>cg27107970</t>
  </si>
  <si>
    <t>cg27112809</t>
  </si>
  <si>
    <t>cg27112972</t>
  </si>
  <si>
    <t>cg27112993</t>
  </si>
  <si>
    <t>cg27123423</t>
  </si>
  <si>
    <t>cg27125631</t>
  </si>
  <si>
    <t>cg27127202</t>
  </si>
  <si>
    <t>cg27129144</t>
  </si>
  <si>
    <t>cg27133684</t>
  </si>
  <si>
    <t>cg27134812</t>
  </si>
  <si>
    <t>cg27135298</t>
  </si>
  <si>
    <t>cg27138812</t>
  </si>
  <si>
    <t>cg27142203</t>
  </si>
  <si>
    <t>cg27146152</t>
  </si>
  <si>
    <t>cg27147281</t>
  </si>
  <si>
    <t>cg27149973</t>
  </si>
  <si>
    <t>cg27151629</t>
  </si>
  <si>
    <t>cg27151677</t>
  </si>
  <si>
    <t>cg27157110</t>
  </si>
  <si>
    <t>cg27162435</t>
  </si>
  <si>
    <t>cg27170178</t>
  </si>
  <si>
    <t>cg27171704</t>
  </si>
  <si>
    <t>cg27171869</t>
  </si>
  <si>
    <t>cg27174444</t>
  </si>
  <si>
    <t>cg27176264</t>
  </si>
  <si>
    <t>cg27176697</t>
  </si>
  <si>
    <t>cg27178940</t>
  </si>
  <si>
    <t>cg27194211</t>
  </si>
  <si>
    <t>cg27195719</t>
  </si>
  <si>
    <t>cg27198843</t>
  </si>
  <si>
    <t>cg27201301</t>
  </si>
  <si>
    <t>cg27203641</t>
  </si>
  <si>
    <t>cg27206903</t>
  </si>
  <si>
    <t>cg27207041</t>
  </si>
  <si>
    <t>cg27208169</t>
  </si>
  <si>
    <t>cg27210136</t>
  </si>
  <si>
    <t>cg27210390</t>
  </si>
  <si>
    <t>cg27214721</t>
  </si>
  <si>
    <t>cg27217474</t>
  </si>
  <si>
    <t>cg27219182</t>
  </si>
  <si>
    <t>cg27222669</t>
  </si>
  <si>
    <t>cg27224791</t>
  </si>
  <si>
    <t>cg27225658</t>
  </si>
  <si>
    <t>cg27225680</t>
  </si>
  <si>
    <t>cg27226927</t>
  </si>
  <si>
    <t>cg27227537</t>
  </si>
  <si>
    <t>cg27230984</t>
  </si>
  <si>
    <t>cg27231068</t>
  </si>
  <si>
    <t>cg27232494</t>
  </si>
  <si>
    <t>cg27236973</t>
  </si>
  <si>
    <t>cg27241873</t>
  </si>
  <si>
    <t>cg27243140</t>
  </si>
  <si>
    <t>cg27246147</t>
  </si>
  <si>
    <t>cg27246277</t>
  </si>
  <si>
    <t>cg27248029</t>
  </si>
  <si>
    <t>cg27253454</t>
  </si>
  <si>
    <t>cg27255115</t>
  </si>
  <si>
    <t>cg27266970</t>
  </si>
  <si>
    <t>cg27269917</t>
  </si>
  <si>
    <t>cg27279583</t>
  </si>
  <si>
    <t>cg27285599</t>
  </si>
  <si>
    <t>cg27286572</t>
  </si>
  <si>
    <t>cg27288777</t>
  </si>
  <si>
    <t>cg27291501</t>
  </si>
  <si>
    <t>cg27292113</t>
  </si>
  <si>
    <t>cg27295742</t>
  </si>
  <si>
    <t>cg27296352</t>
  </si>
  <si>
    <t>cg27298085</t>
  </si>
  <si>
    <t>cg27298243</t>
  </si>
  <si>
    <t>cg27313007</t>
  </si>
  <si>
    <t>cg27316369</t>
  </si>
  <si>
    <t>cg27323792</t>
  </si>
  <si>
    <t>cg27330720</t>
  </si>
  <si>
    <t>cg27345989</t>
  </si>
  <si>
    <t>cg27346982</t>
  </si>
  <si>
    <t>cg27347140</t>
  </si>
  <si>
    <t>cg27348014</t>
  </si>
  <si>
    <t>cg27349540</t>
  </si>
  <si>
    <t>cg27349746</t>
  </si>
  <si>
    <t>cg27351675</t>
  </si>
  <si>
    <t>cg27353579</t>
  </si>
  <si>
    <t>cg27353891</t>
  </si>
  <si>
    <t>cg27355141</t>
  </si>
  <si>
    <t>cg27357316</t>
  </si>
  <si>
    <t>cg27363558</t>
  </si>
  <si>
    <t>cg27364874</t>
  </si>
  <si>
    <t>cg27366162</t>
  </si>
  <si>
    <t>cg27369542</t>
  </si>
  <si>
    <t>cg27370673</t>
  </si>
  <si>
    <t>cg27370759</t>
  </si>
  <si>
    <t>cg27372533</t>
  </si>
  <si>
    <t>cg27374314</t>
  </si>
  <si>
    <t>cg27376437</t>
  </si>
  <si>
    <t>cg27376514</t>
  </si>
  <si>
    <t>cg27380715</t>
  </si>
  <si>
    <t>cg27381584</t>
  </si>
  <si>
    <t>cg27383744</t>
  </si>
  <si>
    <t>cg27385272</t>
  </si>
  <si>
    <t>cg27389322</t>
  </si>
  <si>
    <t>cg27390206</t>
  </si>
  <si>
    <t>cg27390596</t>
  </si>
  <si>
    <t>cg27392559</t>
  </si>
  <si>
    <t>cg27394817</t>
  </si>
  <si>
    <t>cg27399387</t>
  </si>
  <si>
    <t>cg27401724</t>
  </si>
  <si>
    <t>cg27401891</t>
  </si>
  <si>
    <t>cg27405644</t>
  </si>
  <si>
    <t>cg27407935</t>
  </si>
  <si>
    <t>cg27408184</t>
  </si>
  <si>
    <t>cg27410136</t>
  </si>
  <si>
    <t>cg27410828</t>
  </si>
  <si>
    <t>cg27411906</t>
  </si>
  <si>
    <t>cg27413732</t>
  </si>
  <si>
    <t>cg27414263</t>
  </si>
  <si>
    <t>cg27415283</t>
  </si>
  <si>
    <t>cg27419656</t>
  </si>
  <si>
    <t>cg27423208</t>
  </si>
  <si>
    <t>cg27426500</t>
  </si>
  <si>
    <t>cg27426707</t>
  </si>
  <si>
    <t>cg27435103</t>
  </si>
  <si>
    <t>cg27435903</t>
  </si>
  <si>
    <t>cg27436940</t>
  </si>
  <si>
    <t>cg27449489</t>
  </si>
  <si>
    <t>cg27451508</t>
  </si>
  <si>
    <t>cg27453606</t>
  </si>
  <si>
    <t>cg27453857</t>
  </si>
  <si>
    <t>cg27454679</t>
  </si>
  <si>
    <t>cg27455331</t>
  </si>
  <si>
    <t>cg27455640</t>
  </si>
  <si>
    <t>cg27457921</t>
  </si>
  <si>
    <t>cg27460531</t>
  </si>
  <si>
    <t>cg27464296</t>
  </si>
  <si>
    <t>cg27464311</t>
  </si>
  <si>
    <t>cg27465858</t>
  </si>
  <si>
    <t>cg27466104</t>
  </si>
  <si>
    <t>cg27466709</t>
  </si>
  <si>
    <t>cg27469152</t>
  </si>
  <si>
    <t>cg27469199</t>
  </si>
  <si>
    <t>cg27469972</t>
  </si>
  <si>
    <t>cg27470066</t>
  </si>
  <si>
    <t>cg27474554</t>
  </si>
  <si>
    <t>cg27475442</t>
  </si>
  <si>
    <t>cg27476474</t>
  </si>
  <si>
    <t>cg27477419</t>
  </si>
  <si>
    <t>cg27478582</t>
  </si>
  <si>
    <t>cg27478659</t>
  </si>
  <si>
    <t>cg27485334</t>
  </si>
  <si>
    <t>cg27486151</t>
  </si>
  <si>
    <t>cg27488095</t>
  </si>
  <si>
    <t>cg27489009</t>
  </si>
  <si>
    <t>cg27491609</t>
  </si>
  <si>
    <t>cg27492584</t>
  </si>
  <si>
    <t>cg27492942</t>
  </si>
  <si>
    <t>cg27493484</t>
  </si>
  <si>
    <t>cg27494087</t>
  </si>
  <si>
    <t>cg27494254</t>
  </si>
  <si>
    <t>cg27496296</t>
  </si>
  <si>
    <t>cg27497354</t>
  </si>
  <si>
    <t>cg27501522</t>
  </si>
  <si>
    <t>cg27502267</t>
  </si>
  <si>
    <t>cg27503398</t>
  </si>
  <si>
    <t>cg27504861</t>
  </si>
  <si>
    <t>cg27507261</t>
  </si>
  <si>
    <t>cg27511413</t>
  </si>
  <si>
    <t>cg27511558</t>
  </si>
  <si>
    <t>cg27512082</t>
  </si>
  <si>
    <t>cg27513572</t>
  </si>
  <si>
    <t>cg27518692</t>
  </si>
  <si>
    <t>cg27521562</t>
  </si>
  <si>
    <t>cg27523842</t>
  </si>
  <si>
    <t>cg27524614</t>
  </si>
  <si>
    <t>cg27529668</t>
  </si>
  <si>
    <t>cg27530239</t>
  </si>
  <si>
    <t>cg27531571</t>
  </si>
  <si>
    <t>cg27532360</t>
  </si>
  <si>
    <t>cg27539234</t>
  </si>
  <si>
    <t>cg27540232</t>
  </si>
  <si>
    <t>cg27543385</t>
  </si>
  <si>
    <t>cg27546012</t>
  </si>
  <si>
    <t>cg27551295</t>
  </si>
  <si>
    <t>cg27551605</t>
  </si>
  <si>
    <t>cg27552081</t>
  </si>
  <si>
    <t>cg27555365</t>
  </si>
  <si>
    <t>cg27560481</t>
  </si>
  <si>
    <t>cg27561875</t>
  </si>
  <si>
    <t>cg27562840</t>
  </si>
  <si>
    <t>cg27562980</t>
  </si>
  <si>
    <t>cg27568306</t>
  </si>
  <si>
    <t>cg27570951</t>
  </si>
  <si>
    <t>cg27572731</t>
  </si>
  <si>
    <t>cg27573017</t>
  </si>
  <si>
    <t>cg27574066</t>
  </si>
  <si>
    <t>cg27574244</t>
  </si>
  <si>
    <t>cg27577554</t>
  </si>
  <si>
    <t>cg27579854</t>
  </si>
  <si>
    <t>cg27581031</t>
  </si>
  <si>
    <t>cg27581762</t>
  </si>
  <si>
    <t>cg27589594</t>
  </si>
  <si>
    <t>cg27591554</t>
  </si>
  <si>
    <t>cg27592126</t>
  </si>
  <si>
    <t>cg27593807</t>
  </si>
  <si>
    <t>cg27597110</t>
  </si>
  <si>
    <t>cg27603720</t>
  </si>
  <si>
    <t>cg27604897</t>
  </si>
  <si>
    <t>cg27606002</t>
  </si>
  <si>
    <t>cg27607838</t>
  </si>
  <si>
    <t>cg27608102</t>
  </si>
  <si>
    <t>cg27610671</t>
  </si>
  <si>
    <t>cg27610921</t>
  </si>
  <si>
    <t>cg27610941</t>
  </si>
  <si>
    <t>cg27611412</t>
  </si>
  <si>
    <t>cg27611827</t>
  </si>
  <si>
    <t>cg27613013</t>
  </si>
  <si>
    <t>cg27614319</t>
  </si>
  <si>
    <t>cg27619475</t>
  </si>
  <si>
    <t>cg27625456</t>
  </si>
  <si>
    <t>cg27628212</t>
  </si>
  <si>
    <t>cg27637363</t>
  </si>
  <si>
    <t>cg27637521</t>
  </si>
  <si>
    <t>cg27655168</t>
  </si>
  <si>
    <t>cg27656949</t>
  </si>
  <si>
    <t>cg27656973</t>
  </si>
  <si>
    <t>cg27658080</t>
  </si>
  <si>
    <t>cg27661869</t>
  </si>
  <si>
    <t>cg27662304</t>
  </si>
  <si>
    <t>ch.17.12041704R</t>
  </si>
  <si>
    <t>ch.17.702520F</t>
  </si>
  <si>
    <t>ch.17.29716121R</t>
  </si>
  <si>
    <t>ch.17.30079097F</t>
  </si>
  <si>
    <t>ch.17.922987F</t>
  </si>
  <si>
    <t>ch.17.35528401F</t>
  </si>
  <si>
    <t>ch.17.1102270R</t>
  </si>
  <si>
    <t>ch.17.1212751R</t>
  </si>
  <si>
    <t>ch.17.41650897R</t>
  </si>
  <si>
    <t>ch.17.1247542F</t>
  </si>
  <si>
    <t>ch.17.45797972F</t>
  </si>
  <si>
    <t>ch.17.1406968R</t>
  </si>
  <si>
    <t>ch.17.52148184R</t>
  </si>
  <si>
    <t>ch.17.1457304R</t>
  </si>
  <si>
    <t>ch.17.52597345F</t>
  </si>
  <si>
    <t>ch.17.1874959R</t>
  </si>
  <si>
    <t>ch.17.69555766F</t>
  </si>
  <si>
    <t>ch.17.72493169F</t>
  </si>
  <si>
    <t>ch.17.74596917R</t>
  </si>
  <si>
    <t>ch.17.75301806F</t>
  </si>
  <si>
    <t>ch.17.2138644F</t>
  </si>
  <si>
    <t>cg00001930</t>
  </si>
  <si>
    <t>cg00002236</t>
  </si>
  <si>
    <t>cg00031779</t>
  </si>
  <si>
    <t>cg00042914</t>
  </si>
  <si>
    <t>cg00047162</t>
  </si>
  <si>
    <t>cg00057722</t>
  </si>
  <si>
    <t>cg00063945</t>
  </si>
  <si>
    <t>cg00066817</t>
  </si>
  <si>
    <t>cg00095165</t>
  </si>
  <si>
    <t>cg00098280</t>
  </si>
  <si>
    <t>cg00102023</t>
  </si>
  <si>
    <t>cg00119057</t>
  </si>
  <si>
    <t>cg00137385</t>
  </si>
  <si>
    <t>cg00140112</t>
  </si>
  <si>
    <t>cg00150560</t>
  </si>
  <si>
    <t>cg00152799</t>
  </si>
  <si>
    <t>cg00164542</t>
  </si>
  <si>
    <t>cg00178437</t>
  </si>
  <si>
    <t>cg00192819</t>
  </si>
  <si>
    <t>cg00196671</t>
  </si>
  <si>
    <t>cg00196827</t>
  </si>
  <si>
    <t>cg00197517</t>
  </si>
  <si>
    <t>cg00213052</t>
  </si>
  <si>
    <t>cg00215133</t>
  </si>
  <si>
    <t>cg00220661</t>
  </si>
  <si>
    <t>cg00226849</t>
  </si>
  <si>
    <t>cg00228017</t>
  </si>
  <si>
    <t>cg00231140</t>
  </si>
  <si>
    <t>cg00231483</t>
  </si>
  <si>
    <t>cg00232402</t>
  </si>
  <si>
    <t>cg00234655</t>
  </si>
  <si>
    <t>cg00241274</t>
  </si>
  <si>
    <t>cg00257542</t>
  </si>
  <si>
    <t>cg00265304</t>
  </si>
  <si>
    <t>cg00284005</t>
  </si>
  <si>
    <t>cg00306421</t>
  </si>
  <si>
    <t>cg00316875</t>
  </si>
  <si>
    <t>cg00325381</t>
  </si>
  <si>
    <t>cg00333824</t>
  </si>
  <si>
    <t>cg00335286</t>
  </si>
  <si>
    <t>cg00337905</t>
  </si>
  <si>
    <t>cg00340928</t>
  </si>
  <si>
    <t>cg00341387</t>
  </si>
  <si>
    <t>cg00344719</t>
  </si>
  <si>
    <t>cg00345916</t>
  </si>
  <si>
    <t>cg00356361</t>
  </si>
  <si>
    <t>cg00371926</t>
  </si>
  <si>
    <t>cg00381076</t>
  </si>
  <si>
    <t>cg00383167</t>
  </si>
  <si>
    <t>cg00399483</t>
  </si>
  <si>
    <t>cg00423679</t>
  </si>
  <si>
    <t>cg00430895</t>
  </si>
  <si>
    <t>cg00431336</t>
  </si>
  <si>
    <t>cg00432659</t>
  </si>
  <si>
    <t>cg00433861</t>
  </si>
  <si>
    <t>cg00439735</t>
  </si>
  <si>
    <t>cg00452639</t>
  </si>
  <si>
    <t>cg00453111</t>
  </si>
  <si>
    <t>cg00455747</t>
  </si>
  <si>
    <t>cg00465073</t>
  </si>
  <si>
    <t>cg00474854</t>
  </si>
  <si>
    <t>cg00477061</t>
  </si>
  <si>
    <t>cg00481280</t>
  </si>
  <si>
    <t>cg00486358</t>
  </si>
  <si>
    <t>cg00493716</t>
  </si>
  <si>
    <t>cg00501886</t>
  </si>
  <si>
    <t>cg00511081</t>
  </si>
  <si>
    <t>cg00521887</t>
  </si>
  <si>
    <t>cg00522579</t>
  </si>
  <si>
    <t>cg00525392</t>
  </si>
  <si>
    <t>cg00525823</t>
  </si>
  <si>
    <t>cg00527805</t>
  </si>
  <si>
    <t>cg00566759</t>
  </si>
  <si>
    <t>cg00572356</t>
  </si>
  <si>
    <t>cg00576121</t>
  </si>
  <si>
    <t>cg00589371</t>
  </si>
  <si>
    <t>cg00590620</t>
  </si>
  <si>
    <t>cg00604142</t>
  </si>
  <si>
    <t>cg00615915</t>
  </si>
  <si>
    <t>cg00628788</t>
  </si>
  <si>
    <t>cg00655184</t>
  </si>
  <si>
    <t>cg00659077</t>
  </si>
  <si>
    <t>cg00662556</t>
  </si>
  <si>
    <t>cg00669182</t>
  </si>
  <si>
    <t>cg00674043</t>
  </si>
  <si>
    <t>cg00692763</t>
  </si>
  <si>
    <t>cg00698124</t>
  </si>
  <si>
    <t>cg00710343</t>
  </si>
  <si>
    <t>cg00728296</t>
  </si>
  <si>
    <t>cg00729275</t>
  </si>
  <si>
    <t>cg00731917</t>
  </si>
  <si>
    <t>cg00732383</t>
  </si>
  <si>
    <t>cg00735196</t>
  </si>
  <si>
    <t>cg00735329</t>
  </si>
  <si>
    <t>cg00736640</t>
  </si>
  <si>
    <t>cg00737904</t>
  </si>
  <si>
    <t>cg00737978</t>
  </si>
  <si>
    <t>cg00740088</t>
  </si>
  <si>
    <t>cg00781795</t>
  </si>
  <si>
    <t>cg00803804</t>
  </si>
  <si>
    <t>cg00806245</t>
  </si>
  <si>
    <t>cg00807297</t>
  </si>
  <si>
    <t>cg00814752</t>
  </si>
  <si>
    <t>cg00832491</t>
  </si>
  <si>
    <t>cg00839132</t>
  </si>
  <si>
    <t>cg00839844</t>
  </si>
  <si>
    <t>cg00854751</t>
  </si>
  <si>
    <t>cg00865541</t>
  </si>
  <si>
    <t>cg00868875</t>
  </si>
  <si>
    <t>cg00870662</t>
  </si>
  <si>
    <t>cg00872371</t>
  </si>
  <si>
    <t>cg00875989</t>
  </si>
  <si>
    <t>cg00917154</t>
  </si>
  <si>
    <t>cg00949578</t>
  </si>
  <si>
    <t>cg00952201</t>
  </si>
  <si>
    <t>cg00956964</t>
  </si>
  <si>
    <t>cg00957686</t>
  </si>
  <si>
    <t>cg00989538</t>
  </si>
  <si>
    <t>cg01008495</t>
  </si>
  <si>
    <t>cg01017464</t>
  </si>
  <si>
    <t>cg01059449</t>
  </si>
  <si>
    <t>cg01065003</t>
  </si>
  <si>
    <t>cg01075763</t>
  </si>
  <si>
    <t>cg01098651</t>
  </si>
  <si>
    <t>cg01106338</t>
  </si>
  <si>
    <t>cg01133856</t>
  </si>
  <si>
    <t>cg01152726</t>
  </si>
  <si>
    <t>cg01155831</t>
  </si>
  <si>
    <t>cg01161725</t>
  </si>
  <si>
    <t>cg01170114</t>
  </si>
  <si>
    <t>cg01193769</t>
  </si>
  <si>
    <t>cg01195198</t>
  </si>
  <si>
    <t>cg01195433</t>
  </si>
  <si>
    <t>cg01200150</t>
  </si>
  <si>
    <t>cg01200389</t>
  </si>
  <si>
    <t>cg01203902</t>
  </si>
  <si>
    <t>cg01232037</t>
  </si>
  <si>
    <t>cg01234563</t>
  </si>
  <si>
    <t>cg01250175</t>
  </si>
  <si>
    <t>cg01262948</t>
  </si>
  <si>
    <t>cg01267532</t>
  </si>
  <si>
    <t>cg01269718</t>
  </si>
  <si>
    <t>cg01273679</t>
  </si>
  <si>
    <t>cg01277438</t>
  </si>
  <si>
    <t>cg01281285</t>
  </si>
  <si>
    <t>cg01283417</t>
  </si>
  <si>
    <t>cg01288674</t>
  </si>
  <si>
    <t>cg01293379</t>
  </si>
  <si>
    <t>cg01295785</t>
  </si>
  <si>
    <t>cg01299279</t>
  </si>
  <si>
    <t>cg01307891</t>
  </si>
  <si>
    <t>cg01382110</t>
  </si>
  <si>
    <t>cg01442193</t>
  </si>
  <si>
    <t>cg01465361</t>
  </si>
  <si>
    <t>cg01490290</t>
  </si>
  <si>
    <t>cg01561777</t>
  </si>
  <si>
    <t>cg01562349</t>
  </si>
  <si>
    <t>cg01568736</t>
  </si>
  <si>
    <t>cg01589580</t>
  </si>
  <si>
    <t>cg01597553</t>
  </si>
  <si>
    <t>cg01625242</t>
  </si>
  <si>
    <t>cg01628954</t>
  </si>
  <si>
    <t>cg01673082</t>
  </si>
  <si>
    <t>cg01679516</t>
  </si>
  <si>
    <t>cg01692233</t>
  </si>
  <si>
    <t>cg01713272</t>
  </si>
  <si>
    <t>cg01719254</t>
  </si>
  <si>
    <t>cg01722450</t>
  </si>
  <si>
    <t>cg01750507</t>
  </si>
  <si>
    <t>cg01765461</t>
  </si>
  <si>
    <t>cg01767525</t>
  </si>
  <si>
    <t>cg01803238</t>
  </si>
  <si>
    <t>cg01836567</t>
  </si>
  <si>
    <t>cg01839464</t>
  </si>
  <si>
    <t>cg01859340</t>
  </si>
  <si>
    <t>cg01865609</t>
  </si>
  <si>
    <t>cg01912379</t>
  </si>
  <si>
    <t>cg01932632</t>
  </si>
  <si>
    <t>cg01946574</t>
  </si>
  <si>
    <t>cg01960089</t>
  </si>
  <si>
    <t>cg02033141</t>
  </si>
  <si>
    <t>cg02037013</t>
  </si>
  <si>
    <t>cg02043585</t>
  </si>
  <si>
    <t>cg02044327</t>
  </si>
  <si>
    <t>cg02048890</t>
  </si>
  <si>
    <t>cg02050426</t>
  </si>
  <si>
    <t>cg02113385</t>
  </si>
  <si>
    <t>cg02122913</t>
  </si>
  <si>
    <t>cg02137495</t>
  </si>
  <si>
    <t>cg02158486</t>
  </si>
  <si>
    <t>cg02159718</t>
  </si>
  <si>
    <t>cg02159896</t>
  </si>
  <si>
    <t>cg02201963</t>
  </si>
  <si>
    <t>cg02250594</t>
  </si>
  <si>
    <t>cg02255871</t>
  </si>
  <si>
    <t>cg02263426</t>
  </si>
  <si>
    <t>cg02272280</t>
  </si>
  <si>
    <t>cg02318516</t>
  </si>
  <si>
    <t>cg02345961</t>
  </si>
  <si>
    <t>cg02351804</t>
  </si>
  <si>
    <t>cg02359346</t>
  </si>
  <si>
    <t>cg02360939</t>
  </si>
  <si>
    <t>cg02366059</t>
  </si>
  <si>
    <t>cg02370605</t>
  </si>
  <si>
    <t>cg02373380</t>
  </si>
  <si>
    <t>cg02393756</t>
  </si>
  <si>
    <t>cg02398663</t>
  </si>
  <si>
    <t>cg02424539</t>
  </si>
  <si>
    <t>cg02447314</t>
  </si>
  <si>
    <t>cg02455094</t>
  </si>
  <si>
    <t>cg02455203</t>
  </si>
  <si>
    <t>cg02458554</t>
  </si>
  <si>
    <t>cg02507889</t>
  </si>
  <si>
    <t>cg02536541</t>
  </si>
  <si>
    <t>cg02543960</t>
  </si>
  <si>
    <t>cg02563971</t>
  </si>
  <si>
    <t>cg02570531</t>
  </si>
  <si>
    <t>cg02611770</t>
  </si>
  <si>
    <t>cg02634712</t>
  </si>
  <si>
    <t>cg02649514</t>
  </si>
  <si>
    <t>cg02675550</t>
  </si>
  <si>
    <t>cg02690169</t>
  </si>
  <si>
    <t>cg02695219</t>
  </si>
  <si>
    <t>cg02705011</t>
  </si>
  <si>
    <t>cg02731366</t>
  </si>
  <si>
    <t>cg02736255</t>
  </si>
  <si>
    <t>cg02743589</t>
  </si>
  <si>
    <t>cg02748624</t>
  </si>
  <si>
    <t>cg02751453</t>
  </si>
  <si>
    <t>cg02753362</t>
  </si>
  <si>
    <t>cg02755938</t>
  </si>
  <si>
    <t>cg02763290</t>
  </si>
  <si>
    <t>cg02827729</t>
  </si>
  <si>
    <t>cg02832905</t>
  </si>
  <si>
    <t>cg02835371</t>
  </si>
  <si>
    <t>cg02838932</t>
  </si>
  <si>
    <t>cg02839071</t>
  </si>
  <si>
    <t>cg02840828</t>
  </si>
  <si>
    <t>cg02862461</t>
  </si>
  <si>
    <t>cg02870676</t>
  </si>
  <si>
    <t>cg02870946</t>
  </si>
  <si>
    <t>cg02871554</t>
  </si>
  <si>
    <t>cg02892153</t>
  </si>
  <si>
    <t>cg02892295</t>
  </si>
  <si>
    <t>cg02924348</t>
  </si>
  <si>
    <t>cg02926160</t>
  </si>
  <si>
    <t>cg02930996</t>
  </si>
  <si>
    <t>cg02935338</t>
  </si>
  <si>
    <t>cg02938682</t>
  </si>
  <si>
    <t>cg02952127</t>
  </si>
  <si>
    <t>cg02954262</t>
  </si>
  <si>
    <t>cg02978168</t>
  </si>
  <si>
    <t>cg02986451</t>
  </si>
  <si>
    <t>cg02987051</t>
  </si>
  <si>
    <t>cg03004273</t>
  </si>
  <si>
    <t>cg03011024</t>
  </si>
  <si>
    <t>cg03016638</t>
  </si>
  <si>
    <t>cg03032214</t>
  </si>
  <si>
    <t>cg03034689</t>
  </si>
  <si>
    <t>cg03075494</t>
  </si>
  <si>
    <t>cg03087334</t>
  </si>
  <si>
    <t>cg03091010</t>
  </si>
  <si>
    <t>cg03110300</t>
  </si>
  <si>
    <t>cg03139228</t>
  </si>
  <si>
    <t>cg03156904</t>
  </si>
  <si>
    <t>cg03160145</t>
  </si>
  <si>
    <t>cg03161112</t>
  </si>
  <si>
    <t>cg03172801</t>
  </si>
  <si>
    <t>cg03178748</t>
  </si>
  <si>
    <t>cg03178798</t>
  </si>
  <si>
    <t>cg03204427</t>
  </si>
  <si>
    <t>cg03239925</t>
  </si>
  <si>
    <t>cg03244428</t>
  </si>
  <si>
    <t>cg03245632</t>
  </si>
  <si>
    <t>cg03255847</t>
  </si>
  <si>
    <t>cg03284649</t>
  </si>
  <si>
    <t>cg03285823</t>
  </si>
  <si>
    <t>cg03294557</t>
  </si>
  <si>
    <t>cg03306946</t>
  </si>
  <si>
    <t>cg03309726</t>
  </si>
  <si>
    <t>cg03324087</t>
  </si>
  <si>
    <t>cg03345145</t>
  </si>
  <si>
    <t>cg03349504</t>
  </si>
  <si>
    <t>cg03353124</t>
  </si>
  <si>
    <t>cg03398303</t>
  </si>
  <si>
    <t>cg03404572</t>
  </si>
  <si>
    <t>cg03417884</t>
  </si>
  <si>
    <t>cg03432598</t>
  </si>
  <si>
    <t>cg03437479</t>
  </si>
  <si>
    <t>cg03474702</t>
  </si>
  <si>
    <t>cg03497297</t>
  </si>
  <si>
    <t>cg03507241</t>
  </si>
  <si>
    <t>cg03512931</t>
  </si>
  <si>
    <t>cg03521982</t>
  </si>
  <si>
    <t>cg03524223</t>
  </si>
  <si>
    <t>cg03530537</t>
  </si>
  <si>
    <t>cg03536375</t>
  </si>
  <si>
    <t>cg03538731</t>
  </si>
  <si>
    <t>cg03560685</t>
  </si>
  <si>
    <t>cg03577486</t>
  </si>
  <si>
    <t>cg03586564</t>
  </si>
  <si>
    <t>cg03595626</t>
  </si>
  <si>
    <t>cg03609088</t>
  </si>
  <si>
    <t>cg03614916</t>
  </si>
  <si>
    <t>cg03634729</t>
  </si>
  <si>
    <t>cg03636532</t>
  </si>
  <si>
    <t>cg03651292</t>
  </si>
  <si>
    <t>cg03651973</t>
  </si>
  <si>
    <t>cg03662467</t>
  </si>
  <si>
    <t>cg03663462</t>
  </si>
  <si>
    <t>cg03668621</t>
  </si>
  <si>
    <t>cg03669052</t>
  </si>
  <si>
    <t>cg03671431</t>
  </si>
  <si>
    <t>cg03671802</t>
  </si>
  <si>
    <t>cg03680528</t>
  </si>
  <si>
    <t>cg03694515</t>
  </si>
  <si>
    <t>cg03712816</t>
  </si>
  <si>
    <t>cg03718025</t>
  </si>
  <si>
    <t>cg03730389</t>
  </si>
  <si>
    <t>cg03734595</t>
  </si>
  <si>
    <t>cg03744043</t>
  </si>
  <si>
    <t>cg03760316</t>
  </si>
  <si>
    <t>cg03766998</t>
  </si>
  <si>
    <t>cg03774540</t>
  </si>
  <si>
    <t>cg03775901</t>
  </si>
  <si>
    <t>cg03778029</t>
  </si>
  <si>
    <t>cg03812384</t>
  </si>
  <si>
    <t>cg03813215</t>
  </si>
  <si>
    <t>cg03843721</t>
  </si>
  <si>
    <t>cg03871120</t>
  </si>
  <si>
    <t>cg03901351</t>
  </si>
  <si>
    <t>cg03937515</t>
  </si>
  <si>
    <t>cg03943674</t>
  </si>
  <si>
    <t>cg03953077</t>
  </si>
  <si>
    <t>cg03959733</t>
  </si>
  <si>
    <t>cg03972656</t>
  </si>
  <si>
    <t>cg03982087</t>
  </si>
  <si>
    <t>cg03982507</t>
  </si>
  <si>
    <t>cg03987884</t>
  </si>
  <si>
    <t>cg03992054</t>
  </si>
  <si>
    <t>cg04000205</t>
  </si>
  <si>
    <t>cg04004437</t>
  </si>
  <si>
    <t>cg04008843</t>
  </si>
  <si>
    <t>cg04011206</t>
  </si>
  <si>
    <t>cg04017533</t>
  </si>
  <si>
    <t>cg04099673</t>
  </si>
  <si>
    <t>cg04115544</t>
  </si>
  <si>
    <t>cg04133380</t>
  </si>
  <si>
    <t>cg04164415</t>
  </si>
  <si>
    <t>cg04180953</t>
  </si>
  <si>
    <t>cg04209727</t>
  </si>
  <si>
    <t>cg04212150</t>
  </si>
  <si>
    <t>cg04272086</t>
  </si>
  <si>
    <t>cg04274487</t>
  </si>
  <si>
    <t>cg04274800</t>
  </si>
  <si>
    <t>cg04346226</t>
  </si>
  <si>
    <t>cg04389822</t>
  </si>
  <si>
    <t>cg04514981</t>
  </si>
  <si>
    <t>cg04516518</t>
  </si>
  <si>
    <t>cg04564030</t>
  </si>
  <si>
    <t>cg04605388</t>
  </si>
  <si>
    <t>cg04633384</t>
  </si>
  <si>
    <t>cg04684656</t>
  </si>
  <si>
    <t>cg04704878</t>
  </si>
  <si>
    <t>cg04708585</t>
  </si>
  <si>
    <t>cg04727522</t>
  </si>
  <si>
    <t>cg04755409</t>
  </si>
  <si>
    <t>cg04756515</t>
  </si>
  <si>
    <t>cg04834825</t>
  </si>
  <si>
    <t>cg04897431</t>
  </si>
  <si>
    <t>cg04900928</t>
  </si>
  <si>
    <t>cg04967578</t>
  </si>
  <si>
    <t>cg05100518</t>
  </si>
  <si>
    <t>cg05102668</t>
  </si>
  <si>
    <t>cg05110943</t>
  </si>
  <si>
    <t>cg05157251</t>
  </si>
  <si>
    <t>cg05176991</t>
  </si>
  <si>
    <t>cg05186186</t>
  </si>
  <si>
    <t>cg05208237</t>
  </si>
  <si>
    <t>cg05243804</t>
  </si>
  <si>
    <t>cg05255330</t>
  </si>
  <si>
    <t>cg05264816</t>
  </si>
  <si>
    <t>cg05276978</t>
  </si>
  <si>
    <t>cg05296255</t>
  </si>
  <si>
    <t>cg05296266</t>
  </si>
  <si>
    <t>cg05299703</t>
  </si>
  <si>
    <t>cg05302701</t>
  </si>
  <si>
    <t>cg05306176</t>
  </si>
  <si>
    <t>cg05314606</t>
  </si>
  <si>
    <t>cg05315417</t>
  </si>
  <si>
    <t>cg05321809</t>
  </si>
  <si>
    <t>cg05328197</t>
  </si>
  <si>
    <t>cg05331731</t>
  </si>
  <si>
    <t>cg05351111</t>
  </si>
  <si>
    <t>cg05353571</t>
  </si>
  <si>
    <t>cg05366166</t>
  </si>
  <si>
    <t>cg05390530</t>
  </si>
  <si>
    <t>cg05409111</t>
  </si>
  <si>
    <t>cg05409967</t>
  </si>
  <si>
    <t>cg05416643</t>
  </si>
  <si>
    <t>cg05441628</t>
  </si>
  <si>
    <t>cg05448504</t>
  </si>
  <si>
    <t>cg05451413</t>
  </si>
  <si>
    <t>cg05451498</t>
  </si>
  <si>
    <t>cg05458220</t>
  </si>
  <si>
    <t>cg05480377</t>
  </si>
  <si>
    <t>cg05481041</t>
  </si>
  <si>
    <t>cg05490993</t>
  </si>
  <si>
    <t>cg05506453</t>
  </si>
  <si>
    <t>cg05525305</t>
  </si>
  <si>
    <t>cg05528293</t>
  </si>
  <si>
    <t>cg05532093</t>
  </si>
  <si>
    <t>cg05533124</t>
  </si>
  <si>
    <t>cg05534175</t>
  </si>
  <si>
    <t>cg05547500</t>
  </si>
  <si>
    <t>cg05568490</t>
  </si>
  <si>
    <t>cg05588496</t>
  </si>
  <si>
    <t>cg05603258</t>
  </si>
  <si>
    <t>cg05611177</t>
  </si>
  <si>
    <t>cg05614028</t>
  </si>
  <si>
    <t>cg05624445</t>
  </si>
  <si>
    <t>cg05637351</t>
  </si>
  <si>
    <t>cg05645755</t>
  </si>
  <si>
    <t>cg05662839</t>
  </si>
  <si>
    <t>cg05688651</t>
  </si>
  <si>
    <t>cg05692899</t>
  </si>
  <si>
    <t>cg05699354</t>
  </si>
  <si>
    <t>cg05707833</t>
  </si>
  <si>
    <t>cg05712931</t>
  </si>
  <si>
    <t>cg05718035</t>
  </si>
  <si>
    <t>cg05732725</t>
  </si>
  <si>
    <t>cg05737417</t>
  </si>
  <si>
    <t>cg05760402</t>
  </si>
  <si>
    <t>cg05762612</t>
  </si>
  <si>
    <t>cg05766064</t>
  </si>
  <si>
    <t>cg05784157</t>
  </si>
  <si>
    <t>cg05798720</t>
  </si>
  <si>
    <t>cg05817054</t>
  </si>
  <si>
    <t>cg05817118</t>
  </si>
  <si>
    <t>cg05830870</t>
  </si>
  <si>
    <t>cg05848120</t>
  </si>
  <si>
    <t>cg05851163</t>
  </si>
  <si>
    <t>cg05851240</t>
  </si>
  <si>
    <t>cg05858920</t>
  </si>
  <si>
    <t>cg05867975</t>
  </si>
  <si>
    <t>cg05869537</t>
  </si>
  <si>
    <t>cg05872758</t>
  </si>
  <si>
    <t>cg05877101</t>
  </si>
  <si>
    <t>cg05877143</t>
  </si>
  <si>
    <t>cg05891474</t>
  </si>
  <si>
    <t>cg05927017</t>
  </si>
  <si>
    <t>cg05934874</t>
  </si>
  <si>
    <t>cg05941575</t>
  </si>
  <si>
    <t>cg05945943</t>
  </si>
  <si>
    <t>cg05955385</t>
  </si>
  <si>
    <t>cg05987251</t>
  </si>
  <si>
    <t>cg06032977</t>
  </si>
  <si>
    <t>cg06067372</t>
  </si>
  <si>
    <t>cg06070054</t>
  </si>
  <si>
    <t>cg06070749</t>
  </si>
  <si>
    <t>cg06080874</t>
  </si>
  <si>
    <t>cg06092953</t>
  </si>
  <si>
    <t>cg06118578</t>
  </si>
  <si>
    <t>cg06123940</t>
  </si>
  <si>
    <t>cg06135495</t>
  </si>
  <si>
    <t>cg06147545</t>
  </si>
  <si>
    <t>cg06163274</t>
  </si>
  <si>
    <t>cg06185789</t>
  </si>
  <si>
    <t>cg06203649</t>
  </si>
  <si>
    <t>cg06206801</t>
  </si>
  <si>
    <t>cg06211243</t>
  </si>
  <si>
    <t>cg06230674</t>
  </si>
  <si>
    <t>cg06243393</t>
  </si>
  <si>
    <t>cg06247283</t>
  </si>
  <si>
    <t>cg06249109</t>
  </si>
  <si>
    <t>cg06282665</t>
  </si>
  <si>
    <t>cg06283976</t>
  </si>
  <si>
    <t>cg06284244</t>
  </si>
  <si>
    <t>cg06289503</t>
  </si>
  <si>
    <t>cg06329143</t>
  </si>
  <si>
    <t>cg06335814</t>
  </si>
  <si>
    <t>cg06338499</t>
  </si>
  <si>
    <t>cg06350404</t>
  </si>
  <si>
    <t>cg06350879</t>
  </si>
  <si>
    <t>cg06352249</t>
  </si>
  <si>
    <t>cg06370528</t>
  </si>
  <si>
    <t>cg06371291</t>
  </si>
  <si>
    <t>cg06372303</t>
  </si>
  <si>
    <t>cg06374892</t>
  </si>
  <si>
    <t>cg06375556</t>
  </si>
  <si>
    <t>cg06381846</t>
  </si>
  <si>
    <t>cg06406536</t>
  </si>
  <si>
    <t>cg06434775</t>
  </si>
  <si>
    <t>cg06435765</t>
  </si>
  <si>
    <t>cg06459104</t>
  </si>
  <si>
    <t>cg06461769</t>
  </si>
  <si>
    <t>cg06466360</t>
  </si>
  <si>
    <t>cg06475223</t>
  </si>
  <si>
    <t>cg06479653</t>
  </si>
  <si>
    <t>cg06482716</t>
  </si>
  <si>
    <t>cg06485671</t>
  </si>
  <si>
    <t>cg06487082</t>
  </si>
  <si>
    <t>cg06490951</t>
  </si>
  <si>
    <t>cg06493781</t>
  </si>
  <si>
    <t>cg06520279</t>
  </si>
  <si>
    <t>cg06522054</t>
  </si>
  <si>
    <t>cg06539757</t>
  </si>
  <si>
    <t>cg06544405</t>
  </si>
  <si>
    <t>cg06547959</t>
  </si>
  <si>
    <t>cg06550462</t>
  </si>
  <si>
    <t>cg06564818</t>
  </si>
  <si>
    <t>cg06586496</t>
  </si>
  <si>
    <t>cg06595072</t>
  </si>
  <si>
    <t>cg06595595</t>
  </si>
  <si>
    <t>cg06620569</t>
  </si>
  <si>
    <t>cg06641153</t>
  </si>
  <si>
    <t>cg06657240</t>
  </si>
  <si>
    <t>cg06676603</t>
  </si>
  <si>
    <t>cg06681193</t>
  </si>
  <si>
    <t>cg06682185</t>
  </si>
  <si>
    <t>cg06687091</t>
  </si>
  <si>
    <t>cg06705017</t>
  </si>
  <si>
    <t>cg06722216</t>
  </si>
  <si>
    <t>cg06734250</t>
  </si>
  <si>
    <t>cg06738955</t>
  </si>
  <si>
    <t>cg06756436</t>
  </si>
  <si>
    <t>cg06757138</t>
  </si>
  <si>
    <t>cg06765434</t>
  </si>
  <si>
    <t>cg06769774</t>
  </si>
  <si>
    <t>cg06773488</t>
  </si>
  <si>
    <t>cg06777274</t>
  </si>
  <si>
    <t>cg06807726</t>
  </si>
  <si>
    <t>cg06811607</t>
  </si>
  <si>
    <t>cg06825661</t>
  </si>
  <si>
    <t>cg06834637</t>
  </si>
  <si>
    <t>cg06839602</t>
  </si>
  <si>
    <t>cg06862474</t>
  </si>
  <si>
    <t>cg06881186</t>
  </si>
  <si>
    <t>cg06902524</t>
  </si>
  <si>
    <t>cg06910925</t>
  </si>
  <si>
    <t>cg06914048</t>
  </si>
  <si>
    <t>cg06931464</t>
  </si>
  <si>
    <t>cg06937978</t>
  </si>
  <si>
    <t>cg06954658</t>
  </si>
  <si>
    <t>cg06958567</t>
  </si>
  <si>
    <t>cg06962684</t>
  </si>
  <si>
    <t>cg06967703</t>
  </si>
  <si>
    <t>cg06972911</t>
  </si>
  <si>
    <t>cg06973234</t>
  </si>
  <si>
    <t>cg06973760</t>
  </si>
  <si>
    <t>cg06976213</t>
  </si>
  <si>
    <t>cg06997114</t>
  </si>
  <si>
    <t>cg07000989</t>
  </si>
  <si>
    <t>cg07003920</t>
  </si>
  <si>
    <t>cg07006718</t>
  </si>
  <si>
    <t>cg07020962</t>
  </si>
  <si>
    <t>cg07027513</t>
  </si>
  <si>
    <t>cg07038001</t>
  </si>
  <si>
    <t>cg07050917</t>
  </si>
  <si>
    <t>cg07075930</t>
  </si>
  <si>
    <t>cg07099161</t>
  </si>
  <si>
    <t>cg07100532</t>
  </si>
  <si>
    <t>cg07105409</t>
  </si>
  <si>
    <t>cg07114353</t>
  </si>
  <si>
    <t>cg07131864</t>
  </si>
  <si>
    <t>cg07137336</t>
  </si>
  <si>
    <t>cg07138551</t>
  </si>
  <si>
    <t>cg07138854</t>
  </si>
  <si>
    <t>cg07157506</t>
  </si>
  <si>
    <t>cg07177852</t>
  </si>
  <si>
    <t>cg07183316</t>
  </si>
  <si>
    <t>cg07191393</t>
  </si>
  <si>
    <t>cg07194093</t>
  </si>
  <si>
    <t>cg07202581</t>
  </si>
  <si>
    <t>cg07207726</t>
  </si>
  <si>
    <t>cg07211875</t>
  </si>
  <si>
    <t>cg07229688</t>
  </si>
  <si>
    <t>cg07235805</t>
  </si>
  <si>
    <t>cg07251568</t>
  </si>
  <si>
    <t>cg07256029</t>
  </si>
  <si>
    <t>cg07268420</t>
  </si>
  <si>
    <t>cg07277041</t>
  </si>
  <si>
    <t>cg07277828</t>
  </si>
  <si>
    <t>cg07300558</t>
  </si>
  <si>
    <t>cg07306881</t>
  </si>
  <si>
    <t>cg07307078</t>
  </si>
  <si>
    <t>cg07311956</t>
  </si>
  <si>
    <t>cg07312178</t>
  </si>
  <si>
    <t>cg07324054</t>
  </si>
  <si>
    <t>cg07326648</t>
  </si>
  <si>
    <t>cg07338552</t>
  </si>
  <si>
    <t>cg07342752</t>
  </si>
  <si>
    <t>cg07352016</t>
  </si>
  <si>
    <t>cg07358372</t>
  </si>
  <si>
    <t>cg07361491</t>
  </si>
  <si>
    <t>cg07372824</t>
  </si>
  <si>
    <t>cg07374808</t>
  </si>
  <si>
    <t>cg07376535</t>
  </si>
  <si>
    <t>cg07382554</t>
  </si>
  <si>
    <t>cg07390210</t>
  </si>
  <si>
    <t>cg07392482</t>
  </si>
  <si>
    <t>cg07412079</t>
  </si>
  <si>
    <t>cg07414685</t>
  </si>
  <si>
    <t>cg07423399</t>
  </si>
  <si>
    <t>cg07426472</t>
  </si>
  <si>
    <t>cg07433769</t>
  </si>
  <si>
    <t>cg07483811</t>
  </si>
  <si>
    <t>cg07486895</t>
  </si>
  <si>
    <t>cg07492770</t>
  </si>
  <si>
    <t>cg07501747</t>
  </si>
  <si>
    <t>cg07507257</t>
  </si>
  <si>
    <t>cg07523142</t>
  </si>
  <si>
    <t>cg07535605</t>
  </si>
  <si>
    <t>cg07552298</t>
  </si>
  <si>
    <t>cg07595909</t>
  </si>
  <si>
    <t>cg07611620</t>
  </si>
  <si>
    <t>cg07621803</t>
  </si>
  <si>
    <t>cg07635747</t>
  </si>
  <si>
    <t>cg07637243</t>
  </si>
  <si>
    <t>cg07643061</t>
  </si>
  <si>
    <t>cg07643503</t>
  </si>
  <si>
    <t>cg07651540</t>
  </si>
  <si>
    <t>cg07653946</t>
  </si>
  <si>
    <t>cg07694754</t>
  </si>
  <si>
    <t>cg07702236</t>
  </si>
  <si>
    <t>cg07704235</t>
  </si>
  <si>
    <t>cg07737810</t>
  </si>
  <si>
    <t>cg07748883</t>
  </si>
  <si>
    <t>cg07758738</t>
  </si>
  <si>
    <t>cg07770560</t>
  </si>
  <si>
    <t>cg07774879</t>
  </si>
  <si>
    <t>cg07775293</t>
  </si>
  <si>
    <t>cg07778080</t>
  </si>
  <si>
    <t>cg07783458</t>
  </si>
  <si>
    <t>cg07788286</t>
  </si>
  <si>
    <t>cg07805146</t>
  </si>
  <si>
    <t>cg07835051</t>
  </si>
  <si>
    <t>cg07851278</t>
  </si>
  <si>
    <t>cg07858908</t>
  </si>
  <si>
    <t>cg07886144</t>
  </si>
  <si>
    <t>cg07888234</t>
  </si>
  <si>
    <t>cg07916377</t>
  </si>
  <si>
    <t>cg07924892</t>
  </si>
  <si>
    <t>cg07931960</t>
  </si>
  <si>
    <t>cg07933552</t>
  </si>
  <si>
    <t>cg07935287</t>
  </si>
  <si>
    <t>cg07980518</t>
  </si>
  <si>
    <t>cg07980804</t>
  </si>
  <si>
    <t>cg08007465</t>
  </si>
  <si>
    <t>cg08015253</t>
  </si>
  <si>
    <t>cg08035942</t>
  </si>
  <si>
    <t>cg08057338</t>
  </si>
  <si>
    <t>cg08076830</t>
  </si>
  <si>
    <t>cg08104527</t>
  </si>
  <si>
    <t>cg08157446</t>
  </si>
  <si>
    <t>cg08182407</t>
  </si>
  <si>
    <t>cg08188828</t>
  </si>
  <si>
    <t>cg08195448</t>
  </si>
  <si>
    <t>cg08220548</t>
  </si>
  <si>
    <t>cg08336641</t>
  </si>
  <si>
    <t>cg08361693</t>
  </si>
  <si>
    <t>cg08411049</t>
  </si>
  <si>
    <t>cg08534830</t>
  </si>
  <si>
    <t>cg08554462</t>
  </si>
  <si>
    <t>cg08580032</t>
  </si>
  <si>
    <t>cg08595268</t>
  </si>
  <si>
    <t>cg08648568</t>
  </si>
  <si>
    <t>cg08651034</t>
  </si>
  <si>
    <t>cg08668412</t>
  </si>
  <si>
    <t>cg08724563</t>
  </si>
  <si>
    <t>cg08737246</t>
  </si>
  <si>
    <t>cg08739828</t>
  </si>
  <si>
    <t>cg08755622</t>
  </si>
  <si>
    <t>cg08803129</t>
  </si>
  <si>
    <t>cg08976163</t>
  </si>
  <si>
    <t>cg09009111</t>
  </si>
  <si>
    <t>cg09036612</t>
  </si>
  <si>
    <t>cg09052983</t>
  </si>
  <si>
    <t>cg09124093</t>
  </si>
  <si>
    <t>cg09124190</t>
  </si>
  <si>
    <t>cg09172817</t>
  </si>
  <si>
    <t>cg09242772</t>
  </si>
  <si>
    <t>cg09260564</t>
  </si>
  <si>
    <t>cg09275869</t>
  </si>
  <si>
    <t>cg09313439</t>
  </si>
  <si>
    <t>cg09319072</t>
  </si>
  <si>
    <t>cg09323570</t>
  </si>
  <si>
    <t>cg09331011</t>
  </si>
  <si>
    <t>cg09366312</t>
  </si>
  <si>
    <t>cg09436871</t>
  </si>
  <si>
    <t>cg09441152</t>
  </si>
  <si>
    <t>cg09449490</t>
  </si>
  <si>
    <t>cg09516537</t>
  </si>
  <si>
    <t>cg09728637</t>
  </si>
  <si>
    <t>cg09752703</t>
  </si>
  <si>
    <t>cg09785391</t>
  </si>
  <si>
    <t>cg09797312</t>
  </si>
  <si>
    <t>cg09830678</t>
  </si>
  <si>
    <t>cg09836531</t>
  </si>
  <si>
    <t>cg09874901</t>
  </si>
  <si>
    <t>cg09879099</t>
  </si>
  <si>
    <t>cg09902245</t>
  </si>
  <si>
    <t>cg09904497</t>
  </si>
  <si>
    <t>cg09945482</t>
  </si>
  <si>
    <t>cg09963640</t>
  </si>
  <si>
    <t>cg10023530</t>
  </si>
  <si>
    <t>cg10068300</t>
  </si>
  <si>
    <t>cg10096645</t>
  </si>
  <si>
    <t>cg10116624</t>
  </si>
  <si>
    <t>cg10124413</t>
  </si>
  <si>
    <t>cg10198171</t>
  </si>
  <si>
    <t>cg10209886</t>
  </si>
  <si>
    <t>cg10315128</t>
  </si>
  <si>
    <t>cg10320164</t>
  </si>
  <si>
    <t>cg10323240</t>
  </si>
  <si>
    <t>cg10357989</t>
  </si>
  <si>
    <t>cg10361950</t>
  </si>
  <si>
    <t>cg10363951</t>
  </si>
  <si>
    <t>cg10384245</t>
  </si>
  <si>
    <t>cg10407177</t>
  </si>
  <si>
    <t>cg10421192</t>
  </si>
  <si>
    <t>cg10436594</t>
  </si>
  <si>
    <t>cg10486998</t>
  </si>
  <si>
    <t>cg10509692</t>
  </si>
  <si>
    <t>cg10539808</t>
  </si>
  <si>
    <t>cg10567810</t>
  </si>
  <si>
    <t>cg10580691</t>
  </si>
  <si>
    <t>cg10619144</t>
  </si>
  <si>
    <t>cg10678486</t>
  </si>
  <si>
    <t>cg10690887</t>
  </si>
  <si>
    <t>cg10835584</t>
  </si>
  <si>
    <t>cg10870631</t>
  </si>
  <si>
    <t>cg10885961</t>
  </si>
  <si>
    <t>cg10892794</t>
  </si>
  <si>
    <t>cg10897648</t>
  </si>
  <si>
    <t>cg10929690</t>
  </si>
  <si>
    <t>cg11038073</t>
  </si>
  <si>
    <t>cg11064255</t>
  </si>
  <si>
    <t>cg11082907</t>
  </si>
  <si>
    <t>cg11154070</t>
  </si>
  <si>
    <t>cg11200644</t>
  </si>
  <si>
    <t>cg11211204</t>
  </si>
  <si>
    <t>cg11213717</t>
  </si>
  <si>
    <t>cg11314292</t>
  </si>
  <si>
    <t>cg11474864</t>
  </si>
  <si>
    <t>cg11564670</t>
  </si>
  <si>
    <t>cg11564711</t>
  </si>
  <si>
    <t>cg11568697</t>
  </si>
  <si>
    <t>cg11642211</t>
  </si>
  <si>
    <t>cg11645306</t>
  </si>
  <si>
    <t>cg11659030</t>
  </si>
  <si>
    <t>cg11677822</t>
  </si>
  <si>
    <t>cg11684611</t>
  </si>
  <si>
    <t>cg11687085</t>
  </si>
  <si>
    <t>cg11726074</t>
  </si>
  <si>
    <t>cg11733769</t>
  </si>
  <si>
    <t>cg11746846</t>
  </si>
  <si>
    <t>cg11759246</t>
  </si>
  <si>
    <t>cg11759644</t>
  </si>
  <si>
    <t>cg11760198</t>
  </si>
  <si>
    <t>cg11773720</t>
  </si>
  <si>
    <t>cg11814422</t>
  </si>
  <si>
    <t>cg11827086</t>
  </si>
  <si>
    <t>cg11832722</t>
  </si>
  <si>
    <t>cg11837016</t>
  </si>
  <si>
    <t>cg11841867</t>
  </si>
  <si>
    <t>cg11858880</t>
  </si>
  <si>
    <t>cg11859220</t>
  </si>
  <si>
    <t>cg11874321</t>
  </si>
  <si>
    <t>cg11908294</t>
  </si>
  <si>
    <t>cg11911736</t>
  </si>
  <si>
    <t>cg11920122</t>
  </si>
  <si>
    <t>cg11926473</t>
  </si>
  <si>
    <t>cg11934832</t>
  </si>
  <si>
    <t>cg11941929</t>
  </si>
  <si>
    <t>cg11950360</t>
  </si>
  <si>
    <t>cg11967888</t>
  </si>
  <si>
    <t>cg11993230</t>
  </si>
  <si>
    <t>cg12012699</t>
  </si>
  <si>
    <t>cg12032103</t>
  </si>
  <si>
    <t>cg12049992</t>
  </si>
  <si>
    <t>cg12051439</t>
  </si>
  <si>
    <t>cg12052497</t>
  </si>
  <si>
    <t>cg12091414</t>
  </si>
  <si>
    <t>cg12092346</t>
  </si>
  <si>
    <t>cg12107637</t>
  </si>
  <si>
    <t>cg12108650</t>
  </si>
  <si>
    <t>cg12111933</t>
  </si>
  <si>
    <t>cg12124191</t>
  </si>
  <si>
    <t>cg12162759</t>
  </si>
  <si>
    <t>cg12169536</t>
  </si>
  <si>
    <t>cg12171863</t>
  </si>
  <si>
    <t>cg12197573</t>
  </si>
  <si>
    <t>cg12219753</t>
  </si>
  <si>
    <t>cg12228319</t>
  </si>
  <si>
    <t>cg12233418</t>
  </si>
  <si>
    <t>cg12240828</t>
  </si>
  <si>
    <t>cg12272198</t>
  </si>
  <si>
    <t>cg12298745</t>
  </si>
  <si>
    <t>cg12312205</t>
  </si>
  <si>
    <t>cg12327405</t>
  </si>
  <si>
    <t>cg12339809</t>
  </si>
  <si>
    <t>cg12344490</t>
  </si>
  <si>
    <t>cg12350762</t>
  </si>
  <si>
    <t>cg12359511</t>
  </si>
  <si>
    <t>cg12376402</t>
  </si>
  <si>
    <t>cg12377874</t>
  </si>
  <si>
    <t>cg12380867</t>
  </si>
  <si>
    <t>cg12390344</t>
  </si>
  <si>
    <t>cg12392429</t>
  </si>
  <si>
    <t>cg12419932</t>
  </si>
  <si>
    <t>cg12424293</t>
  </si>
  <si>
    <t>cg12426293</t>
  </si>
  <si>
    <t>cg12429953</t>
  </si>
  <si>
    <t>cg12438558</t>
  </si>
  <si>
    <t>cg12459502</t>
  </si>
  <si>
    <t>cg12461368</t>
  </si>
  <si>
    <t>cg12513505</t>
  </si>
  <si>
    <t>cg12517027</t>
  </si>
  <si>
    <t>cg12524531</t>
  </si>
  <si>
    <t>cg12555907</t>
  </si>
  <si>
    <t>cg12557972</t>
  </si>
  <si>
    <t>cg12585806</t>
  </si>
  <si>
    <t>cg12589526</t>
  </si>
  <si>
    <t>cg12598270</t>
  </si>
  <si>
    <t>cg12627371</t>
  </si>
  <si>
    <t>cg12635694</t>
  </si>
  <si>
    <t>cg12651664</t>
  </si>
  <si>
    <t>cg12655437</t>
  </si>
  <si>
    <t>cg12682507</t>
  </si>
  <si>
    <t>cg12699371</t>
  </si>
  <si>
    <t>cg12709412</t>
  </si>
  <si>
    <t>cg12709880</t>
  </si>
  <si>
    <t>cg12737497</t>
  </si>
  <si>
    <t>cg12741572</t>
  </si>
  <si>
    <t>cg12747622</t>
  </si>
  <si>
    <t>cg12752396</t>
  </si>
  <si>
    <t>cg12757155</t>
  </si>
  <si>
    <t>cg12759166</t>
  </si>
  <si>
    <t>cg12759909</t>
  </si>
  <si>
    <t>cg12760563</t>
  </si>
  <si>
    <t>cg12761626</t>
  </si>
  <si>
    <t>cg12771715</t>
  </si>
  <si>
    <t>cg12788078</t>
  </si>
  <si>
    <t>cg12794269</t>
  </si>
  <si>
    <t>cg12811033</t>
  </si>
  <si>
    <t>cg12816842</t>
  </si>
  <si>
    <t>cg12830180</t>
  </si>
  <si>
    <t>cg12835181</t>
  </si>
  <si>
    <t>cg12836085</t>
  </si>
  <si>
    <t>cg12848697</t>
  </si>
  <si>
    <t>cg12875426</t>
  </si>
  <si>
    <t>cg12880777</t>
  </si>
  <si>
    <t>cg12899381</t>
  </si>
  <si>
    <t>cg12911428</t>
  </si>
  <si>
    <t>cg12914251</t>
  </si>
  <si>
    <t>cg12918961</t>
  </si>
  <si>
    <t>cg12921750</t>
  </si>
  <si>
    <t>cg12929678</t>
  </si>
  <si>
    <t>cg12953669</t>
  </si>
  <si>
    <t>cg12958569</t>
  </si>
  <si>
    <t>cg12964033</t>
  </si>
  <si>
    <t>cg12964065</t>
  </si>
  <si>
    <t>cg12980128</t>
  </si>
  <si>
    <t>cg12985418</t>
  </si>
  <si>
    <t>cg12989560</t>
  </si>
  <si>
    <t>cg13006718</t>
  </si>
  <si>
    <t>cg13022174</t>
  </si>
  <si>
    <t>cg13077366</t>
  </si>
  <si>
    <t>cg13090456</t>
  </si>
  <si>
    <t>cg13103051</t>
  </si>
  <si>
    <t>cg13108890</t>
  </si>
  <si>
    <t>cg13113052</t>
  </si>
  <si>
    <t>cg13121605</t>
  </si>
  <si>
    <t>cg13141061</t>
  </si>
  <si>
    <t>cg13149442</t>
  </si>
  <si>
    <t>cg13161901</t>
  </si>
  <si>
    <t>cg13164537</t>
  </si>
  <si>
    <t>cg13195667</t>
  </si>
  <si>
    <t>cg13198885</t>
  </si>
  <si>
    <t>cg13214542</t>
  </si>
  <si>
    <t>cg13218688</t>
  </si>
  <si>
    <t>cg13220123</t>
  </si>
  <si>
    <t>cg13261306</t>
  </si>
  <si>
    <t>cg13269527</t>
  </si>
  <si>
    <t>cg13270625</t>
  </si>
  <si>
    <t>cg13279915</t>
  </si>
  <si>
    <t>cg13287964</t>
  </si>
  <si>
    <t>cg13319533</t>
  </si>
  <si>
    <t>cg13349606</t>
  </si>
  <si>
    <t>cg13366352</t>
  </si>
  <si>
    <t>cg13375905</t>
  </si>
  <si>
    <t>cg13410877</t>
  </si>
  <si>
    <t>cg13415207</t>
  </si>
  <si>
    <t>cg13427880</t>
  </si>
  <si>
    <t>cg13429270</t>
  </si>
  <si>
    <t>cg13431464</t>
  </si>
  <si>
    <t>cg13432012</t>
  </si>
  <si>
    <t>cg13446802</t>
  </si>
  <si>
    <t>cg13462387</t>
  </si>
  <si>
    <t>cg13464915</t>
  </si>
  <si>
    <t>cg13468667</t>
  </si>
  <si>
    <t>cg13472503</t>
  </si>
  <si>
    <t>cg13480046</t>
  </si>
  <si>
    <t>cg13495850</t>
  </si>
  <si>
    <t>cg13508911</t>
  </si>
  <si>
    <t>cg13511195</t>
  </si>
  <si>
    <t>cg13543667</t>
  </si>
  <si>
    <t>cg13561807</t>
  </si>
  <si>
    <t>cg13569424</t>
  </si>
  <si>
    <t>cg13580107</t>
  </si>
  <si>
    <t>cg13583535</t>
  </si>
  <si>
    <t>cg13587056</t>
  </si>
  <si>
    <t>cg13589431</t>
  </si>
  <si>
    <t>cg13590055</t>
  </si>
  <si>
    <t>cg13608166</t>
  </si>
  <si>
    <t>cg13612295</t>
  </si>
  <si>
    <t>cg13613748</t>
  </si>
  <si>
    <t>cg13614477</t>
  </si>
  <si>
    <t>cg13633270</t>
  </si>
  <si>
    <t>cg13634221</t>
  </si>
  <si>
    <t>cg13634602</t>
  </si>
  <si>
    <t>cg13635968</t>
  </si>
  <si>
    <t>cg13644317</t>
  </si>
  <si>
    <t>cg13645033</t>
  </si>
  <si>
    <t>cg13645651</t>
  </si>
  <si>
    <t>cg13681081</t>
  </si>
  <si>
    <t>cg13690424</t>
  </si>
  <si>
    <t>cg13709765</t>
  </si>
  <si>
    <t>cg13720868</t>
  </si>
  <si>
    <t>cg13731636</t>
  </si>
  <si>
    <t>cg13741394</t>
  </si>
  <si>
    <t>cg13741861</t>
  </si>
  <si>
    <t>cg13765206</t>
  </si>
  <si>
    <t>cg13794993</t>
  </si>
  <si>
    <t>cg13805608</t>
  </si>
  <si>
    <t>cg13814374</t>
  </si>
  <si>
    <t>cg13840032</t>
  </si>
  <si>
    <t>cg13850825</t>
  </si>
  <si>
    <t>cg13852093</t>
  </si>
  <si>
    <t>cg13870990</t>
  </si>
  <si>
    <t>cg13882921</t>
  </si>
  <si>
    <t>cg13886180</t>
  </si>
  <si>
    <t>cg13909076</t>
  </si>
  <si>
    <t>cg13937164</t>
  </si>
  <si>
    <t>cg13940240</t>
  </si>
  <si>
    <t>cg13940693</t>
  </si>
  <si>
    <t>cg13947833</t>
  </si>
  <si>
    <t>cg13950442</t>
  </si>
  <si>
    <t>cg13967780</t>
  </si>
  <si>
    <t>cg13993179</t>
  </si>
  <si>
    <t>cg13995319</t>
  </si>
  <si>
    <t>cg13997883</t>
  </si>
  <si>
    <t>cg14013604</t>
  </si>
  <si>
    <t>cg14024243</t>
  </si>
  <si>
    <t>cg14034197</t>
  </si>
  <si>
    <t>cg14053030</t>
  </si>
  <si>
    <t>cg14064262</t>
  </si>
  <si>
    <t>cg14071758</t>
  </si>
  <si>
    <t>cg14073856</t>
  </si>
  <si>
    <t>cg14086908</t>
  </si>
  <si>
    <t>cg14087004</t>
  </si>
  <si>
    <t>cg14128819</t>
  </si>
  <si>
    <t>cg14129931</t>
  </si>
  <si>
    <t>cg14134497</t>
  </si>
  <si>
    <t>cg14152948</t>
  </si>
  <si>
    <t>cg14157947</t>
  </si>
  <si>
    <t>cg14161579</t>
  </si>
  <si>
    <t>cg14165909</t>
  </si>
  <si>
    <t>cg14177418</t>
  </si>
  <si>
    <t>cg14186816</t>
  </si>
  <si>
    <t>cg14210765</t>
  </si>
  <si>
    <t>cg14211837</t>
  </si>
  <si>
    <t>cg14218844</t>
  </si>
  <si>
    <t>cg14219111</t>
  </si>
  <si>
    <t>cg14254867</t>
  </si>
  <si>
    <t>cg14276467</t>
  </si>
  <si>
    <t>cg14279702</t>
  </si>
  <si>
    <t>cg14283454</t>
  </si>
  <si>
    <t>cg14304186</t>
  </si>
  <si>
    <t>cg14309384</t>
  </si>
  <si>
    <t>cg14311811</t>
  </si>
  <si>
    <t>cg14320593</t>
  </si>
  <si>
    <t>cg14321542</t>
  </si>
  <si>
    <t>cg14334245</t>
  </si>
  <si>
    <t>cg14350197</t>
  </si>
  <si>
    <t>cg14360865</t>
  </si>
  <si>
    <t>cg14369405</t>
  </si>
  <si>
    <t>cg14395744</t>
  </si>
  <si>
    <t>cg14453935</t>
  </si>
  <si>
    <t>cg14455307</t>
  </si>
  <si>
    <t>cg14462626</t>
  </si>
  <si>
    <t>cg14463346</t>
  </si>
  <si>
    <t>cg14477514</t>
  </si>
  <si>
    <t>cg14478460</t>
  </si>
  <si>
    <t>cg14495953</t>
  </si>
  <si>
    <t>cg14534277</t>
  </si>
  <si>
    <t>cg14544684</t>
  </si>
  <si>
    <t>cg14544831</t>
  </si>
  <si>
    <t>cg14550422</t>
  </si>
  <si>
    <t>cg14571194</t>
  </si>
  <si>
    <t>cg14595252</t>
  </si>
  <si>
    <t>cg14612428</t>
  </si>
  <si>
    <t>cg14613786</t>
  </si>
  <si>
    <t>cg14626483</t>
  </si>
  <si>
    <t>cg14631706</t>
  </si>
  <si>
    <t>cg14642773</t>
  </si>
  <si>
    <t>cg14685556</t>
  </si>
  <si>
    <t>cg14715383</t>
  </si>
  <si>
    <t>cg14768765</t>
  </si>
  <si>
    <t>cg14783285</t>
  </si>
  <si>
    <t>cg14793491</t>
  </si>
  <si>
    <t>cg14797438</t>
  </si>
  <si>
    <t>cg14810139</t>
  </si>
  <si>
    <t>cg14820927</t>
  </si>
  <si>
    <t>cg14825976</t>
  </si>
  <si>
    <t>cg14832990</t>
  </si>
  <si>
    <t>cg14838972</t>
  </si>
  <si>
    <t>cg14844624</t>
  </si>
  <si>
    <t>cg14847845</t>
  </si>
  <si>
    <t>cg14850601</t>
  </si>
  <si>
    <t>cg14855497</t>
  </si>
  <si>
    <t>cg14856082</t>
  </si>
  <si>
    <t>cg14868726</t>
  </si>
  <si>
    <t>cg14874516</t>
  </si>
  <si>
    <t>cg14883070</t>
  </si>
  <si>
    <t>cg14887669</t>
  </si>
  <si>
    <t>cg14897791</t>
  </si>
  <si>
    <t>cg14911189</t>
  </si>
  <si>
    <t>cg14934400</t>
  </si>
  <si>
    <t>cg14936460</t>
  </si>
  <si>
    <t>cg14940408</t>
  </si>
  <si>
    <t>cg14949309</t>
  </si>
  <si>
    <t>cg14950072</t>
  </si>
  <si>
    <t>cg14951139</t>
  </si>
  <si>
    <t>cg14963724</t>
  </si>
  <si>
    <t>cg14970311</t>
  </si>
  <si>
    <t>cg14976646</t>
  </si>
  <si>
    <t>cg15001618</t>
  </si>
  <si>
    <t>cg15013496</t>
  </si>
  <si>
    <t>cg15033113</t>
  </si>
  <si>
    <t>cg15052335</t>
  </si>
  <si>
    <t>cg15056105</t>
  </si>
  <si>
    <t>cg15057251</t>
  </si>
  <si>
    <t>cg15059932</t>
  </si>
  <si>
    <t>cg15060929</t>
  </si>
  <si>
    <t>cg15063946</t>
  </si>
  <si>
    <t>cg15065622</t>
  </si>
  <si>
    <t>cg15068083</t>
  </si>
  <si>
    <t>cg15070507</t>
  </si>
  <si>
    <t>cg15073283</t>
  </si>
  <si>
    <t>cg15077085</t>
  </si>
  <si>
    <t>cg15089705</t>
  </si>
  <si>
    <t>cg15090185</t>
  </si>
  <si>
    <t>cg15090262</t>
  </si>
  <si>
    <t>cg15104081</t>
  </si>
  <si>
    <t>cg15108347</t>
  </si>
  <si>
    <t>cg15111351</t>
  </si>
  <si>
    <t>cg15132710</t>
  </si>
  <si>
    <t>cg15135365</t>
  </si>
  <si>
    <t>cg15139222</t>
  </si>
  <si>
    <t>cg15142430</t>
  </si>
  <si>
    <t>cg15153018</t>
  </si>
  <si>
    <t>cg15179985</t>
  </si>
  <si>
    <t>cg15191648</t>
  </si>
  <si>
    <t>cg15211655</t>
  </si>
  <si>
    <t>cg15215560</t>
  </si>
  <si>
    <t>cg15229496</t>
  </si>
  <si>
    <t>cg15241471</t>
  </si>
  <si>
    <t>cg15241499</t>
  </si>
  <si>
    <t>cg15245625</t>
  </si>
  <si>
    <t>cg15262515</t>
  </si>
  <si>
    <t>cg15284897</t>
  </si>
  <si>
    <t>cg15292688</t>
  </si>
  <si>
    <t>cg15294150</t>
  </si>
  <si>
    <t>cg15299888</t>
  </si>
  <si>
    <t>cg15338683</t>
  </si>
  <si>
    <t>cg15341751</t>
  </si>
  <si>
    <t>cg15343119</t>
  </si>
  <si>
    <t>cg15347788</t>
  </si>
  <si>
    <t>cg15351951</t>
  </si>
  <si>
    <t>cg15352683</t>
  </si>
  <si>
    <t>cg15358743</t>
  </si>
  <si>
    <t>cg15362363</t>
  </si>
  <si>
    <t>cg15375321</t>
  </si>
  <si>
    <t>cg15391531</t>
  </si>
  <si>
    <t>cg15396325</t>
  </si>
  <si>
    <t>cg15407373</t>
  </si>
  <si>
    <t>cg15424989</t>
  </si>
  <si>
    <t>cg15434292</t>
  </si>
  <si>
    <t>cg15439862</t>
  </si>
  <si>
    <t>cg15441535</t>
  </si>
  <si>
    <t>cg15444472</t>
  </si>
  <si>
    <t>cg15458338</t>
  </si>
  <si>
    <t>cg15462468</t>
  </si>
  <si>
    <t>cg15484988</t>
  </si>
  <si>
    <t>cg15491120</t>
  </si>
  <si>
    <t>cg15507719</t>
  </si>
  <si>
    <t>cg15511381</t>
  </si>
  <si>
    <t>cg15514496</t>
  </si>
  <si>
    <t>cg15527308</t>
  </si>
  <si>
    <t>cg15532942</t>
  </si>
  <si>
    <t>cg15536830</t>
  </si>
  <si>
    <t>cg15550282</t>
  </si>
  <si>
    <t>cg15606654</t>
  </si>
  <si>
    <t>cg15612221</t>
  </si>
  <si>
    <t>cg15648792</t>
  </si>
  <si>
    <t>cg15657220</t>
  </si>
  <si>
    <t>cg15663348</t>
  </si>
  <si>
    <t>cg15671181</t>
  </si>
  <si>
    <t>cg15692535</t>
  </si>
  <si>
    <t>cg15702661</t>
  </si>
  <si>
    <t>cg15704408</t>
  </si>
  <si>
    <t>cg15716185</t>
  </si>
  <si>
    <t>cg15721020</t>
  </si>
  <si>
    <t>cg15729307</t>
  </si>
  <si>
    <t>cg15733692</t>
  </si>
  <si>
    <t>cg15733882</t>
  </si>
  <si>
    <t>cg15734968</t>
  </si>
  <si>
    <t>cg15743922</t>
  </si>
  <si>
    <t>cg15747133</t>
  </si>
  <si>
    <t>cg15747712</t>
  </si>
  <si>
    <t>cg15755154</t>
  </si>
  <si>
    <t>cg15757853</t>
  </si>
  <si>
    <t>cg15766996</t>
  </si>
  <si>
    <t>cg15770728</t>
  </si>
  <si>
    <t>cg15783800</t>
  </si>
  <si>
    <t>cg15784814</t>
  </si>
  <si>
    <t>cg15818895</t>
  </si>
  <si>
    <t>cg15823982</t>
  </si>
  <si>
    <t>cg15846434</t>
  </si>
  <si>
    <t>cg15871086</t>
  </si>
  <si>
    <t>cg15887383</t>
  </si>
  <si>
    <t>cg15908877</t>
  </si>
  <si>
    <t>cg15927357</t>
  </si>
  <si>
    <t>cg15941665</t>
  </si>
  <si>
    <t>cg15967131</t>
  </si>
  <si>
    <t>cg15976539</t>
  </si>
  <si>
    <t>cg15976763</t>
  </si>
  <si>
    <t>cg15999750</t>
  </si>
  <si>
    <t>cg16000954</t>
  </si>
  <si>
    <t>cg16003390</t>
  </si>
  <si>
    <t>cg16006724</t>
  </si>
  <si>
    <t>cg16016104</t>
  </si>
  <si>
    <t>cg16016270</t>
  </si>
  <si>
    <t>cg16029351</t>
  </si>
  <si>
    <t>cg16053920</t>
  </si>
  <si>
    <t>cg16054865</t>
  </si>
  <si>
    <t>cg16061099</t>
  </si>
  <si>
    <t>cg16068401</t>
  </si>
  <si>
    <t>cg16078886</t>
  </si>
  <si>
    <t>cg16112050</t>
  </si>
  <si>
    <t>cg16113793</t>
  </si>
  <si>
    <t>cg16121470</t>
  </si>
  <si>
    <t>cg16126186</t>
  </si>
  <si>
    <t>cg16139199</t>
  </si>
  <si>
    <t>cg16168723</t>
  </si>
  <si>
    <t>cg16177732</t>
  </si>
  <si>
    <t>cg16193295</t>
  </si>
  <si>
    <t>cg16204205</t>
  </si>
  <si>
    <t>cg16215983</t>
  </si>
  <si>
    <t>cg16222762</t>
  </si>
  <si>
    <t>cg16234029</t>
  </si>
  <si>
    <t>cg16235274</t>
  </si>
  <si>
    <t>cg16258076</t>
  </si>
  <si>
    <t>cg16275118</t>
  </si>
  <si>
    <t>cg16293332</t>
  </si>
  <si>
    <t>cg16299091</t>
  </si>
  <si>
    <t>cg16304527</t>
  </si>
  <si>
    <t>cg16310513</t>
  </si>
  <si>
    <t>cg16317961</t>
  </si>
  <si>
    <t>cg16326062</t>
  </si>
  <si>
    <t>cg16340618</t>
  </si>
  <si>
    <t>cg16345171</t>
  </si>
  <si>
    <t>cg16354253</t>
  </si>
  <si>
    <t>cg16378234</t>
  </si>
  <si>
    <t>cg16387467</t>
  </si>
  <si>
    <t>cg16389709</t>
  </si>
  <si>
    <t>cg16412670</t>
  </si>
  <si>
    <t>cg16421653</t>
  </si>
  <si>
    <t>cg16433156</t>
  </si>
  <si>
    <t>cg16441133</t>
  </si>
  <si>
    <t>cg16442587</t>
  </si>
  <si>
    <t>cg16445842</t>
  </si>
  <si>
    <t>cg16449243</t>
  </si>
  <si>
    <t>cg16467015</t>
  </si>
  <si>
    <t>cg16480938</t>
  </si>
  <si>
    <t>cg16492377</t>
  </si>
  <si>
    <t>cg16493698</t>
  </si>
  <si>
    <t>cg16498391</t>
  </si>
  <si>
    <t>cg16501308</t>
  </si>
  <si>
    <t>cg16501892</t>
  </si>
  <si>
    <t>cg16505528</t>
  </si>
  <si>
    <t>cg16520225</t>
  </si>
  <si>
    <t>cg16547027</t>
  </si>
  <si>
    <t>cg16576811</t>
  </si>
  <si>
    <t>cg16576895</t>
  </si>
  <si>
    <t>cg16584393</t>
  </si>
  <si>
    <t>cg16604566</t>
  </si>
  <si>
    <t>cg16617366</t>
  </si>
  <si>
    <t>cg16617723</t>
  </si>
  <si>
    <t>cg16619858</t>
  </si>
  <si>
    <t>cg16628215</t>
  </si>
  <si>
    <t>cg16635274</t>
  </si>
  <si>
    <t>cg16648887</t>
  </si>
  <si>
    <t>cg16655500</t>
  </si>
  <si>
    <t>cg16673522</t>
  </si>
  <si>
    <t>cg16723445</t>
  </si>
  <si>
    <t>cg16730908</t>
  </si>
  <si>
    <t>cg16734281</t>
  </si>
  <si>
    <t>cg16759783</t>
  </si>
  <si>
    <t>cg16762684</t>
  </si>
  <si>
    <t>cg16774479</t>
  </si>
  <si>
    <t>cg16776372</t>
  </si>
  <si>
    <t>cg16809914</t>
  </si>
  <si>
    <t>cg16848717</t>
  </si>
  <si>
    <t>cg16854312</t>
  </si>
  <si>
    <t>cg16855401</t>
  </si>
  <si>
    <t>cg16862624</t>
  </si>
  <si>
    <t>cg16870867</t>
  </si>
  <si>
    <t>cg16891318</t>
  </si>
  <si>
    <t>cg16893707</t>
  </si>
  <si>
    <t>cg16899265</t>
  </si>
  <si>
    <t>cg16900964</t>
  </si>
  <si>
    <t>cg16902385</t>
  </si>
  <si>
    <t>cg16919456</t>
  </si>
  <si>
    <t>cg16924963</t>
  </si>
  <si>
    <t>cg16941302</t>
  </si>
  <si>
    <t>cg16952362</t>
  </si>
  <si>
    <t>cg16954577</t>
  </si>
  <si>
    <t>cg16959326</t>
  </si>
  <si>
    <t>cg16964748</t>
  </si>
  <si>
    <t>cg16969586</t>
  </si>
  <si>
    <t>cg16983759</t>
  </si>
  <si>
    <t>cg16997486</t>
  </si>
  <si>
    <t>cg17017539</t>
  </si>
  <si>
    <t>cg17018767</t>
  </si>
  <si>
    <t>cg17020562</t>
  </si>
  <si>
    <t>cg17034614</t>
  </si>
  <si>
    <t>cg17061340</t>
  </si>
  <si>
    <t>cg17093795</t>
  </si>
  <si>
    <t>cg17100218</t>
  </si>
  <si>
    <t>cg17102627</t>
  </si>
  <si>
    <t>cg17112707</t>
  </si>
  <si>
    <t>cg17118888</t>
  </si>
  <si>
    <t>cg17153666</t>
  </si>
  <si>
    <t>cg17173732</t>
  </si>
  <si>
    <t>cg17174613</t>
  </si>
  <si>
    <t>cg17187922</t>
  </si>
  <si>
    <t>cg17192315</t>
  </si>
  <si>
    <t>cg17192377</t>
  </si>
  <si>
    <t>cg17192381</t>
  </si>
  <si>
    <t>cg17192954</t>
  </si>
  <si>
    <t>cg17222996</t>
  </si>
  <si>
    <t>cg17243289</t>
  </si>
  <si>
    <t>cg17251713</t>
  </si>
  <si>
    <t>cg17283601</t>
  </si>
  <si>
    <t>cg17285177</t>
  </si>
  <si>
    <t>cg17296729</t>
  </si>
  <si>
    <t>cg17298666</t>
  </si>
  <si>
    <t>cg17299899</t>
  </si>
  <si>
    <t>cg17301635</t>
  </si>
  <si>
    <t>cg17311683</t>
  </si>
  <si>
    <t>cg17318716</t>
  </si>
  <si>
    <t>cg17319486</t>
  </si>
  <si>
    <t>cg17322632</t>
  </si>
  <si>
    <t>cg17374051</t>
  </si>
  <si>
    <t>cg17548709</t>
  </si>
  <si>
    <t>cg17586988</t>
  </si>
  <si>
    <t>cg17589341</t>
  </si>
  <si>
    <t>cg17590693</t>
  </si>
  <si>
    <t>cg17709676</t>
  </si>
  <si>
    <t>cg17736676</t>
  </si>
  <si>
    <t>cg17804850</t>
  </si>
  <si>
    <t>cg17813208</t>
  </si>
  <si>
    <t>cg17862257</t>
  </si>
  <si>
    <t>cg17870959</t>
  </si>
  <si>
    <t>cg17879648</t>
  </si>
  <si>
    <t>cg17887685</t>
  </si>
  <si>
    <t>cg17889402</t>
  </si>
  <si>
    <t>cg17903316</t>
  </si>
  <si>
    <t>cg17905198</t>
  </si>
  <si>
    <t>cg17914835</t>
  </si>
  <si>
    <t>cg17926289</t>
  </si>
  <si>
    <t>cg17928607</t>
  </si>
  <si>
    <t>cg17935214</t>
  </si>
  <si>
    <t>cg17938607</t>
  </si>
  <si>
    <t>cg17940198</t>
  </si>
  <si>
    <t>cg17940821</t>
  </si>
  <si>
    <t>cg17945422</t>
  </si>
  <si>
    <t>cg17963797</t>
  </si>
  <si>
    <t>cg17974247</t>
  </si>
  <si>
    <t>cg17977133</t>
  </si>
  <si>
    <t>cg17982102</t>
  </si>
  <si>
    <t>cg17987217</t>
  </si>
  <si>
    <t>cg18025258</t>
  </si>
  <si>
    <t>cg18032893</t>
  </si>
  <si>
    <t>cg18036248</t>
  </si>
  <si>
    <t>cg18038361</t>
  </si>
  <si>
    <t>cg18046122</t>
  </si>
  <si>
    <t>cg18061327</t>
  </si>
  <si>
    <t>cg18063659</t>
  </si>
  <si>
    <t>cg18086635</t>
  </si>
  <si>
    <t>cg18088442</t>
  </si>
  <si>
    <t>cg18088775</t>
  </si>
  <si>
    <t>cg18089670</t>
  </si>
  <si>
    <t>cg18108009</t>
  </si>
  <si>
    <t>cg18110535</t>
  </si>
  <si>
    <t>cg18117326</t>
  </si>
  <si>
    <t>cg18129971</t>
  </si>
  <si>
    <t>cg18138147</t>
  </si>
  <si>
    <t>cg18139195</t>
  </si>
  <si>
    <t>cg18143566</t>
  </si>
  <si>
    <t>cg18175410</t>
  </si>
  <si>
    <t>cg18204321</t>
  </si>
  <si>
    <t>cg18206567</t>
  </si>
  <si>
    <t>cg18217446</t>
  </si>
  <si>
    <t>cg18233497</t>
  </si>
  <si>
    <t>cg18237594</t>
  </si>
  <si>
    <t>cg18273088</t>
  </si>
  <si>
    <t>cg18307767</t>
  </si>
  <si>
    <t>cg18309817</t>
  </si>
  <si>
    <t>cg18334660</t>
  </si>
  <si>
    <t>cg18348654</t>
  </si>
  <si>
    <t>cg18349660</t>
  </si>
  <si>
    <t>cg18356799</t>
  </si>
  <si>
    <t>cg18362936</t>
  </si>
  <si>
    <t>cg18387085</t>
  </si>
  <si>
    <t>cg18406792</t>
  </si>
  <si>
    <t>cg18417758</t>
  </si>
  <si>
    <t>cg18418962</t>
  </si>
  <si>
    <t>cg18419020</t>
  </si>
  <si>
    <t>cg18423737</t>
  </si>
  <si>
    <t>cg18423859</t>
  </si>
  <si>
    <t>cg18439779</t>
  </si>
  <si>
    <t>cg18447790</t>
  </si>
  <si>
    <t>cg18450227</t>
  </si>
  <si>
    <t>cg18456459</t>
  </si>
  <si>
    <t>cg18476557</t>
  </si>
  <si>
    <t>cg18508845</t>
  </si>
  <si>
    <t>cg18515624</t>
  </si>
  <si>
    <t>cg18517540</t>
  </si>
  <si>
    <t>cg18524262</t>
  </si>
  <si>
    <t>cg18530324</t>
  </si>
  <si>
    <t>cg18553276</t>
  </si>
  <si>
    <t>cg18558188</t>
  </si>
  <si>
    <t>cg18558808</t>
  </si>
  <si>
    <t>cg18572343</t>
  </si>
  <si>
    <t>cg18574395</t>
  </si>
  <si>
    <t>cg18590092</t>
  </si>
  <si>
    <t>cg18591013</t>
  </si>
  <si>
    <t>cg18620396</t>
  </si>
  <si>
    <t>cg18632712</t>
  </si>
  <si>
    <t>cg18655081</t>
  </si>
  <si>
    <t>cg18687533</t>
  </si>
  <si>
    <t>cg18720617</t>
  </si>
  <si>
    <t>cg18720828</t>
  </si>
  <si>
    <t>cg18724072</t>
  </si>
  <si>
    <t>cg18735473</t>
  </si>
  <si>
    <t>cg18757962</t>
  </si>
  <si>
    <t>cg18775736</t>
  </si>
  <si>
    <t>cg18827787</t>
  </si>
  <si>
    <t>cg18841634</t>
  </si>
  <si>
    <t>cg18848419</t>
  </si>
  <si>
    <t>cg18850728</t>
  </si>
  <si>
    <t>cg18885289</t>
  </si>
  <si>
    <t>cg18912906</t>
  </si>
  <si>
    <t>cg18959007</t>
  </si>
  <si>
    <t>cg18959360</t>
  </si>
  <si>
    <t>cg18959473</t>
  </si>
  <si>
    <t>cg18963985</t>
  </si>
  <si>
    <t>cg18968597</t>
  </si>
  <si>
    <t>cg18974966</t>
  </si>
  <si>
    <t>cg18981979</t>
  </si>
  <si>
    <t>cg18988327</t>
  </si>
  <si>
    <t>cg18989224</t>
  </si>
  <si>
    <t>cg18993481</t>
  </si>
  <si>
    <t>cg19013594</t>
  </si>
  <si>
    <t>cg19020758</t>
  </si>
  <si>
    <t>cg19026976</t>
  </si>
  <si>
    <t>cg19042497</t>
  </si>
  <si>
    <t>cg19044279</t>
  </si>
  <si>
    <t>cg19056593</t>
  </si>
  <si>
    <t>cg19062966</t>
  </si>
  <si>
    <t>cg19078037</t>
  </si>
  <si>
    <t>cg19109570</t>
  </si>
  <si>
    <t>cg19119032</t>
  </si>
  <si>
    <t>cg19151263</t>
  </si>
  <si>
    <t>cg19165390</t>
  </si>
  <si>
    <t>cg19174643</t>
  </si>
  <si>
    <t>cg19177125</t>
  </si>
  <si>
    <t>cg19184415</t>
  </si>
  <si>
    <t>cg19202058</t>
  </si>
  <si>
    <t>cg19204328</t>
  </si>
  <si>
    <t>cg19244662</t>
  </si>
  <si>
    <t>cg19246089</t>
  </si>
  <si>
    <t>cg19247654</t>
  </si>
  <si>
    <t>cg19257514</t>
  </si>
  <si>
    <t>cg19264123</t>
  </si>
  <si>
    <t>cg19264571</t>
  </si>
  <si>
    <t>cg19283427</t>
  </si>
  <si>
    <t>cg19285383</t>
  </si>
  <si>
    <t>cg19299162</t>
  </si>
  <si>
    <t>cg19301632</t>
  </si>
  <si>
    <t>cg19304407</t>
  </si>
  <si>
    <t>cg19314834</t>
  </si>
  <si>
    <t>cg19328682</t>
  </si>
  <si>
    <t>cg19328764</t>
  </si>
  <si>
    <t>cg19328814</t>
  </si>
  <si>
    <t>cg19355919</t>
  </si>
  <si>
    <t>cg19355932</t>
  </si>
  <si>
    <t>cg19357195</t>
  </si>
  <si>
    <t>cg19372373</t>
  </si>
  <si>
    <t>cg19375418</t>
  </si>
  <si>
    <t>cg19382657</t>
  </si>
  <si>
    <t>cg19389293</t>
  </si>
  <si>
    <t>cg19392955</t>
  </si>
  <si>
    <t>cg19397321</t>
  </si>
  <si>
    <t>cg19407656</t>
  </si>
  <si>
    <t>cg19416795</t>
  </si>
  <si>
    <t>cg19423014</t>
  </si>
  <si>
    <t>cg19430553</t>
  </si>
  <si>
    <t>cg19448837</t>
  </si>
  <si>
    <t>cg19461621</t>
  </si>
  <si>
    <t>cg19476597</t>
  </si>
  <si>
    <t>cg19476622</t>
  </si>
  <si>
    <t>cg19491663</t>
  </si>
  <si>
    <t>cg19492446</t>
  </si>
  <si>
    <t>cg19496782</t>
  </si>
  <si>
    <t>cg19510478</t>
  </si>
  <si>
    <t>cg19548470</t>
  </si>
  <si>
    <t>cg19549714</t>
  </si>
  <si>
    <t>cg19566962</t>
  </si>
  <si>
    <t>cg19576304</t>
  </si>
  <si>
    <t>cg19582946</t>
  </si>
  <si>
    <t>cg19586143</t>
  </si>
  <si>
    <t>cg19611392</t>
  </si>
  <si>
    <t>cg19618984</t>
  </si>
  <si>
    <t>cg19644162</t>
  </si>
  <si>
    <t>cg19651931</t>
  </si>
  <si>
    <t>cg19677388</t>
  </si>
  <si>
    <t>cg19705131</t>
  </si>
  <si>
    <t>cg19718771</t>
  </si>
  <si>
    <t>cg19738924</t>
  </si>
  <si>
    <t>cg19746982</t>
  </si>
  <si>
    <t>cg19751300</t>
  </si>
  <si>
    <t>cg19762644</t>
  </si>
  <si>
    <t>cg19804570</t>
  </si>
  <si>
    <t>cg19811144</t>
  </si>
  <si>
    <t>cg19815565</t>
  </si>
  <si>
    <t>cg19853194</t>
  </si>
  <si>
    <t>cg19860752</t>
  </si>
  <si>
    <t>cg19863980</t>
  </si>
  <si>
    <t>cg19864271</t>
  </si>
  <si>
    <t>cg19883905</t>
  </si>
  <si>
    <t>cg19887750</t>
  </si>
  <si>
    <t>cg19893834</t>
  </si>
  <si>
    <t>cg19900989</t>
  </si>
  <si>
    <t>cg19924120</t>
  </si>
  <si>
    <t>cg19925062</t>
  </si>
  <si>
    <t>cg19929142</t>
  </si>
  <si>
    <t>cg19929624</t>
  </si>
  <si>
    <t>cg19950017</t>
  </si>
  <si>
    <t>cg19952821</t>
  </si>
  <si>
    <t>cg19962990</t>
  </si>
  <si>
    <t>cg19967492</t>
  </si>
  <si>
    <t>cg19981951</t>
  </si>
  <si>
    <t>cg20002283</t>
  </si>
  <si>
    <t>cg20025115</t>
  </si>
  <si>
    <t>cg20029745</t>
  </si>
  <si>
    <t>cg20038204</t>
  </si>
  <si>
    <t>cg20044090</t>
  </si>
  <si>
    <t>cg20074021</t>
  </si>
  <si>
    <t>cg20082877</t>
  </si>
  <si>
    <t>cg20090782</t>
  </si>
  <si>
    <t>cg20099166</t>
  </si>
  <si>
    <t>cg20125178</t>
  </si>
  <si>
    <t>cg20127035</t>
  </si>
  <si>
    <t>cg20138458</t>
  </si>
  <si>
    <t>cg20191338</t>
  </si>
  <si>
    <t>cg20206173</t>
  </si>
  <si>
    <t>cg20234007</t>
  </si>
  <si>
    <t>cg20250274</t>
  </si>
  <si>
    <t>cg20280925</t>
  </si>
  <si>
    <t>cg20284019</t>
  </si>
  <si>
    <t>cg20322862</t>
  </si>
  <si>
    <t>cg20324206</t>
  </si>
  <si>
    <t>cg20353935</t>
  </si>
  <si>
    <t>cg20360947</t>
  </si>
  <si>
    <t>cg20386586</t>
  </si>
  <si>
    <t>cg20393622</t>
  </si>
  <si>
    <t>cg20398928</t>
  </si>
  <si>
    <t>cg20439656</t>
  </si>
  <si>
    <t>cg20452215</t>
  </si>
  <si>
    <t>cg20454888</t>
  </si>
  <si>
    <t>cg20461998</t>
  </si>
  <si>
    <t>cg20468999</t>
  </si>
  <si>
    <t>cg20476159</t>
  </si>
  <si>
    <t>cg20477084</t>
  </si>
  <si>
    <t>cg20479805</t>
  </si>
  <si>
    <t>cg20488244</t>
  </si>
  <si>
    <t>cg20489749</t>
  </si>
  <si>
    <t>cg20490386</t>
  </si>
  <si>
    <t>cg20494779</t>
  </si>
  <si>
    <t>cg20506037</t>
  </si>
  <si>
    <t>cg20514290</t>
  </si>
  <si>
    <t>cg20516763</t>
  </si>
  <si>
    <t>cg20561320</t>
  </si>
  <si>
    <t>cg20572915</t>
  </si>
  <si>
    <t>cg20573396</t>
  </si>
  <si>
    <t>cg20615848</t>
  </si>
  <si>
    <t>cg20650861</t>
  </si>
  <si>
    <t>cg20659941</t>
  </si>
  <si>
    <t>cg20679955</t>
  </si>
  <si>
    <t>cg20707633</t>
  </si>
  <si>
    <t>cg20726001</t>
  </si>
  <si>
    <t>cg20743280</t>
  </si>
  <si>
    <t>cg20768743</t>
  </si>
  <si>
    <t>cg20782743</t>
  </si>
  <si>
    <t>cg20787934</t>
  </si>
  <si>
    <t>cg20800216</t>
  </si>
  <si>
    <t>cg20821271</t>
  </si>
  <si>
    <t>cg20837735</t>
  </si>
  <si>
    <t>cg20839219</t>
  </si>
  <si>
    <t>cg20851317</t>
  </si>
  <si>
    <t>cg20851748</t>
  </si>
  <si>
    <t>cg20857301</t>
  </si>
  <si>
    <t>cg20875821</t>
  </si>
  <si>
    <t>cg20879768</t>
  </si>
  <si>
    <t>cg20894270</t>
  </si>
  <si>
    <t>cg20950011</t>
  </si>
  <si>
    <t>cg20952070</t>
  </si>
  <si>
    <t>cg20956738</t>
  </si>
  <si>
    <t>cg20960383</t>
  </si>
  <si>
    <t>cg20977716</t>
  </si>
  <si>
    <t>cg20989899</t>
  </si>
  <si>
    <t>cg21016956</t>
  </si>
  <si>
    <t>cg21043691</t>
  </si>
  <si>
    <t>cg21045770</t>
  </si>
  <si>
    <t>cg21067023</t>
  </si>
  <si>
    <t>cg21074092</t>
  </si>
  <si>
    <t>cg21084704</t>
  </si>
  <si>
    <t>cg21092928</t>
  </si>
  <si>
    <t>cg21107579</t>
  </si>
  <si>
    <t>cg21116087</t>
  </si>
  <si>
    <t>cg21116457</t>
  </si>
  <si>
    <t>cg21121258</t>
  </si>
  <si>
    <t>cg21134182</t>
  </si>
  <si>
    <t>cg21148404</t>
  </si>
  <si>
    <t>cg21164232</t>
  </si>
  <si>
    <t>cg21183523</t>
  </si>
  <si>
    <t>cg21199045</t>
  </si>
  <si>
    <t>cg21200923</t>
  </si>
  <si>
    <t>cg21237861</t>
  </si>
  <si>
    <t>cg21239878</t>
  </si>
  <si>
    <t>cg21243631</t>
  </si>
  <si>
    <t>cg21261487</t>
  </si>
  <si>
    <t>cg21266547</t>
  </si>
  <si>
    <t>cg21273905</t>
  </si>
  <si>
    <t>cg21292912</t>
  </si>
  <si>
    <t>cg21298444</t>
  </si>
  <si>
    <t>cg21311023</t>
  </si>
  <si>
    <t>cg21312551</t>
  </si>
  <si>
    <t>cg21337927</t>
  </si>
  <si>
    <t>cg21357291</t>
  </si>
  <si>
    <t>cg21375294</t>
  </si>
  <si>
    <t>cg21394039</t>
  </si>
  <si>
    <t>cg21394688</t>
  </si>
  <si>
    <t>cg21416238</t>
  </si>
  <si>
    <t>cg21434114</t>
  </si>
  <si>
    <t>cg21461196</t>
  </si>
  <si>
    <t>cg21467717</t>
  </si>
  <si>
    <t>cg21469505</t>
  </si>
  <si>
    <t>cg21503619</t>
  </si>
  <si>
    <t>cg21515243</t>
  </si>
  <si>
    <t>cg21518938</t>
  </si>
  <si>
    <t>cg21529528</t>
  </si>
  <si>
    <t>cg21549457</t>
  </si>
  <si>
    <t>cg21559117</t>
  </si>
  <si>
    <t>cg21574400</t>
  </si>
  <si>
    <t>cg21579539</t>
  </si>
  <si>
    <t>cg21602520</t>
  </si>
  <si>
    <t>cg21602842</t>
  </si>
  <si>
    <t>cg21623566</t>
  </si>
  <si>
    <t>cg21634100</t>
  </si>
  <si>
    <t>cg21656293</t>
  </si>
  <si>
    <t>cg21656736</t>
  </si>
  <si>
    <t>cg21661549</t>
  </si>
  <si>
    <t>cg21663539</t>
  </si>
  <si>
    <t>cg21669679</t>
  </si>
  <si>
    <t>cg21685776</t>
  </si>
  <si>
    <t>cg21686188</t>
  </si>
  <si>
    <t>cg21691166</t>
  </si>
  <si>
    <t>cg21703682</t>
  </si>
  <si>
    <t>cg21707323</t>
  </si>
  <si>
    <t>cg21710408</t>
  </si>
  <si>
    <t>cg21714610</t>
  </si>
  <si>
    <t>cg21718735</t>
  </si>
  <si>
    <t>cg21734356</t>
  </si>
  <si>
    <t>cg21737734</t>
  </si>
  <si>
    <t>cg21778174</t>
  </si>
  <si>
    <t>cg21789870</t>
  </si>
  <si>
    <t>cg21790764</t>
  </si>
  <si>
    <t>cg21796667</t>
  </si>
  <si>
    <t>cg21801445</t>
  </si>
  <si>
    <t>cg21806238</t>
  </si>
  <si>
    <t>cg21850271</t>
  </si>
  <si>
    <t>cg21867891</t>
  </si>
  <si>
    <t>cg21872393</t>
  </si>
  <si>
    <t>cg21878759</t>
  </si>
  <si>
    <t>cg21894287</t>
  </si>
  <si>
    <t>cg21895526</t>
  </si>
  <si>
    <t>cg21899520</t>
  </si>
  <si>
    <t>cg21902544</t>
  </si>
  <si>
    <t>cg21911276</t>
  </si>
  <si>
    <t>cg21923525</t>
  </si>
  <si>
    <t>cg21942150</t>
  </si>
  <si>
    <t>cg21949781</t>
  </si>
  <si>
    <t>cg21951216</t>
  </si>
  <si>
    <t>cg21956318</t>
  </si>
  <si>
    <t>cg21968598</t>
  </si>
  <si>
    <t>cg22017726</t>
  </si>
  <si>
    <t>cg22027766</t>
  </si>
  <si>
    <t>cg22046688</t>
  </si>
  <si>
    <t>cg22070406</t>
  </si>
  <si>
    <t>cg22078572</t>
  </si>
  <si>
    <t>cg22091110</t>
  </si>
  <si>
    <t>cg22095490</t>
  </si>
  <si>
    <t>cg22095604</t>
  </si>
  <si>
    <t>cg22102582</t>
  </si>
  <si>
    <t>cg22105145</t>
  </si>
  <si>
    <t>cg22105582</t>
  </si>
  <si>
    <t>cg22110922</t>
  </si>
  <si>
    <t>cg22130205</t>
  </si>
  <si>
    <t>cg22137236</t>
  </si>
  <si>
    <t>cg22147660</t>
  </si>
  <si>
    <t>cg22153062</t>
  </si>
  <si>
    <t>cg22153695</t>
  </si>
  <si>
    <t>cg22154449</t>
  </si>
  <si>
    <t>cg22168512</t>
  </si>
  <si>
    <t>cg22194807</t>
  </si>
  <si>
    <t>cg22195133</t>
  </si>
  <si>
    <t>cg22195220</t>
  </si>
  <si>
    <t>cg22217793</t>
  </si>
  <si>
    <t>cg22224310</t>
  </si>
  <si>
    <t>cg22227168</t>
  </si>
  <si>
    <t>cg22239325</t>
  </si>
  <si>
    <t>cg22264898</t>
  </si>
  <si>
    <t>cg22271353</t>
  </si>
  <si>
    <t>cg22272070</t>
  </si>
  <si>
    <t>cg22276251</t>
  </si>
  <si>
    <t>cg22283488</t>
  </si>
  <si>
    <t>cg22284422</t>
  </si>
  <si>
    <t>cg22303084</t>
  </si>
  <si>
    <t>cg22310062</t>
  </si>
  <si>
    <t>cg22318872</t>
  </si>
  <si>
    <t>cg22331017</t>
  </si>
  <si>
    <t>cg22345519</t>
  </si>
  <si>
    <t>cg22369607</t>
  </si>
  <si>
    <t>cg22374233</t>
  </si>
  <si>
    <t>cg22388954</t>
  </si>
  <si>
    <t>cg22416253</t>
  </si>
  <si>
    <t>cg22425568</t>
  </si>
  <si>
    <t>cg22433261</t>
  </si>
  <si>
    <t>cg22434906</t>
  </si>
  <si>
    <t>cg22446331</t>
  </si>
  <si>
    <t>cg22456192</t>
  </si>
  <si>
    <t>cg22465123</t>
  </si>
  <si>
    <t>cg22468803</t>
  </si>
  <si>
    <t>cg22518079</t>
  </si>
  <si>
    <t>cg22532194</t>
  </si>
  <si>
    <t>cg22543291</t>
  </si>
  <si>
    <t>cg22549408</t>
  </si>
  <si>
    <t>cg22557240</t>
  </si>
  <si>
    <t>cg22646528</t>
  </si>
  <si>
    <t>cg22648949</t>
  </si>
  <si>
    <t>cg22666828</t>
  </si>
  <si>
    <t>cg22679003</t>
  </si>
  <si>
    <t>cg22725310</t>
  </si>
  <si>
    <t>cg22757447</t>
  </si>
  <si>
    <t>cg22992588</t>
  </si>
  <si>
    <t>cg23046934</t>
  </si>
  <si>
    <t>cg23085662</t>
  </si>
  <si>
    <t>cg23129478</t>
  </si>
  <si>
    <t>cg23204278</t>
  </si>
  <si>
    <t>cg23240477</t>
  </si>
  <si>
    <t>cg23255283</t>
  </si>
  <si>
    <t>cg23270523</t>
  </si>
  <si>
    <t>cg23273301</t>
  </si>
  <si>
    <t>cg23295886</t>
  </si>
  <si>
    <t>cg23300509</t>
  </si>
  <si>
    <t>cg23302884</t>
  </si>
  <si>
    <t>cg23315422</t>
  </si>
  <si>
    <t>cg23315589</t>
  </si>
  <si>
    <t>cg23316787</t>
  </si>
  <si>
    <t>cg23319171</t>
  </si>
  <si>
    <t>cg23320334</t>
  </si>
  <si>
    <t>cg23322122</t>
  </si>
  <si>
    <t>cg23327011</t>
  </si>
  <si>
    <t>cg23345151</t>
  </si>
  <si>
    <t>cg23345292</t>
  </si>
  <si>
    <t>cg23357981</t>
  </si>
  <si>
    <t>cg23366050</t>
  </si>
  <si>
    <t>cg23368579</t>
  </si>
  <si>
    <t>cg23374762</t>
  </si>
  <si>
    <t>cg23384185</t>
  </si>
  <si>
    <t>cg23403256</t>
  </si>
  <si>
    <t>cg23404643</t>
  </si>
  <si>
    <t>cg23405696</t>
  </si>
  <si>
    <t>cg23416740</t>
  </si>
  <si>
    <t>cg23430415</t>
  </si>
  <si>
    <t>cg23435746</t>
  </si>
  <si>
    <t>cg23441888</t>
  </si>
  <si>
    <t>cg23450680</t>
  </si>
  <si>
    <t>cg23466059</t>
  </si>
  <si>
    <t>cg23470914</t>
  </si>
  <si>
    <t>cg23483081</t>
  </si>
  <si>
    <t>cg23500204</t>
  </si>
  <si>
    <t>cg23505303</t>
  </si>
  <si>
    <t>cg23529390</t>
  </si>
  <si>
    <t>cg23529677</t>
  </si>
  <si>
    <t>cg23530053</t>
  </si>
  <si>
    <t>cg23530105</t>
  </si>
  <si>
    <t>cg23544223</t>
  </si>
  <si>
    <t>cg23556443</t>
  </si>
  <si>
    <t>cg23582644</t>
  </si>
  <si>
    <t>cg23606467</t>
  </si>
  <si>
    <t>cg23624808</t>
  </si>
  <si>
    <t>cg23634681</t>
  </si>
  <si>
    <t>cg23644795</t>
  </si>
  <si>
    <t>cg23651658</t>
  </si>
  <si>
    <t>cg23655210</t>
  </si>
  <si>
    <t>cg23661343</t>
  </si>
  <si>
    <t>cg23686174</t>
  </si>
  <si>
    <t>cg23693749</t>
  </si>
  <si>
    <t>cg23699700</t>
  </si>
  <si>
    <t>cg23703062</t>
  </si>
  <si>
    <t>cg23708211</t>
  </si>
  <si>
    <t>cg23718736</t>
  </si>
  <si>
    <t>cg23730408</t>
  </si>
  <si>
    <t>cg23742669</t>
  </si>
  <si>
    <t>cg23745864</t>
  </si>
  <si>
    <t>cg23746577</t>
  </si>
  <si>
    <t>cg23752548</t>
  </si>
  <si>
    <t>cg23776217</t>
  </si>
  <si>
    <t>cg23779421</t>
  </si>
  <si>
    <t>cg23780514</t>
  </si>
  <si>
    <t>cg23803801</t>
  </si>
  <si>
    <t>cg23809586</t>
  </si>
  <si>
    <t>cg23811789</t>
  </si>
  <si>
    <t>cg23824354</t>
  </si>
  <si>
    <t>cg23824713</t>
  </si>
  <si>
    <t>cg23825213</t>
  </si>
  <si>
    <t>cg23825482</t>
  </si>
  <si>
    <t>cg23825830</t>
  </si>
  <si>
    <t>cg23827972</t>
  </si>
  <si>
    <t>cg23837191</t>
  </si>
  <si>
    <t>cg23844085</t>
  </si>
  <si>
    <t>cg23867721</t>
  </si>
  <si>
    <t>cg23875391</t>
  </si>
  <si>
    <t>cg23878906</t>
  </si>
  <si>
    <t>cg23885062</t>
  </si>
  <si>
    <t>cg23888440</t>
  </si>
  <si>
    <t>cg23898292</t>
  </si>
  <si>
    <t>cg23903160</t>
  </si>
  <si>
    <t>cg23908385</t>
  </si>
  <si>
    <t>cg23914146</t>
  </si>
  <si>
    <t>cg23922708</t>
  </si>
  <si>
    <t>cg23922867</t>
  </si>
  <si>
    <t>cg23955402</t>
  </si>
  <si>
    <t>cg23964724</t>
  </si>
  <si>
    <t>cg23973972</t>
  </si>
  <si>
    <t>cg23975646</t>
  </si>
  <si>
    <t>cg23996704</t>
  </si>
  <si>
    <t>cg24026435</t>
  </si>
  <si>
    <t>cg24026690</t>
  </si>
  <si>
    <t>cg24030138</t>
  </si>
  <si>
    <t>cg24041453</t>
  </si>
  <si>
    <t>cg24055556</t>
  </si>
  <si>
    <t>cg24058013</t>
  </si>
  <si>
    <t>cg24061208</t>
  </si>
  <si>
    <t>cg24080902</t>
  </si>
  <si>
    <t>cg24125269</t>
  </si>
  <si>
    <t>cg24128943</t>
  </si>
  <si>
    <t>cg24134018</t>
  </si>
  <si>
    <t>cg24138419</t>
  </si>
  <si>
    <t>cg24148581</t>
  </si>
  <si>
    <t>cg24163668</t>
  </si>
  <si>
    <t>cg24167378</t>
  </si>
  <si>
    <t>cg24182329</t>
  </si>
  <si>
    <t>cg24209723</t>
  </si>
  <si>
    <t>cg24222377</t>
  </si>
  <si>
    <t>cg24228329</t>
  </si>
  <si>
    <t>cg24242002</t>
  </si>
  <si>
    <t>cg24243629</t>
  </si>
  <si>
    <t>cg24248713</t>
  </si>
  <si>
    <t>cg24254271</t>
  </si>
  <si>
    <t>cg24261644</t>
  </si>
  <si>
    <t>cg24300347</t>
  </si>
  <si>
    <t>cg24301038</t>
  </si>
  <si>
    <t>cg24312850</t>
  </si>
  <si>
    <t>cg24352393</t>
  </si>
  <si>
    <t>cg24365626</t>
  </si>
  <si>
    <t>cg24369310</t>
  </si>
  <si>
    <t>cg24378439</t>
  </si>
  <si>
    <t>cg24403268</t>
  </si>
  <si>
    <t>cg24408313</t>
  </si>
  <si>
    <t>cg24421906</t>
  </si>
  <si>
    <t>cg24422198</t>
  </si>
  <si>
    <t>cg24425316</t>
  </si>
  <si>
    <t>cg24439448</t>
  </si>
  <si>
    <t>cg24445674</t>
  </si>
  <si>
    <t>cg24445996</t>
  </si>
  <si>
    <t>cg24451800</t>
  </si>
  <si>
    <t>cg24452005</t>
  </si>
  <si>
    <t>cg24458288</t>
  </si>
  <si>
    <t>cg24474075</t>
  </si>
  <si>
    <t>cg24502427</t>
  </si>
  <si>
    <t>cg24503881</t>
  </si>
  <si>
    <t>cg24518609</t>
  </si>
  <si>
    <t>cg24530271</t>
  </si>
  <si>
    <t>cg24533565</t>
  </si>
  <si>
    <t>cg24545908</t>
  </si>
  <si>
    <t>cg24546155</t>
  </si>
  <si>
    <t>cg24549153</t>
  </si>
  <si>
    <t>cg24601355</t>
  </si>
  <si>
    <t>cg24643211</t>
  </si>
  <si>
    <t>cg24667758</t>
  </si>
  <si>
    <t>cg24671939</t>
  </si>
  <si>
    <t>cg24675664</t>
  </si>
  <si>
    <t>cg24691255</t>
  </si>
  <si>
    <t>cg24692068</t>
  </si>
  <si>
    <t>cg24717029</t>
  </si>
  <si>
    <t>cg24730543</t>
  </si>
  <si>
    <t>cg24732929</t>
  </si>
  <si>
    <t>cg24737193</t>
  </si>
  <si>
    <t>cg24737593</t>
  </si>
  <si>
    <t>cg24750912</t>
  </si>
  <si>
    <t>cg24753061</t>
  </si>
  <si>
    <t>cg24771804</t>
  </si>
  <si>
    <t>cg24780966</t>
  </si>
  <si>
    <t>cg24785067</t>
  </si>
  <si>
    <t>cg24811864</t>
  </si>
  <si>
    <t>cg24849565</t>
  </si>
  <si>
    <t>cg24856264</t>
  </si>
  <si>
    <t>cg24860812</t>
  </si>
  <si>
    <t>cg24863335</t>
  </si>
  <si>
    <t>cg24876445</t>
  </si>
  <si>
    <t>cg24893509</t>
  </si>
  <si>
    <t>cg24907852</t>
  </si>
  <si>
    <t>cg24914219</t>
  </si>
  <si>
    <t>cg24935976</t>
  </si>
  <si>
    <t>cg24948962</t>
  </si>
  <si>
    <t>cg24949251</t>
  </si>
  <si>
    <t>cg24952158</t>
  </si>
  <si>
    <t>cg24959938</t>
  </si>
  <si>
    <t>cg24964110</t>
  </si>
  <si>
    <t>cg24972087</t>
  </si>
  <si>
    <t>cg24983248</t>
  </si>
  <si>
    <t>cg25005235</t>
  </si>
  <si>
    <t>cg25010118</t>
  </si>
  <si>
    <t>cg25031787</t>
  </si>
  <si>
    <t>cg25033076</t>
  </si>
  <si>
    <t>cg25043559</t>
  </si>
  <si>
    <t>cg25071349</t>
  </si>
  <si>
    <t>cg25073435</t>
  </si>
  <si>
    <t>cg25103850</t>
  </si>
  <si>
    <t>cg25112291</t>
  </si>
  <si>
    <t>cg25114523</t>
  </si>
  <si>
    <t>cg25139641</t>
  </si>
  <si>
    <t>cg25140190</t>
  </si>
  <si>
    <t>cg25142283</t>
  </si>
  <si>
    <t>cg25162588</t>
  </si>
  <si>
    <t>cg25181907</t>
  </si>
  <si>
    <t>cg25186965</t>
  </si>
  <si>
    <t>cg25198085</t>
  </si>
  <si>
    <t>cg25215295</t>
  </si>
  <si>
    <t>cg25216403</t>
  </si>
  <si>
    <t>cg25221532</t>
  </si>
  <si>
    <t>cg25227148</t>
  </si>
  <si>
    <t>cg25266232</t>
  </si>
  <si>
    <t>cg25283029</t>
  </si>
  <si>
    <t>cg25304146</t>
  </si>
  <si>
    <t>cg25314216</t>
  </si>
  <si>
    <t>cg25316898</t>
  </si>
  <si>
    <t>cg25320099</t>
  </si>
  <si>
    <t>cg25321332</t>
  </si>
  <si>
    <t>cg25321854</t>
  </si>
  <si>
    <t>cg25331919</t>
  </si>
  <si>
    <t>cg25332502</t>
  </si>
  <si>
    <t>cg25369616</t>
  </si>
  <si>
    <t>cg25374649</t>
  </si>
  <si>
    <t>cg25386820</t>
  </si>
  <si>
    <t>cg25388527</t>
  </si>
  <si>
    <t>cg25389087</t>
  </si>
  <si>
    <t>cg25399162</t>
  </si>
  <si>
    <t>cg25420253</t>
  </si>
  <si>
    <t>cg25427967</t>
  </si>
  <si>
    <t>cg25446808</t>
  </si>
  <si>
    <t>cg25453381</t>
  </si>
  <si>
    <t>cg25481999</t>
  </si>
  <si>
    <t>cg25517211</t>
  </si>
  <si>
    <t>cg25530583</t>
  </si>
  <si>
    <t>cg25533997</t>
  </si>
  <si>
    <t>cg25538883</t>
  </si>
  <si>
    <t>cg25560840</t>
  </si>
  <si>
    <t>cg25590438</t>
  </si>
  <si>
    <t>cg25602457</t>
  </si>
  <si>
    <t>cg25611723</t>
  </si>
  <si>
    <t>cg25619607</t>
  </si>
  <si>
    <t>cg25627226</t>
  </si>
  <si>
    <t>cg25653759</t>
  </si>
  <si>
    <t>cg25688568</t>
  </si>
  <si>
    <t>cg25693099</t>
  </si>
  <si>
    <t>cg25718196</t>
  </si>
  <si>
    <t>cg25723585</t>
  </si>
  <si>
    <t>cg25730573</t>
  </si>
  <si>
    <t>cg25740602</t>
  </si>
  <si>
    <t>cg25747017</t>
  </si>
  <si>
    <t>cg25753555</t>
  </si>
  <si>
    <t>cg25753990</t>
  </si>
  <si>
    <t>cg25756869</t>
  </si>
  <si>
    <t>cg25758413</t>
  </si>
  <si>
    <t>cg25786273</t>
  </si>
  <si>
    <t>cg25787956</t>
  </si>
  <si>
    <t>cg25794153</t>
  </si>
  <si>
    <t>cg25813942</t>
  </si>
  <si>
    <t>cg25839076</t>
  </si>
  <si>
    <t>cg25891069</t>
  </si>
  <si>
    <t>cg25924139</t>
  </si>
  <si>
    <t>cg25952192</t>
  </si>
  <si>
    <t>cg25956256</t>
  </si>
  <si>
    <t>cg25980242</t>
  </si>
  <si>
    <t>cg25986322</t>
  </si>
  <si>
    <t>cg25996614</t>
  </si>
  <si>
    <t>cg26005705</t>
  </si>
  <si>
    <t>cg26015190</t>
  </si>
  <si>
    <t>cg26034025</t>
  </si>
  <si>
    <t>cg26038190</t>
  </si>
  <si>
    <t>cg26045043</t>
  </si>
  <si>
    <t>cg26046467</t>
  </si>
  <si>
    <t>cg26053547</t>
  </si>
  <si>
    <t>cg26079666</t>
  </si>
  <si>
    <t>cg26086468</t>
  </si>
  <si>
    <t>cg26120251</t>
  </si>
  <si>
    <t>cg26129353</t>
  </si>
  <si>
    <t>cg26136497</t>
  </si>
  <si>
    <t>cg26137790</t>
  </si>
  <si>
    <t>cg26166935</t>
  </si>
  <si>
    <t>cg26172016</t>
  </si>
  <si>
    <t>cg26185079</t>
  </si>
  <si>
    <t>cg26186727</t>
  </si>
  <si>
    <t>cg26190375</t>
  </si>
  <si>
    <t>cg26210104</t>
  </si>
  <si>
    <t>cg26211724</t>
  </si>
  <si>
    <t>cg26212229</t>
  </si>
  <si>
    <t>cg26222723</t>
  </si>
  <si>
    <t>cg26223989</t>
  </si>
  <si>
    <t>cg26226511</t>
  </si>
  <si>
    <t>cg26227935</t>
  </si>
  <si>
    <t>cg26244832</t>
  </si>
  <si>
    <t>cg26246840</t>
  </si>
  <si>
    <t>cg26258423</t>
  </si>
  <si>
    <t>cg26277023</t>
  </si>
  <si>
    <t>cg26311295</t>
  </si>
  <si>
    <t>cg26320173</t>
  </si>
  <si>
    <t>cg26344168</t>
  </si>
  <si>
    <t>cg26358590</t>
  </si>
  <si>
    <t>cg26393983</t>
  </si>
  <si>
    <t>cg26397500</t>
  </si>
  <si>
    <t>cg26411672</t>
  </si>
  <si>
    <t>cg26427436</t>
  </si>
  <si>
    <t>cg26438105</t>
  </si>
  <si>
    <t>cg26446133</t>
  </si>
  <si>
    <t>cg26463621</t>
  </si>
  <si>
    <t>cg26482862</t>
  </si>
  <si>
    <t>cg26485825</t>
  </si>
  <si>
    <t>cg26491697</t>
  </si>
  <si>
    <t>cg26497348</t>
  </si>
  <si>
    <t>cg26508928</t>
  </si>
  <si>
    <t>cg26509328</t>
  </si>
  <si>
    <t>cg26522239</t>
  </si>
  <si>
    <t>cg26551026</t>
  </si>
  <si>
    <t>cg26556489</t>
  </si>
  <si>
    <t>cg26556624</t>
  </si>
  <si>
    <t>cg26571002</t>
  </si>
  <si>
    <t>cg26586027</t>
  </si>
  <si>
    <t>cg26632239</t>
  </si>
  <si>
    <t>cg26646554</t>
  </si>
  <si>
    <t>cg26649394</t>
  </si>
  <si>
    <t>cg26654851</t>
  </si>
  <si>
    <t>cg26661543</t>
  </si>
  <si>
    <t>cg26670288</t>
  </si>
  <si>
    <t>cg26701815</t>
  </si>
  <si>
    <t>cg26704078</t>
  </si>
  <si>
    <t>cg26707664</t>
  </si>
  <si>
    <t>cg26749245</t>
  </si>
  <si>
    <t>cg26772788</t>
  </si>
  <si>
    <t>cg26775191</t>
  </si>
  <si>
    <t>cg26790372</t>
  </si>
  <si>
    <t>cg26794997</t>
  </si>
  <si>
    <t>cg26822986</t>
  </si>
  <si>
    <t>cg26828842</t>
  </si>
  <si>
    <t>cg26848157</t>
  </si>
  <si>
    <t>cg26848442</t>
  </si>
  <si>
    <t>cg26871386</t>
  </si>
  <si>
    <t>cg26898309</t>
  </si>
  <si>
    <t>cg26909237</t>
  </si>
  <si>
    <t>cg26910047</t>
  </si>
  <si>
    <t>cg26920905</t>
  </si>
  <si>
    <t>cg26937943</t>
  </si>
  <si>
    <t>cg26938118</t>
  </si>
  <si>
    <t>cg26946769</t>
  </si>
  <si>
    <t>cg26953462</t>
  </si>
  <si>
    <t>cg26965275</t>
  </si>
  <si>
    <t>cg26966455</t>
  </si>
  <si>
    <t>cg26974111</t>
  </si>
  <si>
    <t>cg26991064</t>
  </si>
  <si>
    <t>cg26992698</t>
  </si>
  <si>
    <t>cg26994526</t>
  </si>
  <si>
    <t>cg26996626</t>
  </si>
  <si>
    <t>cg26998900</t>
  </si>
  <si>
    <t>cg27020668</t>
  </si>
  <si>
    <t>cg27029518</t>
  </si>
  <si>
    <t>cg27031837</t>
  </si>
  <si>
    <t>cg27041649</t>
  </si>
  <si>
    <t>cg27088191</t>
  </si>
  <si>
    <t>cg27093273</t>
  </si>
  <si>
    <t>cg27100123</t>
  </si>
  <si>
    <t>cg27105827</t>
  </si>
  <si>
    <t>cg27109056</t>
  </si>
  <si>
    <t>cg27109971</t>
  </si>
  <si>
    <t>cg27151480</t>
  </si>
  <si>
    <t>cg27209994</t>
  </si>
  <si>
    <t>cg27225044</t>
  </si>
  <si>
    <t>cg27291051</t>
  </si>
  <si>
    <t>cg27308982</t>
  </si>
  <si>
    <t>cg27318546</t>
  </si>
  <si>
    <t>cg27322282</t>
  </si>
  <si>
    <t>cg27326084</t>
  </si>
  <si>
    <t>cg27332583</t>
  </si>
  <si>
    <t>cg27334938</t>
  </si>
  <si>
    <t>cg27337209</t>
  </si>
  <si>
    <t>cg27338487</t>
  </si>
  <si>
    <t>cg27344090</t>
  </si>
  <si>
    <t>cg27349460</t>
  </si>
  <si>
    <t>cg27353346</t>
  </si>
  <si>
    <t>cg27368718</t>
  </si>
  <si>
    <t>cg27374247</t>
  </si>
  <si>
    <t>cg27378216</t>
  </si>
  <si>
    <t>cg27419474</t>
  </si>
  <si>
    <t>cg27422507</t>
  </si>
  <si>
    <t>cg27463447</t>
  </si>
  <si>
    <t>cg27468145</t>
  </si>
  <si>
    <t>cg27484456</t>
  </si>
  <si>
    <t>cg27535687</t>
  </si>
  <si>
    <t>cg27556566</t>
  </si>
  <si>
    <t>cg27557974</t>
  </si>
  <si>
    <t>cg27561567</t>
  </si>
  <si>
    <t>cg27569829</t>
  </si>
  <si>
    <t>cg27572343</t>
  </si>
  <si>
    <t>cg27582240</t>
  </si>
  <si>
    <t>cg27614534</t>
  </si>
  <si>
    <t>cg27631427</t>
  </si>
  <si>
    <t>cg27638057</t>
  </si>
  <si>
    <t>cg27644254</t>
  </si>
  <si>
    <t>ch.18.164884R</t>
  </si>
  <si>
    <t>cg00000714</t>
  </si>
  <si>
    <t>cg00004072</t>
  </si>
  <si>
    <t>cg00005164</t>
  </si>
  <si>
    <t>cg00007269</t>
  </si>
  <si>
    <t>cg00007466</t>
  </si>
  <si>
    <t>cg00008737</t>
  </si>
  <si>
    <t>cg00010445</t>
  </si>
  <si>
    <t>cg00011578</t>
  </si>
  <si>
    <t>cg00013733</t>
  </si>
  <si>
    <t>cg00014272</t>
  </si>
  <si>
    <t>cg00019377</t>
  </si>
  <si>
    <t>cg00022594</t>
  </si>
  <si>
    <t>cg00023168</t>
  </si>
  <si>
    <t>cg00024989</t>
  </si>
  <si>
    <t>cg00025715</t>
  </si>
  <si>
    <t>cg00028487</t>
  </si>
  <si>
    <t>cg00029640</t>
  </si>
  <si>
    <t>cg00032192</t>
  </si>
  <si>
    <t>cg00032366</t>
  </si>
  <si>
    <t>cg00033773</t>
  </si>
  <si>
    <t>cg00034555</t>
  </si>
  <si>
    <t>cg00035623</t>
  </si>
  <si>
    <t>cg00038167</t>
  </si>
  <si>
    <t>cg00040427</t>
  </si>
  <si>
    <t>cg00040861</t>
  </si>
  <si>
    <t>cg00043005</t>
  </si>
  <si>
    <t>cg00044318</t>
  </si>
  <si>
    <t>cg00044995</t>
  </si>
  <si>
    <t>cg00052561</t>
  </si>
  <si>
    <t>cg00053073</t>
  </si>
  <si>
    <t>cg00054408</t>
  </si>
  <si>
    <t>cg00058938</t>
  </si>
  <si>
    <t>cg00067471</t>
  </si>
  <si>
    <t>cg00067576</t>
  </si>
  <si>
    <t>cg00072407</t>
  </si>
  <si>
    <t>cg00073090</t>
  </si>
  <si>
    <t>cg00079169</t>
  </si>
  <si>
    <t>cg00079302</t>
  </si>
  <si>
    <t>cg00081084</t>
  </si>
  <si>
    <t>cg00083616</t>
  </si>
  <si>
    <t>cg00086346</t>
  </si>
  <si>
    <t>cg00086493</t>
  </si>
  <si>
    <t>cg00094858</t>
  </si>
  <si>
    <t>cg00097081</t>
  </si>
  <si>
    <t>cg00097645</t>
  </si>
  <si>
    <t>cg00098239</t>
  </si>
  <si>
    <t>cg00104562</t>
  </si>
  <si>
    <t>cg00105400</t>
  </si>
  <si>
    <t>cg00107603</t>
  </si>
  <si>
    <t>cg00112685</t>
  </si>
  <si>
    <t>cg00116838</t>
  </si>
  <si>
    <t>cg00121209</t>
  </si>
  <si>
    <t>cg00127732</t>
  </si>
  <si>
    <t>cg00131081</t>
  </si>
  <si>
    <t>cg00134028</t>
  </si>
  <si>
    <t>cg00137016</t>
  </si>
  <si>
    <t>cg00147863</t>
  </si>
  <si>
    <t>cg00149708</t>
  </si>
  <si>
    <t>cg00155609</t>
  </si>
  <si>
    <t>cg00159799</t>
  </si>
  <si>
    <t>cg00162541</t>
  </si>
  <si>
    <t>cg00164678</t>
  </si>
  <si>
    <t>cg00168191</t>
  </si>
  <si>
    <t>cg00169167</t>
  </si>
  <si>
    <t>cg00170056</t>
  </si>
  <si>
    <t>cg00174901</t>
  </si>
  <si>
    <t>cg00182416</t>
  </si>
  <si>
    <t>cg00183804</t>
  </si>
  <si>
    <t>cg00185103</t>
  </si>
  <si>
    <t>cg00187535</t>
  </si>
  <si>
    <t>cg00193490</t>
  </si>
  <si>
    <t>cg00204262</t>
  </si>
  <si>
    <t>cg00215066</t>
  </si>
  <si>
    <t>cg00231521</t>
  </si>
  <si>
    <t>cg00232387</t>
  </si>
  <si>
    <t>cg00233307</t>
  </si>
  <si>
    <t>cg00236601</t>
  </si>
  <si>
    <t>cg00238994</t>
  </si>
  <si>
    <t>cg00239003</t>
  </si>
  <si>
    <t>cg00242039</t>
  </si>
  <si>
    <t>cg00244267</t>
  </si>
  <si>
    <t>cg00249093</t>
  </si>
  <si>
    <t>cg00249181</t>
  </si>
  <si>
    <t>cg00252654</t>
  </si>
  <si>
    <t>cg00253971</t>
  </si>
  <si>
    <t>cg00259785</t>
  </si>
  <si>
    <t>cg00270093</t>
  </si>
  <si>
    <t>cg00283046</t>
  </si>
  <si>
    <t>cg00283662</t>
  </si>
  <si>
    <t>cg00286125</t>
  </si>
  <si>
    <t>cg00288050</t>
  </si>
  <si>
    <t>cg00289762</t>
  </si>
  <si>
    <t>cg00297680</t>
  </si>
  <si>
    <t>cg00297876</t>
  </si>
  <si>
    <t>cg00299047</t>
  </si>
  <si>
    <t>cg00301172</t>
  </si>
  <si>
    <t>cg00303723</t>
  </si>
  <si>
    <t>cg00314427</t>
  </si>
  <si>
    <t>cg00320243</t>
  </si>
  <si>
    <t>cg00320845</t>
  </si>
  <si>
    <t>cg00323695</t>
  </si>
  <si>
    <t>cg00330170</t>
  </si>
  <si>
    <t>cg00330464</t>
  </si>
  <si>
    <t>cg00335633</t>
  </si>
  <si>
    <t>cg00336028</t>
  </si>
  <si>
    <t>cg00336605</t>
  </si>
  <si>
    <t>cg00339331</t>
  </si>
  <si>
    <t>cg00340161</t>
  </si>
  <si>
    <t>cg00342590</t>
  </si>
  <si>
    <t>cg00344482</t>
  </si>
  <si>
    <t>cg00346180</t>
  </si>
  <si>
    <t>cg00346673</t>
  </si>
  <si>
    <t>cg00347746</t>
  </si>
  <si>
    <t>cg00348763</t>
  </si>
  <si>
    <t>cg00351011</t>
  </si>
  <si>
    <t>cg00351047</t>
  </si>
  <si>
    <t>cg00353571</t>
  </si>
  <si>
    <t>cg00354258</t>
  </si>
  <si>
    <t>cg00358609</t>
  </si>
  <si>
    <t>cg00360107</t>
  </si>
  <si>
    <t>cg00362665</t>
  </si>
  <si>
    <t>cg00363845</t>
  </si>
  <si>
    <t>cg00364445</t>
  </si>
  <si>
    <t>cg00365692</t>
  </si>
  <si>
    <t>cg00366594</t>
  </si>
  <si>
    <t>cg00368296</t>
  </si>
  <si>
    <t>cg00368356</t>
  </si>
  <si>
    <t>cg00369333</t>
  </si>
  <si>
    <t>cg00370414</t>
  </si>
  <si>
    <t>cg00370815</t>
  </si>
  <si>
    <t>cg00371891</t>
  </si>
  <si>
    <t>cg00372610</t>
  </si>
  <si>
    <t>cg00373279</t>
  </si>
  <si>
    <t>cg00373967</t>
  </si>
  <si>
    <t>cg00376639</t>
  </si>
  <si>
    <t>cg00376735</t>
  </si>
  <si>
    <t>cg00378234</t>
  </si>
  <si>
    <t>cg00378636</t>
  </si>
  <si>
    <t>cg00379348</t>
  </si>
  <si>
    <t>cg00379836</t>
  </si>
  <si>
    <t>cg00381057</t>
  </si>
  <si>
    <t>cg00384707</t>
  </si>
  <si>
    <t>cg00386456</t>
  </si>
  <si>
    <t>cg00387156</t>
  </si>
  <si>
    <t>cg00388479</t>
  </si>
  <si>
    <t>cg00391479</t>
  </si>
  <si>
    <t>cg00392377</t>
  </si>
  <si>
    <t>cg00392943</t>
  </si>
  <si>
    <t>cg00393254</t>
  </si>
  <si>
    <t>cg00394844</t>
  </si>
  <si>
    <t>cg00395894</t>
  </si>
  <si>
    <t>cg00397283</t>
  </si>
  <si>
    <t>cg00398728</t>
  </si>
  <si>
    <t>cg00401032</t>
  </si>
  <si>
    <t>cg00401471</t>
  </si>
  <si>
    <t>cg00401678</t>
  </si>
  <si>
    <t>cg00402516</t>
  </si>
  <si>
    <t>cg00407245</t>
  </si>
  <si>
    <t>cg00408906</t>
  </si>
  <si>
    <t>cg00409201</t>
  </si>
  <si>
    <t>cg00410199</t>
  </si>
  <si>
    <t>cg00415822</t>
  </si>
  <si>
    <t>cg00415924</t>
  </si>
  <si>
    <t>cg00416475</t>
  </si>
  <si>
    <t>cg00417819</t>
  </si>
  <si>
    <t>cg00420246</t>
  </si>
  <si>
    <t>cg00420742</t>
  </si>
  <si>
    <t>cg00420847</t>
  </si>
  <si>
    <t>cg00420929</t>
  </si>
  <si>
    <t>cg00423055</t>
  </si>
  <si>
    <t>cg00423487</t>
  </si>
  <si>
    <t>cg00423871</t>
  </si>
  <si>
    <t>cg00425217</t>
  </si>
  <si>
    <t>cg00426968</t>
  </si>
  <si>
    <t>cg00428638</t>
  </si>
  <si>
    <t>cg00430945</t>
  </si>
  <si>
    <t>cg00431565</t>
  </si>
  <si>
    <t>cg00433887</t>
  </si>
  <si>
    <t>cg00436874</t>
  </si>
  <si>
    <t>cg00442267</t>
  </si>
  <si>
    <t>cg00442430</t>
  </si>
  <si>
    <t>cg00443794</t>
  </si>
  <si>
    <t>cg00445518</t>
  </si>
  <si>
    <t>cg00447068</t>
  </si>
  <si>
    <t>cg00448761</t>
  </si>
  <si>
    <t>cg00449201</t>
  </si>
  <si>
    <t>cg00450695</t>
  </si>
  <si>
    <t>cg00452257</t>
  </si>
  <si>
    <t>cg00454042</t>
  </si>
  <si>
    <t>cg00455402</t>
  </si>
  <si>
    <t>cg00455546</t>
  </si>
  <si>
    <t>cg00455796</t>
  </si>
  <si>
    <t>cg00456774</t>
  </si>
  <si>
    <t>cg00462362</t>
  </si>
  <si>
    <t>cg00463949</t>
  </si>
  <si>
    <t>cg00467326</t>
  </si>
  <si>
    <t>cg00469497</t>
  </si>
  <si>
    <t>cg00471142</t>
  </si>
  <si>
    <t>cg00471664</t>
  </si>
  <si>
    <t>cg00472687</t>
  </si>
  <si>
    <t>cg00473031</t>
  </si>
  <si>
    <t>cg00477287</t>
  </si>
  <si>
    <t>cg00479986</t>
  </si>
  <si>
    <t>cg00480077</t>
  </si>
  <si>
    <t>cg00480115</t>
  </si>
  <si>
    <t>cg00481605</t>
  </si>
  <si>
    <t>cg00491548</t>
  </si>
  <si>
    <t>cg00491603</t>
  </si>
  <si>
    <t>cg00492868</t>
  </si>
  <si>
    <t>cg00495352</t>
  </si>
  <si>
    <t>cg00496378</t>
  </si>
  <si>
    <t>cg00498155</t>
  </si>
  <si>
    <t>cg00500176</t>
  </si>
  <si>
    <t>cg00502665</t>
  </si>
  <si>
    <t>cg00505597</t>
  </si>
  <si>
    <t>cg00506886</t>
  </si>
  <si>
    <t>cg00510948</t>
  </si>
  <si>
    <t>cg00510991</t>
  </si>
  <si>
    <t>cg00512103</t>
  </si>
  <si>
    <t>cg00512280</t>
  </si>
  <si>
    <t>cg00513012</t>
  </si>
  <si>
    <t>cg00513288</t>
  </si>
  <si>
    <t>cg00513611</t>
  </si>
  <si>
    <t>cg00514202</t>
  </si>
  <si>
    <t>cg00515669</t>
  </si>
  <si>
    <t>cg00518527</t>
  </si>
  <si>
    <t>cg00519069</t>
  </si>
  <si>
    <t>cg00519185</t>
  </si>
  <si>
    <t>cg00521703</t>
  </si>
  <si>
    <t>cg00522316</t>
  </si>
  <si>
    <t>cg00524169</t>
  </si>
  <si>
    <t>cg00524220</t>
  </si>
  <si>
    <t>cg00526455</t>
  </si>
  <si>
    <t>cg00529909</t>
  </si>
  <si>
    <t>cg00533364</t>
  </si>
  <si>
    <t>cg00533586</t>
  </si>
  <si>
    <t>cg00533649</t>
  </si>
  <si>
    <t>cg00540464</t>
  </si>
  <si>
    <t>cg00540558</t>
  </si>
  <si>
    <t>cg00541350</t>
  </si>
  <si>
    <t>cg00541956</t>
  </si>
  <si>
    <t>cg00543735</t>
  </si>
  <si>
    <t>cg00549018</t>
  </si>
  <si>
    <t>cg00555096</t>
  </si>
  <si>
    <t>cg00555293</t>
  </si>
  <si>
    <t>cg00557630</t>
  </si>
  <si>
    <t>cg00561089</t>
  </si>
  <si>
    <t>cg00561527</t>
  </si>
  <si>
    <t>cg00564164</t>
  </si>
  <si>
    <t>cg00564212</t>
  </si>
  <si>
    <t>cg00564862</t>
  </si>
  <si>
    <t>cg00568555</t>
  </si>
  <si>
    <t>cg00575127</t>
  </si>
  <si>
    <t>cg00577109</t>
  </si>
  <si>
    <t>cg00578032</t>
  </si>
  <si>
    <t>cg00579402</t>
  </si>
  <si>
    <t>cg00581590</t>
  </si>
  <si>
    <t>cg00586700</t>
  </si>
  <si>
    <t>cg00587228</t>
  </si>
  <si>
    <t>cg00587465</t>
  </si>
  <si>
    <t>cg00588559</t>
  </si>
  <si>
    <t>cg00591471</t>
  </si>
  <si>
    <t>cg00592383</t>
  </si>
  <si>
    <t>cg00592795</t>
  </si>
  <si>
    <t>cg00596373</t>
  </si>
  <si>
    <t>cg00597087</t>
  </si>
  <si>
    <t>cg00598858</t>
  </si>
  <si>
    <t>cg00612299</t>
  </si>
  <si>
    <t>cg00614413</t>
  </si>
  <si>
    <t>cg00621666</t>
  </si>
  <si>
    <t>cg00630794</t>
  </si>
  <si>
    <t>cg00635590</t>
  </si>
  <si>
    <t>cg00643392</t>
  </si>
  <si>
    <t>cg00643929</t>
  </si>
  <si>
    <t>cg00647022</t>
  </si>
  <si>
    <t>cg00647165</t>
  </si>
  <si>
    <t>cg00650809</t>
  </si>
  <si>
    <t>cg00664634</t>
  </si>
  <si>
    <t>cg00666746</t>
  </si>
  <si>
    <t>cg00667525</t>
  </si>
  <si>
    <t>cg00673724</t>
  </si>
  <si>
    <t>cg00675721</t>
  </si>
  <si>
    <t>cg00678398</t>
  </si>
  <si>
    <t>cg00683158</t>
  </si>
  <si>
    <t>cg00683654</t>
  </si>
  <si>
    <t>cg00683895</t>
  </si>
  <si>
    <t>cg00684776</t>
  </si>
  <si>
    <t>cg00689214</t>
  </si>
  <si>
    <t>cg00689651</t>
  </si>
  <si>
    <t>cg00693060</t>
  </si>
  <si>
    <t>cg00695561</t>
  </si>
  <si>
    <t>cg00702148</t>
  </si>
  <si>
    <t>cg00702341</t>
  </si>
  <si>
    <t>cg00704310</t>
  </si>
  <si>
    <t>cg00705922</t>
  </si>
  <si>
    <t>cg00708736</t>
  </si>
  <si>
    <t>cg00709541</t>
  </si>
  <si>
    <t>cg00712136</t>
  </si>
  <si>
    <t>cg00713022</t>
  </si>
  <si>
    <t>cg00716812</t>
  </si>
  <si>
    <t>cg00718142</t>
  </si>
  <si>
    <t>cg00719626</t>
  </si>
  <si>
    <t>cg00720119</t>
  </si>
  <si>
    <t>cg00722300</t>
  </si>
  <si>
    <t>cg00735591</t>
  </si>
  <si>
    <t>cg00736819</t>
  </si>
  <si>
    <t>cg00737224</t>
  </si>
  <si>
    <t>cg00739120</t>
  </si>
  <si>
    <t>cg00739661</t>
  </si>
  <si>
    <t>cg00741012</t>
  </si>
  <si>
    <t>cg00741731</t>
  </si>
  <si>
    <t>cg00745745</t>
  </si>
  <si>
    <t>cg00747152</t>
  </si>
  <si>
    <t>cg00751072</t>
  </si>
  <si>
    <t>cg00752531</t>
  </si>
  <si>
    <t>cg00754063</t>
  </si>
  <si>
    <t>cg00754552</t>
  </si>
  <si>
    <t>cg00754777</t>
  </si>
  <si>
    <t>cg00755063</t>
  </si>
  <si>
    <t>cg00756648</t>
  </si>
  <si>
    <t>cg00757082</t>
  </si>
  <si>
    <t>cg00758473</t>
  </si>
  <si>
    <t>cg00766729</t>
  </si>
  <si>
    <t>cg00768350</t>
  </si>
  <si>
    <t>cg00768359</t>
  </si>
  <si>
    <t>cg00769112</t>
  </si>
  <si>
    <t>cg00770155</t>
  </si>
  <si>
    <t>cg00770279</t>
  </si>
  <si>
    <t>cg00772380</t>
  </si>
  <si>
    <t>cg00775777</t>
  </si>
  <si>
    <t>cg00776237</t>
  </si>
  <si>
    <t>cg00779243</t>
  </si>
  <si>
    <t>cg00780664</t>
  </si>
  <si>
    <t>cg00781405</t>
  </si>
  <si>
    <t>cg00781658</t>
  </si>
  <si>
    <t>cg00782174</t>
  </si>
  <si>
    <t>cg00782707</t>
  </si>
  <si>
    <t>cg00783549</t>
  </si>
  <si>
    <t>cg00784263</t>
  </si>
  <si>
    <t>cg00784882</t>
  </si>
  <si>
    <t>cg00786658</t>
  </si>
  <si>
    <t>cg00788048</t>
  </si>
  <si>
    <t>cg00788375</t>
  </si>
  <si>
    <t>cg00791249</t>
  </si>
  <si>
    <t>cg00793605</t>
  </si>
  <si>
    <t>cg00796164</t>
  </si>
  <si>
    <t>cg00799658</t>
  </si>
  <si>
    <t>cg00800109</t>
  </si>
  <si>
    <t>cg00800512</t>
  </si>
  <si>
    <t>cg00803004</t>
  </si>
  <si>
    <t>cg00804433</t>
  </si>
  <si>
    <t>cg00808370</t>
  </si>
  <si>
    <t>cg00808721</t>
  </si>
  <si>
    <t>cg00813603</t>
  </si>
  <si>
    <t>cg00814328</t>
  </si>
  <si>
    <t>cg00814580</t>
  </si>
  <si>
    <t>cg00815325</t>
  </si>
  <si>
    <t>cg00815658</t>
  </si>
  <si>
    <t>cg00818822</t>
  </si>
  <si>
    <t>cg00819362</t>
  </si>
  <si>
    <t>cg00821444</t>
  </si>
  <si>
    <t>cg00821760</t>
  </si>
  <si>
    <t>cg00822241</t>
  </si>
  <si>
    <t>cg00827164</t>
  </si>
  <si>
    <t>cg00828618</t>
  </si>
  <si>
    <t>cg00830526</t>
  </si>
  <si>
    <t>cg00831560</t>
  </si>
  <si>
    <t>cg00833257</t>
  </si>
  <si>
    <t>cg00834779</t>
  </si>
  <si>
    <t>cg00835193</t>
  </si>
  <si>
    <t>cg00840926</t>
  </si>
  <si>
    <t>cg00841249</t>
  </si>
  <si>
    <t>cg00844197</t>
  </si>
  <si>
    <t>cg00844821</t>
  </si>
  <si>
    <t>cg00844950</t>
  </si>
  <si>
    <t>cg00846166</t>
  </si>
  <si>
    <t>cg00848780</t>
  </si>
  <si>
    <t>cg00850068</t>
  </si>
  <si>
    <t>cg00850683</t>
  </si>
  <si>
    <t>cg00855262</t>
  </si>
  <si>
    <t>cg00857137</t>
  </si>
  <si>
    <t>cg00860372</t>
  </si>
  <si>
    <t>cg00860425</t>
  </si>
  <si>
    <t>cg00861945</t>
  </si>
  <si>
    <t>cg00863306</t>
  </si>
  <si>
    <t>cg00864768</t>
  </si>
  <si>
    <t>cg00866814</t>
  </si>
  <si>
    <t>cg00867461</t>
  </si>
  <si>
    <t>cg00868523</t>
  </si>
  <si>
    <t>cg00871055</t>
  </si>
  <si>
    <t>cg00876196</t>
  </si>
  <si>
    <t>cg00876449</t>
  </si>
  <si>
    <t>cg00878605</t>
  </si>
  <si>
    <t>cg00878747</t>
  </si>
  <si>
    <t>cg00880079</t>
  </si>
  <si>
    <t>cg00881370</t>
  </si>
  <si>
    <t>cg00882322</t>
  </si>
  <si>
    <t>cg00896043</t>
  </si>
  <si>
    <t>cg00908733</t>
  </si>
  <si>
    <t>cg00910052</t>
  </si>
  <si>
    <t>cg00910067</t>
  </si>
  <si>
    <t>cg00912035</t>
  </si>
  <si>
    <t>cg00912049</t>
  </si>
  <si>
    <t>cg00919002</t>
  </si>
  <si>
    <t>cg00919077</t>
  </si>
  <si>
    <t>cg00920691</t>
  </si>
  <si>
    <t>cg00922143</t>
  </si>
  <si>
    <t>cg00922301</t>
  </si>
  <si>
    <t>cg00925020</t>
  </si>
  <si>
    <t>cg00926680</t>
  </si>
  <si>
    <t>cg00931339</t>
  </si>
  <si>
    <t>cg00932612</t>
  </si>
  <si>
    <t>cg00933242</t>
  </si>
  <si>
    <t>cg00945719</t>
  </si>
  <si>
    <t>cg00949622</t>
  </si>
  <si>
    <t>cg00960702</t>
  </si>
  <si>
    <t>cg00962304</t>
  </si>
  <si>
    <t>cg00965023</t>
  </si>
  <si>
    <t>cg00966686</t>
  </si>
  <si>
    <t>cg00970544</t>
  </si>
  <si>
    <t>cg00970558</t>
  </si>
  <si>
    <t>cg00971175</t>
  </si>
  <si>
    <t>cg00974598</t>
  </si>
  <si>
    <t>cg00988256</t>
  </si>
  <si>
    <t>cg00991576</t>
  </si>
  <si>
    <t>cg00992039</t>
  </si>
  <si>
    <t>cg00992103</t>
  </si>
  <si>
    <t>cg00993388</t>
  </si>
  <si>
    <t>cg00996764</t>
  </si>
  <si>
    <t>cg00997720</t>
  </si>
  <si>
    <t>cg00999243</t>
  </si>
  <si>
    <t>cg01000408</t>
  </si>
  <si>
    <t>cg01005968</t>
  </si>
  <si>
    <t>cg01008361</t>
  </si>
  <si>
    <t>cg01008666</t>
  </si>
  <si>
    <t>cg01013317</t>
  </si>
  <si>
    <t>cg01013600</t>
  </si>
  <si>
    <t>cg01016660</t>
  </si>
  <si>
    <t>cg01017773</t>
  </si>
  <si>
    <t>cg01027411</t>
  </si>
  <si>
    <t>cg01027422</t>
  </si>
  <si>
    <t>cg01027750</t>
  </si>
  <si>
    <t>cg01029669</t>
  </si>
  <si>
    <t>cg01030321</t>
  </si>
  <si>
    <t>cg01031177</t>
  </si>
  <si>
    <t>cg01031269</t>
  </si>
  <si>
    <t>cg01031907</t>
  </si>
  <si>
    <t>cg01033005</t>
  </si>
  <si>
    <t>cg01033360</t>
  </si>
  <si>
    <t>cg01035931</t>
  </si>
  <si>
    <t>cg01036779</t>
  </si>
  <si>
    <t>cg01037768</t>
  </si>
  <si>
    <t>cg01039573</t>
  </si>
  <si>
    <t>cg01039871</t>
  </si>
  <si>
    <t>cg01045132</t>
  </si>
  <si>
    <t>cg01046104</t>
  </si>
  <si>
    <t>cg01047959</t>
  </si>
  <si>
    <t>cg01048834</t>
  </si>
  <si>
    <t>cg01048904</t>
  </si>
  <si>
    <t>cg01049674</t>
  </si>
  <si>
    <t>cg01052294</t>
  </si>
  <si>
    <t>cg01054891</t>
  </si>
  <si>
    <t>cg01055871</t>
  </si>
  <si>
    <t>cg01059747</t>
  </si>
  <si>
    <t>cg01060165</t>
  </si>
  <si>
    <t>cg01064903</t>
  </si>
  <si>
    <t>cg01070272</t>
  </si>
  <si>
    <t>cg01076675</t>
  </si>
  <si>
    <t>cg01076874</t>
  </si>
  <si>
    <t>cg01079941</t>
  </si>
  <si>
    <t>cg01080357</t>
  </si>
  <si>
    <t>cg01080410</t>
  </si>
  <si>
    <t>cg01080592</t>
  </si>
  <si>
    <t>cg01080902</t>
  </si>
  <si>
    <t>cg01081069</t>
  </si>
  <si>
    <t>cg01087239</t>
  </si>
  <si>
    <t>cg01089639</t>
  </si>
  <si>
    <t>cg01089800</t>
  </si>
  <si>
    <t>cg01091751</t>
  </si>
  <si>
    <t>cg01093065</t>
  </si>
  <si>
    <t>cg01094301</t>
  </si>
  <si>
    <t>cg01100521</t>
  </si>
  <si>
    <t>cg01103836</t>
  </si>
  <si>
    <t>cg01107031</t>
  </si>
  <si>
    <t>cg01121180</t>
  </si>
  <si>
    <t>cg01121554</t>
  </si>
  <si>
    <t>cg01127878</t>
  </si>
  <si>
    <t>cg01129847</t>
  </si>
  <si>
    <t>cg01130127</t>
  </si>
  <si>
    <t>cg01133401</t>
  </si>
  <si>
    <t>cg01139412</t>
  </si>
  <si>
    <t>cg01141252</t>
  </si>
  <si>
    <t>cg01151135</t>
  </si>
  <si>
    <t>cg01153620</t>
  </si>
  <si>
    <t>cg01166180</t>
  </si>
  <si>
    <t>cg01172903</t>
  </si>
  <si>
    <t>cg01173794</t>
  </si>
  <si>
    <t>cg01174276</t>
  </si>
  <si>
    <t>cg01186457</t>
  </si>
  <si>
    <t>cg01186777</t>
  </si>
  <si>
    <t>cg01188574</t>
  </si>
  <si>
    <t>cg01192952</t>
  </si>
  <si>
    <t>cg01193293</t>
  </si>
  <si>
    <t>cg01204985</t>
  </si>
  <si>
    <t>cg01206970</t>
  </si>
  <si>
    <t>cg01209635</t>
  </si>
  <si>
    <t>cg01213134</t>
  </si>
  <si>
    <t>cg01214989</t>
  </si>
  <si>
    <t>cg01215037</t>
  </si>
  <si>
    <t>cg01215442</t>
  </si>
  <si>
    <t>cg01220257</t>
  </si>
  <si>
    <t>cg01223422</t>
  </si>
  <si>
    <t>cg01226447</t>
  </si>
  <si>
    <t>cg01227084</t>
  </si>
  <si>
    <t>cg01240539</t>
  </si>
  <si>
    <t>cg01247891</t>
  </si>
  <si>
    <t>cg01252496</t>
  </si>
  <si>
    <t>cg01252659</t>
  </si>
  <si>
    <t>cg01254505</t>
  </si>
  <si>
    <t>cg01256681</t>
  </si>
  <si>
    <t>cg01260688</t>
  </si>
  <si>
    <t>cg01263077</t>
  </si>
  <si>
    <t>cg01263541</t>
  </si>
  <si>
    <t>cg01264111</t>
  </si>
  <si>
    <t>cg01269576</t>
  </si>
  <si>
    <t>cg01270246</t>
  </si>
  <si>
    <t>cg01274752</t>
  </si>
  <si>
    <t>cg01274826</t>
  </si>
  <si>
    <t>cg01282080</t>
  </si>
  <si>
    <t>cg01283343</t>
  </si>
  <si>
    <t>cg01284415</t>
  </si>
  <si>
    <t>cg01284619</t>
  </si>
  <si>
    <t>cg01286319</t>
  </si>
  <si>
    <t>cg01290153</t>
  </si>
  <si>
    <t>cg01290613</t>
  </si>
  <si>
    <t>cg01291201</t>
  </si>
  <si>
    <t>cg01291875</t>
  </si>
  <si>
    <t>cg01291939</t>
  </si>
  <si>
    <t>cg01293418</t>
  </si>
  <si>
    <t>cg01293740</t>
  </si>
  <si>
    <t>cg01294028</t>
  </si>
  <si>
    <t>cg01294327</t>
  </si>
  <si>
    <t>cg01297627</t>
  </si>
  <si>
    <t>cg01300464</t>
  </si>
  <si>
    <t>cg01301276</t>
  </si>
  <si>
    <t>cg01306806</t>
  </si>
  <si>
    <t>cg01310750</t>
  </si>
  <si>
    <t>cg01314003</t>
  </si>
  <si>
    <t>cg01316857</t>
  </si>
  <si>
    <t>cg01318291</t>
  </si>
  <si>
    <t>cg01319471</t>
  </si>
  <si>
    <t>cg01323993</t>
  </si>
  <si>
    <t>cg01324115</t>
  </si>
  <si>
    <t>cg01324452</t>
  </si>
  <si>
    <t>cg01327602</t>
  </si>
  <si>
    <t>cg01328269</t>
  </si>
  <si>
    <t>cg01329179</t>
  </si>
  <si>
    <t>cg01330060</t>
  </si>
  <si>
    <t>cg01330762</t>
  </si>
  <si>
    <t>cg01333225</t>
  </si>
  <si>
    <t>cg01333713</t>
  </si>
  <si>
    <t>cg01335042</t>
  </si>
  <si>
    <t>cg01336552</t>
  </si>
  <si>
    <t>cg01336862</t>
  </si>
  <si>
    <t>cg01336878</t>
  </si>
  <si>
    <t>cg01336912</t>
  </si>
  <si>
    <t>cg01338347</t>
  </si>
  <si>
    <t>cg01338474</t>
  </si>
  <si>
    <t>cg01347596</t>
  </si>
  <si>
    <t>cg01356611</t>
  </si>
  <si>
    <t>cg01358551</t>
  </si>
  <si>
    <t>cg01362383</t>
  </si>
  <si>
    <t>cg01372202</t>
  </si>
  <si>
    <t>cg01373896</t>
  </si>
  <si>
    <t>cg01377911</t>
  </si>
  <si>
    <t>cg01378677</t>
  </si>
  <si>
    <t>cg01380607</t>
  </si>
  <si>
    <t>cg01381637</t>
  </si>
  <si>
    <t>cg01382936</t>
  </si>
  <si>
    <t>cg01384173</t>
  </si>
  <si>
    <t>cg01386868</t>
  </si>
  <si>
    <t>cg01387972</t>
  </si>
  <si>
    <t>cg01389504</t>
  </si>
  <si>
    <t>cg01394324</t>
  </si>
  <si>
    <t>cg01396418</t>
  </si>
  <si>
    <t>cg01396723</t>
  </si>
  <si>
    <t>cg01397065</t>
  </si>
  <si>
    <t>cg01397912</t>
  </si>
  <si>
    <t>cg01397939</t>
  </si>
  <si>
    <t>cg01400401</t>
  </si>
  <si>
    <t>cg01401265</t>
  </si>
  <si>
    <t>cg01401641</t>
  </si>
  <si>
    <t>cg01404518</t>
  </si>
  <si>
    <t>cg01406381</t>
  </si>
  <si>
    <t>cg01408558</t>
  </si>
  <si>
    <t>cg01408817</t>
  </si>
  <si>
    <t>cg01409448</t>
  </si>
  <si>
    <t>cg01411759</t>
  </si>
  <si>
    <t>cg01413790</t>
  </si>
  <si>
    <t>cg01418618</t>
  </si>
  <si>
    <t>cg01418951</t>
  </si>
  <si>
    <t>cg01419084</t>
  </si>
  <si>
    <t>cg01424997</t>
  </si>
  <si>
    <t>cg01426831</t>
  </si>
  <si>
    <t>cg01431960</t>
  </si>
  <si>
    <t>cg01432010</t>
  </si>
  <si>
    <t>cg01433420</t>
  </si>
  <si>
    <t>cg01433978</t>
  </si>
  <si>
    <t>cg01435791</t>
  </si>
  <si>
    <t>cg01436279</t>
  </si>
  <si>
    <t>cg01436998</t>
  </si>
  <si>
    <t>cg01437571</t>
  </si>
  <si>
    <t>cg01441945</t>
  </si>
  <si>
    <t>cg01442620</t>
  </si>
  <si>
    <t>cg01442953</t>
  </si>
  <si>
    <t>cg01443452</t>
  </si>
  <si>
    <t>cg01444487</t>
  </si>
  <si>
    <t>cg01445659</t>
  </si>
  <si>
    <t>cg01449341</t>
  </si>
  <si>
    <t>cg01450390</t>
  </si>
  <si>
    <t>cg01450422</t>
  </si>
  <si>
    <t>cg01454859</t>
  </si>
  <si>
    <t>cg01457143</t>
  </si>
  <si>
    <t>cg01459807</t>
  </si>
  <si>
    <t>cg01461299</t>
  </si>
  <si>
    <t>cg01462607</t>
  </si>
  <si>
    <t>cg01466491</t>
  </si>
  <si>
    <t>cg01468567</t>
  </si>
  <si>
    <t>cg01469421</t>
  </si>
  <si>
    <t>cg01471710</t>
  </si>
  <si>
    <t>cg01475757</t>
  </si>
  <si>
    <t>cg01476179</t>
  </si>
  <si>
    <t>cg01476969</t>
  </si>
  <si>
    <t>cg01481970</t>
  </si>
  <si>
    <t>cg01482620</t>
  </si>
  <si>
    <t>cg01483459</t>
  </si>
  <si>
    <t>cg01483656</t>
  </si>
  <si>
    <t>cg01485075</t>
  </si>
  <si>
    <t>cg01486333</t>
  </si>
  <si>
    <t>cg01486987</t>
  </si>
  <si>
    <t>cg01489177</t>
  </si>
  <si>
    <t>cg01489416</t>
  </si>
  <si>
    <t>cg01490283</t>
  </si>
  <si>
    <t>cg01490870</t>
  </si>
  <si>
    <t>cg01491360</t>
  </si>
  <si>
    <t>cg01496380</t>
  </si>
  <si>
    <t>cg01496416</t>
  </si>
  <si>
    <t>cg01500140</t>
  </si>
  <si>
    <t>cg01501009</t>
  </si>
  <si>
    <t>cg01501406</t>
  </si>
  <si>
    <t>cg01501461</t>
  </si>
  <si>
    <t>cg01506130</t>
  </si>
  <si>
    <t>cg01508415</t>
  </si>
  <si>
    <t>cg01510051</t>
  </si>
  <si>
    <t>cg01513611</t>
  </si>
  <si>
    <t>cg01515534</t>
  </si>
  <si>
    <t>cg01518016</t>
  </si>
  <si>
    <t>cg01518138</t>
  </si>
  <si>
    <t>cg01518459</t>
  </si>
  <si>
    <t>cg01521143</t>
  </si>
  <si>
    <t>cg01522721</t>
  </si>
  <si>
    <t>cg01524501</t>
  </si>
  <si>
    <t>cg01527441</t>
  </si>
  <si>
    <t>cg01529419</t>
  </si>
  <si>
    <t>cg01529770</t>
  </si>
  <si>
    <t>cg01531058</t>
  </si>
  <si>
    <t>cg01532080</t>
  </si>
  <si>
    <t>cg01532103</t>
  </si>
  <si>
    <t>cg01532436</t>
  </si>
  <si>
    <t>cg01533387</t>
  </si>
  <si>
    <t>cg01534273</t>
  </si>
  <si>
    <t>cg01538575</t>
  </si>
  <si>
    <t>cg01539064</t>
  </si>
  <si>
    <t>cg01539269</t>
  </si>
  <si>
    <t>cg01541846</t>
  </si>
  <si>
    <t>cg01543300</t>
  </si>
  <si>
    <t>cg01545242</t>
  </si>
  <si>
    <t>cg01548249</t>
  </si>
  <si>
    <t>cg01549069</t>
  </si>
  <si>
    <t>cg01549292</t>
  </si>
  <si>
    <t>cg01552731</t>
  </si>
  <si>
    <t>cg01556075</t>
  </si>
  <si>
    <t>cg01558916</t>
  </si>
  <si>
    <t>cg01559300</t>
  </si>
  <si>
    <t>cg01559302</t>
  </si>
  <si>
    <t>cg01559356</t>
  </si>
  <si>
    <t>cg01559901</t>
  </si>
  <si>
    <t>cg01560554</t>
  </si>
  <si>
    <t>cg01566552</t>
  </si>
  <si>
    <t>cg01573445</t>
  </si>
  <si>
    <t>cg01574234</t>
  </si>
  <si>
    <t>cg01574903</t>
  </si>
  <si>
    <t>cg01576737</t>
  </si>
  <si>
    <t>cg01585096</t>
  </si>
  <si>
    <t>cg01586432</t>
  </si>
  <si>
    <t>cg01587095</t>
  </si>
  <si>
    <t>cg01588826</t>
  </si>
  <si>
    <t>cg01590848</t>
  </si>
  <si>
    <t>cg01592263</t>
  </si>
  <si>
    <t>cg01594262</t>
  </si>
  <si>
    <t>cg01595505</t>
  </si>
  <si>
    <t>cg01596520</t>
  </si>
  <si>
    <t>cg01603559</t>
  </si>
  <si>
    <t>cg01604348</t>
  </si>
  <si>
    <t>cg01607441</t>
  </si>
  <si>
    <t>cg01607934</t>
  </si>
  <si>
    <t>cg01608030</t>
  </si>
  <si>
    <t>cg01608045</t>
  </si>
  <si>
    <t>cg01608732</t>
  </si>
  <si>
    <t>cg01610561</t>
  </si>
  <si>
    <t>cg01610636</t>
  </si>
  <si>
    <t>cg01611622</t>
  </si>
  <si>
    <t>cg01611665</t>
  </si>
  <si>
    <t>cg01612478</t>
  </si>
  <si>
    <t>cg01613691</t>
  </si>
  <si>
    <t>cg01614597</t>
  </si>
  <si>
    <t>cg01615818</t>
  </si>
  <si>
    <t>cg01617139</t>
  </si>
  <si>
    <t>cg01618851</t>
  </si>
  <si>
    <t>cg01619846</t>
  </si>
  <si>
    <t>cg01621132</t>
  </si>
  <si>
    <t>cg01622465</t>
  </si>
  <si>
    <t>cg01623256</t>
  </si>
  <si>
    <t>cg01624238</t>
  </si>
  <si>
    <t>cg01627405</t>
  </si>
  <si>
    <t>cg01628819</t>
  </si>
  <si>
    <t>cg01630444</t>
  </si>
  <si>
    <t>cg01630925</t>
  </si>
  <si>
    <t>cg01634964</t>
  </si>
  <si>
    <t>cg01639562</t>
  </si>
  <si>
    <t>cg01641152</t>
  </si>
  <si>
    <t>cg01642824</t>
  </si>
  <si>
    <t>cg01644518</t>
  </si>
  <si>
    <t>cg01646610</t>
  </si>
  <si>
    <t>cg01654627</t>
  </si>
  <si>
    <t>cg01655123</t>
  </si>
  <si>
    <t>cg01655355</t>
  </si>
  <si>
    <t>cg01656470</t>
  </si>
  <si>
    <t>cg01656853</t>
  </si>
  <si>
    <t>cg01660035</t>
  </si>
  <si>
    <t>cg01662455</t>
  </si>
  <si>
    <t>cg01665550</t>
  </si>
  <si>
    <t>cg01666793</t>
  </si>
  <si>
    <t>cg01667384</t>
  </si>
  <si>
    <t>cg01677302</t>
  </si>
  <si>
    <t>cg01677310</t>
  </si>
  <si>
    <t>cg01678893</t>
  </si>
  <si>
    <t>cg01695406</t>
  </si>
  <si>
    <t>cg01701634</t>
  </si>
  <si>
    <t>cg01710791</t>
  </si>
  <si>
    <t>cg01718139</t>
  </si>
  <si>
    <t>cg01720520</t>
  </si>
  <si>
    <t>cg01726393</t>
  </si>
  <si>
    <t>cg01729523</t>
  </si>
  <si>
    <t>cg01729837</t>
  </si>
  <si>
    <t>cg01735101</t>
  </si>
  <si>
    <t>cg01737592</t>
  </si>
  <si>
    <t>cg01738202</t>
  </si>
  <si>
    <t>cg01742826</t>
  </si>
  <si>
    <t>cg01743901</t>
  </si>
  <si>
    <t>cg01746532</t>
  </si>
  <si>
    <t>cg01748275</t>
  </si>
  <si>
    <t>cg01751802</t>
  </si>
  <si>
    <t>cg01756647</t>
  </si>
  <si>
    <t>cg01756756</t>
  </si>
  <si>
    <t>cg01773515</t>
  </si>
  <si>
    <t>cg01774027</t>
  </si>
  <si>
    <t>cg01775098</t>
  </si>
  <si>
    <t>cg01795122</t>
  </si>
  <si>
    <t>cg01799015</t>
  </si>
  <si>
    <t>cg01799734</t>
  </si>
  <si>
    <t>cg01806181</t>
  </si>
  <si>
    <t>cg01807649</t>
  </si>
  <si>
    <t>cg01814364</t>
  </si>
  <si>
    <t>cg01823275</t>
  </si>
  <si>
    <t>cg01823541</t>
  </si>
  <si>
    <t>cg01829856</t>
  </si>
  <si>
    <t>cg01837375</t>
  </si>
  <si>
    <t>cg01846824</t>
  </si>
  <si>
    <t>cg01850179</t>
  </si>
  <si>
    <t>cg01852272</t>
  </si>
  <si>
    <t>cg01852543</t>
  </si>
  <si>
    <t>cg01853216</t>
  </si>
  <si>
    <t>cg01857260</t>
  </si>
  <si>
    <t>cg01859460</t>
  </si>
  <si>
    <t>cg01861377</t>
  </si>
  <si>
    <t>cg01861664</t>
  </si>
  <si>
    <t>cg01864361</t>
  </si>
  <si>
    <t>cg01864982</t>
  </si>
  <si>
    <t>cg01865484</t>
  </si>
  <si>
    <t>cg01865721</t>
  </si>
  <si>
    <t>cg01868222</t>
  </si>
  <si>
    <t>cg01871428</t>
  </si>
  <si>
    <t>cg01872324</t>
  </si>
  <si>
    <t>cg01874562</t>
  </si>
  <si>
    <t>cg01877644</t>
  </si>
  <si>
    <t>cg01879460</t>
  </si>
  <si>
    <t>cg01880404</t>
  </si>
  <si>
    <t>cg01895482</t>
  </si>
  <si>
    <t>cg01895740</t>
  </si>
  <si>
    <t>cg01896999</t>
  </si>
  <si>
    <t>cg01906703</t>
  </si>
  <si>
    <t>cg01907005</t>
  </si>
  <si>
    <t>cg01914743</t>
  </si>
  <si>
    <t>cg01915791</t>
  </si>
  <si>
    <t>cg01930621</t>
  </si>
  <si>
    <t>cg01935722</t>
  </si>
  <si>
    <t>cg01936942</t>
  </si>
  <si>
    <t>cg01940336</t>
  </si>
  <si>
    <t>cg01947224</t>
  </si>
  <si>
    <t>cg01950129</t>
  </si>
  <si>
    <t>cg01952724</t>
  </si>
  <si>
    <t>cg01956717</t>
  </si>
  <si>
    <t>cg01958934</t>
  </si>
  <si>
    <t>cg01960970</t>
  </si>
  <si>
    <t>cg01961560</t>
  </si>
  <si>
    <t>cg01963696</t>
  </si>
  <si>
    <t>cg01967510</t>
  </si>
  <si>
    <t>cg01969392</t>
  </si>
  <si>
    <t>cg01969586</t>
  </si>
  <si>
    <t>cg01971579</t>
  </si>
  <si>
    <t>cg01973771</t>
  </si>
  <si>
    <t>cg01973804</t>
  </si>
  <si>
    <t>cg01974715</t>
  </si>
  <si>
    <t>cg01975502</t>
  </si>
  <si>
    <t>cg01975672</t>
  </si>
  <si>
    <t>cg01980587</t>
  </si>
  <si>
    <t>cg01981187</t>
  </si>
  <si>
    <t>cg01982724</t>
  </si>
  <si>
    <t>cg01983454</t>
  </si>
  <si>
    <t>cg01985343</t>
  </si>
  <si>
    <t>cg01985482</t>
  </si>
  <si>
    <t>cg01986717</t>
  </si>
  <si>
    <t>cg01988009</t>
  </si>
  <si>
    <t>cg01989908</t>
  </si>
  <si>
    <t>cg01990342</t>
  </si>
  <si>
    <t>cg01991687</t>
  </si>
  <si>
    <t>cg01993907</t>
  </si>
  <si>
    <t>cg01995393</t>
  </si>
  <si>
    <t>cg01995718</t>
  </si>
  <si>
    <t>cg01995811</t>
  </si>
  <si>
    <t>cg01996091</t>
  </si>
  <si>
    <t>cg01999026</t>
  </si>
  <si>
    <t>cg02000253</t>
  </si>
  <si>
    <t>cg02002247</t>
  </si>
  <si>
    <t>cg02003184</t>
  </si>
  <si>
    <t>cg02006647</t>
  </si>
  <si>
    <t>cg02009091</t>
  </si>
  <si>
    <t>cg02011374</t>
  </si>
  <si>
    <t>cg02012442</t>
  </si>
  <si>
    <t>cg02014147</t>
  </si>
  <si>
    <t>cg02014733</t>
  </si>
  <si>
    <t>cg02017041</t>
  </si>
  <si>
    <t>cg02018326</t>
  </si>
  <si>
    <t>cg02019118</t>
  </si>
  <si>
    <t>cg02020350</t>
  </si>
  <si>
    <t>cg02020969</t>
  </si>
  <si>
    <t>cg02024579</t>
  </si>
  <si>
    <t>cg02025270</t>
  </si>
  <si>
    <t>cg02026498</t>
  </si>
  <si>
    <t>cg02026535</t>
  </si>
  <si>
    <t>cg02026801</t>
  </si>
  <si>
    <t>cg02028332</t>
  </si>
  <si>
    <t>cg02028970</t>
  </si>
  <si>
    <t>cg02033116</t>
  </si>
  <si>
    <t>cg02036581</t>
  </si>
  <si>
    <t>cg02044337</t>
  </si>
  <si>
    <t>cg02045294</t>
  </si>
  <si>
    <t>cg02048674</t>
  </si>
  <si>
    <t>cg02059080</t>
  </si>
  <si>
    <t>cg02075221</t>
  </si>
  <si>
    <t>cg02077793</t>
  </si>
  <si>
    <t>cg02082462</t>
  </si>
  <si>
    <t>cg02091489</t>
  </si>
  <si>
    <t>cg02091605</t>
  </si>
  <si>
    <t>cg02097082</t>
  </si>
  <si>
    <t>cg02097309</t>
  </si>
  <si>
    <t>cg02097636</t>
  </si>
  <si>
    <t>cg02106978</t>
  </si>
  <si>
    <t>cg02118194</t>
  </si>
  <si>
    <t>cg02124835</t>
  </si>
  <si>
    <t>cg02127209</t>
  </si>
  <si>
    <t>cg02127965</t>
  </si>
  <si>
    <t>cg02128244</t>
  </si>
  <si>
    <t>cg02131995</t>
  </si>
  <si>
    <t>cg02146857</t>
  </si>
  <si>
    <t>cg02147126</t>
  </si>
  <si>
    <t>cg02147592</t>
  </si>
  <si>
    <t>cg02149446</t>
  </si>
  <si>
    <t>cg02152265</t>
  </si>
  <si>
    <t>cg02160062</t>
  </si>
  <si>
    <t>cg02160627</t>
  </si>
  <si>
    <t>cg02162069</t>
  </si>
  <si>
    <t>cg02163486</t>
  </si>
  <si>
    <t>cg02178774</t>
  </si>
  <si>
    <t>cg02189888</t>
  </si>
  <si>
    <t>cg02192974</t>
  </si>
  <si>
    <t>cg02194396</t>
  </si>
  <si>
    <t>cg02197392</t>
  </si>
  <si>
    <t>cg02201774</t>
  </si>
  <si>
    <t>cg02207610</t>
  </si>
  <si>
    <t>cg02218324</t>
  </si>
  <si>
    <t>cg02218768</t>
  </si>
  <si>
    <t>cg02221863</t>
  </si>
  <si>
    <t>cg02229261</t>
  </si>
  <si>
    <t>cg02229516</t>
  </si>
  <si>
    <t>cg02233414</t>
  </si>
  <si>
    <t>cg02234314</t>
  </si>
  <si>
    <t>cg02237493</t>
  </si>
  <si>
    <t>cg02247561</t>
  </si>
  <si>
    <t>cg02250846</t>
  </si>
  <si>
    <t>cg02251027</t>
  </si>
  <si>
    <t>cg02252907</t>
  </si>
  <si>
    <t>cg02253236</t>
  </si>
  <si>
    <t>cg02255619</t>
  </si>
  <si>
    <t>cg02255983</t>
  </si>
  <si>
    <t>cg02257675</t>
  </si>
  <si>
    <t>cg02258614</t>
  </si>
  <si>
    <t>cg02258724</t>
  </si>
  <si>
    <t>cg02263144</t>
  </si>
  <si>
    <t>cg02265056</t>
  </si>
  <si>
    <t>cg02268424</t>
  </si>
  <si>
    <t>cg02268510</t>
  </si>
  <si>
    <t>cg02269497</t>
  </si>
  <si>
    <t>cg02272751</t>
  </si>
  <si>
    <t>cg02272795</t>
  </si>
  <si>
    <t>cg02274869</t>
  </si>
  <si>
    <t>cg02275396</t>
  </si>
  <si>
    <t>cg02275713</t>
  </si>
  <si>
    <t>cg02276614</t>
  </si>
  <si>
    <t>cg02276695</t>
  </si>
  <si>
    <t>cg02278307</t>
  </si>
  <si>
    <t>cg02280483</t>
  </si>
  <si>
    <t>cg02280912</t>
  </si>
  <si>
    <t>cg02283691</t>
  </si>
  <si>
    <t>cg02285920</t>
  </si>
  <si>
    <t>cg02286642</t>
  </si>
  <si>
    <t>cg02289689</t>
  </si>
  <si>
    <t>cg02290110</t>
  </si>
  <si>
    <t>cg02293766</t>
  </si>
  <si>
    <t>cg02297936</t>
  </si>
  <si>
    <t>cg02298570</t>
  </si>
  <si>
    <t>cg02299937</t>
  </si>
  <si>
    <t>cg02301740</t>
  </si>
  <si>
    <t>cg02303361</t>
  </si>
  <si>
    <t>cg02306493</t>
  </si>
  <si>
    <t>cg02307597</t>
  </si>
  <si>
    <t>cg02309655</t>
  </si>
  <si>
    <t>cg02309868</t>
  </si>
  <si>
    <t>cg02314091</t>
  </si>
  <si>
    <t>cg02314896</t>
  </si>
  <si>
    <t>cg02315597</t>
  </si>
  <si>
    <t>cg02316735</t>
  </si>
  <si>
    <t>cg02317055</t>
  </si>
  <si>
    <t>cg02318527</t>
  </si>
  <si>
    <t>cg02319453</t>
  </si>
  <si>
    <t>cg02319818</t>
  </si>
  <si>
    <t>cg02319986</t>
  </si>
  <si>
    <t>cg02319988</t>
  </si>
  <si>
    <t>cg02321885</t>
  </si>
  <si>
    <t>cg02324006</t>
  </si>
  <si>
    <t>cg02326386</t>
  </si>
  <si>
    <t>cg02327522</t>
  </si>
  <si>
    <t>cg02328221</t>
  </si>
  <si>
    <t>cg02329010</t>
  </si>
  <si>
    <t>cg02337283</t>
  </si>
  <si>
    <t>cg02337695</t>
  </si>
  <si>
    <t>cg02337960</t>
  </si>
  <si>
    <t>cg02339198</t>
  </si>
  <si>
    <t>cg02339243</t>
  </si>
  <si>
    <t>cg02341090</t>
  </si>
  <si>
    <t>cg02342362</t>
  </si>
  <si>
    <t>cg02343318</t>
  </si>
  <si>
    <t>cg02343803</t>
  </si>
  <si>
    <t>cg02349373</t>
  </si>
  <si>
    <t>cg02350107</t>
  </si>
  <si>
    <t>cg02350677</t>
  </si>
  <si>
    <t>cg02351555</t>
  </si>
  <si>
    <t>cg02351925</t>
  </si>
  <si>
    <t>cg02355339</t>
  </si>
  <si>
    <t>cg02357741</t>
  </si>
  <si>
    <t>cg02358804</t>
  </si>
  <si>
    <t>cg02359181</t>
  </si>
  <si>
    <t>cg02363969</t>
  </si>
  <si>
    <t>cg02364408</t>
  </si>
  <si>
    <t>cg02365577</t>
  </si>
  <si>
    <t>cg02367916</t>
  </si>
  <si>
    <t>cg02369028</t>
  </si>
  <si>
    <t>cg02369193</t>
  </si>
  <si>
    <t>cg02370529</t>
  </si>
  <si>
    <t>cg02370644</t>
  </si>
  <si>
    <t>cg02374868</t>
  </si>
  <si>
    <t>cg02376097</t>
  </si>
  <si>
    <t>cg02376178</t>
  </si>
  <si>
    <t>cg02376650</t>
  </si>
  <si>
    <t>cg02381385</t>
  </si>
  <si>
    <t>cg02384122</t>
  </si>
  <si>
    <t>cg02385661</t>
  </si>
  <si>
    <t>cg02385791</t>
  </si>
  <si>
    <t>cg02385820</t>
  </si>
  <si>
    <t>cg02390188</t>
  </si>
  <si>
    <t>cg02391441</t>
  </si>
  <si>
    <t>cg02391549</t>
  </si>
  <si>
    <t>cg02396668</t>
  </si>
  <si>
    <t>cg02398998</t>
  </si>
  <si>
    <t>cg02402024</t>
  </si>
  <si>
    <t>cg02402423</t>
  </si>
  <si>
    <t>cg02404575</t>
  </si>
  <si>
    <t>cg02405517</t>
  </si>
  <si>
    <t>cg02405662</t>
  </si>
  <si>
    <t>cg02408333</t>
  </si>
  <si>
    <t>cg02408356</t>
  </si>
  <si>
    <t>cg02412123</t>
  </si>
  <si>
    <t>cg02414586</t>
  </si>
  <si>
    <t>cg02415125</t>
  </si>
  <si>
    <t>cg02418025</t>
  </si>
  <si>
    <t>cg02422011</t>
  </si>
  <si>
    <t>cg02426178</t>
  </si>
  <si>
    <t>cg02427831</t>
  </si>
  <si>
    <t>cg02428119</t>
  </si>
  <si>
    <t>cg02429459</t>
  </si>
  <si>
    <t>cg02429595</t>
  </si>
  <si>
    <t>cg02429684</t>
  </si>
  <si>
    <t>cg02434051</t>
  </si>
  <si>
    <t>cg02434381</t>
  </si>
  <si>
    <t>cg02438575</t>
  </si>
  <si>
    <t>cg02440177</t>
  </si>
  <si>
    <t>cg02440214</t>
  </si>
  <si>
    <t>cg02441015</t>
  </si>
  <si>
    <t>cg02443847</t>
  </si>
  <si>
    <t>cg02445229</t>
  </si>
  <si>
    <t>cg02446225</t>
  </si>
  <si>
    <t>cg02449373</t>
  </si>
  <si>
    <t>cg02449608</t>
  </si>
  <si>
    <t>cg02449638</t>
  </si>
  <si>
    <t>cg02452310</t>
  </si>
  <si>
    <t>cg02452418</t>
  </si>
  <si>
    <t>cg02454028</t>
  </si>
  <si>
    <t>cg02454210</t>
  </si>
  <si>
    <t>cg02454464</t>
  </si>
  <si>
    <t>cg02454815</t>
  </si>
  <si>
    <t>cg02454884</t>
  </si>
  <si>
    <t>cg02456292</t>
  </si>
  <si>
    <t>cg02456406</t>
  </si>
  <si>
    <t>cg02456552</t>
  </si>
  <si>
    <t>cg02459604</t>
  </si>
  <si>
    <t>cg02459818</t>
  </si>
  <si>
    <t>cg02463426</t>
  </si>
  <si>
    <t>cg02467002</t>
  </si>
  <si>
    <t>cg02467518</t>
  </si>
  <si>
    <t>cg02468417</t>
  </si>
  <si>
    <t>cg02468728</t>
  </si>
  <si>
    <t>cg02470045</t>
  </si>
  <si>
    <t>cg02472499</t>
  </si>
  <si>
    <t>cg02473889</t>
  </si>
  <si>
    <t>cg02476580</t>
  </si>
  <si>
    <t>cg02478708</t>
  </si>
  <si>
    <t>cg02481256</t>
  </si>
  <si>
    <t>cg02481918</t>
  </si>
  <si>
    <t>cg02483126</t>
  </si>
  <si>
    <t>cg02484047</t>
  </si>
  <si>
    <t>cg02487452</t>
  </si>
  <si>
    <t>cg02489438</t>
  </si>
  <si>
    <t>cg02489552</t>
  </si>
  <si>
    <t>cg02493939</t>
  </si>
  <si>
    <t>cg02505267</t>
  </si>
  <si>
    <t>cg02505681</t>
  </si>
  <si>
    <t>cg02513409</t>
  </si>
  <si>
    <t>cg02518671</t>
  </si>
  <si>
    <t>cg02527726</t>
  </si>
  <si>
    <t>cg02528768</t>
  </si>
  <si>
    <t>cg02533173</t>
  </si>
  <si>
    <t>cg02534744</t>
  </si>
  <si>
    <t>cg02538135</t>
  </si>
  <si>
    <t>cg02546618</t>
  </si>
  <si>
    <t>cg02573524</t>
  </si>
  <si>
    <t>cg02573587</t>
  </si>
  <si>
    <t>cg02574502</t>
  </si>
  <si>
    <t>cg02576503</t>
  </si>
  <si>
    <t>cg02576701</t>
  </si>
  <si>
    <t>cg02581146</t>
  </si>
  <si>
    <t>cg02581667</t>
  </si>
  <si>
    <t>cg02583309</t>
  </si>
  <si>
    <t>cg02584678</t>
  </si>
  <si>
    <t>cg02587316</t>
  </si>
  <si>
    <t>cg02592403</t>
  </si>
  <si>
    <t>cg02592727</t>
  </si>
  <si>
    <t>cg02593507</t>
  </si>
  <si>
    <t>cg02593905</t>
  </si>
  <si>
    <t>cg02595807</t>
  </si>
  <si>
    <t>cg02595819</t>
  </si>
  <si>
    <t>cg02596089</t>
  </si>
  <si>
    <t>cg02596107</t>
  </si>
  <si>
    <t>cg02598642</t>
  </si>
  <si>
    <t>cg02600551</t>
  </si>
  <si>
    <t>cg02607026</t>
  </si>
  <si>
    <t>cg02607130</t>
  </si>
  <si>
    <t>cg02608292</t>
  </si>
  <si>
    <t>cg02610102</t>
  </si>
  <si>
    <t>cg02610227</t>
  </si>
  <si>
    <t>cg02614657</t>
  </si>
  <si>
    <t>cg02615157</t>
  </si>
  <si>
    <t>cg02615582</t>
  </si>
  <si>
    <t>cg02617702</t>
  </si>
  <si>
    <t>cg02618733</t>
  </si>
  <si>
    <t>cg02620189</t>
  </si>
  <si>
    <t>cg02624019</t>
  </si>
  <si>
    <t>cg02625404</t>
  </si>
  <si>
    <t>cg02625925</t>
  </si>
  <si>
    <t>cg02626388</t>
  </si>
  <si>
    <t>cg02626667</t>
  </si>
  <si>
    <t>cg02628881</t>
  </si>
  <si>
    <t>cg02630143</t>
  </si>
  <si>
    <t>cg02630704</t>
  </si>
  <si>
    <t>cg02633117</t>
  </si>
  <si>
    <t>cg02633409</t>
  </si>
  <si>
    <t>cg02636834</t>
  </si>
  <si>
    <t>cg02639359</t>
  </si>
  <si>
    <t>cg02639931</t>
  </si>
  <si>
    <t>cg02644494</t>
  </si>
  <si>
    <t>cg02644867</t>
  </si>
  <si>
    <t>cg02646480</t>
  </si>
  <si>
    <t>cg02647247</t>
  </si>
  <si>
    <t>cg02648464</t>
  </si>
  <si>
    <t>cg02648939</t>
  </si>
  <si>
    <t>cg02653526</t>
  </si>
  <si>
    <t>cg02658272</t>
  </si>
  <si>
    <t>cg02659867</t>
  </si>
  <si>
    <t>cg02660564</t>
  </si>
  <si>
    <t>cg02660791</t>
  </si>
  <si>
    <t>cg02666638</t>
  </si>
  <si>
    <t>cg02671333</t>
  </si>
  <si>
    <t>cg02672003</t>
  </si>
  <si>
    <t>cg02672759</t>
  </si>
  <si>
    <t>cg02673351</t>
  </si>
  <si>
    <t>cg02674588</t>
  </si>
  <si>
    <t>cg02674712</t>
  </si>
  <si>
    <t>cg02677865</t>
  </si>
  <si>
    <t>cg02681400</t>
  </si>
  <si>
    <t>cg02682052</t>
  </si>
  <si>
    <t>cg02683307</t>
  </si>
  <si>
    <t>cg02683363</t>
  </si>
  <si>
    <t>cg02686662</t>
  </si>
  <si>
    <t>cg02688848</t>
  </si>
  <si>
    <t>cg02690571</t>
  </si>
  <si>
    <t>cg02690797</t>
  </si>
  <si>
    <t>cg02693096</t>
  </si>
  <si>
    <t>cg02695074</t>
  </si>
  <si>
    <t>cg02695969</t>
  </si>
  <si>
    <t>cg02697237</t>
  </si>
  <si>
    <t>cg02699408</t>
  </si>
  <si>
    <t>cg02700479</t>
  </si>
  <si>
    <t>cg02700624</t>
  </si>
  <si>
    <t>cg02701435</t>
  </si>
  <si>
    <t>cg02704667</t>
  </si>
  <si>
    <t>cg02704949</t>
  </si>
  <si>
    <t>cg02705444</t>
  </si>
  <si>
    <t>cg02705909</t>
  </si>
  <si>
    <t>cg02706910</t>
  </si>
  <si>
    <t>cg02707222</t>
  </si>
  <si>
    <t>cg02709032</t>
  </si>
  <si>
    <t>cg02711801</t>
  </si>
  <si>
    <t>cg02712585</t>
  </si>
  <si>
    <t>cg02713524</t>
  </si>
  <si>
    <t>cg02713563</t>
  </si>
  <si>
    <t>cg02714062</t>
  </si>
  <si>
    <t>cg02714994</t>
  </si>
  <si>
    <t>cg02715685</t>
  </si>
  <si>
    <t>cg02720566</t>
  </si>
  <si>
    <t>cg02721952</t>
  </si>
  <si>
    <t>cg02723142</t>
  </si>
  <si>
    <t>cg02725269</t>
  </si>
  <si>
    <t>cg02726501</t>
  </si>
  <si>
    <t>cg02727232</t>
  </si>
  <si>
    <t>cg02727285</t>
  </si>
  <si>
    <t>cg02727566</t>
  </si>
  <si>
    <t>cg02729352</t>
  </si>
  <si>
    <t>cg02743950</t>
  </si>
  <si>
    <t>cg02744588</t>
  </si>
  <si>
    <t>cg02745321</t>
  </si>
  <si>
    <t>cg02746744</t>
  </si>
  <si>
    <t>cg02747822</t>
  </si>
  <si>
    <t>cg02749105</t>
  </si>
  <si>
    <t>cg02750754</t>
  </si>
  <si>
    <t>cg02752037</t>
  </si>
  <si>
    <t>cg02753354</t>
  </si>
  <si>
    <t>cg02753619</t>
  </si>
  <si>
    <t>cg02753903</t>
  </si>
  <si>
    <t>cg02756835</t>
  </si>
  <si>
    <t>cg02757488</t>
  </si>
  <si>
    <t>cg02758272</t>
  </si>
  <si>
    <t>cg02759846</t>
  </si>
  <si>
    <t>cg02759880</t>
  </si>
  <si>
    <t>cg02763540</t>
  </si>
  <si>
    <t>cg02764370</t>
  </si>
  <si>
    <t>cg02765403</t>
  </si>
  <si>
    <t>cg02767668</t>
  </si>
  <si>
    <t>cg02768390</t>
  </si>
  <si>
    <t>cg02768785</t>
  </si>
  <si>
    <t>cg02770946</t>
  </si>
  <si>
    <t>cg02776148</t>
  </si>
  <si>
    <t>cg02776658</t>
  </si>
  <si>
    <t>cg02777191</t>
  </si>
  <si>
    <t>cg02779667</t>
  </si>
  <si>
    <t>cg02783318</t>
  </si>
  <si>
    <t>cg02786417</t>
  </si>
  <si>
    <t>cg02792677</t>
  </si>
  <si>
    <t>cg02794244</t>
  </si>
  <si>
    <t>cg02798144</t>
  </si>
  <si>
    <t>cg02801993</t>
  </si>
  <si>
    <t>cg02803047</t>
  </si>
  <si>
    <t>cg02804100</t>
  </si>
  <si>
    <t>cg02804819</t>
  </si>
  <si>
    <t>cg02806853</t>
  </si>
  <si>
    <t>cg02807271</t>
  </si>
  <si>
    <t>cg02807849</t>
  </si>
  <si>
    <t>cg02808233</t>
  </si>
  <si>
    <t>cg02808411</t>
  </si>
  <si>
    <t>cg02812482</t>
  </si>
  <si>
    <t>cg02814054</t>
  </si>
  <si>
    <t>cg02814692</t>
  </si>
  <si>
    <t>cg02815516</t>
  </si>
  <si>
    <t>cg02818170</t>
  </si>
  <si>
    <t>cg02821705</t>
  </si>
  <si>
    <t>cg02823803</t>
  </si>
  <si>
    <t>cg02824251</t>
  </si>
  <si>
    <t>cg02824980</t>
  </si>
  <si>
    <t>cg02827007</t>
  </si>
  <si>
    <t>cg02829345</t>
  </si>
  <si>
    <t>cg02835003</t>
  </si>
  <si>
    <t>cg02836017</t>
  </si>
  <si>
    <t>cg02838038</t>
  </si>
  <si>
    <t>cg02838499</t>
  </si>
  <si>
    <t>cg02838561</t>
  </si>
  <si>
    <t>cg02839351</t>
  </si>
  <si>
    <t>cg02840044</t>
  </si>
  <si>
    <t>cg02844051</t>
  </si>
  <si>
    <t>cg02844589</t>
  </si>
  <si>
    <t>cg02848329</t>
  </si>
  <si>
    <t>cg02849766</t>
  </si>
  <si>
    <t>cg02849894</t>
  </si>
  <si>
    <t>cg02849956</t>
  </si>
  <si>
    <t>cg02852989</t>
  </si>
  <si>
    <t>cg02856688</t>
  </si>
  <si>
    <t>cg02857898</t>
  </si>
  <si>
    <t>cg02859537</t>
  </si>
  <si>
    <t>cg02860749</t>
  </si>
  <si>
    <t>cg02862539</t>
  </si>
  <si>
    <t>cg02862550</t>
  </si>
  <si>
    <t>cg02863842</t>
  </si>
  <si>
    <t>cg02863988</t>
  </si>
  <si>
    <t>cg02865498</t>
  </si>
  <si>
    <t>cg02868598</t>
  </si>
  <si>
    <t>cg02869289</t>
  </si>
  <si>
    <t>cg02869708</t>
  </si>
  <si>
    <t>cg02870621</t>
  </si>
  <si>
    <t>cg02870741</t>
  </si>
  <si>
    <t>cg02872930</t>
  </si>
  <si>
    <t>cg02875240</t>
  </si>
  <si>
    <t>cg02875404</t>
  </si>
  <si>
    <t>cg02876326</t>
  </si>
  <si>
    <t>cg02878461</t>
  </si>
  <si>
    <t>cg02879267</t>
  </si>
  <si>
    <t>cg02881274</t>
  </si>
  <si>
    <t>cg02886079</t>
  </si>
  <si>
    <t>cg02886477</t>
  </si>
  <si>
    <t>cg02886522</t>
  </si>
  <si>
    <t>cg02886761</t>
  </si>
  <si>
    <t>cg02887374</t>
  </si>
  <si>
    <t>cg02887458</t>
  </si>
  <si>
    <t>cg02890250</t>
  </si>
  <si>
    <t>cg02891574</t>
  </si>
  <si>
    <t>cg02892660</t>
  </si>
  <si>
    <t>cg02892690</t>
  </si>
  <si>
    <t>cg02895995</t>
  </si>
  <si>
    <t>cg02896465</t>
  </si>
  <si>
    <t>cg02898159</t>
  </si>
  <si>
    <t>cg02899730</t>
  </si>
  <si>
    <t>cg02900183</t>
  </si>
  <si>
    <t>cg02903525</t>
  </si>
  <si>
    <t>cg02904605</t>
  </si>
  <si>
    <t>cg02905865</t>
  </si>
  <si>
    <t>cg02907064</t>
  </si>
  <si>
    <t>cg02907425</t>
  </si>
  <si>
    <t>cg02908258</t>
  </si>
  <si>
    <t>cg02912345</t>
  </si>
  <si>
    <t>cg02914419</t>
  </si>
  <si>
    <t>cg02916118</t>
  </si>
  <si>
    <t>cg02917867</t>
  </si>
  <si>
    <t>cg02920142</t>
  </si>
  <si>
    <t>cg02921604</t>
  </si>
  <si>
    <t>cg02922204</t>
  </si>
  <si>
    <t>cg02922642</t>
  </si>
  <si>
    <t>cg02925948</t>
  </si>
  <si>
    <t>cg02932691</t>
  </si>
  <si>
    <t>cg02934221</t>
  </si>
  <si>
    <t>cg02936207</t>
  </si>
  <si>
    <t>cg02937873</t>
  </si>
  <si>
    <t>cg02939105</t>
  </si>
  <si>
    <t>cg02940165</t>
  </si>
  <si>
    <t>cg02942594</t>
  </si>
  <si>
    <t>cg02942825</t>
  </si>
  <si>
    <t>cg02944857</t>
  </si>
  <si>
    <t>cg02946138</t>
  </si>
  <si>
    <t>cg02948468</t>
  </si>
  <si>
    <t>cg02951059</t>
  </si>
  <si>
    <t>cg02952703</t>
  </si>
  <si>
    <t>cg02955989</t>
  </si>
  <si>
    <t>cg02956481</t>
  </si>
  <si>
    <t>cg02957799</t>
  </si>
  <si>
    <t>cg02958776</t>
  </si>
  <si>
    <t>cg02963493</t>
  </si>
  <si>
    <t>cg02965351</t>
  </si>
  <si>
    <t>cg02967610</t>
  </si>
  <si>
    <t>cg02968914</t>
  </si>
  <si>
    <t>cg02973307</t>
  </si>
  <si>
    <t>cg02973377</t>
  </si>
  <si>
    <t>cg02981853</t>
  </si>
  <si>
    <t>cg02983885</t>
  </si>
  <si>
    <t>cg02985293</t>
  </si>
  <si>
    <t>cg02987249</t>
  </si>
  <si>
    <t>cg02987387</t>
  </si>
  <si>
    <t>cg02987482</t>
  </si>
  <si>
    <t>cg02990598</t>
  </si>
  <si>
    <t>cg02992856</t>
  </si>
  <si>
    <t>cg02997111</t>
  </si>
  <si>
    <t>cg02997812</t>
  </si>
  <si>
    <t>cg02997982</t>
  </si>
  <si>
    <t>cg02997983</t>
  </si>
  <si>
    <t>cg02998861</t>
  </si>
  <si>
    <t>cg03002580</t>
  </si>
  <si>
    <t>cg03003745</t>
  </si>
  <si>
    <t>cg03007010</t>
  </si>
  <si>
    <t>cg03007201</t>
  </si>
  <si>
    <t>cg03012230</t>
  </si>
  <si>
    <t>cg03013172</t>
  </si>
  <si>
    <t>cg03015114</t>
  </si>
  <si>
    <t>cg03018001</t>
  </si>
  <si>
    <t>cg03018163</t>
  </si>
  <si>
    <t>cg03023952</t>
  </si>
  <si>
    <t>cg03029296</t>
  </si>
  <si>
    <t>cg03031902</t>
  </si>
  <si>
    <t>cg03038418</t>
  </si>
  <si>
    <t>cg03038816</t>
  </si>
  <si>
    <t>cg03039172</t>
  </si>
  <si>
    <t>cg03039843</t>
  </si>
  <si>
    <t>cg03041824</t>
  </si>
  <si>
    <t>cg03042281</t>
  </si>
  <si>
    <t>cg03043130</t>
  </si>
  <si>
    <t>cg03045323</t>
  </si>
  <si>
    <t>cg03046327</t>
  </si>
  <si>
    <t>cg03049846</t>
  </si>
  <si>
    <t>cg03054643</t>
  </si>
  <si>
    <t>cg03064400</t>
  </si>
  <si>
    <t>cg03067613</t>
  </si>
  <si>
    <t>cg03068068</t>
  </si>
  <si>
    <t>cg03071143</t>
  </si>
  <si>
    <t>cg03072998</t>
  </si>
  <si>
    <t>cg03074370</t>
  </si>
  <si>
    <t>cg03076824</t>
  </si>
  <si>
    <t>cg03077453</t>
  </si>
  <si>
    <t>cg03077671</t>
  </si>
  <si>
    <t>cg03078169</t>
  </si>
  <si>
    <t>cg03078586</t>
  </si>
  <si>
    <t>cg03081303</t>
  </si>
  <si>
    <t>cg03081359</t>
  </si>
  <si>
    <t>cg03082763</t>
  </si>
  <si>
    <t>cg03087897</t>
  </si>
  <si>
    <t>cg03091590</t>
  </si>
  <si>
    <t>cg03091752</t>
  </si>
  <si>
    <t>cg03093230</t>
  </si>
  <si>
    <t>cg03095118</t>
  </si>
  <si>
    <t>cg03095533</t>
  </si>
  <si>
    <t>cg03096975</t>
  </si>
  <si>
    <t>cg03097995</t>
  </si>
  <si>
    <t>cg03099849</t>
  </si>
  <si>
    <t>cg03100024</t>
  </si>
  <si>
    <t>cg03100040</t>
  </si>
  <si>
    <t>cg03100209</t>
  </si>
  <si>
    <t>cg03100752</t>
  </si>
  <si>
    <t>cg03104569</t>
  </si>
  <si>
    <t>cg03107538</t>
  </si>
  <si>
    <t>cg03107987</t>
  </si>
  <si>
    <t>cg03110167</t>
  </si>
  <si>
    <t>cg03110491</t>
  </si>
  <si>
    <t>cg03110722</t>
  </si>
  <si>
    <t>cg03113121</t>
  </si>
  <si>
    <t>cg03113572</t>
  </si>
  <si>
    <t>cg03113824</t>
  </si>
  <si>
    <t>cg03114636</t>
  </si>
  <si>
    <t>cg03115530</t>
  </si>
  <si>
    <t>cg03115547</t>
  </si>
  <si>
    <t>cg03116579</t>
  </si>
  <si>
    <t>cg03116676</t>
  </si>
  <si>
    <t>cg03117556</t>
  </si>
  <si>
    <t>cg03117793</t>
  </si>
  <si>
    <t>cg03120115</t>
  </si>
  <si>
    <t>cg03125329</t>
  </si>
  <si>
    <t>cg03125565</t>
  </si>
  <si>
    <t>cg03126177</t>
  </si>
  <si>
    <t>cg03131092</t>
  </si>
  <si>
    <t>cg03133198</t>
  </si>
  <si>
    <t>cg03135127</t>
  </si>
  <si>
    <t>cg03135598</t>
  </si>
  <si>
    <t>cg03138405</t>
  </si>
  <si>
    <t>cg03138668</t>
  </si>
  <si>
    <t>cg03139057</t>
  </si>
  <si>
    <t>cg03143365</t>
  </si>
  <si>
    <t>cg03144206</t>
  </si>
  <si>
    <t>cg03147691</t>
  </si>
  <si>
    <t>cg03149770</t>
  </si>
  <si>
    <t>cg03152092</t>
  </si>
  <si>
    <t>cg03153360</t>
  </si>
  <si>
    <t>cg03157040</t>
  </si>
  <si>
    <t>cg03157738</t>
  </si>
  <si>
    <t>cg03159004</t>
  </si>
  <si>
    <t>cg03161606</t>
  </si>
  <si>
    <t>cg03161839</t>
  </si>
  <si>
    <t>cg03163944</t>
  </si>
  <si>
    <t>cg03165176</t>
  </si>
  <si>
    <t>cg03165195</t>
  </si>
  <si>
    <t>cg03166835</t>
  </si>
  <si>
    <t>cg03170171</t>
  </si>
  <si>
    <t>cg03170611</t>
  </si>
  <si>
    <t>cg03172931</t>
  </si>
  <si>
    <t>cg03172991</t>
  </si>
  <si>
    <t>cg03175049</t>
  </si>
  <si>
    <t>cg03181524</t>
  </si>
  <si>
    <t>cg03182113</t>
  </si>
  <si>
    <t>cg03183745</t>
  </si>
  <si>
    <t>cg03188495</t>
  </si>
  <si>
    <t>cg03189871</t>
  </si>
  <si>
    <t>cg03191384</t>
  </si>
  <si>
    <t>cg03192619</t>
  </si>
  <si>
    <t>cg03197505</t>
  </si>
  <si>
    <t>cg03198578</t>
  </si>
  <si>
    <t>cg03202190</t>
  </si>
  <si>
    <t>cg03202884</t>
  </si>
  <si>
    <t>cg03203785</t>
  </si>
  <si>
    <t>cg03204305</t>
  </si>
  <si>
    <t>cg03205495</t>
  </si>
  <si>
    <t>cg03206533</t>
  </si>
  <si>
    <t>cg03212634</t>
  </si>
  <si>
    <t>cg03213216</t>
  </si>
  <si>
    <t>cg03213352</t>
  </si>
  <si>
    <t>cg03214303</t>
  </si>
  <si>
    <t>cg03215105</t>
  </si>
  <si>
    <t>cg03218837</t>
  </si>
  <si>
    <t>cg03219694</t>
  </si>
  <si>
    <t>cg03221198</t>
  </si>
  <si>
    <t>cg03221702</t>
  </si>
  <si>
    <t>cg03223733</t>
  </si>
  <si>
    <t>cg03226121</t>
  </si>
  <si>
    <t>cg03226245</t>
  </si>
  <si>
    <t>cg03230154</t>
  </si>
  <si>
    <t>cg03232928</t>
  </si>
  <si>
    <t>cg03233444</t>
  </si>
  <si>
    <t>cg03233793</t>
  </si>
  <si>
    <t>cg03233876</t>
  </si>
  <si>
    <t>cg03234186</t>
  </si>
  <si>
    <t>cg03236816</t>
  </si>
  <si>
    <t>cg03237134</t>
  </si>
  <si>
    <t>cg03237806</t>
  </si>
  <si>
    <t>cg03239386</t>
  </si>
  <si>
    <t>cg03239957</t>
  </si>
  <si>
    <t>cg03240745</t>
  </si>
  <si>
    <t>cg03241430</t>
  </si>
  <si>
    <t>cg03241649</t>
  </si>
  <si>
    <t>cg03242453</t>
  </si>
  <si>
    <t>cg03242834</t>
  </si>
  <si>
    <t>cg03247892</t>
  </si>
  <si>
    <t>cg03247919</t>
  </si>
  <si>
    <t>cg03251068</t>
  </si>
  <si>
    <t>cg03251287</t>
  </si>
  <si>
    <t>cg03251852</t>
  </si>
  <si>
    <t>cg03252986</t>
  </si>
  <si>
    <t>cg03258472</t>
  </si>
  <si>
    <t>cg03260991</t>
  </si>
  <si>
    <t>cg03263025</t>
  </si>
  <si>
    <t>cg03263792</t>
  </si>
  <si>
    <t>cg03266059</t>
  </si>
  <si>
    <t>cg03267167</t>
  </si>
  <si>
    <t>cg03271150</t>
  </si>
  <si>
    <t>cg03272089</t>
  </si>
  <si>
    <t>cg03273025</t>
  </si>
  <si>
    <t>cg03282345</t>
  </si>
  <si>
    <t>cg03287692</t>
  </si>
  <si>
    <t>cg03288419</t>
  </si>
  <si>
    <t>cg03288653</t>
  </si>
  <si>
    <t>cg03289872</t>
  </si>
  <si>
    <t>cg03292149</t>
  </si>
  <si>
    <t>cg03292241</t>
  </si>
  <si>
    <t>cg03293095</t>
  </si>
  <si>
    <t>cg03293697</t>
  </si>
  <si>
    <t>cg03295187</t>
  </si>
  <si>
    <t>cg03295933</t>
  </si>
  <si>
    <t>cg03298305</t>
  </si>
  <si>
    <t>cg03301498</t>
  </si>
  <si>
    <t>cg03302088</t>
  </si>
  <si>
    <t>cg03305036</t>
  </si>
  <si>
    <t>cg03309721</t>
  </si>
  <si>
    <t>cg03309967</t>
  </si>
  <si>
    <t>cg03310779</t>
  </si>
  <si>
    <t>cg03312426</t>
  </si>
  <si>
    <t>cg03313447</t>
  </si>
  <si>
    <t>cg03314548</t>
  </si>
  <si>
    <t>cg03315649</t>
  </si>
  <si>
    <t>cg03316864</t>
  </si>
  <si>
    <t>cg03317430</t>
  </si>
  <si>
    <t>cg03317517</t>
  </si>
  <si>
    <t>cg03318222</t>
  </si>
  <si>
    <t>cg03321180</t>
  </si>
  <si>
    <t>cg03326943</t>
  </si>
  <si>
    <t>cg03329160</t>
  </si>
  <si>
    <t>cg03329714</t>
  </si>
  <si>
    <t>cg03330762</t>
  </si>
  <si>
    <t>cg03331224</t>
  </si>
  <si>
    <t>cg03333101</t>
  </si>
  <si>
    <t>cg03334540</t>
  </si>
  <si>
    <t>cg03337035</t>
  </si>
  <si>
    <t>cg03339609</t>
  </si>
  <si>
    <t>cg03340026</t>
  </si>
  <si>
    <t>cg03340501</t>
  </si>
  <si>
    <t>cg03346706</t>
  </si>
  <si>
    <t>cg03346733</t>
  </si>
  <si>
    <t>cg03350993</t>
  </si>
  <si>
    <t>cg03352428</t>
  </si>
  <si>
    <t>cg03354707</t>
  </si>
  <si>
    <t>cg03355101</t>
  </si>
  <si>
    <t>cg03355204</t>
  </si>
  <si>
    <t>cg03355359</t>
  </si>
  <si>
    <t>cg03357547</t>
  </si>
  <si>
    <t>cg03358468</t>
  </si>
  <si>
    <t>cg03360490</t>
  </si>
  <si>
    <t>cg03363466</t>
  </si>
  <si>
    <t>cg03363633</t>
  </si>
  <si>
    <t>cg03372852</t>
  </si>
  <si>
    <t>cg03381209</t>
  </si>
  <si>
    <t>cg03384915</t>
  </si>
  <si>
    <t>cg03393966</t>
  </si>
  <si>
    <t>cg03395546</t>
  </si>
  <si>
    <t>cg03396354</t>
  </si>
  <si>
    <t>cg03400464</t>
  </si>
  <si>
    <t>cg03401297</t>
  </si>
  <si>
    <t>cg03401312</t>
  </si>
  <si>
    <t>cg03404027</t>
  </si>
  <si>
    <t>cg03405173</t>
  </si>
  <si>
    <t>cg03411548</t>
  </si>
  <si>
    <t>cg03413810</t>
  </si>
  <si>
    <t>cg03414830</t>
  </si>
  <si>
    <t>cg03430348</t>
  </si>
  <si>
    <t>cg03430864</t>
  </si>
  <si>
    <t>cg03433597</t>
  </si>
  <si>
    <t>cg03434128</t>
  </si>
  <si>
    <t>cg03437204</t>
  </si>
  <si>
    <t>cg03457587</t>
  </si>
  <si>
    <t>cg03473127</t>
  </si>
  <si>
    <t>cg03483944</t>
  </si>
  <si>
    <t>cg03489492</t>
  </si>
  <si>
    <t>cg03491584</t>
  </si>
  <si>
    <t>cg03494634</t>
  </si>
  <si>
    <t>cg03496289</t>
  </si>
  <si>
    <t>cg03499639</t>
  </si>
  <si>
    <t>cg03509094</t>
  </si>
  <si>
    <t>cg03524445</t>
  </si>
  <si>
    <t>cg03526256</t>
  </si>
  <si>
    <t>cg03526702</t>
  </si>
  <si>
    <t>cg03531326</t>
  </si>
  <si>
    <t>cg03531543</t>
  </si>
  <si>
    <t>cg03532026</t>
  </si>
  <si>
    <t>cg03536488</t>
  </si>
  <si>
    <t>cg03536983</t>
  </si>
  <si>
    <t>cg03537779</t>
  </si>
  <si>
    <t>cg03538787</t>
  </si>
  <si>
    <t>cg03539717</t>
  </si>
  <si>
    <t>cg03540494</t>
  </si>
  <si>
    <t>cg03541909</t>
  </si>
  <si>
    <t>cg03544379</t>
  </si>
  <si>
    <t>cg03548857</t>
  </si>
  <si>
    <t>cg03551243</t>
  </si>
  <si>
    <t>cg03553544</t>
  </si>
  <si>
    <t>cg03554552</t>
  </si>
  <si>
    <t>cg03559064</t>
  </si>
  <si>
    <t>cg03559454</t>
  </si>
  <si>
    <t>cg03560090</t>
  </si>
  <si>
    <t>cg03560936</t>
  </si>
  <si>
    <t>cg03562414</t>
  </si>
  <si>
    <t>cg03563238</t>
  </si>
  <si>
    <t>cg03565750</t>
  </si>
  <si>
    <t>cg03567148</t>
  </si>
  <si>
    <t>cg03567652</t>
  </si>
  <si>
    <t>cg03570332</t>
  </si>
  <si>
    <t>cg03573889</t>
  </si>
  <si>
    <t>cg03574571</t>
  </si>
  <si>
    <t>cg03575041</t>
  </si>
  <si>
    <t>cg03575467</t>
  </si>
  <si>
    <t>cg03575614</t>
  </si>
  <si>
    <t>cg03576469</t>
  </si>
  <si>
    <t>cg03580195</t>
  </si>
  <si>
    <t>cg03580272</t>
  </si>
  <si>
    <t>cg03581036</t>
  </si>
  <si>
    <t>cg03582327</t>
  </si>
  <si>
    <t>cg03583050</t>
  </si>
  <si>
    <t>cg03583734</t>
  </si>
  <si>
    <t>cg03584056</t>
  </si>
  <si>
    <t>cg03584683</t>
  </si>
  <si>
    <t>cg03585323</t>
  </si>
  <si>
    <t>cg03585453</t>
  </si>
  <si>
    <t>cg03585611</t>
  </si>
  <si>
    <t>cg03594868</t>
  </si>
  <si>
    <t>cg03595478</t>
  </si>
  <si>
    <t>cg03596126</t>
  </si>
  <si>
    <t>cg03597525</t>
  </si>
  <si>
    <t>cg03598159</t>
  </si>
  <si>
    <t>cg03600886</t>
  </si>
  <si>
    <t>cg03601644</t>
  </si>
  <si>
    <t>cg03602500</t>
  </si>
  <si>
    <t>cg03603642</t>
  </si>
  <si>
    <t>cg03605372</t>
  </si>
  <si>
    <t>cg03605666</t>
  </si>
  <si>
    <t>cg03605761</t>
  </si>
  <si>
    <t>cg03608000</t>
  </si>
  <si>
    <t>cg03609062</t>
  </si>
  <si>
    <t>cg03609666</t>
  </si>
  <si>
    <t>cg03615408</t>
  </si>
  <si>
    <t>cg03619083</t>
  </si>
  <si>
    <t>cg03620376</t>
  </si>
  <si>
    <t>cg03620886</t>
  </si>
  <si>
    <t>cg03621001</t>
  </si>
  <si>
    <t>cg03621406</t>
  </si>
  <si>
    <t>cg03624576</t>
  </si>
  <si>
    <t>cg03626511</t>
  </si>
  <si>
    <t>cg03626579</t>
  </si>
  <si>
    <t>cg03629351</t>
  </si>
  <si>
    <t>cg03630273</t>
  </si>
  <si>
    <t>cg03630756</t>
  </si>
  <si>
    <t>cg03630771</t>
  </si>
  <si>
    <t>cg03632204</t>
  </si>
  <si>
    <t>cg03633120</t>
  </si>
  <si>
    <t>cg03635300</t>
  </si>
  <si>
    <t>cg03636183</t>
  </si>
  <si>
    <t>cg03637381</t>
  </si>
  <si>
    <t>cg03638677</t>
  </si>
  <si>
    <t>cg03639367</t>
  </si>
  <si>
    <t>cg03643520</t>
  </si>
  <si>
    <t>cg03647367</t>
  </si>
  <si>
    <t>cg03649047</t>
  </si>
  <si>
    <t>cg03649060</t>
  </si>
  <si>
    <t>cg03650189</t>
  </si>
  <si>
    <t>cg03650608</t>
  </si>
  <si>
    <t>cg03654106</t>
  </si>
  <si>
    <t>cg03654598</t>
  </si>
  <si>
    <t>cg03654623</t>
  </si>
  <si>
    <t>cg03657031</t>
  </si>
  <si>
    <t>cg03657791</t>
  </si>
  <si>
    <t>cg03658294</t>
  </si>
  <si>
    <t>cg03662302</t>
  </si>
  <si>
    <t>cg03662648</t>
  </si>
  <si>
    <t>cg03664217</t>
  </si>
  <si>
    <t>cg03665908</t>
  </si>
  <si>
    <t>cg03665970</t>
  </si>
  <si>
    <t>cg03666203</t>
  </si>
  <si>
    <t>cg03666309</t>
  </si>
  <si>
    <t>cg03668539</t>
  </si>
  <si>
    <t>cg03670835</t>
  </si>
  <si>
    <t>cg03672602</t>
  </si>
  <si>
    <t>cg03674552</t>
  </si>
  <si>
    <t>cg03680769</t>
  </si>
  <si>
    <t>cg03681644</t>
  </si>
  <si>
    <t>cg03682421</t>
  </si>
  <si>
    <t>cg03684062</t>
  </si>
  <si>
    <t>cg03686522</t>
  </si>
  <si>
    <t>cg03688987</t>
  </si>
  <si>
    <t>cg03690334</t>
  </si>
  <si>
    <t>cg03694243</t>
  </si>
  <si>
    <t>cg03694433</t>
  </si>
  <si>
    <t>cg03694555</t>
  </si>
  <si>
    <t>cg03695693</t>
  </si>
  <si>
    <t>cg03706436</t>
  </si>
  <si>
    <t>cg03706977</t>
  </si>
  <si>
    <t>cg03707118</t>
  </si>
  <si>
    <t>cg03708254</t>
  </si>
  <si>
    <t>cg03708907</t>
  </si>
  <si>
    <t>cg03711854</t>
  </si>
  <si>
    <t>cg03712038</t>
  </si>
  <si>
    <t>cg03715305</t>
  </si>
  <si>
    <t>cg03718312</t>
  </si>
  <si>
    <t>cg03718488</t>
  </si>
  <si>
    <t>cg03719032</t>
  </si>
  <si>
    <t>cg03719625</t>
  </si>
  <si>
    <t>cg03722901</t>
  </si>
  <si>
    <t>cg03723715</t>
  </si>
  <si>
    <t>cg03723902</t>
  </si>
  <si>
    <t>cg03724628</t>
  </si>
  <si>
    <t>cg03724752</t>
  </si>
  <si>
    <t>cg03726312</t>
  </si>
  <si>
    <t>cg03727337</t>
  </si>
  <si>
    <t>cg03729508</t>
  </si>
  <si>
    <t>cg03730385</t>
  </si>
  <si>
    <t>cg03730474</t>
  </si>
  <si>
    <t>cg03730535</t>
  </si>
  <si>
    <t>cg03730946</t>
  </si>
  <si>
    <t>cg03731131</t>
  </si>
  <si>
    <t>cg03731797</t>
  </si>
  <si>
    <t>cg03731896</t>
  </si>
  <si>
    <t>cg03734045</t>
  </si>
  <si>
    <t>cg03734391</t>
  </si>
  <si>
    <t>cg03737367</t>
  </si>
  <si>
    <t>cg03739265</t>
  </si>
  <si>
    <t>cg03740216</t>
  </si>
  <si>
    <t>cg03741332</t>
  </si>
  <si>
    <t>cg03745234</t>
  </si>
  <si>
    <t>cg03745491</t>
  </si>
  <si>
    <t>cg03747695</t>
  </si>
  <si>
    <t>cg03748259</t>
  </si>
  <si>
    <t>cg03751813</t>
  </si>
  <si>
    <t>cg03751944</t>
  </si>
  <si>
    <t>cg03752330</t>
  </si>
  <si>
    <t>cg03752885</t>
  </si>
  <si>
    <t>cg03754705</t>
  </si>
  <si>
    <t>cg03757017</t>
  </si>
  <si>
    <t>cg03757250</t>
  </si>
  <si>
    <t>cg03757653</t>
  </si>
  <si>
    <t>cg03762393</t>
  </si>
  <si>
    <t>cg03763874</t>
  </si>
  <si>
    <t>cg03765980</t>
  </si>
  <si>
    <t>cg03767475</t>
  </si>
  <si>
    <t>cg03768859</t>
  </si>
  <si>
    <t>cg03770290</t>
  </si>
  <si>
    <t>cg03770646</t>
  </si>
  <si>
    <t>cg03770907</t>
  </si>
  <si>
    <t>cg03770952</t>
  </si>
  <si>
    <t>cg03774704</t>
  </si>
  <si>
    <t>cg03774732</t>
  </si>
  <si>
    <t>cg03775330</t>
  </si>
  <si>
    <t>cg03780079</t>
  </si>
  <si>
    <t>cg03781262</t>
  </si>
  <si>
    <t>cg03782727</t>
  </si>
  <si>
    <t>cg03785303</t>
  </si>
  <si>
    <t>cg03793778</t>
  </si>
  <si>
    <t>cg03803071</t>
  </si>
  <si>
    <t>cg03804903</t>
  </si>
  <si>
    <t>cg03807316</t>
  </si>
  <si>
    <t>cg03813033</t>
  </si>
  <si>
    <t>cg03820986</t>
  </si>
  <si>
    <t>cg03828121</t>
  </si>
  <si>
    <t>cg03832839</t>
  </si>
  <si>
    <t>cg03834909</t>
  </si>
  <si>
    <t>cg03848533</t>
  </si>
  <si>
    <t>cg03853798</t>
  </si>
  <si>
    <t>cg03854071</t>
  </si>
  <si>
    <t>cg03856723</t>
  </si>
  <si>
    <t>cg03860466</t>
  </si>
  <si>
    <t>cg03860969</t>
  </si>
  <si>
    <t>cg03861496</t>
  </si>
  <si>
    <t>cg03869194</t>
  </si>
  <si>
    <t>cg03870261</t>
  </si>
  <si>
    <t>cg03874358</t>
  </si>
  <si>
    <t>cg03875330</t>
  </si>
  <si>
    <t>cg03877492</t>
  </si>
  <si>
    <t>cg03879902</t>
  </si>
  <si>
    <t>cg03881051</t>
  </si>
  <si>
    <t>cg03882382</t>
  </si>
  <si>
    <t>cg03883348</t>
  </si>
  <si>
    <t>cg03883784</t>
  </si>
  <si>
    <t>cg03884783</t>
  </si>
  <si>
    <t>cg03890664</t>
  </si>
  <si>
    <t>cg03891588</t>
  </si>
  <si>
    <t>cg03900104</t>
  </si>
  <si>
    <t>cg03900542</t>
  </si>
  <si>
    <t>cg03907016</t>
  </si>
  <si>
    <t>cg03907174</t>
  </si>
  <si>
    <t>cg03908904</t>
  </si>
  <si>
    <t>cg03914274</t>
  </si>
  <si>
    <t>cg03917584</t>
  </si>
  <si>
    <t>cg03924776</t>
  </si>
  <si>
    <t>cg03925809</t>
  </si>
  <si>
    <t>cg03928546</t>
  </si>
  <si>
    <t>cg03931808</t>
  </si>
  <si>
    <t>cg03934257</t>
  </si>
  <si>
    <t>cg03935807</t>
  </si>
  <si>
    <t>cg03939371</t>
  </si>
  <si>
    <t>cg03949996</t>
  </si>
  <si>
    <t>cg03953069</t>
  </si>
  <si>
    <t>cg03954173</t>
  </si>
  <si>
    <t>cg03969219</t>
  </si>
  <si>
    <t>cg03969996</t>
  </si>
  <si>
    <t>cg03971023</t>
  </si>
  <si>
    <t>cg03971521</t>
  </si>
  <si>
    <t>cg03975694</t>
  </si>
  <si>
    <t>cg03994651</t>
  </si>
  <si>
    <t>cg03995982</t>
  </si>
  <si>
    <t>cg03999361</t>
  </si>
  <si>
    <t>cg04005969</t>
  </si>
  <si>
    <t>cg04009537</t>
  </si>
  <si>
    <t>cg04013959</t>
  </si>
  <si>
    <t>cg04022891</t>
  </si>
  <si>
    <t>cg04028591</t>
  </si>
  <si>
    <t>cg04032871</t>
  </si>
  <si>
    <t>cg04036462</t>
  </si>
  <si>
    <t>cg04045009</t>
  </si>
  <si>
    <t>cg04053969</t>
  </si>
  <si>
    <t>cg04062087</t>
  </si>
  <si>
    <t>cg04062391</t>
  </si>
  <si>
    <t>cg04063194</t>
  </si>
  <si>
    <t>cg04068686</t>
  </si>
  <si>
    <t>cg04072597</t>
  </si>
  <si>
    <t>cg04073913</t>
  </si>
  <si>
    <t>cg04076481</t>
  </si>
  <si>
    <t>cg04080057</t>
  </si>
  <si>
    <t>cg04084187</t>
  </si>
  <si>
    <t>cg04084436</t>
  </si>
  <si>
    <t>cg04085447</t>
  </si>
  <si>
    <t>cg04089739</t>
  </si>
  <si>
    <t>cg04096365</t>
  </si>
  <si>
    <t>cg04103070</t>
  </si>
  <si>
    <t>cg04113418</t>
  </si>
  <si>
    <t>cg04114267</t>
  </si>
  <si>
    <t>cg04133028</t>
  </si>
  <si>
    <t>cg04144938</t>
  </si>
  <si>
    <t>cg04151146</t>
  </si>
  <si>
    <t>cg04152610</t>
  </si>
  <si>
    <t>cg04160046</t>
  </si>
  <si>
    <t>cg04165128</t>
  </si>
  <si>
    <t>cg04165720</t>
  </si>
  <si>
    <t>cg04168853</t>
  </si>
  <si>
    <t>cg04178446</t>
  </si>
  <si>
    <t>cg04178523</t>
  </si>
  <si>
    <t>cg04179908</t>
  </si>
  <si>
    <t>cg04181261</t>
  </si>
  <si>
    <t>cg04201285</t>
  </si>
  <si>
    <t>cg04201347</t>
  </si>
  <si>
    <t>cg04202570</t>
  </si>
  <si>
    <t>cg04203646</t>
  </si>
  <si>
    <t>cg04246726</t>
  </si>
  <si>
    <t>cg04248042</t>
  </si>
  <si>
    <t>cg04248312</t>
  </si>
  <si>
    <t>cg04249142</t>
  </si>
  <si>
    <t>cg04250904</t>
  </si>
  <si>
    <t>cg04251208</t>
  </si>
  <si>
    <t>cg04253011</t>
  </si>
  <si>
    <t>cg04253465</t>
  </si>
  <si>
    <t>cg04253799</t>
  </si>
  <si>
    <t>cg04255201</t>
  </si>
  <si>
    <t>cg04257123</t>
  </si>
  <si>
    <t>cg04257377</t>
  </si>
  <si>
    <t>cg04259168</t>
  </si>
  <si>
    <t>cg04259305</t>
  </si>
  <si>
    <t>cg04260368</t>
  </si>
  <si>
    <t>cg04261248</t>
  </si>
  <si>
    <t>cg04264070</t>
  </si>
  <si>
    <t>cg04264075</t>
  </si>
  <si>
    <t>cg04270347</t>
  </si>
  <si>
    <t>cg04273422</t>
  </si>
  <si>
    <t>cg04273622</t>
  </si>
  <si>
    <t>cg04273661</t>
  </si>
  <si>
    <t>cg04274223</t>
  </si>
  <si>
    <t>cg04274340</t>
  </si>
  <si>
    <t>cg04276551</t>
  </si>
  <si>
    <t>cg04282912</t>
  </si>
  <si>
    <t>cg04284660</t>
  </si>
  <si>
    <t>cg04293891</t>
  </si>
  <si>
    <t>cg04294563</t>
  </si>
  <si>
    <t>cg04298340</t>
  </si>
  <si>
    <t>cg04301375</t>
  </si>
  <si>
    <t>cg04301857</t>
  </si>
  <si>
    <t>cg04304033</t>
  </si>
  <si>
    <t>cg04304434</t>
  </si>
  <si>
    <t>cg04305036</t>
  </si>
  <si>
    <t>cg04305494</t>
  </si>
  <si>
    <t>cg04306135</t>
  </si>
  <si>
    <t>cg04307508</t>
  </si>
  <si>
    <t>cg04307587</t>
  </si>
  <si>
    <t>cg04311134</t>
  </si>
  <si>
    <t>cg04311606</t>
  </si>
  <si>
    <t>cg04312358</t>
  </si>
  <si>
    <t>cg04312604</t>
  </si>
  <si>
    <t>cg04312903</t>
  </si>
  <si>
    <t>cg04313968</t>
  </si>
  <si>
    <t>cg04314308</t>
  </si>
  <si>
    <t>cg04314463</t>
  </si>
  <si>
    <t>cg04316126</t>
  </si>
  <si>
    <t>cg04317651</t>
  </si>
  <si>
    <t>cg04322978</t>
  </si>
  <si>
    <t>cg04323379</t>
  </si>
  <si>
    <t>cg04324999</t>
  </si>
  <si>
    <t>cg04326562</t>
  </si>
  <si>
    <t>cg04327947</t>
  </si>
  <si>
    <t>cg04328562</t>
  </si>
  <si>
    <t>cg04330326</t>
  </si>
  <si>
    <t>cg04330683</t>
  </si>
  <si>
    <t>cg04331601</t>
  </si>
  <si>
    <t>cg04334723</t>
  </si>
  <si>
    <t>cg04334773</t>
  </si>
  <si>
    <t>cg04336859</t>
  </si>
  <si>
    <t>cg04338428</t>
  </si>
  <si>
    <t>cg04340719</t>
  </si>
  <si>
    <t>cg04342110</t>
  </si>
  <si>
    <t>cg04345102</t>
  </si>
  <si>
    <t>cg04347158</t>
  </si>
  <si>
    <t>cg04347164</t>
  </si>
  <si>
    <t>cg04349727</t>
  </si>
  <si>
    <t>cg04351156</t>
  </si>
  <si>
    <t>cg04351979</t>
  </si>
  <si>
    <t>cg04352139</t>
  </si>
  <si>
    <t>cg04353438</t>
  </si>
  <si>
    <t>cg04353758</t>
  </si>
  <si>
    <t>cg04355439</t>
  </si>
  <si>
    <t>cg04356699</t>
  </si>
  <si>
    <t>cg04361053</t>
  </si>
  <si>
    <t>cg04363703</t>
  </si>
  <si>
    <t>cg04367503</t>
  </si>
  <si>
    <t>cg04367913</t>
  </si>
  <si>
    <t>cg04368664</t>
  </si>
  <si>
    <t>cg04370182</t>
  </si>
  <si>
    <t>cg04372519</t>
  </si>
  <si>
    <t>cg04373657</t>
  </si>
  <si>
    <t>cg04374006</t>
  </si>
  <si>
    <t>cg04374043</t>
  </si>
  <si>
    <t>cg04375683</t>
  </si>
  <si>
    <t>cg04376719</t>
  </si>
  <si>
    <t>cg04378886</t>
  </si>
  <si>
    <t>cg04379348</t>
  </si>
  <si>
    <t>cg04385058</t>
  </si>
  <si>
    <t>cg04386405</t>
  </si>
  <si>
    <t>cg04389275</t>
  </si>
  <si>
    <t>cg04390004</t>
  </si>
  <si>
    <t>cg04391391</t>
  </si>
  <si>
    <t>cg04391540</t>
  </si>
  <si>
    <t>cg04396772</t>
  </si>
  <si>
    <t>cg04396998</t>
  </si>
  <si>
    <t>cg04399789</t>
  </si>
  <si>
    <t>cg04401876</t>
  </si>
  <si>
    <t>cg04403474</t>
  </si>
  <si>
    <t>cg04404772</t>
  </si>
  <si>
    <t>cg04405538</t>
  </si>
  <si>
    <t>cg04406020</t>
  </si>
  <si>
    <t>cg04406114</t>
  </si>
  <si>
    <t>cg04406115</t>
  </si>
  <si>
    <t>cg04406254</t>
  </si>
  <si>
    <t>cg04406981</t>
  </si>
  <si>
    <t>cg04407275</t>
  </si>
  <si>
    <t>cg04410355</t>
  </si>
  <si>
    <t>cg04411661</t>
  </si>
  <si>
    <t>cg04412303</t>
  </si>
  <si>
    <t>cg04415132</t>
  </si>
  <si>
    <t>cg04415896</t>
  </si>
  <si>
    <t>cg04418150</t>
  </si>
  <si>
    <t>cg04420917</t>
  </si>
  <si>
    <t>cg04421424</t>
  </si>
  <si>
    <t>cg04421549</t>
  </si>
  <si>
    <t>cg04422802</t>
  </si>
  <si>
    <t>cg04423187</t>
  </si>
  <si>
    <t>cg04423464</t>
  </si>
  <si>
    <t>cg04424800</t>
  </si>
  <si>
    <t>cg04425701</t>
  </si>
  <si>
    <t>cg04427462</t>
  </si>
  <si>
    <t>cg04427490</t>
  </si>
  <si>
    <t>cg04428320</t>
  </si>
  <si>
    <t>cg04432009</t>
  </si>
  <si>
    <t>cg04434147</t>
  </si>
  <si>
    <t>cg04436389</t>
  </si>
  <si>
    <t>cg04446467</t>
  </si>
  <si>
    <t>cg04447216</t>
  </si>
  <si>
    <t>cg04459545</t>
  </si>
  <si>
    <t>cg04460816</t>
  </si>
  <si>
    <t>cg04469880</t>
  </si>
  <si>
    <t>cg04476874</t>
  </si>
  <si>
    <t>cg04490178</t>
  </si>
  <si>
    <t>cg04497885</t>
  </si>
  <si>
    <t>cg04499029</t>
  </si>
  <si>
    <t>cg04504290</t>
  </si>
  <si>
    <t>cg04504956</t>
  </si>
  <si>
    <t>cg04508379</t>
  </si>
  <si>
    <t>cg04508467</t>
  </si>
  <si>
    <t>cg04512965</t>
  </si>
  <si>
    <t>cg04513227</t>
  </si>
  <si>
    <t>cg04515806</t>
  </si>
  <si>
    <t>cg04517169</t>
  </si>
  <si>
    <t>cg04517274</t>
  </si>
  <si>
    <t>cg04518808</t>
  </si>
  <si>
    <t>cg04521867</t>
  </si>
  <si>
    <t>cg04529538</t>
  </si>
  <si>
    <t>cg04530870</t>
  </si>
  <si>
    <t>cg04532834</t>
  </si>
  <si>
    <t>cg04533088</t>
  </si>
  <si>
    <t>cg04533485</t>
  </si>
  <si>
    <t>cg04537014</t>
  </si>
  <si>
    <t>cg04543418</t>
  </si>
  <si>
    <t>cg04546041</t>
  </si>
  <si>
    <t>cg04547158</t>
  </si>
  <si>
    <t>cg04547181</t>
  </si>
  <si>
    <t>cg04547809</t>
  </si>
  <si>
    <t>cg04549868</t>
  </si>
  <si>
    <t>cg04553309</t>
  </si>
  <si>
    <t>cg04556210</t>
  </si>
  <si>
    <t>cg04557677</t>
  </si>
  <si>
    <t>cg04558175</t>
  </si>
  <si>
    <t>cg04558278</t>
  </si>
  <si>
    <t>cg04558861</t>
  </si>
  <si>
    <t>cg04560668</t>
  </si>
  <si>
    <t>cg04563863</t>
  </si>
  <si>
    <t>cg04563946</t>
  </si>
  <si>
    <t>cg04575393</t>
  </si>
  <si>
    <t>cg04577052</t>
  </si>
  <si>
    <t>cg04579800</t>
  </si>
  <si>
    <t>cg04581214</t>
  </si>
  <si>
    <t>cg04589156</t>
  </si>
  <si>
    <t>cg04590610</t>
  </si>
  <si>
    <t>cg04590718</t>
  </si>
  <si>
    <t>cg04597545</t>
  </si>
  <si>
    <t>cg04597657</t>
  </si>
  <si>
    <t>cg04598224</t>
  </si>
  <si>
    <t>cg04599840</t>
  </si>
  <si>
    <t>cg04600406</t>
  </si>
  <si>
    <t>cg04601137</t>
  </si>
  <si>
    <t>cg04601383</t>
  </si>
  <si>
    <t>cg04603976</t>
  </si>
  <si>
    <t>cg04604505</t>
  </si>
  <si>
    <t>cg04605932</t>
  </si>
  <si>
    <t>cg04607160</t>
  </si>
  <si>
    <t>cg04607721</t>
  </si>
  <si>
    <t>cg04608746</t>
  </si>
  <si>
    <t>cg04613057</t>
  </si>
  <si>
    <t>cg04614290</t>
  </si>
  <si>
    <t>cg04614483</t>
  </si>
  <si>
    <t>cg04614760</t>
  </si>
  <si>
    <t>cg04615531</t>
  </si>
  <si>
    <t>cg04615850</t>
  </si>
  <si>
    <t>cg04622103</t>
  </si>
  <si>
    <t>cg04624885</t>
  </si>
  <si>
    <t>cg04626675</t>
  </si>
  <si>
    <t>cg04627240</t>
  </si>
  <si>
    <t>cg04628320</t>
  </si>
  <si>
    <t>cg04640886</t>
  </si>
  <si>
    <t>cg04646674</t>
  </si>
  <si>
    <t>cg04655299</t>
  </si>
  <si>
    <t>cg04660111</t>
  </si>
  <si>
    <t>cg04664161</t>
  </si>
  <si>
    <t>cg04665930</t>
  </si>
  <si>
    <t>cg04668156</t>
  </si>
  <si>
    <t>cg04668516</t>
  </si>
  <si>
    <t>cg04669422</t>
  </si>
  <si>
    <t>cg04671334</t>
  </si>
  <si>
    <t>cg04672103</t>
  </si>
  <si>
    <t>cg04673466</t>
  </si>
  <si>
    <t>cg04674383</t>
  </si>
  <si>
    <t>cg04676627</t>
  </si>
  <si>
    <t>cg04677537</t>
  </si>
  <si>
    <t>cg04679530</t>
  </si>
  <si>
    <t>cg04684267</t>
  </si>
  <si>
    <t>cg04685253</t>
  </si>
  <si>
    <t>cg04685747</t>
  </si>
  <si>
    <t>cg04685865</t>
  </si>
  <si>
    <t>cg04687437</t>
  </si>
  <si>
    <t>cg04687439</t>
  </si>
  <si>
    <t>cg04689023</t>
  </si>
  <si>
    <t>cg04689048</t>
  </si>
  <si>
    <t>cg04689379</t>
  </si>
  <si>
    <t>cg04695635</t>
  </si>
  <si>
    <t>cg04696193</t>
  </si>
  <si>
    <t>cg04696980</t>
  </si>
  <si>
    <t>cg04698020</t>
  </si>
  <si>
    <t>cg04701317</t>
  </si>
  <si>
    <t>cg04706627</t>
  </si>
  <si>
    <t>cg04706667</t>
  </si>
  <si>
    <t>cg04706880</t>
  </si>
  <si>
    <t>cg04708036</t>
  </si>
  <si>
    <t>cg04708340</t>
  </si>
  <si>
    <t>cg04710571</t>
  </si>
  <si>
    <t>cg04711162</t>
  </si>
  <si>
    <t>cg04713352</t>
  </si>
  <si>
    <t>cg04714041</t>
  </si>
  <si>
    <t>cg04720596</t>
  </si>
  <si>
    <t>cg04730930</t>
  </si>
  <si>
    <t>cg04734576</t>
  </si>
  <si>
    <t>cg04739228</t>
  </si>
  <si>
    <t>cg04740198</t>
  </si>
  <si>
    <t>cg04742624</t>
  </si>
  <si>
    <t>cg04742985</t>
  </si>
  <si>
    <t>cg04743066</t>
  </si>
  <si>
    <t>cg04744379</t>
  </si>
  <si>
    <t>cg04744717</t>
  </si>
  <si>
    <t>cg04747678</t>
  </si>
  <si>
    <t>cg04749306</t>
  </si>
  <si>
    <t>cg04752680</t>
  </si>
  <si>
    <t>cg04752716</t>
  </si>
  <si>
    <t>cg04753786</t>
  </si>
  <si>
    <t>cg04754916</t>
  </si>
  <si>
    <t>cg04755220</t>
  </si>
  <si>
    <t>cg04756279</t>
  </si>
  <si>
    <t>cg04761094</t>
  </si>
  <si>
    <t>cg04763994</t>
  </si>
  <si>
    <t>cg04764898</t>
  </si>
  <si>
    <t>cg04765513</t>
  </si>
  <si>
    <t>cg04768713</t>
  </si>
  <si>
    <t>cg04770751</t>
  </si>
  <si>
    <t>cg04771669</t>
  </si>
  <si>
    <t>cg04775890</t>
  </si>
  <si>
    <t>cg04777071</t>
  </si>
  <si>
    <t>cg04779161</t>
  </si>
  <si>
    <t>cg04780481</t>
  </si>
  <si>
    <t>cg04783977</t>
  </si>
  <si>
    <t>cg04785007</t>
  </si>
  <si>
    <t>cg04793164</t>
  </si>
  <si>
    <t>cg04798919</t>
  </si>
  <si>
    <t>cg04800569</t>
  </si>
  <si>
    <t>cg04801430</t>
  </si>
  <si>
    <t>cg04803153</t>
  </si>
  <si>
    <t>cg04804052</t>
  </si>
  <si>
    <t>cg04811526</t>
  </si>
  <si>
    <t>cg04818919</t>
  </si>
  <si>
    <t>cg04824595</t>
  </si>
  <si>
    <t>cg04828739</t>
  </si>
  <si>
    <t>cg04833845</t>
  </si>
  <si>
    <t>cg04842657</t>
  </si>
  <si>
    <t>cg04849025</t>
  </si>
  <si>
    <t>cg04857672</t>
  </si>
  <si>
    <t>cg04865716</t>
  </si>
  <si>
    <t>cg04866810</t>
  </si>
  <si>
    <t>cg04881464</t>
  </si>
  <si>
    <t>cg04887076</t>
  </si>
  <si>
    <t>cg04891836</t>
  </si>
  <si>
    <t>cg04895616</t>
  </si>
  <si>
    <t>cg04899500</t>
  </si>
  <si>
    <t>cg04903600</t>
  </si>
  <si>
    <t>cg04909872</t>
  </si>
  <si>
    <t>cg04914305</t>
  </si>
  <si>
    <t>cg04916091</t>
  </si>
  <si>
    <t>cg04923144</t>
  </si>
  <si>
    <t>cg04928045</t>
  </si>
  <si>
    <t>cg04928147</t>
  </si>
  <si>
    <t>cg04928539</t>
  </si>
  <si>
    <t>cg04946561</t>
  </si>
  <si>
    <t>cg04947578</t>
  </si>
  <si>
    <t>cg04954411</t>
  </si>
  <si>
    <t>cg04958654</t>
  </si>
  <si>
    <t>cg04959078</t>
  </si>
  <si>
    <t>cg04960951</t>
  </si>
  <si>
    <t>cg04977922</t>
  </si>
  <si>
    <t>cg04979384</t>
  </si>
  <si>
    <t>cg04981492</t>
  </si>
  <si>
    <t>cg04986579</t>
  </si>
  <si>
    <t>cg04986643</t>
  </si>
  <si>
    <t>cg04988568</t>
  </si>
  <si>
    <t>cg04993257</t>
  </si>
  <si>
    <t>cg04996588</t>
  </si>
  <si>
    <t>cg04998674</t>
  </si>
  <si>
    <t>cg05000466</t>
  </si>
  <si>
    <t>cg05001478</t>
  </si>
  <si>
    <t>cg05001580</t>
  </si>
  <si>
    <t>cg05006449</t>
  </si>
  <si>
    <t>cg05010309</t>
  </si>
  <si>
    <t>cg05012044</t>
  </si>
  <si>
    <t>cg05015176</t>
  </si>
  <si>
    <t>cg05015306</t>
  </si>
  <si>
    <t>cg05016224</t>
  </si>
  <si>
    <t>cg05017226</t>
  </si>
  <si>
    <t>cg05023582</t>
  </si>
  <si>
    <t>cg05025162</t>
  </si>
  <si>
    <t>cg05026135</t>
  </si>
  <si>
    <t>cg05028773</t>
  </si>
  <si>
    <t>cg05030172</t>
  </si>
  <si>
    <t>cg05031283</t>
  </si>
  <si>
    <t>cg05032384</t>
  </si>
  <si>
    <t>cg05033529</t>
  </si>
  <si>
    <t>cg05051316</t>
  </si>
  <si>
    <t>cg05055150</t>
  </si>
  <si>
    <t>cg05064002</t>
  </si>
  <si>
    <t>cg05066851</t>
  </si>
  <si>
    <t>cg05068742</t>
  </si>
  <si>
    <t>cg05068987</t>
  </si>
  <si>
    <t>cg05075545</t>
  </si>
  <si>
    <t>cg05088512</t>
  </si>
  <si>
    <t>cg05097221</t>
  </si>
  <si>
    <t>cg05098732</t>
  </si>
  <si>
    <t>cg05106269</t>
  </si>
  <si>
    <t>cg05119514</t>
  </si>
  <si>
    <t>cg05135107</t>
  </si>
  <si>
    <t>cg05143386</t>
  </si>
  <si>
    <t>cg05148774</t>
  </si>
  <si>
    <t>cg05163057</t>
  </si>
  <si>
    <t>cg05165436</t>
  </si>
  <si>
    <t>cg05180153</t>
  </si>
  <si>
    <t>cg05190096</t>
  </si>
  <si>
    <t>cg05195772</t>
  </si>
  <si>
    <t>cg05202822</t>
  </si>
  <si>
    <t>cg05203855</t>
  </si>
  <si>
    <t>cg05204981</t>
  </si>
  <si>
    <t>cg05206276</t>
  </si>
  <si>
    <t>cg05206559</t>
  </si>
  <si>
    <t>cg05206701</t>
  </si>
  <si>
    <t>cg05208396</t>
  </si>
  <si>
    <t>cg05209306</t>
  </si>
  <si>
    <t>cg05214042</t>
  </si>
  <si>
    <t>cg05215310</t>
  </si>
  <si>
    <t>cg05215806</t>
  </si>
  <si>
    <t>cg05217755</t>
  </si>
  <si>
    <t>cg05219684</t>
  </si>
  <si>
    <t>cg05220442</t>
  </si>
  <si>
    <t>cg05222216</t>
  </si>
  <si>
    <t>cg05222958</t>
  </si>
  <si>
    <t>cg05227434</t>
  </si>
  <si>
    <t>cg05229381</t>
  </si>
  <si>
    <t>cg05230567</t>
  </si>
  <si>
    <t>cg05234415</t>
  </si>
  <si>
    <t>cg05236391</t>
  </si>
  <si>
    <t>cg05240570</t>
  </si>
  <si>
    <t>cg05241571</t>
  </si>
  <si>
    <t>cg05241586</t>
  </si>
  <si>
    <t>cg05242523</t>
  </si>
  <si>
    <t>cg05248470</t>
  </si>
  <si>
    <t>cg05248581</t>
  </si>
  <si>
    <t>cg05249393</t>
  </si>
  <si>
    <t>cg05250458</t>
  </si>
  <si>
    <t>cg05253005</t>
  </si>
  <si>
    <t>cg05255580</t>
  </si>
  <si>
    <t>cg05255884</t>
  </si>
  <si>
    <t>cg05256228</t>
  </si>
  <si>
    <t>cg05256688</t>
  </si>
  <si>
    <t>cg05257528</t>
  </si>
  <si>
    <t>cg05260062</t>
  </si>
  <si>
    <t>cg05260811</t>
  </si>
  <si>
    <t>cg05261433</t>
  </si>
  <si>
    <t>cg05261702</t>
  </si>
  <si>
    <t>cg05262463</t>
  </si>
  <si>
    <t>cg05266687</t>
  </si>
  <si>
    <t>cg05267952</t>
  </si>
  <si>
    <t>cg05268892</t>
  </si>
  <si>
    <t>cg05273053</t>
  </si>
  <si>
    <t>cg05273302</t>
  </si>
  <si>
    <t>cg05275229</t>
  </si>
  <si>
    <t>cg05275595</t>
  </si>
  <si>
    <t>cg05276360</t>
  </si>
  <si>
    <t>cg05278822</t>
  </si>
  <si>
    <t>cg05281328</t>
  </si>
  <si>
    <t>cg05284631</t>
  </si>
  <si>
    <t>cg05284873</t>
  </si>
  <si>
    <t>cg05287886</t>
  </si>
  <si>
    <t>cg05288857</t>
  </si>
  <si>
    <t>cg05292954</t>
  </si>
  <si>
    <t>cg05294095</t>
  </si>
  <si>
    <t>cg05294243</t>
  </si>
  <si>
    <t>cg05294300</t>
  </si>
  <si>
    <t>cg05296057</t>
  </si>
  <si>
    <t>cg05296832</t>
  </si>
  <si>
    <t>cg05298026</t>
  </si>
  <si>
    <t>cg05299479</t>
  </si>
  <si>
    <t>cg05301494</t>
  </si>
  <si>
    <t>cg05304361</t>
  </si>
  <si>
    <t>cg05304405</t>
  </si>
  <si>
    <t>cg05306134</t>
  </si>
  <si>
    <t>cg05306773</t>
  </si>
  <si>
    <t>cg05312862</t>
  </si>
  <si>
    <t>cg05313771</t>
  </si>
  <si>
    <t>cg05317207</t>
  </si>
  <si>
    <t>cg05318454</t>
  </si>
  <si>
    <t>cg05321510</t>
  </si>
  <si>
    <t>cg05322127</t>
  </si>
  <si>
    <t>cg05323251</t>
  </si>
  <si>
    <t>cg05323709</t>
  </si>
  <si>
    <t>cg05324989</t>
  </si>
  <si>
    <t>cg05330259</t>
  </si>
  <si>
    <t>cg05333740</t>
  </si>
  <si>
    <t>cg05333844</t>
  </si>
  <si>
    <t>cg05336188</t>
  </si>
  <si>
    <t>cg05337042</t>
  </si>
  <si>
    <t>cg05337222</t>
  </si>
  <si>
    <t>cg05339037</t>
  </si>
  <si>
    <t>cg05340438</t>
  </si>
  <si>
    <t>cg05340882</t>
  </si>
  <si>
    <t>cg05341232</t>
  </si>
  <si>
    <t>cg05343404</t>
  </si>
  <si>
    <t>cg05345967</t>
  </si>
  <si>
    <t>cg05346295</t>
  </si>
  <si>
    <t>cg05346380</t>
  </si>
  <si>
    <t>cg05346491</t>
  </si>
  <si>
    <t>cg05346899</t>
  </si>
  <si>
    <t>cg05346902</t>
  </si>
  <si>
    <t>cg05348870</t>
  </si>
  <si>
    <t>cg05348897</t>
  </si>
  <si>
    <t>cg05350224</t>
  </si>
  <si>
    <t>cg05355078</t>
  </si>
  <si>
    <t>cg05356319</t>
  </si>
  <si>
    <t>cg05357108</t>
  </si>
  <si>
    <t>cg05358025</t>
  </si>
  <si>
    <t>cg05358168</t>
  </si>
  <si>
    <t>cg05358291</t>
  </si>
  <si>
    <t>cg05360665</t>
  </si>
  <si>
    <t>cg05361520</t>
  </si>
  <si>
    <t>cg05366189</t>
  </si>
  <si>
    <t>cg05366983</t>
  </si>
  <si>
    <t>cg05375067</t>
  </si>
  <si>
    <t>cg05375744</t>
  </si>
  <si>
    <t>cg05375999</t>
  </si>
  <si>
    <t>cg05376219</t>
  </si>
  <si>
    <t>cg05379127</t>
  </si>
  <si>
    <t>cg05379634</t>
  </si>
  <si>
    <t>cg05380212</t>
  </si>
  <si>
    <t>cg05380433</t>
  </si>
  <si>
    <t>cg05380558</t>
  </si>
  <si>
    <t>cg05381423</t>
  </si>
  <si>
    <t>cg05382137</t>
  </si>
  <si>
    <t>cg05385610</t>
  </si>
  <si>
    <t>cg05389884</t>
  </si>
  <si>
    <t>cg05391509</t>
  </si>
  <si>
    <t>cg05399209</t>
  </si>
  <si>
    <t>cg05399707</t>
  </si>
  <si>
    <t>cg05403387</t>
  </si>
  <si>
    <t>cg05404847</t>
  </si>
  <si>
    <t>cg05404912</t>
  </si>
  <si>
    <t>cg05411032</t>
  </si>
  <si>
    <t>cg05411953</t>
  </si>
  <si>
    <t>cg05412414</t>
  </si>
  <si>
    <t>cg05421550</t>
  </si>
  <si>
    <t>cg05432469</t>
  </si>
  <si>
    <t>cg05432996</t>
  </si>
  <si>
    <t>cg05433285</t>
  </si>
  <si>
    <t>cg05444024</t>
  </si>
  <si>
    <t>cg05457563</t>
  </si>
  <si>
    <t>cg05464534</t>
  </si>
  <si>
    <t>cg05468024</t>
  </si>
  <si>
    <t>cg05473871</t>
  </si>
  <si>
    <t>cg05477027</t>
  </si>
  <si>
    <t>cg05488632</t>
  </si>
  <si>
    <t>cg05490308</t>
  </si>
  <si>
    <t>cg05490871</t>
  </si>
  <si>
    <t>cg05493001</t>
  </si>
  <si>
    <t>cg05495029</t>
  </si>
  <si>
    <t>cg05495879</t>
  </si>
  <si>
    <t>cg05496229</t>
  </si>
  <si>
    <t>cg05498041</t>
  </si>
  <si>
    <t>cg05500074</t>
  </si>
  <si>
    <t>cg05500574</t>
  </si>
  <si>
    <t>cg05502098</t>
  </si>
  <si>
    <t>cg05502283</t>
  </si>
  <si>
    <t>cg05502645</t>
  </si>
  <si>
    <t>cg05503433</t>
  </si>
  <si>
    <t>cg05504085</t>
  </si>
  <si>
    <t>cg05504606</t>
  </si>
  <si>
    <t>cg05505248</t>
  </si>
  <si>
    <t>cg05507497</t>
  </si>
  <si>
    <t>cg05508084</t>
  </si>
  <si>
    <t>cg05508360</t>
  </si>
  <si>
    <t>cg05508761</t>
  </si>
  <si>
    <t>cg05511830</t>
  </si>
  <si>
    <t>cg05512099</t>
  </si>
  <si>
    <t>cg05516832</t>
  </si>
  <si>
    <t>cg05517572</t>
  </si>
  <si>
    <t>cg05517824</t>
  </si>
  <si>
    <t>cg05525743</t>
  </si>
  <si>
    <t>cg05534427</t>
  </si>
  <si>
    <t>cg05534444</t>
  </si>
  <si>
    <t>cg05536105</t>
  </si>
  <si>
    <t>cg05547888</t>
  </si>
  <si>
    <t>cg05555515</t>
  </si>
  <si>
    <t>cg05562817</t>
  </si>
  <si>
    <t>cg05563107</t>
  </si>
  <si>
    <t>cg05567294</t>
  </si>
  <si>
    <t>cg05572047</t>
  </si>
  <si>
    <t>cg05574870</t>
  </si>
  <si>
    <t>cg05583103</t>
  </si>
  <si>
    <t>cg05589277</t>
  </si>
  <si>
    <t>cg05599106</t>
  </si>
  <si>
    <t>cg05603623</t>
  </si>
  <si>
    <t>cg05606136</t>
  </si>
  <si>
    <t>cg05607401</t>
  </si>
  <si>
    <t>cg05609536</t>
  </si>
  <si>
    <t>cg05610244</t>
  </si>
  <si>
    <t>cg05611670</t>
  </si>
  <si>
    <t>cg05622915</t>
  </si>
  <si>
    <t>cg05627561</t>
  </si>
  <si>
    <t>cg05628771</t>
  </si>
  <si>
    <t>cg05630523</t>
  </si>
  <si>
    <t>cg05632319</t>
  </si>
  <si>
    <t>cg05635940</t>
  </si>
  <si>
    <t>cg05638056</t>
  </si>
  <si>
    <t>cg05640294</t>
  </si>
  <si>
    <t>cg05641348</t>
  </si>
  <si>
    <t>cg05641656</t>
  </si>
  <si>
    <t>cg05641903</t>
  </si>
  <si>
    <t>cg05644480</t>
  </si>
  <si>
    <t>cg05644518</t>
  </si>
  <si>
    <t>cg05650927</t>
  </si>
  <si>
    <t>cg05653385</t>
  </si>
  <si>
    <t>cg05655089</t>
  </si>
  <si>
    <t>cg05655190</t>
  </si>
  <si>
    <t>cg05655987</t>
  </si>
  <si>
    <t>cg05657090</t>
  </si>
  <si>
    <t>cg05657800</t>
  </si>
  <si>
    <t>cg05658956</t>
  </si>
  <si>
    <t>cg05659242</t>
  </si>
  <si>
    <t>cg05660874</t>
  </si>
  <si>
    <t>cg05662240</t>
  </si>
  <si>
    <t>cg05663558</t>
  </si>
  <si>
    <t>cg05664296</t>
  </si>
  <si>
    <t>cg05667138</t>
  </si>
  <si>
    <t>cg05668205</t>
  </si>
  <si>
    <t>cg05670193</t>
  </si>
  <si>
    <t>cg05670991</t>
  </si>
  <si>
    <t>cg05678175</t>
  </si>
  <si>
    <t>cg05687543</t>
  </si>
  <si>
    <t>cg05696092</t>
  </si>
  <si>
    <t>cg05697695</t>
  </si>
  <si>
    <t>cg05711131</t>
  </si>
  <si>
    <t>cg05718253</t>
  </si>
  <si>
    <t>cg05750081</t>
  </si>
  <si>
    <t>cg05763263</t>
  </si>
  <si>
    <t>cg05769153</t>
  </si>
  <si>
    <t>cg05777061</t>
  </si>
  <si>
    <t>cg05785141</t>
  </si>
  <si>
    <t>cg05801817</t>
  </si>
  <si>
    <t>cg05804948</t>
  </si>
  <si>
    <t>cg05817232</t>
  </si>
  <si>
    <t>cg05825523</t>
  </si>
  <si>
    <t>cg05825702</t>
  </si>
  <si>
    <t>cg05832051</t>
  </si>
  <si>
    <t>cg05841303</t>
  </si>
  <si>
    <t>cg05841440</t>
  </si>
  <si>
    <t>cg05842480</t>
  </si>
  <si>
    <t>cg05845141</t>
  </si>
  <si>
    <t>cg05860115</t>
  </si>
  <si>
    <t>cg05865436</t>
  </si>
  <si>
    <t>cg05868316</t>
  </si>
  <si>
    <t>cg05884115</t>
  </si>
  <si>
    <t>cg05885668</t>
  </si>
  <si>
    <t>cg05886689</t>
  </si>
  <si>
    <t>cg05887082</t>
  </si>
  <si>
    <t>cg05889881</t>
  </si>
  <si>
    <t>cg05890219</t>
  </si>
  <si>
    <t>cg05890620</t>
  </si>
  <si>
    <t>cg05890785</t>
  </si>
  <si>
    <t>cg05891548</t>
  </si>
  <si>
    <t>cg05891823</t>
  </si>
  <si>
    <t>cg05892568</t>
  </si>
  <si>
    <t>cg05896295</t>
  </si>
  <si>
    <t>cg05899727</t>
  </si>
  <si>
    <t>cg05900441</t>
  </si>
  <si>
    <t>cg05901613</t>
  </si>
  <si>
    <t>cg05905531</t>
  </si>
  <si>
    <t>cg05907386</t>
  </si>
  <si>
    <t>cg05916906</t>
  </si>
  <si>
    <t>cg05918193</t>
  </si>
  <si>
    <t>cg05919982</t>
  </si>
  <si>
    <t>cg05920653</t>
  </si>
  <si>
    <t>cg05921699</t>
  </si>
  <si>
    <t>cg05922591</t>
  </si>
  <si>
    <t>cg05923184</t>
  </si>
  <si>
    <t>cg05923226</t>
  </si>
  <si>
    <t>cg05924485</t>
  </si>
  <si>
    <t>cg05925291</t>
  </si>
  <si>
    <t>cg05930315</t>
  </si>
  <si>
    <t>cg05934824</t>
  </si>
  <si>
    <t>cg05942825</t>
  </si>
  <si>
    <t>cg05944623</t>
  </si>
  <si>
    <t>cg05950877</t>
  </si>
  <si>
    <t>cg05951993</t>
  </si>
  <si>
    <t>cg05955224</t>
  </si>
  <si>
    <t>cg05956273</t>
  </si>
  <si>
    <t>cg05960240</t>
  </si>
  <si>
    <t>cg05968233</t>
  </si>
  <si>
    <t>cg05983698</t>
  </si>
  <si>
    <t>cg05984554</t>
  </si>
  <si>
    <t>cg05989054</t>
  </si>
  <si>
    <t>cg05989429</t>
  </si>
  <si>
    <t>cg06000994</t>
  </si>
  <si>
    <t>cg06012269</t>
  </si>
  <si>
    <t>cg06015656</t>
  </si>
  <si>
    <t>cg06026129</t>
  </si>
  <si>
    <t>cg06029655</t>
  </si>
  <si>
    <t>cg06054552</t>
  </si>
  <si>
    <t>cg06055845</t>
  </si>
  <si>
    <t>cg06065657</t>
  </si>
  <si>
    <t>cg06075233</t>
  </si>
  <si>
    <t>cg06075789</t>
  </si>
  <si>
    <t>cg06088623</t>
  </si>
  <si>
    <t>cg06090864</t>
  </si>
  <si>
    <t>cg06095560</t>
  </si>
  <si>
    <t>cg06100973</t>
  </si>
  <si>
    <t>cg06105296</t>
  </si>
  <si>
    <t>cg06106948</t>
  </si>
  <si>
    <t>cg06116236</t>
  </si>
  <si>
    <t>cg06116806</t>
  </si>
  <si>
    <t>cg06120215</t>
  </si>
  <si>
    <t>cg06123346</t>
  </si>
  <si>
    <t>cg06128182</t>
  </si>
  <si>
    <t>cg06144381</t>
  </si>
  <si>
    <t>cg06155314</t>
  </si>
  <si>
    <t>cg06159057</t>
  </si>
  <si>
    <t>cg06159220</t>
  </si>
  <si>
    <t>cg06168875</t>
  </si>
  <si>
    <t>cg06169110</t>
  </si>
  <si>
    <t>cg06169597</t>
  </si>
  <si>
    <t>cg06171908</t>
  </si>
  <si>
    <t>cg06178887</t>
  </si>
  <si>
    <t>cg06180363</t>
  </si>
  <si>
    <t>cg06182329</t>
  </si>
  <si>
    <t>cg06189133</t>
  </si>
  <si>
    <t>cg06189175</t>
  </si>
  <si>
    <t>cg06192619</t>
  </si>
  <si>
    <t>cg06193578</t>
  </si>
  <si>
    <t>cg06196755</t>
  </si>
  <si>
    <t>cg06197482</t>
  </si>
  <si>
    <t>cg06213317</t>
  </si>
  <si>
    <t>cg06235973</t>
  </si>
  <si>
    <t>cg06238491</t>
  </si>
  <si>
    <t>cg06244497</t>
  </si>
  <si>
    <t>cg06245154</t>
  </si>
  <si>
    <t>cg06256195</t>
  </si>
  <si>
    <t>cg06258834</t>
  </si>
  <si>
    <t>cg06259946</t>
  </si>
  <si>
    <t>cg06262842</t>
  </si>
  <si>
    <t>cg06264592</t>
  </si>
  <si>
    <t>cg06277472</t>
  </si>
  <si>
    <t>cg06277481</t>
  </si>
  <si>
    <t>cg06280512</t>
  </si>
  <si>
    <t>cg06294591</t>
  </si>
  <si>
    <t>cg06296514</t>
  </si>
  <si>
    <t>cg06299037</t>
  </si>
  <si>
    <t>cg06305609</t>
  </si>
  <si>
    <t>cg06307939</t>
  </si>
  <si>
    <t>cg06310844</t>
  </si>
  <si>
    <t>cg06319102</t>
  </si>
  <si>
    <t>cg06325346</t>
  </si>
  <si>
    <t>cg06328724</t>
  </si>
  <si>
    <t>cg06330142</t>
  </si>
  <si>
    <t>cg06332269</t>
  </si>
  <si>
    <t>cg06336535</t>
  </si>
  <si>
    <t>cg06339706</t>
  </si>
  <si>
    <t>cg06341721</t>
  </si>
  <si>
    <t>cg06346838</t>
  </si>
  <si>
    <t>cg06349364</t>
  </si>
  <si>
    <t>cg06350544</t>
  </si>
  <si>
    <t>cg06354327</t>
  </si>
  <si>
    <t>cg06358131</t>
  </si>
  <si>
    <t>cg06367459</t>
  </si>
  <si>
    <t>cg06367655</t>
  </si>
  <si>
    <t>cg06369349</t>
  </si>
  <si>
    <t>cg06369573</t>
  </si>
  <si>
    <t>cg06369760</t>
  </si>
  <si>
    <t>cg06380553</t>
  </si>
  <si>
    <t>cg06382294</t>
  </si>
  <si>
    <t>cg06383324</t>
  </si>
  <si>
    <t>cg06384607</t>
  </si>
  <si>
    <t>cg06387649</t>
  </si>
  <si>
    <t>cg06388099</t>
  </si>
  <si>
    <t>cg06391107</t>
  </si>
  <si>
    <t>cg06391548</t>
  </si>
  <si>
    <t>cg06392426</t>
  </si>
  <si>
    <t>cg06392698</t>
  </si>
  <si>
    <t>cg06393227</t>
  </si>
  <si>
    <t>cg06396324</t>
  </si>
  <si>
    <t>cg06397398</t>
  </si>
  <si>
    <t>cg06398741</t>
  </si>
  <si>
    <t>cg06398908</t>
  </si>
  <si>
    <t>cg06399029</t>
  </si>
  <si>
    <t>cg06399302</t>
  </si>
  <si>
    <t>cg06399971</t>
  </si>
  <si>
    <t>cg06401114</t>
  </si>
  <si>
    <t>cg06406619</t>
  </si>
  <si>
    <t>cg06406719</t>
  </si>
  <si>
    <t>cg06409176</t>
  </si>
  <si>
    <t>cg06410963</t>
  </si>
  <si>
    <t>cg06412288</t>
  </si>
  <si>
    <t>cg06414095</t>
  </si>
  <si>
    <t>cg06417478</t>
  </si>
  <si>
    <t>cg06418475</t>
  </si>
  <si>
    <t>cg06419476</t>
  </si>
  <si>
    <t>cg06419793</t>
  </si>
  <si>
    <t>cg06420512</t>
  </si>
  <si>
    <t>cg06426736</t>
  </si>
  <si>
    <t>cg06430102</t>
  </si>
  <si>
    <t>cg06430220</t>
  </si>
  <si>
    <t>cg06431188</t>
  </si>
  <si>
    <t>cg06431586</t>
  </si>
  <si>
    <t>cg06432096</t>
  </si>
  <si>
    <t>cg06433694</t>
  </si>
  <si>
    <t>cg06439370</t>
  </si>
  <si>
    <t>cg06439809</t>
  </si>
  <si>
    <t>cg06440519</t>
  </si>
  <si>
    <t>cg06444515</t>
  </si>
  <si>
    <t>cg06446466</t>
  </si>
  <si>
    <t>cg06448155</t>
  </si>
  <si>
    <t>cg06448249</t>
  </si>
  <si>
    <t>cg06454084</t>
  </si>
  <si>
    <t>cg06454760</t>
  </si>
  <si>
    <t>cg06456376</t>
  </si>
  <si>
    <t>cg06462065</t>
  </si>
  <si>
    <t>cg06463727</t>
  </si>
  <si>
    <t>cg06464959</t>
  </si>
  <si>
    <t>cg06466031</t>
  </si>
  <si>
    <t>cg06467769</t>
  </si>
  <si>
    <t>cg06468385</t>
  </si>
  <si>
    <t>cg06468619</t>
  </si>
  <si>
    <t>cg06470689</t>
  </si>
  <si>
    <t>cg06472476</t>
  </si>
  <si>
    <t>cg06474428</t>
  </si>
  <si>
    <t>cg06475327</t>
  </si>
  <si>
    <t>cg06475370</t>
  </si>
  <si>
    <t>cg06478085</t>
  </si>
  <si>
    <t>cg06478143</t>
  </si>
  <si>
    <t>cg06478398</t>
  </si>
  <si>
    <t>cg06481431</t>
  </si>
  <si>
    <t>cg06484000</t>
  </si>
  <si>
    <t>cg06486460</t>
  </si>
  <si>
    <t>cg06489804</t>
  </si>
  <si>
    <t>cg06490385</t>
  </si>
  <si>
    <t>cg06491924</t>
  </si>
  <si>
    <t>cg06494356</t>
  </si>
  <si>
    <t>cg06495184</t>
  </si>
  <si>
    <t>cg06497674</t>
  </si>
  <si>
    <t>cg06497736</t>
  </si>
  <si>
    <t>cg06497903</t>
  </si>
  <si>
    <t>cg06499481</t>
  </si>
  <si>
    <t>cg06500246</t>
  </si>
  <si>
    <t>cg06502281</t>
  </si>
  <si>
    <t>cg06505271</t>
  </si>
  <si>
    <t>cg06505423</t>
  </si>
  <si>
    <t>cg06508005</t>
  </si>
  <si>
    <t>cg06508886</t>
  </si>
  <si>
    <t>cg06513139</t>
  </si>
  <si>
    <t>cg06513888</t>
  </si>
  <si>
    <t>cg06514344</t>
  </si>
  <si>
    <t>cg06516800</t>
  </si>
  <si>
    <t>cg06518781</t>
  </si>
  <si>
    <t>cg06519069</t>
  </si>
  <si>
    <t>cg06521145</t>
  </si>
  <si>
    <t>cg06522456</t>
  </si>
  <si>
    <t>cg06528097</t>
  </si>
  <si>
    <t>cg06528223</t>
  </si>
  <si>
    <t>cg06529181</t>
  </si>
  <si>
    <t>cg06531655</t>
  </si>
  <si>
    <t>cg06532528</t>
  </si>
  <si>
    <t>cg06532611</t>
  </si>
  <si>
    <t>cg06534022</t>
  </si>
  <si>
    <t>cg06534172</t>
  </si>
  <si>
    <t>cg06537744</t>
  </si>
  <si>
    <t>cg06538345</t>
  </si>
  <si>
    <t>cg06538604</t>
  </si>
  <si>
    <t>cg06539494</t>
  </si>
  <si>
    <t>cg06540096</t>
  </si>
  <si>
    <t>cg06540636</t>
  </si>
  <si>
    <t>cg06543936</t>
  </si>
  <si>
    <t>cg06545693</t>
  </si>
  <si>
    <t>cg06546033</t>
  </si>
  <si>
    <t>cg06546607</t>
  </si>
  <si>
    <t>cg06547984</t>
  </si>
  <si>
    <t>cg06548410</t>
  </si>
  <si>
    <t>cg06549128</t>
  </si>
  <si>
    <t>cg06551168</t>
  </si>
  <si>
    <t>cg06551476</t>
  </si>
  <si>
    <t>cg06552182</t>
  </si>
  <si>
    <t>cg06553871</t>
  </si>
  <si>
    <t>cg06554069</t>
  </si>
  <si>
    <t>cg06556593</t>
  </si>
  <si>
    <t>cg06558502</t>
  </si>
  <si>
    <t>cg06560912</t>
  </si>
  <si>
    <t>cg06563873</t>
  </si>
  <si>
    <t>cg06564837</t>
  </si>
  <si>
    <t>cg06570930</t>
  </si>
  <si>
    <t>cg06572563</t>
  </si>
  <si>
    <t>cg06576671</t>
  </si>
  <si>
    <t>cg06578353</t>
  </si>
  <si>
    <t>cg06578434</t>
  </si>
  <si>
    <t>cg06578951</t>
  </si>
  <si>
    <t>cg06579192</t>
  </si>
  <si>
    <t>cg06579875</t>
  </si>
  <si>
    <t>cg06580800</t>
  </si>
  <si>
    <t>cg06581409</t>
  </si>
  <si>
    <t>cg06581718</t>
  </si>
  <si>
    <t>cg06586599</t>
  </si>
  <si>
    <t>cg06587962</t>
  </si>
  <si>
    <t>cg06588457</t>
  </si>
  <si>
    <t>cg06592791</t>
  </si>
  <si>
    <t>cg06594736</t>
  </si>
  <si>
    <t>cg06596711</t>
  </si>
  <si>
    <t>cg06596975</t>
  </si>
  <si>
    <t>cg06599169</t>
  </si>
  <si>
    <t>cg06599390</t>
  </si>
  <si>
    <t>cg06600153</t>
  </si>
  <si>
    <t>cg06600200</t>
  </si>
  <si>
    <t>cg06600447</t>
  </si>
  <si>
    <t>cg06602333</t>
  </si>
  <si>
    <t>cg06606386</t>
  </si>
  <si>
    <t>cg06609049</t>
  </si>
  <si>
    <t>cg06613203</t>
  </si>
  <si>
    <t>cg06614951</t>
  </si>
  <si>
    <t>cg06615189</t>
  </si>
  <si>
    <t>cg06615754</t>
  </si>
  <si>
    <t>cg06616476</t>
  </si>
  <si>
    <t>cg06616765</t>
  </si>
  <si>
    <t>cg06616879</t>
  </si>
  <si>
    <t>cg06618097</t>
  </si>
  <si>
    <t>cg06620152</t>
  </si>
  <si>
    <t>cg06620528</t>
  </si>
  <si>
    <t>cg06621249</t>
  </si>
  <si>
    <t>cg06621373</t>
  </si>
  <si>
    <t>cg06623668</t>
  </si>
  <si>
    <t>cg06624020</t>
  </si>
  <si>
    <t>cg06625244</t>
  </si>
  <si>
    <t>cg06626224</t>
  </si>
  <si>
    <t>cg06627087</t>
  </si>
  <si>
    <t>cg06630869</t>
  </si>
  <si>
    <t>cg06632829</t>
  </si>
  <si>
    <t>cg06635797</t>
  </si>
  <si>
    <t>cg06636625</t>
  </si>
  <si>
    <t>cg06638463</t>
  </si>
  <si>
    <t>cg06639544</t>
  </si>
  <si>
    <t>cg06642503</t>
  </si>
  <si>
    <t>cg06644105</t>
  </si>
  <si>
    <t>cg06646588</t>
  </si>
  <si>
    <t>cg06647417</t>
  </si>
  <si>
    <t>cg06649165</t>
  </si>
  <si>
    <t>cg06651452</t>
  </si>
  <si>
    <t>cg06655349</t>
  </si>
  <si>
    <t>cg06655414</t>
  </si>
  <si>
    <t>cg06661978</t>
  </si>
  <si>
    <t>cg06662568</t>
  </si>
  <si>
    <t>cg06663644</t>
  </si>
  <si>
    <t>cg06664775</t>
  </si>
  <si>
    <t>cg06666157</t>
  </si>
  <si>
    <t>cg06666376</t>
  </si>
  <si>
    <t>cg06667574</t>
  </si>
  <si>
    <t>cg06668647</t>
  </si>
  <si>
    <t>cg06670612</t>
  </si>
  <si>
    <t>cg06670742</t>
  </si>
  <si>
    <t>cg06672469</t>
  </si>
  <si>
    <t>cg06672753</t>
  </si>
  <si>
    <t>cg06673083</t>
  </si>
  <si>
    <t>cg06674897</t>
  </si>
  <si>
    <t>cg06679209</t>
  </si>
  <si>
    <t>cg06679490</t>
  </si>
  <si>
    <t>cg06679563</t>
  </si>
  <si>
    <t>cg06686180</t>
  </si>
  <si>
    <t>cg06697439</t>
  </si>
  <si>
    <t>cg06698707</t>
  </si>
  <si>
    <t>cg06701796</t>
  </si>
  <si>
    <t>cg06705122</t>
  </si>
  <si>
    <t>cg06706875</t>
  </si>
  <si>
    <t>cg06707369</t>
  </si>
  <si>
    <t>cg06707978</t>
  </si>
  <si>
    <t>cg06709214</t>
  </si>
  <si>
    <t>cg06713830</t>
  </si>
  <si>
    <t>cg06715661</t>
  </si>
  <si>
    <t>cg06716436</t>
  </si>
  <si>
    <t>cg06717221</t>
  </si>
  <si>
    <t>cg06719728</t>
  </si>
  <si>
    <t>cg06721806</t>
  </si>
  <si>
    <t>cg06723512</t>
  </si>
  <si>
    <t>cg06727521</t>
  </si>
  <si>
    <t>cg06728166</t>
  </si>
  <si>
    <t>cg06728260</t>
  </si>
  <si>
    <t>cg06728974</t>
  </si>
  <si>
    <t>cg06730468</t>
  </si>
  <si>
    <t>cg06730721</t>
  </si>
  <si>
    <t>cg06732228</t>
  </si>
  <si>
    <t>cg06732870</t>
  </si>
  <si>
    <t>cg06734993</t>
  </si>
  <si>
    <t>cg06736138</t>
  </si>
  <si>
    <t>cg06738169</t>
  </si>
  <si>
    <t>cg06739873</t>
  </si>
  <si>
    <t>cg06744978</t>
  </si>
  <si>
    <t>cg06745001</t>
  </si>
  <si>
    <t>cg06746450</t>
  </si>
  <si>
    <t>cg06747330</t>
  </si>
  <si>
    <t>cg06747543</t>
  </si>
  <si>
    <t>cg06750524</t>
  </si>
  <si>
    <t>cg06754197</t>
  </si>
  <si>
    <t>cg06754972</t>
  </si>
  <si>
    <t>cg06776703</t>
  </si>
  <si>
    <t>cg06784466</t>
  </si>
  <si>
    <t>cg06785213</t>
  </si>
  <si>
    <t>cg06787873</t>
  </si>
  <si>
    <t>cg06791670</t>
  </si>
  <si>
    <t>cg06793867</t>
  </si>
  <si>
    <t>cg06802488</t>
  </si>
  <si>
    <t>cg06810134</t>
  </si>
  <si>
    <t>cg06815056</t>
  </si>
  <si>
    <t>cg06815666</t>
  </si>
  <si>
    <t>cg06816063</t>
  </si>
  <si>
    <t>cg06818514</t>
  </si>
  <si>
    <t>cg06826929</t>
  </si>
  <si>
    <t>cg06830426</t>
  </si>
  <si>
    <t>cg06833203</t>
  </si>
  <si>
    <t>cg06837791</t>
  </si>
  <si>
    <t>cg06852309</t>
  </si>
  <si>
    <t>cg06853142</t>
  </si>
  <si>
    <t>cg06853325</t>
  </si>
  <si>
    <t>cg06855497</t>
  </si>
  <si>
    <t>cg06855803</t>
  </si>
  <si>
    <t>cg06857928</t>
  </si>
  <si>
    <t>cg06859321</t>
  </si>
  <si>
    <t>cg06860848</t>
  </si>
  <si>
    <t>cg06861672</t>
  </si>
  <si>
    <t>cg06862049</t>
  </si>
  <si>
    <t>cg06865036</t>
  </si>
  <si>
    <t>cg06866140</t>
  </si>
  <si>
    <t>cg06869501</t>
  </si>
  <si>
    <t>cg06872721</t>
  </si>
  <si>
    <t>cg06878361</t>
  </si>
  <si>
    <t>cg06882758</t>
  </si>
  <si>
    <t>cg06884029</t>
  </si>
  <si>
    <t>cg06884262</t>
  </si>
  <si>
    <t>cg06888058</t>
  </si>
  <si>
    <t>cg06889756</t>
  </si>
  <si>
    <t>cg06893364</t>
  </si>
  <si>
    <t>cg06894204</t>
  </si>
  <si>
    <t>cg06894251</t>
  </si>
  <si>
    <t>cg06896207</t>
  </si>
  <si>
    <t>cg06899597</t>
  </si>
  <si>
    <t>cg06899953</t>
  </si>
  <si>
    <t>cg06905901</t>
  </si>
  <si>
    <t>cg06906965</t>
  </si>
  <si>
    <t>cg06907141</t>
  </si>
  <si>
    <t>cg06907332</t>
  </si>
  <si>
    <t>cg06908136</t>
  </si>
  <si>
    <t>cg06910100</t>
  </si>
  <si>
    <t>cg06911487</t>
  </si>
  <si>
    <t>cg06912964</t>
  </si>
  <si>
    <t>cg06914509</t>
  </si>
  <si>
    <t>cg06917623</t>
  </si>
  <si>
    <t>cg06918506</t>
  </si>
  <si>
    <t>cg06918770</t>
  </si>
  <si>
    <t>cg06921549</t>
  </si>
  <si>
    <t>cg06927284</t>
  </si>
  <si>
    <t>cg06930162</t>
  </si>
  <si>
    <t>cg06930757</t>
  </si>
  <si>
    <t>cg06931418</t>
  </si>
  <si>
    <t>cg06931676</t>
  </si>
  <si>
    <t>cg06932451</t>
  </si>
  <si>
    <t>cg06933064</t>
  </si>
  <si>
    <t>cg06933808</t>
  </si>
  <si>
    <t>cg06942685</t>
  </si>
  <si>
    <t>cg06947430</t>
  </si>
  <si>
    <t>cg06949053</t>
  </si>
  <si>
    <t>cg06949739</t>
  </si>
  <si>
    <t>cg06952310</t>
  </si>
  <si>
    <t>cg06953865</t>
  </si>
  <si>
    <t>cg06965177</t>
  </si>
  <si>
    <t>cg06969527</t>
  </si>
  <si>
    <t>cg06996175</t>
  </si>
  <si>
    <t>cg07002447</t>
  </si>
  <si>
    <t>cg07010228</t>
  </si>
  <si>
    <t>cg07015183</t>
  </si>
  <si>
    <t>cg07015533</t>
  </si>
  <si>
    <t>cg07022477</t>
  </si>
  <si>
    <t>cg07035552</t>
  </si>
  <si>
    <t>cg07046969</t>
  </si>
  <si>
    <t>cg07049515</t>
  </si>
  <si>
    <t>cg07051648</t>
  </si>
  <si>
    <t>cg07051684</t>
  </si>
  <si>
    <t>cg07051905</t>
  </si>
  <si>
    <t>cg07051960</t>
  </si>
  <si>
    <t>cg07052568</t>
  </si>
  <si>
    <t>cg07054253</t>
  </si>
  <si>
    <t>cg07054927</t>
  </si>
  <si>
    <t>cg07056606</t>
  </si>
  <si>
    <t>cg07056626</t>
  </si>
  <si>
    <t>cg07058902</t>
  </si>
  <si>
    <t>cg07059636</t>
  </si>
  <si>
    <t>cg07060056</t>
  </si>
  <si>
    <t>cg07061692</t>
  </si>
  <si>
    <t>cg07066898</t>
  </si>
  <si>
    <t>cg07067521</t>
  </si>
  <si>
    <t>cg07068062</t>
  </si>
  <si>
    <t>cg07071144</t>
  </si>
  <si>
    <t>cg07077694</t>
  </si>
  <si>
    <t>cg07083818</t>
  </si>
  <si>
    <t>cg07093661</t>
  </si>
  <si>
    <t>cg07094853</t>
  </si>
  <si>
    <t>cg07096032</t>
  </si>
  <si>
    <t>cg07097098</t>
  </si>
  <si>
    <t>cg07097295</t>
  </si>
  <si>
    <t>cg07097925</t>
  </si>
  <si>
    <t>cg07100957</t>
  </si>
  <si>
    <t>cg07101466</t>
  </si>
  <si>
    <t>cg07115558</t>
  </si>
  <si>
    <t>cg07123548</t>
  </si>
  <si>
    <t>cg07134608</t>
  </si>
  <si>
    <t>cg07135042</t>
  </si>
  <si>
    <t>cg07136873</t>
  </si>
  <si>
    <t>cg07141565</t>
  </si>
  <si>
    <t>cg07142523</t>
  </si>
  <si>
    <t>cg07172091</t>
  </si>
  <si>
    <t>cg07172597</t>
  </si>
  <si>
    <t>cg07185165</t>
  </si>
  <si>
    <t>cg07195282</t>
  </si>
  <si>
    <t>cg07201089</t>
  </si>
  <si>
    <t>cg07202222</t>
  </si>
  <si>
    <t>cg07207742</t>
  </si>
  <si>
    <t>cg07226140</t>
  </si>
  <si>
    <t>cg07227744</t>
  </si>
  <si>
    <t>cg07228817</t>
  </si>
  <si>
    <t>cg07237326</t>
  </si>
  <si>
    <t>cg07239227</t>
  </si>
  <si>
    <t>cg07248461</t>
  </si>
  <si>
    <t>cg07252871</t>
  </si>
  <si>
    <t>cg07258998</t>
  </si>
  <si>
    <t>cg07264124</t>
  </si>
  <si>
    <t>cg07269724</t>
  </si>
  <si>
    <t>cg07273675</t>
  </si>
  <si>
    <t>cg07280593</t>
  </si>
  <si>
    <t>cg07286881</t>
  </si>
  <si>
    <t>cg07288394</t>
  </si>
  <si>
    <t>cg07291563</t>
  </si>
  <si>
    <t>cg07294734</t>
  </si>
  <si>
    <t>cg07328519</t>
  </si>
  <si>
    <t>cg07342080</t>
  </si>
  <si>
    <t>cg07354037</t>
  </si>
  <si>
    <t>cg07354053</t>
  </si>
  <si>
    <t>cg07356415</t>
  </si>
  <si>
    <t>cg07362058</t>
  </si>
  <si>
    <t>cg07362278</t>
  </si>
  <si>
    <t>cg07369950</t>
  </si>
  <si>
    <t>cg07371122</t>
  </si>
  <si>
    <t>cg07375851</t>
  </si>
  <si>
    <t>cg07377446</t>
  </si>
  <si>
    <t>cg07377760</t>
  </si>
  <si>
    <t>cg07378091</t>
  </si>
  <si>
    <t>cg07380334</t>
  </si>
  <si>
    <t>cg07381391</t>
  </si>
  <si>
    <t>cg07381549</t>
  </si>
  <si>
    <t>cg07381814</t>
  </si>
  <si>
    <t>cg07382943</t>
  </si>
  <si>
    <t>cg07402188</t>
  </si>
  <si>
    <t>cg07403899</t>
  </si>
  <si>
    <t>cg07408456</t>
  </si>
  <si>
    <t>cg07409674</t>
  </si>
  <si>
    <t>cg07413547</t>
  </si>
  <si>
    <t>cg07418126</t>
  </si>
  <si>
    <t>cg07418971</t>
  </si>
  <si>
    <t>cg07425555</t>
  </si>
  <si>
    <t>cg07434260</t>
  </si>
  <si>
    <t>cg07449730</t>
  </si>
  <si>
    <t>cg07452097</t>
  </si>
  <si>
    <t>cg07452442</t>
  </si>
  <si>
    <t>cg07455279</t>
  </si>
  <si>
    <t>cg07456645</t>
  </si>
  <si>
    <t>cg07457967</t>
  </si>
  <si>
    <t>cg07458272</t>
  </si>
  <si>
    <t>cg07460734</t>
  </si>
  <si>
    <t>cg07461234</t>
  </si>
  <si>
    <t>cg07461795</t>
  </si>
  <si>
    <t>cg07468710</t>
  </si>
  <si>
    <t>cg07469215</t>
  </si>
  <si>
    <t>cg07470396</t>
  </si>
  <si>
    <t>cg07470708</t>
  </si>
  <si>
    <t>cg07473454</t>
  </si>
  <si>
    <t>cg07475922</t>
  </si>
  <si>
    <t>cg07476924</t>
  </si>
  <si>
    <t>cg07477815</t>
  </si>
  <si>
    <t>cg07478208</t>
  </si>
  <si>
    <t>cg07478501</t>
  </si>
  <si>
    <t>cg07481491</t>
  </si>
  <si>
    <t>cg07482795</t>
  </si>
  <si>
    <t>cg07483273</t>
  </si>
  <si>
    <t>cg07483523</t>
  </si>
  <si>
    <t>cg07488365</t>
  </si>
  <si>
    <t>cg07492320</t>
  </si>
  <si>
    <t>cg07494047</t>
  </si>
  <si>
    <t>cg07498280</t>
  </si>
  <si>
    <t>cg07500976</t>
  </si>
  <si>
    <t>cg07502936</t>
  </si>
  <si>
    <t>cg07505293</t>
  </si>
  <si>
    <t>cg07506573</t>
  </si>
  <si>
    <t>cg07512206</t>
  </si>
  <si>
    <t>cg07512231</t>
  </si>
  <si>
    <t>cg07517216</t>
  </si>
  <si>
    <t>cg07518353</t>
  </si>
  <si>
    <t>cg07519373</t>
  </si>
  <si>
    <t>cg07519471</t>
  </si>
  <si>
    <t>cg07522981</t>
  </si>
  <si>
    <t>cg07525221</t>
  </si>
  <si>
    <t>cg07527467</t>
  </si>
  <si>
    <t>cg07527906</t>
  </si>
  <si>
    <t>cg07528237</t>
  </si>
  <si>
    <t>cg07533630</t>
  </si>
  <si>
    <t>cg07534263</t>
  </si>
  <si>
    <t>cg07534961</t>
  </si>
  <si>
    <t>cg07536072</t>
  </si>
  <si>
    <t>cg07537964</t>
  </si>
  <si>
    <t>cg07538777</t>
  </si>
  <si>
    <t>cg07539244</t>
  </si>
  <si>
    <t>cg07540032</t>
  </si>
  <si>
    <t>cg07542476</t>
  </si>
  <si>
    <t>cg07546616</t>
  </si>
  <si>
    <t>cg07546916</t>
  </si>
  <si>
    <t>cg07549194</t>
  </si>
  <si>
    <t>cg07551199</t>
  </si>
  <si>
    <t>cg07559730</t>
  </si>
  <si>
    <t>cg07559992</t>
  </si>
  <si>
    <t>cg07561507</t>
  </si>
  <si>
    <t>cg07561894</t>
  </si>
  <si>
    <t>cg07562120</t>
  </si>
  <si>
    <t>cg07564563</t>
  </si>
  <si>
    <t>cg07565422</t>
  </si>
  <si>
    <t>cg07569069</t>
  </si>
  <si>
    <t>cg07571202</t>
  </si>
  <si>
    <t>cg07580047</t>
  </si>
  <si>
    <t>cg07582829</t>
  </si>
  <si>
    <t>cg07583490</t>
  </si>
  <si>
    <t>cg07584558</t>
  </si>
  <si>
    <t>cg07587783</t>
  </si>
  <si>
    <t>cg07588489</t>
  </si>
  <si>
    <t>cg07592513</t>
  </si>
  <si>
    <t>cg07596467</t>
  </si>
  <si>
    <t>cg07598936</t>
  </si>
  <si>
    <t>cg07603484</t>
  </si>
  <si>
    <t>cg07603517</t>
  </si>
  <si>
    <t>cg07608032</t>
  </si>
  <si>
    <t>cg07611790</t>
  </si>
  <si>
    <t>cg07614448</t>
  </si>
  <si>
    <t>cg07615493</t>
  </si>
  <si>
    <t>cg07617866</t>
  </si>
  <si>
    <t>cg07622193</t>
  </si>
  <si>
    <t>cg07624008</t>
  </si>
  <si>
    <t>cg07624705</t>
  </si>
  <si>
    <t>cg07624742</t>
  </si>
  <si>
    <t>cg07625271</t>
  </si>
  <si>
    <t>cg07625430</t>
  </si>
  <si>
    <t>cg07627628</t>
  </si>
  <si>
    <t>cg07629094</t>
  </si>
  <si>
    <t>cg07635271</t>
  </si>
  <si>
    <t>cg07635369</t>
  </si>
  <si>
    <t>cg07635854</t>
  </si>
  <si>
    <t>cg07636338</t>
  </si>
  <si>
    <t>cg07636552</t>
  </si>
  <si>
    <t>cg07637183</t>
  </si>
  <si>
    <t>cg07637658</t>
  </si>
  <si>
    <t>cg07638689</t>
  </si>
  <si>
    <t>cg07639697</t>
  </si>
  <si>
    <t>cg07642170</t>
  </si>
  <si>
    <t>cg07643267</t>
  </si>
  <si>
    <t>cg07643478</t>
  </si>
  <si>
    <t>cg07643912</t>
  </si>
  <si>
    <t>cg07645486</t>
  </si>
  <si>
    <t>cg07645542</t>
  </si>
  <si>
    <t>cg07648738</t>
  </si>
  <si>
    <t>cg07662734</t>
  </si>
  <si>
    <t>cg07663404</t>
  </si>
  <si>
    <t>cg07664027</t>
  </si>
  <si>
    <t>cg07667595</t>
  </si>
  <si>
    <t>cg07676329</t>
  </si>
  <si>
    <t>cg07676349</t>
  </si>
  <si>
    <t>cg07677570</t>
  </si>
  <si>
    <t>cg07679230</t>
  </si>
  <si>
    <t>cg07684068</t>
  </si>
  <si>
    <t>cg07685563</t>
  </si>
  <si>
    <t>cg07685728</t>
  </si>
  <si>
    <t>cg07685765</t>
  </si>
  <si>
    <t>cg07688052</t>
  </si>
  <si>
    <t>cg07688855</t>
  </si>
  <si>
    <t>cg07688933</t>
  </si>
  <si>
    <t>cg07691609</t>
  </si>
  <si>
    <t>cg07692288</t>
  </si>
  <si>
    <t>cg07695362</t>
  </si>
  <si>
    <t>cg07696985</t>
  </si>
  <si>
    <t>cg07699930</t>
  </si>
  <si>
    <t>cg07702240</t>
  </si>
  <si>
    <t>cg07703337</t>
  </si>
  <si>
    <t>cg07706362</t>
  </si>
  <si>
    <t>cg07706375</t>
  </si>
  <si>
    <t>cg07711954</t>
  </si>
  <si>
    <t>cg07713495</t>
  </si>
  <si>
    <t>cg07714476</t>
  </si>
  <si>
    <t>cg07715328</t>
  </si>
  <si>
    <t>cg07718244</t>
  </si>
  <si>
    <t>cg07718463</t>
  </si>
  <si>
    <t>cg07719523</t>
  </si>
  <si>
    <t>cg07719583</t>
  </si>
  <si>
    <t>cg07720403</t>
  </si>
  <si>
    <t>cg07721458</t>
  </si>
  <si>
    <t>cg07723158</t>
  </si>
  <si>
    <t>cg07723365</t>
  </si>
  <si>
    <t>cg07723431</t>
  </si>
  <si>
    <t>cg07723659</t>
  </si>
  <si>
    <t>cg07726085</t>
  </si>
  <si>
    <t>cg07727295</t>
  </si>
  <si>
    <t>cg07730149</t>
  </si>
  <si>
    <t>cg07732472</t>
  </si>
  <si>
    <t>cg07737135</t>
  </si>
  <si>
    <t>cg07737503</t>
  </si>
  <si>
    <t>cg07738014</t>
  </si>
  <si>
    <t>cg07739758</t>
  </si>
  <si>
    <t>cg07745725</t>
  </si>
  <si>
    <t>cg07748854</t>
  </si>
  <si>
    <t>cg07749454</t>
  </si>
  <si>
    <t>cg07750118</t>
  </si>
  <si>
    <t>cg07750560</t>
  </si>
  <si>
    <t>cg07751341</t>
  </si>
  <si>
    <t>cg07751803</t>
  </si>
  <si>
    <t>cg07753337</t>
  </si>
  <si>
    <t>cg07753791</t>
  </si>
  <si>
    <t>cg07756148</t>
  </si>
  <si>
    <t>cg07756483</t>
  </si>
  <si>
    <t>cg07756635</t>
  </si>
  <si>
    <t>cg07757083</t>
  </si>
  <si>
    <t>cg07757224</t>
  </si>
  <si>
    <t>cg07763649</t>
  </si>
  <si>
    <t>cg07764575</t>
  </si>
  <si>
    <t>cg07764652</t>
  </si>
  <si>
    <t>cg07764916</t>
  </si>
  <si>
    <t>cg07765187</t>
  </si>
  <si>
    <t>cg07766847</t>
  </si>
  <si>
    <t>cg07769569</t>
  </si>
  <si>
    <t>cg07770854</t>
  </si>
  <si>
    <t>cg07775501</t>
  </si>
  <si>
    <t>cg07778983</t>
  </si>
  <si>
    <t>cg07780199</t>
  </si>
  <si>
    <t>cg07780485</t>
  </si>
  <si>
    <t>cg07780534</t>
  </si>
  <si>
    <t>cg07781223</t>
  </si>
  <si>
    <t>cg07782285</t>
  </si>
  <si>
    <t>cg07783291</t>
  </si>
  <si>
    <t>cg07783855</t>
  </si>
  <si>
    <t>cg07785444</t>
  </si>
  <si>
    <t>cg07786254</t>
  </si>
  <si>
    <t>cg07788437</t>
  </si>
  <si>
    <t>cg07790680</t>
  </si>
  <si>
    <t>cg07790807</t>
  </si>
  <si>
    <t>cg07791076</t>
  </si>
  <si>
    <t>cg07792094</t>
  </si>
  <si>
    <t>cg07796745</t>
  </si>
  <si>
    <t>cg07797208</t>
  </si>
  <si>
    <t>cg07798618</t>
  </si>
  <si>
    <t>cg07800524</t>
  </si>
  <si>
    <t>cg07801378</t>
  </si>
  <si>
    <t>cg07805604</t>
  </si>
  <si>
    <t>cg07806715</t>
  </si>
  <si>
    <t>cg07808761</t>
  </si>
  <si>
    <t>cg07810162</t>
  </si>
  <si>
    <t>cg07810884</t>
  </si>
  <si>
    <t>cg07812957</t>
  </si>
  <si>
    <t>cg07813252</t>
  </si>
  <si>
    <t>cg07815521</t>
  </si>
  <si>
    <t>cg07815836</t>
  </si>
  <si>
    <t>cg07816442</t>
  </si>
  <si>
    <t>cg07816786</t>
  </si>
  <si>
    <t>cg07817505</t>
  </si>
  <si>
    <t>cg07822613</t>
  </si>
  <si>
    <t>cg07823273</t>
  </si>
  <si>
    <t>cg07825094</t>
  </si>
  <si>
    <t>cg07830557</t>
  </si>
  <si>
    <t>cg07835650</t>
  </si>
  <si>
    <t>cg07837433</t>
  </si>
  <si>
    <t>cg07839105</t>
  </si>
  <si>
    <t>cg07839536</t>
  </si>
  <si>
    <t>cg07843120</t>
  </si>
  <si>
    <t>cg07843390</t>
  </si>
  <si>
    <t>cg07844072</t>
  </si>
  <si>
    <t>cg07844738</t>
  </si>
  <si>
    <t>cg07847097</t>
  </si>
  <si>
    <t>cg07849805</t>
  </si>
  <si>
    <t>cg07850863</t>
  </si>
  <si>
    <t>cg07855486</t>
  </si>
  <si>
    <t>cg07855933</t>
  </si>
  <si>
    <t>cg07855993</t>
  </si>
  <si>
    <t>cg07856616</t>
  </si>
  <si>
    <t>cg07856714</t>
  </si>
  <si>
    <t>cg07856758</t>
  </si>
  <si>
    <t>cg07857267</t>
  </si>
  <si>
    <t>cg07857278</t>
  </si>
  <si>
    <t>cg07862575</t>
  </si>
  <si>
    <t>cg07862612</t>
  </si>
  <si>
    <t>cg07866762</t>
  </si>
  <si>
    <t>cg07867012</t>
  </si>
  <si>
    <t>cg07872854</t>
  </si>
  <si>
    <t>cg07873590</t>
  </si>
  <si>
    <t>cg07874772</t>
  </si>
  <si>
    <t>cg07874896</t>
  </si>
  <si>
    <t>cg07876950</t>
  </si>
  <si>
    <t>cg07878486</t>
  </si>
  <si>
    <t>cg07884116</t>
  </si>
  <si>
    <t>cg07891737</t>
  </si>
  <si>
    <t>cg07894352</t>
  </si>
  <si>
    <t>cg07894846</t>
  </si>
  <si>
    <t>cg07899459</t>
  </si>
  <si>
    <t>cg07899681</t>
  </si>
  <si>
    <t>cg07900259</t>
  </si>
  <si>
    <t>cg07900715</t>
  </si>
  <si>
    <t>cg07906115</t>
  </si>
  <si>
    <t>cg07913310</t>
  </si>
  <si>
    <t>cg07919162</t>
  </si>
  <si>
    <t>cg07919466</t>
  </si>
  <si>
    <t>cg07920195</t>
  </si>
  <si>
    <t>cg07924081</t>
  </si>
  <si>
    <t>cg07924874</t>
  </si>
  <si>
    <t>cg07925085</t>
  </si>
  <si>
    <t>cg07927755</t>
  </si>
  <si>
    <t>cg07928060</t>
  </si>
  <si>
    <t>cg07928502</t>
  </si>
  <si>
    <t>cg07928695</t>
  </si>
  <si>
    <t>cg07928808</t>
  </si>
  <si>
    <t>cg07929090</t>
  </si>
  <si>
    <t>cg07930940</t>
  </si>
  <si>
    <t>cg07933682</t>
  </si>
  <si>
    <t>cg07936856</t>
  </si>
  <si>
    <t>cg07938642</t>
  </si>
  <si>
    <t>cg07942040</t>
  </si>
  <si>
    <t>cg07942762</t>
  </si>
  <si>
    <t>cg07942932</t>
  </si>
  <si>
    <t>cg07944287</t>
  </si>
  <si>
    <t>cg07947016</t>
  </si>
  <si>
    <t>cg07947869</t>
  </si>
  <si>
    <t>cg07950084</t>
  </si>
  <si>
    <t>cg07950158</t>
  </si>
  <si>
    <t>cg07950397</t>
  </si>
  <si>
    <t>cg07951301</t>
  </si>
  <si>
    <t>cg07953034</t>
  </si>
  <si>
    <t>cg07953935</t>
  </si>
  <si>
    <t>cg07955356</t>
  </si>
  <si>
    <t>cg07955752</t>
  </si>
  <si>
    <t>cg07959094</t>
  </si>
  <si>
    <t>cg07962303</t>
  </si>
  <si>
    <t>cg07967308</t>
  </si>
  <si>
    <t>cg07969045</t>
  </si>
  <si>
    <t>cg07969300</t>
  </si>
  <si>
    <t>cg07976359</t>
  </si>
  <si>
    <t>cg07976603</t>
  </si>
  <si>
    <t>cg07979271</t>
  </si>
  <si>
    <t>cg07979357</t>
  </si>
  <si>
    <t>cg07982208</t>
  </si>
  <si>
    <t>cg07983869</t>
  </si>
  <si>
    <t>cg07985359</t>
  </si>
  <si>
    <t>cg07987191</t>
  </si>
  <si>
    <t>cg07988171</t>
  </si>
  <si>
    <t>cg07990873</t>
  </si>
  <si>
    <t>cg07992308</t>
  </si>
  <si>
    <t>cg07993003</t>
  </si>
  <si>
    <t>cg07996391</t>
  </si>
  <si>
    <t>cg07997737</t>
  </si>
  <si>
    <t>cg07998554</t>
  </si>
  <si>
    <t>cg08001389</t>
  </si>
  <si>
    <t>cg08006845</t>
  </si>
  <si>
    <t>cg08009993</t>
  </si>
  <si>
    <t>cg08013143</t>
  </si>
  <si>
    <t>cg08017850</t>
  </si>
  <si>
    <t>cg08023527</t>
  </si>
  <si>
    <t>cg08024053</t>
  </si>
  <si>
    <t>cg08025415</t>
  </si>
  <si>
    <t>cg08025592</t>
  </si>
  <si>
    <t>cg08028026</t>
  </si>
  <si>
    <t>cg08030210</t>
  </si>
  <si>
    <t>cg08032619</t>
  </si>
  <si>
    <t>cg08035555</t>
  </si>
  <si>
    <t>cg08036796</t>
  </si>
  <si>
    <t>cg08044294</t>
  </si>
  <si>
    <t>cg08044694</t>
  </si>
  <si>
    <t>cg08046569</t>
  </si>
  <si>
    <t>cg08047290</t>
  </si>
  <si>
    <t>cg08047426</t>
  </si>
  <si>
    <t>cg08047482</t>
  </si>
  <si>
    <t>cg08047939</t>
  </si>
  <si>
    <t>cg08048987</t>
  </si>
  <si>
    <t>cg08049136</t>
  </si>
  <si>
    <t>cg08052120</t>
  </si>
  <si>
    <t>cg08054038</t>
  </si>
  <si>
    <t>cg08057062</t>
  </si>
  <si>
    <t>cg08058591</t>
  </si>
  <si>
    <t>cg08058610</t>
  </si>
  <si>
    <t>cg08059112</t>
  </si>
  <si>
    <t>cg08061745</t>
  </si>
  <si>
    <t>cg08062233</t>
  </si>
  <si>
    <t>cg08062858</t>
  </si>
  <si>
    <t>cg08064573</t>
  </si>
  <si>
    <t>cg08064891</t>
  </si>
  <si>
    <t>cg08065252</t>
  </si>
  <si>
    <t>cg08065565</t>
  </si>
  <si>
    <t>cg08065657</t>
  </si>
  <si>
    <t>cg08067617</t>
  </si>
  <si>
    <t>cg08068407</t>
  </si>
  <si>
    <t>cg08074007</t>
  </si>
  <si>
    <t>cg08079694</t>
  </si>
  <si>
    <t>cg08080669</t>
  </si>
  <si>
    <t>cg08084415</t>
  </si>
  <si>
    <t>cg08086221</t>
  </si>
  <si>
    <t>cg08087404</t>
  </si>
  <si>
    <t>cg08087657</t>
  </si>
  <si>
    <t>cg08088161</t>
  </si>
  <si>
    <t>cg08088984</t>
  </si>
  <si>
    <t>cg08091707</t>
  </si>
  <si>
    <t>cg08093278</t>
  </si>
  <si>
    <t>cg08094571</t>
  </si>
  <si>
    <t>cg08095654</t>
  </si>
  <si>
    <t>cg08097359</t>
  </si>
  <si>
    <t>cg08097581</t>
  </si>
  <si>
    <t>cg08098382</t>
  </si>
  <si>
    <t>cg08106565</t>
  </si>
  <si>
    <t>cg08108966</t>
  </si>
  <si>
    <t>cg08112313</t>
  </si>
  <si>
    <t>cg08113002</t>
  </si>
  <si>
    <t>cg08114691</t>
  </si>
  <si>
    <t>cg08121478</t>
  </si>
  <si>
    <t>cg08121984</t>
  </si>
  <si>
    <t>cg08124330</t>
  </si>
  <si>
    <t>cg08129505</t>
  </si>
  <si>
    <t>cg08130179</t>
  </si>
  <si>
    <t>cg08131184</t>
  </si>
  <si>
    <t>cg08132302</t>
  </si>
  <si>
    <t>cg08132525</t>
  </si>
  <si>
    <t>cg08133641</t>
  </si>
  <si>
    <t>cg08134671</t>
  </si>
  <si>
    <t>cg08138109</t>
  </si>
  <si>
    <t>cg08138366</t>
  </si>
  <si>
    <t>cg08140458</t>
  </si>
  <si>
    <t>cg08141639</t>
  </si>
  <si>
    <t>cg08142172</t>
  </si>
  <si>
    <t>cg08142347</t>
  </si>
  <si>
    <t>cg08145177</t>
  </si>
  <si>
    <t>cg08145231</t>
  </si>
  <si>
    <t>cg08149682</t>
  </si>
  <si>
    <t>cg08150843</t>
  </si>
  <si>
    <t>cg08152445</t>
  </si>
  <si>
    <t>cg08158657</t>
  </si>
  <si>
    <t>cg08158952</t>
  </si>
  <si>
    <t>cg08159724</t>
  </si>
  <si>
    <t>cg08160871</t>
  </si>
  <si>
    <t>cg08160970</t>
  </si>
  <si>
    <t>cg08162850</t>
  </si>
  <si>
    <t>cg08164326</t>
  </si>
  <si>
    <t>cg08166750</t>
  </si>
  <si>
    <t>cg08167808</t>
  </si>
  <si>
    <t>cg08173263</t>
  </si>
  <si>
    <t>cg08173348</t>
  </si>
  <si>
    <t>cg08173515</t>
  </si>
  <si>
    <t>cg08173619</t>
  </si>
  <si>
    <t>cg08173959</t>
  </si>
  <si>
    <t>cg08177015</t>
  </si>
  <si>
    <t>cg08180494</t>
  </si>
  <si>
    <t>cg08181476</t>
  </si>
  <si>
    <t>cg08181534</t>
  </si>
  <si>
    <t>cg08182826</t>
  </si>
  <si>
    <t>cg08183307</t>
  </si>
  <si>
    <t>cg08186575</t>
  </si>
  <si>
    <t>cg08188330</t>
  </si>
  <si>
    <t>cg08188609</t>
  </si>
  <si>
    <t>cg08188890</t>
  </si>
  <si>
    <t>cg08189186</t>
  </si>
  <si>
    <t>cg08191530</t>
  </si>
  <si>
    <t>cg08193910</t>
  </si>
  <si>
    <t>cg08194323</t>
  </si>
  <si>
    <t>cg08195863</t>
  </si>
  <si>
    <t>cg08198483</t>
  </si>
  <si>
    <t>cg08199133</t>
  </si>
  <si>
    <t>cg08199563</t>
  </si>
  <si>
    <t>cg08201152</t>
  </si>
  <si>
    <t>cg08203569</t>
  </si>
  <si>
    <t>cg08204044</t>
  </si>
  <si>
    <t>cg08204159</t>
  </si>
  <si>
    <t>cg08204783</t>
  </si>
  <si>
    <t>cg08205443</t>
  </si>
  <si>
    <t>cg08206267</t>
  </si>
  <si>
    <t>cg08207466</t>
  </si>
  <si>
    <t>cg08208460</t>
  </si>
  <si>
    <t>cg08211188</t>
  </si>
  <si>
    <t>cg08211199</t>
  </si>
  <si>
    <t>cg08211801</t>
  </si>
  <si>
    <t>cg08212398</t>
  </si>
  <si>
    <t>cg08216899</t>
  </si>
  <si>
    <t>cg08217733</t>
  </si>
  <si>
    <t>cg08219219</t>
  </si>
  <si>
    <t>cg08220614</t>
  </si>
  <si>
    <t>cg08220872</t>
  </si>
  <si>
    <t>cg08223924</t>
  </si>
  <si>
    <t>cg08226756</t>
  </si>
  <si>
    <t>cg08230124</t>
  </si>
  <si>
    <t>cg08230957</t>
  </si>
  <si>
    <t>cg08232895</t>
  </si>
  <si>
    <t>cg08238794</t>
  </si>
  <si>
    <t>cg08239297</t>
  </si>
  <si>
    <t>cg08241368</t>
  </si>
  <si>
    <t>cg08243524</t>
  </si>
  <si>
    <t>cg08244301</t>
  </si>
  <si>
    <t>cg08248181</t>
  </si>
  <si>
    <t>cg08248297</t>
  </si>
  <si>
    <t>cg08253363</t>
  </si>
  <si>
    <t>cg08256018</t>
  </si>
  <si>
    <t>cg08256781</t>
  </si>
  <si>
    <t>cg08257600</t>
  </si>
  <si>
    <t>cg08257855</t>
  </si>
  <si>
    <t>cg08258350</t>
  </si>
  <si>
    <t>cg08259462</t>
  </si>
  <si>
    <t>cg08259617</t>
  </si>
  <si>
    <t>cg08260286</t>
  </si>
  <si>
    <t>cg08261177</t>
  </si>
  <si>
    <t>cg08264859</t>
  </si>
  <si>
    <t>cg08267629</t>
  </si>
  <si>
    <t>cg08267701</t>
  </si>
  <si>
    <t>cg08272572</t>
  </si>
  <si>
    <t>cg08275282</t>
  </si>
  <si>
    <t>cg08275454</t>
  </si>
  <si>
    <t>cg08275680</t>
  </si>
  <si>
    <t>cg08275704</t>
  </si>
  <si>
    <t>cg08278741</t>
  </si>
  <si>
    <t>cg08278892</t>
  </si>
  <si>
    <t>cg08279377</t>
  </si>
  <si>
    <t>cg08282385</t>
  </si>
  <si>
    <t>cg08283130</t>
  </si>
  <si>
    <t>cg08283318</t>
  </si>
  <si>
    <t>cg08283566</t>
  </si>
  <si>
    <t>cg08285489</t>
  </si>
  <si>
    <t>cg08286551</t>
  </si>
  <si>
    <t>cg08288330</t>
  </si>
  <si>
    <t>cg08289177</t>
  </si>
  <si>
    <t>cg08290287</t>
  </si>
  <si>
    <t>cg08291996</t>
  </si>
  <si>
    <t>cg08294750</t>
  </si>
  <si>
    <t>cg08296288</t>
  </si>
  <si>
    <t>cg08297094</t>
  </si>
  <si>
    <t>cg08300985</t>
  </si>
  <si>
    <t>cg08301518</t>
  </si>
  <si>
    <t>cg08301526</t>
  </si>
  <si>
    <t>cg08301572</t>
  </si>
  <si>
    <t>cg08301912</t>
  </si>
  <si>
    <t>cg08302480</t>
  </si>
  <si>
    <t>cg08304525</t>
  </si>
  <si>
    <t>cg08305796</t>
  </si>
  <si>
    <t>cg08308360</t>
  </si>
  <si>
    <t>cg08310363</t>
  </si>
  <si>
    <t>cg08311015</t>
  </si>
  <si>
    <t>cg08312149</t>
  </si>
  <si>
    <t>cg08313242</t>
  </si>
  <si>
    <t>cg08315613</t>
  </si>
  <si>
    <t>cg08317174</t>
  </si>
  <si>
    <t>cg08318732</t>
  </si>
  <si>
    <t>cg08319074</t>
  </si>
  <si>
    <t>cg08319238</t>
  </si>
  <si>
    <t>cg08319905</t>
  </si>
  <si>
    <t>cg08326109</t>
  </si>
  <si>
    <t>cg08329004</t>
  </si>
  <si>
    <t>cg08331981</t>
  </si>
  <si>
    <t>cg08332594</t>
  </si>
  <si>
    <t>cg08333333</t>
  </si>
  <si>
    <t>cg08333579</t>
  </si>
  <si>
    <t>cg08337065</t>
  </si>
  <si>
    <t>cg08337420</t>
  </si>
  <si>
    <t>cg08339192</t>
  </si>
  <si>
    <t>cg08340482</t>
  </si>
  <si>
    <t>cg08340524</t>
  </si>
  <si>
    <t>cg08342134</t>
  </si>
  <si>
    <t>cg08342619</t>
  </si>
  <si>
    <t>cg08343755</t>
  </si>
  <si>
    <t>cg08348339</t>
  </si>
  <si>
    <t>cg08353172</t>
  </si>
  <si>
    <t>cg08356214</t>
  </si>
  <si>
    <t>cg08359013</t>
  </si>
  <si>
    <t>cg08360297</t>
  </si>
  <si>
    <t>cg08363518</t>
  </si>
  <si>
    <t>cg08365028</t>
  </si>
  <si>
    <t>cg08365609</t>
  </si>
  <si>
    <t>cg08367223</t>
  </si>
  <si>
    <t>cg08374391</t>
  </si>
  <si>
    <t>cg08375550</t>
  </si>
  <si>
    <t>cg08377888</t>
  </si>
  <si>
    <t>cg08377980</t>
  </si>
  <si>
    <t>cg08382380</t>
  </si>
  <si>
    <t>cg08382737</t>
  </si>
  <si>
    <t>cg08384112</t>
  </si>
  <si>
    <t>cg08389130</t>
  </si>
  <si>
    <t>cg08389151</t>
  </si>
  <si>
    <t>cg08390732</t>
  </si>
  <si>
    <t>cg08393006</t>
  </si>
  <si>
    <t>cg08393170</t>
  </si>
  <si>
    <t>cg08393356</t>
  </si>
  <si>
    <t>cg08397927</t>
  </si>
  <si>
    <t>cg08397968</t>
  </si>
  <si>
    <t>cg08398371</t>
  </si>
  <si>
    <t>cg08400147</t>
  </si>
  <si>
    <t>cg08401231</t>
  </si>
  <si>
    <t>cg08402734</t>
  </si>
  <si>
    <t>cg08403345</t>
  </si>
  <si>
    <t>cg08405073</t>
  </si>
  <si>
    <t>cg08408668</t>
  </si>
  <si>
    <t>cg08409173</t>
  </si>
  <si>
    <t>cg08410052</t>
  </si>
  <si>
    <t>cg08414220</t>
  </si>
  <si>
    <t>cg08425610</t>
  </si>
  <si>
    <t>cg08427717</t>
  </si>
  <si>
    <t>cg08430680</t>
  </si>
  <si>
    <t>cg08432712</t>
  </si>
  <si>
    <t>cg08435340</t>
  </si>
  <si>
    <t>cg08436089</t>
  </si>
  <si>
    <t>cg08436365</t>
  </si>
  <si>
    <t>cg08438837</t>
  </si>
  <si>
    <t>cg08439295</t>
  </si>
  <si>
    <t>cg08443203</t>
  </si>
  <si>
    <t>cg08447322</t>
  </si>
  <si>
    <t>cg08447733</t>
  </si>
  <si>
    <t>cg08450404</t>
  </si>
  <si>
    <t>cg08455184</t>
  </si>
  <si>
    <t>cg08457898</t>
  </si>
  <si>
    <t>cg08457906</t>
  </si>
  <si>
    <t>cg08460548</t>
  </si>
  <si>
    <t>cg08461451</t>
  </si>
  <si>
    <t>cg08461840</t>
  </si>
  <si>
    <t>cg08462941</t>
  </si>
  <si>
    <t>cg08463848</t>
  </si>
  <si>
    <t>cg08464824</t>
  </si>
  <si>
    <t>cg08468187</t>
  </si>
  <si>
    <t>cg08468370</t>
  </si>
  <si>
    <t>cg08471846</t>
  </si>
  <si>
    <t>cg08473138</t>
  </si>
  <si>
    <t>cg08473487</t>
  </si>
  <si>
    <t>cg08475088</t>
  </si>
  <si>
    <t>cg08475468</t>
  </si>
  <si>
    <t>cg08475517</t>
  </si>
  <si>
    <t>cg08477574</t>
  </si>
  <si>
    <t>cg08478046</t>
  </si>
  <si>
    <t>cg08479717</t>
  </si>
  <si>
    <t>cg08480398</t>
  </si>
  <si>
    <t>cg08480906</t>
  </si>
  <si>
    <t>cg08481112</t>
  </si>
  <si>
    <t>cg08481543</t>
  </si>
  <si>
    <t>cg08483980</t>
  </si>
  <si>
    <t>cg08485893</t>
  </si>
  <si>
    <t>cg08485918</t>
  </si>
  <si>
    <t>cg08486875</t>
  </si>
  <si>
    <t>cg08489315</t>
  </si>
  <si>
    <t>cg08489592</t>
  </si>
  <si>
    <t>cg08490304</t>
  </si>
  <si>
    <t>cg08496404</t>
  </si>
  <si>
    <t>cg08497158</t>
  </si>
  <si>
    <t>cg08498585</t>
  </si>
  <si>
    <t>cg08504577</t>
  </si>
  <si>
    <t>cg08504662</t>
  </si>
  <si>
    <t>cg08504905</t>
  </si>
  <si>
    <t>cg08505135</t>
  </si>
  <si>
    <t>cg08505228</t>
  </si>
  <si>
    <t>cg08509063</t>
  </si>
  <si>
    <t>cg08510182</t>
  </si>
  <si>
    <t>cg08511015</t>
  </si>
  <si>
    <t>cg08512876</t>
  </si>
  <si>
    <t>cg08522101</t>
  </si>
  <si>
    <t>cg08523456</t>
  </si>
  <si>
    <t>cg08524344</t>
  </si>
  <si>
    <t>cg08527435</t>
  </si>
  <si>
    <t>cg08528170</t>
  </si>
  <si>
    <t>cg08528778</t>
  </si>
  <si>
    <t>cg08529748</t>
  </si>
  <si>
    <t>cg08531263</t>
  </si>
  <si>
    <t>cg08532998</t>
  </si>
  <si>
    <t>cg08533710</t>
  </si>
  <si>
    <t>cg08535058</t>
  </si>
  <si>
    <t>cg08536841</t>
  </si>
  <si>
    <t>cg08539991</t>
  </si>
  <si>
    <t>cg08540096</t>
  </si>
  <si>
    <t>cg08540118</t>
  </si>
  <si>
    <t>cg08541599</t>
  </si>
  <si>
    <t>cg08543143</t>
  </si>
  <si>
    <t>cg08543148</t>
  </si>
  <si>
    <t>cg08543452</t>
  </si>
  <si>
    <t>cg08547432</t>
  </si>
  <si>
    <t>cg08550729</t>
  </si>
  <si>
    <t>cg08551633</t>
  </si>
  <si>
    <t>cg08552290</t>
  </si>
  <si>
    <t>cg08553339</t>
  </si>
  <si>
    <t>cg08553572</t>
  </si>
  <si>
    <t>cg08554936</t>
  </si>
  <si>
    <t>cg08561667</t>
  </si>
  <si>
    <t>cg08562149</t>
  </si>
  <si>
    <t>cg08564522</t>
  </si>
  <si>
    <t>cg08566548</t>
  </si>
  <si>
    <t>cg08567644</t>
  </si>
  <si>
    <t>cg08568549</t>
  </si>
  <si>
    <t>cg08571049</t>
  </si>
  <si>
    <t>cg08572782</t>
  </si>
  <si>
    <t>cg08575633</t>
  </si>
  <si>
    <t>cg08575972</t>
  </si>
  <si>
    <t>cg08577727</t>
  </si>
  <si>
    <t>cg08578505</t>
  </si>
  <si>
    <t>cg08578823</t>
  </si>
  <si>
    <t>cg08579902</t>
  </si>
  <si>
    <t>cg08579995</t>
  </si>
  <si>
    <t>cg08585489</t>
  </si>
  <si>
    <t>cg08588175</t>
  </si>
  <si>
    <t>cg08592305</t>
  </si>
  <si>
    <t>cg08593074</t>
  </si>
  <si>
    <t>cg08593229</t>
  </si>
  <si>
    <t>cg08594032</t>
  </si>
  <si>
    <t>cg08597345</t>
  </si>
  <si>
    <t>cg08599699</t>
  </si>
  <si>
    <t>cg08602008</t>
  </si>
  <si>
    <t>cg08602075</t>
  </si>
  <si>
    <t>cg08602385</t>
  </si>
  <si>
    <t>cg08603735</t>
  </si>
  <si>
    <t>cg08607082</t>
  </si>
  <si>
    <t>cg08607221</t>
  </si>
  <si>
    <t>cg08610181</t>
  </si>
  <si>
    <t>cg08614301</t>
  </si>
  <si>
    <t>cg08615372</t>
  </si>
  <si>
    <t>cg08617069</t>
  </si>
  <si>
    <t>cg08619932</t>
  </si>
  <si>
    <t>cg08620095</t>
  </si>
  <si>
    <t>cg08620237</t>
  </si>
  <si>
    <t>cg08620585</t>
  </si>
  <si>
    <t>cg08620606</t>
  </si>
  <si>
    <t>cg08620751</t>
  </si>
  <si>
    <t>cg08634012</t>
  </si>
  <si>
    <t>cg08638582</t>
  </si>
  <si>
    <t>cg08639121</t>
  </si>
  <si>
    <t>cg08639586</t>
  </si>
  <si>
    <t>cg08643128</t>
  </si>
  <si>
    <t>cg08644924</t>
  </si>
  <si>
    <t>cg08645542</t>
  </si>
  <si>
    <t>cg08646025</t>
  </si>
  <si>
    <t>cg08647039</t>
  </si>
  <si>
    <t>cg08648281</t>
  </si>
  <si>
    <t>cg08654288</t>
  </si>
  <si>
    <t>cg08656316</t>
  </si>
  <si>
    <t>cg08659806</t>
  </si>
  <si>
    <t>cg08662665</t>
  </si>
  <si>
    <t>cg08662766</t>
  </si>
  <si>
    <t>cg08663152</t>
  </si>
  <si>
    <t>cg08664323</t>
  </si>
  <si>
    <t>cg08667721</t>
  </si>
  <si>
    <t>cg08668790</t>
  </si>
  <si>
    <t>cg08669447</t>
  </si>
  <si>
    <t>cg08674238</t>
  </si>
  <si>
    <t>cg08675117</t>
  </si>
  <si>
    <t>cg08676425</t>
  </si>
  <si>
    <t>cg08677755</t>
  </si>
  <si>
    <t>cg08678898</t>
  </si>
  <si>
    <t>cg08679013</t>
  </si>
  <si>
    <t>cg08680083</t>
  </si>
  <si>
    <t>cg08680414</t>
  </si>
  <si>
    <t>cg08680764</t>
  </si>
  <si>
    <t>cg08681293</t>
  </si>
  <si>
    <t>cg08681855</t>
  </si>
  <si>
    <t>cg08682582</t>
  </si>
  <si>
    <t>cg08684473</t>
  </si>
  <si>
    <t>cg08685384</t>
  </si>
  <si>
    <t>cg08685517</t>
  </si>
  <si>
    <t>cg08685955</t>
  </si>
  <si>
    <t>cg08686960</t>
  </si>
  <si>
    <t>cg08689929</t>
  </si>
  <si>
    <t>cg08691842</t>
  </si>
  <si>
    <t>cg08692006</t>
  </si>
  <si>
    <t>cg08692295</t>
  </si>
  <si>
    <t>cg08692328</t>
  </si>
  <si>
    <t>cg08693172</t>
  </si>
  <si>
    <t>cg08693754</t>
  </si>
  <si>
    <t>cg08694544</t>
  </si>
  <si>
    <t>cg08695253</t>
  </si>
  <si>
    <t>cg08695508</t>
  </si>
  <si>
    <t>cg08697116</t>
  </si>
  <si>
    <t>cg08698517</t>
  </si>
  <si>
    <t>cg08698605</t>
  </si>
  <si>
    <t>cg08700306</t>
  </si>
  <si>
    <t>cg08701621</t>
  </si>
  <si>
    <t>cg08703520</t>
  </si>
  <si>
    <t>cg08704843</t>
  </si>
  <si>
    <t>cg08704884</t>
  </si>
  <si>
    <t>cg08711674</t>
  </si>
  <si>
    <t>cg08712625</t>
  </si>
  <si>
    <t>cg08715031</t>
  </si>
  <si>
    <t>cg08734853</t>
  </si>
  <si>
    <t>cg08763577</t>
  </si>
  <si>
    <t>cg08782213</t>
  </si>
  <si>
    <t>cg08785007</t>
  </si>
  <si>
    <t>cg08794763</t>
  </si>
  <si>
    <t>cg08800497</t>
  </si>
  <si>
    <t>cg08806348</t>
  </si>
  <si>
    <t>cg08806632</t>
  </si>
  <si>
    <t>cg08808798</t>
  </si>
  <si>
    <t>cg08808904</t>
  </si>
  <si>
    <t>cg08809333</t>
  </si>
  <si>
    <t>cg08810007</t>
  </si>
  <si>
    <t>cg08814849</t>
  </si>
  <si>
    <t>cg08814947</t>
  </si>
  <si>
    <t>cg08815677</t>
  </si>
  <si>
    <t>cg08816228</t>
  </si>
  <si>
    <t>cg08820801</t>
  </si>
  <si>
    <t>cg08820821</t>
  </si>
  <si>
    <t>cg08823209</t>
  </si>
  <si>
    <t>cg08827427</t>
  </si>
  <si>
    <t>cg08828286</t>
  </si>
  <si>
    <t>cg08834602</t>
  </si>
  <si>
    <t>cg08835795</t>
  </si>
  <si>
    <t>cg08836009</t>
  </si>
  <si>
    <t>cg08837858</t>
  </si>
  <si>
    <t>cg08837884</t>
  </si>
  <si>
    <t>cg08840018</t>
  </si>
  <si>
    <t>cg08840230</t>
  </si>
  <si>
    <t>cg08844770</t>
  </si>
  <si>
    <t>cg08844849</t>
  </si>
  <si>
    <t>cg08845291</t>
  </si>
  <si>
    <t>cg08847636</t>
  </si>
  <si>
    <t>cg08849574</t>
  </si>
  <si>
    <t>cg08852149</t>
  </si>
  <si>
    <t>cg08854799</t>
  </si>
  <si>
    <t>cg08857308</t>
  </si>
  <si>
    <t>cg08857677</t>
  </si>
  <si>
    <t>cg08858751</t>
  </si>
  <si>
    <t>cg08861091</t>
  </si>
  <si>
    <t>cg08861404</t>
  </si>
  <si>
    <t>cg08865365</t>
  </si>
  <si>
    <t>cg08869376</t>
  </si>
  <si>
    <t>cg08869571</t>
  </si>
  <si>
    <t>cg08872461</t>
  </si>
  <si>
    <t>cg08873673</t>
  </si>
  <si>
    <t>cg08874171</t>
  </si>
  <si>
    <t>cg08874512</t>
  </si>
  <si>
    <t>cg08874599</t>
  </si>
  <si>
    <t>cg08876470</t>
  </si>
  <si>
    <t>cg08876826</t>
  </si>
  <si>
    <t>cg08878360</t>
  </si>
  <si>
    <t>cg08882904</t>
  </si>
  <si>
    <t>cg08887146</t>
  </si>
  <si>
    <t>cg08888178</t>
  </si>
  <si>
    <t>cg08889843</t>
  </si>
  <si>
    <t>cg08890883</t>
  </si>
  <si>
    <t>cg08891367</t>
  </si>
  <si>
    <t>cg08894532</t>
  </si>
  <si>
    <t>cg08896629</t>
  </si>
  <si>
    <t>cg08897044</t>
  </si>
  <si>
    <t>cg08902243</t>
  </si>
  <si>
    <t>cg08906015</t>
  </si>
  <si>
    <t>cg08906631</t>
  </si>
  <si>
    <t>cg08914916</t>
  </si>
  <si>
    <t>cg08918013</t>
  </si>
  <si>
    <t>cg08928145</t>
  </si>
  <si>
    <t>cg08936307</t>
  </si>
  <si>
    <t>cg08942772</t>
  </si>
  <si>
    <t>cg08952590</t>
  </si>
  <si>
    <t>cg08955609</t>
  </si>
  <si>
    <t>cg08955995</t>
  </si>
  <si>
    <t>cg08958549</t>
  </si>
  <si>
    <t>cg08963419</t>
  </si>
  <si>
    <t>cg08970226</t>
  </si>
  <si>
    <t>cg08979571</t>
  </si>
  <si>
    <t>cg08980578</t>
  </si>
  <si>
    <t>cg08981777</t>
  </si>
  <si>
    <t>cg08988367</t>
  </si>
  <si>
    <t>cg08996986</t>
  </si>
  <si>
    <t>cg08998501</t>
  </si>
  <si>
    <t>cg09001777</t>
  </si>
  <si>
    <t>cg09004566</t>
  </si>
  <si>
    <t>cg09007470</t>
  </si>
  <si>
    <t>cg09009259</t>
  </si>
  <si>
    <t>cg09016760</t>
  </si>
  <si>
    <t>cg09022474</t>
  </si>
  <si>
    <t>cg09030119</t>
  </si>
  <si>
    <t>cg09035784</t>
  </si>
  <si>
    <t>cg09036996</t>
  </si>
  <si>
    <t>cg09054960</t>
  </si>
  <si>
    <t>cg09056317</t>
  </si>
  <si>
    <t>cg09063201</t>
  </si>
  <si>
    <t>cg09065632</t>
  </si>
  <si>
    <t>cg09089053</t>
  </si>
  <si>
    <t>cg09106556</t>
  </si>
  <si>
    <t>cg09109614</t>
  </si>
  <si>
    <t>cg09112613</t>
  </si>
  <si>
    <t>cg09114441</t>
  </si>
  <si>
    <t>cg09119349</t>
  </si>
  <si>
    <t>cg09128733</t>
  </si>
  <si>
    <t>cg09135866</t>
  </si>
  <si>
    <t>cg09150815</t>
  </si>
  <si>
    <t>cg09159068</t>
  </si>
  <si>
    <t>cg09163998</t>
  </si>
  <si>
    <t>cg09171660</t>
  </si>
  <si>
    <t>cg09174123</t>
  </si>
  <si>
    <t>cg09174855</t>
  </si>
  <si>
    <t>cg09196456</t>
  </si>
  <si>
    <t>cg09203057</t>
  </si>
  <si>
    <t>cg09211336</t>
  </si>
  <si>
    <t>cg09211938</t>
  </si>
  <si>
    <t>cg09212407</t>
  </si>
  <si>
    <t>cg09219171</t>
  </si>
  <si>
    <t>cg09226262</t>
  </si>
  <si>
    <t>cg09226684</t>
  </si>
  <si>
    <t>cg09227563</t>
  </si>
  <si>
    <t>cg09231418</t>
  </si>
  <si>
    <t>cg09233782</t>
  </si>
  <si>
    <t>cg09234870</t>
  </si>
  <si>
    <t>cg09235885</t>
  </si>
  <si>
    <t>cg09238899</t>
  </si>
  <si>
    <t>cg09239058</t>
  </si>
  <si>
    <t>cg09242100</t>
  </si>
  <si>
    <t>cg09242880</t>
  </si>
  <si>
    <t>cg09243106</t>
  </si>
  <si>
    <t>cg09243122</t>
  </si>
  <si>
    <t>cg09245582</t>
  </si>
  <si>
    <t>cg09247459</t>
  </si>
  <si>
    <t>cg09249675</t>
  </si>
  <si>
    <t>cg09252528</t>
  </si>
  <si>
    <t>cg09253179</t>
  </si>
  <si>
    <t>cg09253508</t>
  </si>
  <si>
    <t>cg09254939</t>
  </si>
  <si>
    <t>cg09255748</t>
  </si>
  <si>
    <t>cg09256278</t>
  </si>
  <si>
    <t>cg09260634</t>
  </si>
  <si>
    <t>cg09262882</t>
  </si>
  <si>
    <t>cg09267291</t>
  </si>
  <si>
    <t>cg09268313</t>
  </si>
  <si>
    <t>cg09269620</t>
  </si>
  <si>
    <t>cg09270822</t>
  </si>
  <si>
    <t>cg09274963</t>
  </si>
  <si>
    <t>cg09277709</t>
  </si>
  <si>
    <t>cg09279169</t>
  </si>
  <si>
    <t>cg09280070</t>
  </si>
  <si>
    <t>cg09281364</t>
  </si>
  <si>
    <t>cg09282805</t>
  </si>
  <si>
    <t>cg09283636</t>
  </si>
  <si>
    <t>cg09284336</t>
  </si>
  <si>
    <t>cg09286787</t>
  </si>
  <si>
    <t>cg09287359</t>
  </si>
  <si>
    <t>cg09288894</t>
  </si>
  <si>
    <t>cg09292816</t>
  </si>
  <si>
    <t>cg09293816</t>
  </si>
  <si>
    <t>cg09298359</t>
  </si>
  <si>
    <t>cg09298852</t>
  </si>
  <si>
    <t>cg09302724</t>
  </si>
  <si>
    <t>cg09303582</t>
  </si>
  <si>
    <t>cg09307985</t>
  </si>
  <si>
    <t>cg09310092</t>
  </si>
  <si>
    <t>cg09310112</t>
  </si>
  <si>
    <t>cg09311383</t>
  </si>
  <si>
    <t>cg09314984</t>
  </si>
  <si>
    <t>cg09315367</t>
  </si>
  <si>
    <t>cg09317079</t>
  </si>
  <si>
    <t>cg09318731</t>
  </si>
  <si>
    <t>cg09324001</t>
  </si>
  <si>
    <t>cg09329705</t>
  </si>
  <si>
    <t>cg09330551</t>
  </si>
  <si>
    <t>cg09332091</t>
  </si>
  <si>
    <t>cg09332650</t>
  </si>
  <si>
    <t>cg09333109</t>
  </si>
  <si>
    <t>cg09341352</t>
  </si>
  <si>
    <t>cg09341448</t>
  </si>
  <si>
    <t>cg09343402</t>
  </si>
  <si>
    <t>cg09352107</t>
  </si>
  <si>
    <t>cg09354463</t>
  </si>
  <si>
    <t>cg09356124</t>
  </si>
  <si>
    <t>cg09356750</t>
  </si>
  <si>
    <t>cg09359933</t>
  </si>
  <si>
    <t>cg09360501</t>
  </si>
  <si>
    <t>cg09364245</t>
  </si>
  <si>
    <t>cg09367967</t>
  </si>
  <si>
    <t>cg09374629</t>
  </si>
  <si>
    <t>cg09377572</t>
  </si>
  <si>
    <t>cg09379229</t>
  </si>
  <si>
    <t>cg09379601</t>
  </si>
  <si>
    <t>cg09380135</t>
  </si>
  <si>
    <t>cg09381003</t>
  </si>
  <si>
    <t>cg09393453</t>
  </si>
  <si>
    <t>cg09395833</t>
  </si>
  <si>
    <t>cg09400566</t>
  </si>
  <si>
    <t>cg09402652</t>
  </si>
  <si>
    <t>cg09405380</t>
  </si>
  <si>
    <t>cg09405517</t>
  </si>
  <si>
    <t>cg09406384</t>
  </si>
  <si>
    <t>cg09407049</t>
  </si>
  <si>
    <t>cg09409311</t>
  </si>
  <si>
    <t>cg09410837</t>
  </si>
  <si>
    <t>cg09411168</t>
  </si>
  <si>
    <t>cg09411366</t>
  </si>
  <si>
    <t>cg09412310</t>
  </si>
  <si>
    <t>cg09412348</t>
  </si>
  <si>
    <t>cg09412792</t>
  </si>
  <si>
    <t>cg09414633</t>
  </si>
  <si>
    <t>cg09414724</t>
  </si>
  <si>
    <t>cg09416313</t>
  </si>
  <si>
    <t>cg09416512</t>
  </si>
  <si>
    <t>cg09418267</t>
  </si>
  <si>
    <t>cg09421020</t>
  </si>
  <si>
    <t>cg09422806</t>
  </si>
  <si>
    <t>cg09424896</t>
  </si>
  <si>
    <t>cg09430060</t>
  </si>
  <si>
    <t>cg09430118</t>
  </si>
  <si>
    <t>cg09430586</t>
  </si>
  <si>
    <t>cg09430957</t>
  </si>
  <si>
    <t>cg09431525</t>
  </si>
  <si>
    <t>cg09432758</t>
  </si>
  <si>
    <t>cg09435109</t>
  </si>
  <si>
    <t>cg09436232</t>
  </si>
  <si>
    <t>cg09436393</t>
  </si>
  <si>
    <t>cg09438320</t>
  </si>
  <si>
    <t>cg09440215</t>
  </si>
  <si>
    <t>cg09442606</t>
  </si>
  <si>
    <t>cg09444186</t>
  </si>
  <si>
    <t>cg09444405</t>
  </si>
  <si>
    <t>cg09448982</t>
  </si>
  <si>
    <t>cg09449905</t>
  </si>
  <si>
    <t>cg09450735</t>
  </si>
  <si>
    <t>cg09451549</t>
  </si>
  <si>
    <t>cg09456329</t>
  </si>
  <si>
    <t>cg09456971</t>
  </si>
  <si>
    <t>cg09461530</t>
  </si>
  <si>
    <t>cg09461728</t>
  </si>
  <si>
    <t>cg09466818</t>
  </si>
  <si>
    <t>cg09470638</t>
  </si>
  <si>
    <t>cg09470754</t>
  </si>
  <si>
    <t>cg09474229</t>
  </si>
  <si>
    <t>cg09477447</t>
  </si>
  <si>
    <t>cg09479015</t>
  </si>
  <si>
    <t>cg09479512</t>
  </si>
  <si>
    <t>cg09480336</t>
  </si>
  <si>
    <t>cg09484214</t>
  </si>
  <si>
    <t>cg09488512</t>
  </si>
  <si>
    <t>cg09488991</t>
  </si>
  <si>
    <t>cg09489128</t>
  </si>
  <si>
    <t>cg09494672</t>
  </si>
  <si>
    <t>cg09496161</t>
  </si>
  <si>
    <t>cg09498704</t>
  </si>
  <si>
    <t>cg09499256</t>
  </si>
  <si>
    <t>cg09500002</t>
  </si>
  <si>
    <t>cg09501305</t>
  </si>
  <si>
    <t>cg09503045</t>
  </si>
  <si>
    <t>cg09503196</t>
  </si>
  <si>
    <t>cg09504585</t>
  </si>
  <si>
    <t>cg09505136</t>
  </si>
  <si>
    <t>cg09506385</t>
  </si>
  <si>
    <t>cg09506661</t>
  </si>
  <si>
    <t>cg09507246</t>
  </si>
  <si>
    <t>cg09508448</t>
  </si>
  <si>
    <t>cg09511427</t>
  </si>
  <si>
    <t>cg09516349</t>
  </si>
  <si>
    <t>cg09521133</t>
  </si>
  <si>
    <t>cg09521871</t>
  </si>
  <si>
    <t>cg09522532</t>
  </si>
  <si>
    <t>cg09522962</t>
  </si>
  <si>
    <t>cg09524880</t>
  </si>
  <si>
    <t>cg09527670</t>
  </si>
  <si>
    <t>cg09528496</t>
  </si>
  <si>
    <t>cg09529667</t>
  </si>
  <si>
    <t>cg09530594</t>
  </si>
  <si>
    <t>cg09533267</t>
  </si>
  <si>
    <t>cg09535168</t>
  </si>
  <si>
    <t>cg09538921</t>
  </si>
  <si>
    <t>cg09542063</t>
  </si>
  <si>
    <t>cg09545123</t>
  </si>
  <si>
    <t>cg09547226</t>
  </si>
  <si>
    <t>cg09547756</t>
  </si>
  <si>
    <t>cg09548694</t>
  </si>
  <si>
    <t>cg09552761</t>
  </si>
  <si>
    <t>cg09552829</t>
  </si>
  <si>
    <t>cg09553915</t>
  </si>
  <si>
    <t>cg09554596</t>
  </si>
  <si>
    <t>cg09554798</t>
  </si>
  <si>
    <t>cg09555879</t>
  </si>
  <si>
    <t>cg09555914</t>
  </si>
  <si>
    <t>cg09558189</t>
  </si>
  <si>
    <t>cg09559882</t>
  </si>
  <si>
    <t>cg09560297</t>
  </si>
  <si>
    <t>cg09563151</t>
  </si>
  <si>
    <t>cg09564741</t>
  </si>
  <si>
    <t>cg09565670</t>
  </si>
  <si>
    <t>cg09567473</t>
  </si>
  <si>
    <t>cg09569432</t>
  </si>
  <si>
    <t>cg09570566</t>
  </si>
  <si>
    <t>cg09573465</t>
  </si>
  <si>
    <t>cg09577932</t>
  </si>
  <si>
    <t>cg09581940</t>
  </si>
  <si>
    <t>cg09582219</t>
  </si>
  <si>
    <t>cg09590897</t>
  </si>
  <si>
    <t>cg09601518</t>
  </si>
  <si>
    <t>cg09601629</t>
  </si>
  <si>
    <t>cg09603893</t>
  </si>
  <si>
    <t>cg09605212</t>
  </si>
  <si>
    <t>cg09607282</t>
  </si>
  <si>
    <t>cg09610133</t>
  </si>
  <si>
    <t>cg09617135</t>
  </si>
  <si>
    <t>cg09618387</t>
  </si>
  <si>
    <t>cg09630437</t>
  </si>
  <si>
    <t>cg09643544</t>
  </si>
  <si>
    <t>cg09662823</t>
  </si>
  <si>
    <t>cg09668689</t>
  </si>
  <si>
    <t>cg09677268</t>
  </si>
  <si>
    <t>cg09689465</t>
  </si>
  <si>
    <t>cg09697795</t>
  </si>
  <si>
    <t>cg09700233</t>
  </si>
  <si>
    <t>cg09702010</t>
  </si>
  <si>
    <t>cg09704448</t>
  </si>
  <si>
    <t>cg09712606</t>
  </si>
  <si>
    <t>cg09717545</t>
  </si>
  <si>
    <t>cg09728459</t>
  </si>
  <si>
    <t>cg09752223</t>
  </si>
  <si>
    <t>cg09758761</t>
  </si>
  <si>
    <t>cg09759578</t>
  </si>
  <si>
    <t>cg09761040</t>
  </si>
  <si>
    <t>cg09762612</t>
  </si>
  <si>
    <t>cg09765711</t>
  </si>
  <si>
    <t>cg09767616</t>
  </si>
  <si>
    <t>cg09768178</t>
  </si>
  <si>
    <t>cg09773499</t>
  </si>
  <si>
    <t>cg09773537</t>
  </si>
  <si>
    <t>cg09779027</t>
  </si>
  <si>
    <t>cg09779392</t>
  </si>
  <si>
    <t>cg09780895</t>
  </si>
  <si>
    <t>cg09789252</t>
  </si>
  <si>
    <t>cg09789590</t>
  </si>
  <si>
    <t>cg09792598</t>
  </si>
  <si>
    <t>cg09796029</t>
  </si>
  <si>
    <t>cg09796576</t>
  </si>
  <si>
    <t>cg09816096</t>
  </si>
  <si>
    <t>cg09822284</t>
  </si>
  <si>
    <t>cg09828563</t>
  </si>
  <si>
    <t>cg09829382</t>
  </si>
  <si>
    <t>cg09837943</t>
  </si>
  <si>
    <t>cg09838285</t>
  </si>
  <si>
    <t>cg09842540</t>
  </si>
  <si>
    <t>cg09843874</t>
  </si>
  <si>
    <t>cg09846458</t>
  </si>
  <si>
    <t>cg09852439</t>
  </si>
  <si>
    <t>cg09853898</t>
  </si>
  <si>
    <t>cg09857149</t>
  </si>
  <si>
    <t>cg09864457</t>
  </si>
  <si>
    <t>cg09870542</t>
  </si>
  <si>
    <t>cg09881240</t>
  </si>
  <si>
    <t>cg09890046</t>
  </si>
  <si>
    <t>cg09904304</t>
  </si>
  <si>
    <t>cg09905789</t>
  </si>
  <si>
    <t>cg09908879</t>
  </si>
  <si>
    <t>cg09912803</t>
  </si>
  <si>
    <t>cg09915601</t>
  </si>
  <si>
    <t>cg09915769</t>
  </si>
  <si>
    <t>cg09915940</t>
  </si>
  <si>
    <t>cg09918599</t>
  </si>
  <si>
    <t>cg09918674</t>
  </si>
  <si>
    <t>cg09920427</t>
  </si>
  <si>
    <t>cg09923953</t>
  </si>
  <si>
    <t>cg09926257</t>
  </si>
  <si>
    <t>cg09926260</t>
  </si>
  <si>
    <t>cg09934056</t>
  </si>
  <si>
    <t>cg09934399</t>
  </si>
  <si>
    <t>cg09934706</t>
  </si>
  <si>
    <t>cg09936839</t>
  </si>
  <si>
    <t>cg09937366</t>
  </si>
  <si>
    <t>cg09941112</t>
  </si>
  <si>
    <t>cg09953499</t>
  </si>
  <si>
    <t>cg09960435</t>
  </si>
  <si>
    <t>cg09961645</t>
  </si>
  <si>
    <t>cg09962952</t>
  </si>
  <si>
    <t>cg09964705</t>
  </si>
  <si>
    <t>cg09964778</t>
  </si>
  <si>
    <t>cg09966038</t>
  </si>
  <si>
    <t>cg09968702</t>
  </si>
  <si>
    <t>cg09975267</t>
  </si>
  <si>
    <t>cg09979728</t>
  </si>
  <si>
    <t>cg09980085</t>
  </si>
  <si>
    <t>cg09980403</t>
  </si>
  <si>
    <t>cg09982071</t>
  </si>
  <si>
    <t>cg09984370</t>
  </si>
  <si>
    <t>cg09993699</t>
  </si>
  <si>
    <t>cg09996240</t>
  </si>
  <si>
    <t>cg09997271</t>
  </si>
  <si>
    <t>cg09997788</t>
  </si>
  <si>
    <t>cg09999907</t>
  </si>
  <si>
    <t>cg10000139</t>
  </si>
  <si>
    <t>cg10002088</t>
  </si>
  <si>
    <t>cg10002412</t>
  </si>
  <si>
    <t>cg10002837</t>
  </si>
  <si>
    <t>cg10004114</t>
  </si>
  <si>
    <t>cg10006515</t>
  </si>
  <si>
    <t>cg10006721</t>
  </si>
  <si>
    <t>cg10007692</t>
  </si>
  <si>
    <t>cg10008710</t>
  </si>
  <si>
    <t>cg10009657</t>
  </si>
  <si>
    <t>cg10011232</t>
  </si>
  <si>
    <t>cg10016208</t>
  </si>
  <si>
    <t>cg10016788</t>
  </si>
  <si>
    <t>cg10017118</t>
  </si>
  <si>
    <t>cg10019819</t>
  </si>
  <si>
    <t>cg10020290</t>
  </si>
  <si>
    <t>cg10020600</t>
  </si>
  <si>
    <t>cg10020883</t>
  </si>
  <si>
    <t>cg10021349</t>
  </si>
  <si>
    <t>cg10021364</t>
  </si>
  <si>
    <t>cg10022788</t>
  </si>
  <si>
    <t>cg10037005</t>
  </si>
  <si>
    <t>cg10047740</t>
  </si>
  <si>
    <t>cg10051935</t>
  </si>
  <si>
    <t>cg10052840</t>
  </si>
  <si>
    <t>cg10054313</t>
  </si>
  <si>
    <t>cg10064322</t>
  </si>
  <si>
    <t>cg10070112</t>
  </si>
  <si>
    <t>cg10070151</t>
  </si>
  <si>
    <t>cg10073875</t>
  </si>
  <si>
    <t>cg10075436</t>
  </si>
  <si>
    <t>cg10078829</t>
  </si>
  <si>
    <t>cg10080004</t>
  </si>
  <si>
    <t>cg10090761</t>
  </si>
  <si>
    <t>cg10092241</t>
  </si>
  <si>
    <t>cg10094078</t>
  </si>
  <si>
    <t>cg10095020</t>
  </si>
  <si>
    <t>cg10099799</t>
  </si>
  <si>
    <t>cg10108626</t>
  </si>
  <si>
    <t>cg10123421</t>
  </si>
  <si>
    <t>cg10124355</t>
  </si>
  <si>
    <t>cg10125636</t>
  </si>
  <si>
    <t>cg10125703</t>
  </si>
  <si>
    <t>cg10126923</t>
  </si>
  <si>
    <t>cg10130497</t>
  </si>
  <si>
    <t>cg10131887</t>
  </si>
  <si>
    <t>cg10132874</t>
  </si>
  <si>
    <t>cg10133935</t>
  </si>
  <si>
    <t>cg10138008</t>
  </si>
  <si>
    <t>cg10139436</t>
  </si>
  <si>
    <t>cg10140087</t>
  </si>
  <si>
    <t>cg10140613</t>
  </si>
  <si>
    <t>cg10143883</t>
  </si>
  <si>
    <t>cg10147329</t>
  </si>
  <si>
    <t>cg10147875</t>
  </si>
  <si>
    <t>cg10148591</t>
  </si>
  <si>
    <t>cg10148932</t>
  </si>
  <si>
    <t>cg10151196</t>
  </si>
  <si>
    <t>cg10154122</t>
  </si>
  <si>
    <t>cg10157208</t>
  </si>
  <si>
    <t>cg10161743</t>
  </si>
  <si>
    <t>cg10162210</t>
  </si>
  <si>
    <t>cg10162823</t>
  </si>
  <si>
    <t>cg10164390</t>
  </si>
  <si>
    <t>cg10168687</t>
  </si>
  <si>
    <t>cg10169327</t>
  </si>
  <si>
    <t>cg10170949</t>
  </si>
  <si>
    <t>cg10178628</t>
  </si>
  <si>
    <t>cg10180367</t>
  </si>
  <si>
    <t>cg10181615</t>
  </si>
  <si>
    <t>cg10185917</t>
  </si>
  <si>
    <t>cg10186215</t>
  </si>
  <si>
    <t>cg10188410</t>
  </si>
  <si>
    <t>cg10193069</t>
  </si>
  <si>
    <t>cg10200255</t>
  </si>
  <si>
    <t>cg10204725</t>
  </si>
  <si>
    <t>cg10211019</t>
  </si>
  <si>
    <t>cg10211518</t>
  </si>
  <si>
    <t>cg10212847</t>
  </si>
  <si>
    <t>cg10215604</t>
  </si>
  <si>
    <t>cg10219093</t>
  </si>
  <si>
    <t>cg10220595</t>
  </si>
  <si>
    <t>cg10221736</t>
  </si>
  <si>
    <t>cg10222534</t>
  </si>
  <si>
    <t>cg10222701</t>
  </si>
  <si>
    <t>cg10223982</t>
  </si>
  <si>
    <t>cg10224107</t>
  </si>
  <si>
    <t>cg10227077</t>
  </si>
  <si>
    <t>cg10230673</t>
  </si>
  <si>
    <t>cg10231021</t>
  </si>
  <si>
    <t>cg10239449</t>
  </si>
  <si>
    <t>cg10243075</t>
  </si>
  <si>
    <t>cg10243301</t>
  </si>
  <si>
    <t>cg10243322</t>
  </si>
  <si>
    <t>cg10245752</t>
  </si>
  <si>
    <t>cg10249507</t>
  </si>
  <si>
    <t>cg10256336</t>
  </si>
  <si>
    <t>cg10257729</t>
  </si>
  <si>
    <t>cg10260115</t>
  </si>
  <si>
    <t>cg10260999</t>
  </si>
  <si>
    <t>cg10262032</t>
  </si>
  <si>
    <t>cg10262891</t>
  </si>
  <si>
    <t>cg10262955</t>
  </si>
  <si>
    <t>cg10265365</t>
  </si>
  <si>
    <t>cg10266386</t>
  </si>
  <si>
    <t>cg10270037</t>
  </si>
  <si>
    <t>cg10271981</t>
  </si>
  <si>
    <t>cg10272968</t>
  </si>
  <si>
    <t>cg10273538</t>
  </si>
  <si>
    <t>cg10274022</t>
  </si>
  <si>
    <t>cg10274682</t>
  </si>
  <si>
    <t>cg10283371</t>
  </si>
  <si>
    <t>cg10290724</t>
  </si>
  <si>
    <t>cg10294836</t>
  </si>
  <si>
    <t>cg10302026</t>
  </si>
  <si>
    <t>cg10305797</t>
  </si>
  <si>
    <t>cg10309835</t>
  </si>
  <si>
    <t>cg10313673</t>
  </si>
  <si>
    <t>cg10322876</t>
  </si>
  <si>
    <t>cg10326806</t>
  </si>
  <si>
    <t>cg10338830</t>
  </si>
  <si>
    <t>cg10340117</t>
  </si>
  <si>
    <t>cg10341482</t>
  </si>
  <si>
    <t>cg10343758</t>
  </si>
  <si>
    <t>cg10344433</t>
  </si>
  <si>
    <t>cg10346212</t>
  </si>
  <si>
    <t>cg10347828</t>
  </si>
  <si>
    <t>cg10355212</t>
  </si>
  <si>
    <t>cg10355458</t>
  </si>
  <si>
    <t>cg10356204</t>
  </si>
  <si>
    <t>cg10357657</t>
  </si>
  <si>
    <t>cg10358907</t>
  </si>
  <si>
    <t>cg10362365</t>
  </si>
  <si>
    <t>cg10364630</t>
  </si>
  <si>
    <t>cg10366010</t>
  </si>
  <si>
    <t>cg10366407</t>
  </si>
  <si>
    <t>cg10370574</t>
  </si>
  <si>
    <t>cg10372473</t>
  </si>
  <si>
    <t>cg10372770</t>
  </si>
  <si>
    <t>cg10375456</t>
  </si>
  <si>
    <t>cg10377921</t>
  </si>
  <si>
    <t>cg10378927</t>
  </si>
  <si>
    <t>cg10380760</t>
  </si>
  <si>
    <t>cg10384134</t>
  </si>
  <si>
    <t>cg10384482</t>
  </si>
  <si>
    <t>cg10384569</t>
  </si>
  <si>
    <t>cg10384570</t>
  </si>
  <si>
    <t>cg10386914</t>
  </si>
  <si>
    <t>cg10389454</t>
  </si>
  <si>
    <t>cg10389584</t>
  </si>
  <si>
    <t>cg10389930</t>
  </si>
  <si>
    <t>cg10390696</t>
  </si>
  <si>
    <t>cg10393338</t>
  </si>
  <si>
    <t>cg10396588</t>
  </si>
  <si>
    <t>cg10398217</t>
  </si>
  <si>
    <t>cg10400937</t>
  </si>
  <si>
    <t>cg10401489</t>
  </si>
  <si>
    <t>cg10402626</t>
  </si>
  <si>
    <t>cg10403048</t>
  </si>
  <si>
    <t>cg10404601</t>
  </si>
  <si>
    <t>cg10405557</t>
  </si>
  <si>
    <t>cg10428805</t>
  </si>
  <si>
    <t>cg10429096</t>
  </si>
  <si>
    <t>cg10436041</t>
  </si>
  <si>
    <t>cg10438893</t>
  </si>
  <si>
    <t>cg10452522</t>
  </si>
  <si>
    <t>cg10458142</t>
  </si>
  <si>
    <t>cg10458392</t>
  </si>
  <si>
    <t>cg10468702</t>
  </si>
  <si>
    <t>cg10480741</t>
  </si>
  <si>
    <t>cg10481100</t>
  </si>
  <si>
    <t>cg10488637</t>
  </si>
  <si>
    <t>cg10490206</t>
  </si>
  <si>
    <t>cg10491242</t>
  </si>
  <si>
    <t>cg10498798</t>
  </si>
  <si>
    <t>cg10500581</t>
  </si>
  <si>
    <t>cg10503234</t>
  </si>
  <si>
    <t>cg10505024</t>
  </si>
  <si>
    <t>cg10507508</t>
  </si>
  <si>
    <t>cg10516832</t>
  </si>
  <si>
    <t>cg10521852</t>
  </si>
  <si>
    <t>cg10537718</t>
  </si>
  <si>
    <t>cg10554989</t>
  </si>
  <si>
    <t>cg10556682</t>
  </si>
  <si>
    <t>cg10561472</t>
  </si>
  <si>
    <t>cg10565187</t>
  </si>
  <si>
    <t>cg10571104</t>
  </si>
  <si>
    <t>cg10573763</t>
  </si>
  <si>
    <t>cg10575842</t>
  </si>
  <si>
    <t>cg10579818</t>
  </si>
  <si>
    <t>cg10582440</t>
  </si>
  <si>
    <t>cg10583893</t>
  </si>
  <si>
    <t>cg10585208</t>
  </si>
  <si>
    <t>cg10585486</t>
  </si>
  <si>
    <t>cg10586358</t>
  </si>
  <si>
    <t>cg10586903</t>
  </si>
  <si>
    <t>cg10592521</t>
  </si>
  <si>
    <t>cg10592766</t>
  </si>
  <si>
    <t>cg10594495</t>
  </si>
  <si>
    <t>cg10597545</t>
  </si>
  <si>
    <t>cg10599948</t>
  </si>
  <si>
    <t>cg10600568</t>
  </si>
  <si>
    <t>cg10604333</t>
  </si>
  <si>
    <t>cg10608004</t>
  </si>
  <si>
    <t>cg10612065</t>
  </si>
  <si>
    <t>cg10614223</t>
  </si>
  <si>
    <t>cg10614856</t>
  </si>
  <si>
    <t>cg10617994</t>
  </si>
  <si>
    <t>cg10618882</t>
  </si>
  <si>
    <t>cg10622307</t>
  </si>
  <si>
    <t>cg10626063</t>
  </si>
  <si>
    <t>cg10627206</t>
  </si>
  <si>
    <t>cg10628785</t>
  </si>
  <si>
    <t>cg10632000</t>
  </si>
  <si>
    <t>cg10632342</t>
  </si>
  <si>
    <t>cg10633210</t>
  </si>
  <si>
    <t>cg10635055</t>
  </si>
  <si>
    <t>cg10638552</t>
  </si>
  <si>
    <t>cg10638858</t>
  </si>
  <si>
    <t>cg10639981</t>
  </si>
  <si>
    <t>cg10640764</t>
  </si>
  <si>
    <t>cg10643550</t>
  </si>
  <si>
    <t>cg10644885</t>
  </si>
  <si>
    <t>cg10646254</t>
  </si>
  <si>
    <t>cg10648815</t>
  </si>
  <si>
    <t>cg10651168</t>
  </si>
  <si>
    <t>cg10652508</t>
  </si>
  <si>
    <t>cg10655396</t>
  </si>
  <si>
    <t>cg10655471</t>
  </si>
  <si>
    <t>cg10657367</t>
  </si>
  <si>
    <t>cg10662093</t>
  </si>
  <si>
    <t>cg10665844</t>
  </si>
  <si>
    <t>cg10667167</t>
  </si>
  <si>
    <t>cg10667810</t>
  </si>
  <si>
    <t>cg10669058</t>
  </si>
  <si>
    <t>cg10670077</t>
  </si>
  <si>
    <t>cg10674611</t>
  </si>
  <si>
    <t>cg10675011</t>
  </si>
  <si>
    <t>cg10676125</t>
  </si>
  <si>
    <t>cg10688516</t>
  </si>
  <si>
    <t>cg10695490</t>
  </si>
  <si>
    <t>cg10696539</t>
  </si>
  <si>
    <t>cg10697843</t>
  </si>
  <si>
    <t>cg10701051</t>
  </si>
  <si>
    <t>cg10707300</t>
  </si>
  <si>
    <t>cg10709671</t>
  </si>
  <si>
    <t>cg10714492</t>
  </si>
  <si>
    <t>cg10716163</t>
  </si>
  <si>
    <t>cg10717906</t>
  </si>
  <si>
    <t>cg10720545</t>
  </si>
  <si>
    <t>cg10720699</t>
  </si>
  <si>
    <t>cg10721090</t>
  </si>
  <si>
    <t>cg10722426</t>
  </si>
  <si>
    <t>cg10723746</t>
  </si>
  <si>
    <t>cg10725861</t>
  </si>
  <si>
    <t>cg10726214</t>
  </si>
  <si>
    <t>cg10729062</t>
  </si>
  <si>
    <t>cg10732094</t>
  </si>
  <si>
    <t>cg10732871</t>
  </si>
  <si>
    <t>cg10736337</t>
  </si>
  <si>
    <t>cg10738025</t>
  </si>
  <si>
    <t>cg10740054</t>
  </si>
  <si>
    <t>cg10741283</t>
  </si>
  <si>
    <t>cg10743569</t>
  </si>
  <si>
    <t>cg10744434</t>
  </si>
  <si>
    <t>cg10749413</t>
  </si>
  <si>
    <t>cg10749626</t>
  </si>
  <si>
    <t>cg10750934</t>
  </si>
  <si>
    <t>cg10753398</t>
  </si>
  <si>
    <t>cg10753636</t>
  </si>
  <si>
    <t>cg10755961</t>
  </si>
  <si>
    <t>cg10757188</t>
  </si>
  <si>
    <t>cg10757679</t>
  </si>
  <si>
    <t>cg10762466</t>
  </si>
  <si>
    <t>cg10765336</t>
  </si>
  <si>
    <t>cg10767662</t>
  </si>
  <si>
    <t>cg10767665</t>
  </si>
  <si>
    <t>cg10768321</t>
  </si>
  <si>
    <t>cg10769313</t>
  </si>
  <si>
    <t>cg10770529</t>
  </si>
  <si>
    <t>cg10772322</t>
  </si>
  <si>
    <t>cg10772621</t>
  </si>
  <si>
    <t>cg10773601</t>
  </si>
  <si>
    <t>cg10774367</t>
  </si>
  <si>
    <t>cg10774802</t>
  </si>
  <si>
    <t>cg10778249</t>
  </si>
  <si>
    <t>cg10779348</t>
  </si>
  <si>
    <t>cg10782875</t>
  </si>
  <si>
    <t>cg10784928</t>
  </si>
  <si>
    <t>cg10789314</t>
  </si>
  <si>
    <t>cg10789824</t>
  </si>
  <si>
    <t>cg10790747</t>
  </si>
  <si>
    <t>cg10791911</t>
  </si>
  <si>
    <t>cg10796467</t>
  </si>
  <si>
    <t>cg10798655</t>
  </si>
  <si>
    <t>cg10801418</t>
  </si>
  <si>
    <t>cg10803024</t>
  </si>
  <si>
    <t>cg10803283</t>
  </si>
  <si>
    <t>cg10807260</t>
  </si>
  <si>
    <t>cg10808810</t>
  </si>
  <si>
    <t>cg10810847</t>
  </si>
  <si>
    <t>cg10811509</t>
  </si>
  <si>
    <t>cg10814153</t>
  </si>
  <si>
    <t>cg10816922</t>
  </si>
  <si>
    <t>cg10821320</t>
  </si>
  <si>
    <t>cg10822545</t>
  </si>
  <si>
    <t>cg10823709</t>
  </si>
  <si>
    <t>cg10826956</t>
  </si>
  <si>
    <t>cg10829227</t>
  </si>
  <si>
    <t>cg10830496</t>
  </si>
  <si>
    <t>cg10831725</t>
  </si>
  <si>
    <t>cg10833393</t>
  </si>
  <si>
    <t>cg10835872</t>
  </si>
  <si>
    <t>cg10837482</t>
  </si>
  <si>
    <t>cg10838535</t>
  </si>
  <si>
    <t>cg10843156</t>
  </si>
  <si>
    <t>cg10845251</t>
  </si>
  <si>
    <t>cg10851698</t>
  </si>
  <si>
    <t>cg10853231</t>
  </si>
  <si>
    <t>cg10865368</t>
  </si>
  <si>
    <t>cg10871876</t>
  </si>
  <si>
    <t>cg10884953</t>
  </si>
  <si>
    <t>cg10898923</t>
  </si>
  <si>
    <t>cg10900533</t>
  </si>
  <si>
    <t>cg10911660</t>
  </si>
  <si>
    <t>cg10918735</t>
  </si>
  <si>
    <t>cg10928466</t>
  </si>
  <si>
    <t>cg10932121</t>
  </si>
  <si>
    <t>cg10948777</t>
  </si>
  <si>
    <t>cg10956762</t>
  </si>
  <si>
    <t>cg10962535</t>
  </si>
  <si>
    <t>cg10971790</t>
  </si>
  <si>
    <t>cg10996109</t>
  </si>
  <si>
    <t>cg10998894</t>
  </si>
  <si>
    <t>cg11013793</t>
  </si>
  <si>
    <t>cg11015017</t>
  </si>
  <si>
    <t>cg11015549</t>
  </si>
  <si>
    <t>cg11019790</t>
  </si>
  <si>
    <t>cg11025793</t>
  </si>
  <si>
    <t>cg11037134</t>
  </si>
  <si>
    <t>cg11037750</t>
  </si>
  <si>
    <t>cg11038081</t>
  </si>
  <si>
    <t>cg11049042</t>
  </si>
  <si>
    <t>cg11056604</t>
  </si>
  <si>
    <t>cg11063988</t>
  </si>
  <si>
    <t>cg11086760</t>
  </si>
  <si>
    <t>cg11087747</t>
  </si>
  <si>
    <t>cg11101109</t>
  </si>
  <si>
    <t>cg11102782</t>
  </si>
  <si>
    <t>cg11109122</t>
  </si>
  <si>
    <t>cg11116758</t>
  </si>
  <si>
    <t>cg11127915</t>
  </si>
  <si>
    <t>cg11135168</t>
  </si>
  <si>
    <t>cg11151665</t>
  </si>
  <si>
    <t>cg11158440</t>
  </si>
  <si>
    <t>cg11170796</t>
  </si>
  <si>
    <t>cg11195002</t>
  </si>
  <si>
    <t>cg11199014</t>
  </si>
  <si>
    <t>cg11207353</t>
  </si>
  <si>
    <t>cg11214555</t>
  </si>
  <si>
    <t>cg11218768</t>
  </si>
  <si>
    <t>cg11220060</t>
  </si>
  <si>
    <t>cg11223373</t>
  </si>
  <si>
    <t>cg11225503</t>
  </si>
  <si>
    <t>cg11226403</t>
  </si>
  <si>
    <t>cg11228872</t>
  </si>
  <si>
    <t>cg11230716</t>
  </si>
  <si>
    <t>cg11232254</t>
  </si>
  <si>
    <t>cg11232448</t>
  </si>
  <si>
    <t>cg11233468</t>
  </si>
  <si>
    <t>cg11235259</t>
  </si>
  <si>
    <t>cg11237751</t>
  </si>
  <si>
    <t>cg11237948</t>
  </si>
  <si>
    <t>cg11238940</t>
  </si>
  <si>
    <t>cg11244672</t>
  </si>
  <si>
    <t>cg11245297</t>
  </si>
  <si>
    <t>cg11249241</t>
  </si>
  <si>
    <t>cg11249283</t>
  </si>
  <si>
    <t>cg11251006</t>
  </si>
  <si>
    <t>cg11253804</t>
  </si>
  <si>
    <t>cg11255159</t>
  </si>
  <si>
    <t>cg11261667</t>
  </si>
  <si>
    <t>cg11262874</t>
  </si>
  <si>
    <t>cg11263420</t>
  </si>
  <si>
    <t>cg11264635</t>
  </si>
  <si>
    <t>cg11265561</t>
  </si>
  <si>
    <t>cg11265725</t>
  </si>
  <si>
    <t>cg11267879</t>
  </si>
  <si>
    <t>cg11269599</t>
  </si>
  <si>
    <t>cg11270237</t>
  </si>
  <si>
    <t>cg11270633</t>
  </si>
  <si>
    <t>cg11273000</t>
  </si>
  <si>
    <t>cg11277087</t>
  </si>
  <si>
    <t>cg11277220</t>
  </si>
  <si>
    <t>cg11278260</t>
  </si>
  <si>
    <t>cg11279918</t>
  </si>
  <si>
    <t>cg11282936</t>
  </si>
  <si>
    <t>cg11284196</t>
  </si>
  <si>
    <t>cg11284366</t>
  </si>
  <si>
    <t>cg11287443</t>
  </si>
  <si>
    <t>cg11288278</t>
  </si>
  <si>
    <t>cg11288954</t>
  </si>
  <si>
    <t>cg11293016</t>
  </si>
  <si>
    <t>cg11293312</t>
  </si>
  <si>
    <t>cg11293821</t>
  </si>
  <si>
    <t>cg11294513</t>
  </si>
  <si>
    <t>cg11297046</t>
  </si>
  <si>
    <t>cg11299264</t>
  </si>
  <si>
    <t>cg11300098</t>
  </si>
  <si>
    <t>cg11302884</t>
  </si>
  <si>
    <t>cg11303004</t>
  </si>
  <si>
    <t>cg11305202</t>
  </si>
  <si>
    <t>cg11306428</t>
  </si>
  <si>
    <t>cg11310087</t>
  </si>
  <si>
    <t>cg11313468</t>
  </si>
  <si>
    <t>cg11314748</t>
  </si>
  <si>
    <t>cg11317158</t>
  </si>
  <si>
    <t>cg11320438</t>
  </si>
  <si>
    <t>cg11321035</t>
  </si>
  <si>
    <t>cg11321181</t>
  </si>
  <si>
    <t>cg11323255</t>
  </si>
  <si>
    <t>cg11324538</t>
  </si>
  <si>
    <t>cg11325777</t>
  </si>
  <si>
    <t>cg11325997</t>
  </si>
  <si>
    <t>cg11328253</t>
  </si>
  <si>
    <t>cg11330104</t>
  </si>
  <si>
    <t>cg11330139</t>
  </si>
  <si>
    <t>cg11333576</t>
  </si>
  <si>
    <t>cg11335411</t>
  </si>
  <si>
    <t>cg11339587</t>
  </si>
  <si>
    <t>cg11341610</t>
  </si>
  <si>
    <t>cg11345505</t>
  </si>
  <si>
    <t>cg11349093</t>
  </si>
  <si>
    <t>cg11351746</t>
  </si>
  <si>
    <t>cg11351987</t>
  </si>
  <si>
    <t>cg11352369</t>
  </si>
  <si>
    <t>cg11357070</t>
  </si>
  <si>
    <t>cg11360366</t>
  </si>
  <si>
    <t>cg11364420</t>
  </si>
  <si>
    <t>cg11367136</t>
  </si>
  <si>
    <t>cg11368182</t>
  </si>
  <si>
    <t>cg11368281</t>
  </si>
  <si>
    <t>cg11371416</t>
  </si>
  <si>
    <t>cg11371888</t>
  </si>
  <si>
    <t>cg11372563</t>
  </si>
  <si>
    <t>cg11373429</t>
  </si>
  <si>
    <t>cg11373557</t>
  </si>
  <si>
    <t>cg11374335</t>
  </si>
  <si>
    <t>cg11375475</t>
  </si>
  <si>
    <t>cg11375547</t>
  </si>
  <si>
    <t>cg11376215</t>
  </si>
  <si>
    <t>cg11379350</t>
  </si>
  <si>
    <t>cg11380607</t>
  </si>
  <si>
    <t>cg11389257</t>
  </si>
  <si>
    <t>cg11396122</t>
  </si>
  <si>
    <t>cg11396509</t>
  </si>
  <si>
    <t>cg11396791</t>
  </si>
  <si>
    <t>cg11398031</t>
  </si>
  <si>
    <t>cg11399100</t>
  </si>
  <si>
    <t>cg11399891</t>
  </si>
  <si>
    <t>cg11407198</t>
  </si>
  <si>
    <t>cg11409275</t>
  </si>
  <si>
    <t>cg11412164</t>
  </si>
  <si>
    <t>cg11414540</t>
  </si>
  <si>
    <t>cg11414610</t>
  </si>
  <si>
    <t>cg11415152</t>
  </si>
  <si>
    <t>cg11416386</t>
  </si>
  <si>
    <t>cg11418112</t>
  </si>
  <si>
    <t>cg11425201</t>
  </si>
  <si>
    <t>cg11426899</t>
  </si>
  <si>
    <t>cg11429044</t>
  </si>
  <si>
    <t>cg11430371</t>
  </si>
  <si>
    <t>cg11431585</t>
  </si>
  <si>
    <t>cg11435167</t>
  </si>
  <si>
    <t>cg11435239</t>
  </si>
  <si>
    <t>cg11435841</t>
  </si>
  <si>
    <t>cg11436475</t>
  </si>
  <si>
    <t>cg11437226</t>
  </si>
  <si>
    <t>cg11445324</t>
  </si>
  <si>
    <t>cg11446693</t>
  </si>
  <si>
    <t>cg11447186</t>
  </si>
  <si>
    <t>cg11449134</t>
  </si>
  <si>
    <t>cg11449372</t>
  </si>
  <si>
    <t>cg11452653</t>
  </si>
  <si>
    <t>cg11453058</t>
  </si>
  <si>
    <t>cg11455291</t>
  </si>
  <si>
    <t>cg11456145</t>
  </si>
  <si>
    <t>cg11475922</t>
  </si>
  <si>
    <t>cg11477110</t>
  </si>
  <si>
    <t>cg11481720</t>
  </si>
  <si>
    <t>cg11487977</t>
  </si>
  <si>
    <t>cg11491186</t>
  </si>
  <si>
    <t>cg11498169</t>
  </si>
  <si>
    <t>cg11500727</t>
  </si>
  <si>
    <t>cg11500774</t>
  </si>
  <si>
    <t>cg11510523</t>
  </si>
  <si>
    <t>cg11533159</t>
  </si>
  <si>
    <t>cg11544138</t>
  </si>
  <si>
    <t>cg11547764</t>
  </si>
  <si>
    <t>cg11550126</t>
  </si>
  <si>
    <t>cg11552078</t>
  </si>
  <si>
    <t>cg11553248</t>
  </si>
  <si>
    <t>cg11553667</t>
  </si>
  <si>
    <t>cg11553802</t>
  </si>
  <si>
    <t>cg11558551</t>
  </si>
  <si>
    <t>cg11558731</t>
  </si>
  <si>
    <t>cg11560554</t>
  </si>
  <si>
    <t>cg11564519</t>
  </si>
  <si>
    <t>cg11569329</t>
  </si>
  <si>
    <t>cg11569431</t>
  </si>
  <si>
    <t>cg11569718</t>
  </si>
  <si>
    <t>cg11571888</t>
  </si>
  <si>
    <t>cg11577646</t>
  </si>
  <si>
    <t>cg11579116</t>
  </si>
  <si>
    <t>cg11579407</t>
  </si>
  <si>
    <t>cg11581046</t>
  </si>
  <si>
    <t>cg11581627</t>
  </si>
  <si>
    <t>cg11584041</t>
  </si>
  <si>
    <t>cg11584690</t>
  </si>
  <si>
    <t>cg11585156</t>
  </si>
  <si>
    <t>cg11589573</t>
  </si>
  <si>
    <t>cg11589664</t>
  </si>
  <si>
    <t>cg11589723</t>
  </si>
  <si>
    <t>cg11590772</t>
  </si>
  <si>
    <t>cg11592548</t>
  </si>
  <si>
    <t>cg11594420</t>
  </si>
  <si>
    <t>cg11595059</t>
  </si>
  <si>
    <t>cg11597497</t>
  </si>
  <si>
    <t>cg11598353</t>
  </si>
  <si>
    <t>cg11599207</t>
  </si>
  <si>
    <t>cg11601336</t>
  </si>
  <si>
    <t>cg11607742</t>
  </si>
  <si>
    <t>cg11609560</t>
  </si>
  <si>
    <t>cg11611011</t>
  </si>
  <si>
    <t>cg11613243</t>
  </si>
  <si>
    <t>cg11613450</t>
  </si>
  <si>
    <t>cg11618529</t>
  </si>
  <si>
    <t>cg11620066</t>
  </si>
  <si>
    <t>cg11621113</t>
  </si>
  <si>
    <t>cg11621559</t>
  </si>
  <si>
    <t>cg11622330</t>
  </si>
  <si>
    <t>cg11622538</t>
  </si>
  <si>
    <t>cg11624309</t>
  </si>
  <si>
    <t>cg11624345</t>
  </si>
  <si>
    <t>cg11625877</t>
  </si>
  <si>
    <t>cg11628021</t>
  </si>
  <si>
    <t>cg11628034</t>
  </si>
  <si>
    <t>cg11632419</t>
  </si>
  <si>
    <t>cg11632529</t>
  </si>
  <si>
    <t>cg11633600</t>
  </si>
  <si>
    <t>cg11634232</t>
  </si>
  <si>
    <t>cg11634297</t>
  </si>
  <si>
    <t>cg11635976</t>
  </si>
  <si>
    <t>cg11636177</t>
  </si>
  <si>
    <t>cg11636228</t>
  </si>
  <si>
    <t>cg11637076</t>
  </si>
  <si>
    <t>cg11639397</t>
  </si>
  <si>
    <t>cg11640185</t>
  </si>
  <si>
    <t>cg11642676</t>
  </si>
  <si>
    <t>cg11644057</t>
  </si>
  <si>
    <t>cg11645532</t>
  </si>
  <si>
    <t>cg11645724</t>
  </si>
  <si>
    <t>cg11648483</t>
  </si>
  <si>
    <t>cg11653944</t>
  </si>
  <si>
    <t>cg11654011</t>
  </si>
  <si>
    <t>cg11654037</t>
  </si>
  <si>
    <t>cg11654922</t>
  </si>
  <si>
    <t>cg11659796</t>
  </si>
  <si>
    <t>cg11663806</t>
  </si>
  <si>
    <t>cg11665652</t>
  </si>
  <si>
    <t>cg11666017</t>
  </si>
  <si>
    <t>cg11666515</t>
  </si>
  <si>
    <t>cg11667738</t>
  </si>
  <si>
    <t>cg11670000</t>
  </si>
  <si>
    <t>cg11677722</t>
  </si>
  <si>
    <t>cg11680855</t>
  </si>
  <si>
    <t>cg11681192</t>
  </si>
  <si>
    <t>cg11684450</t>
  </si>
  <si>
    <t>cg11689102</t>
  </si>
  <si>
    <t>cg11691990</t>
  </si>
  <si>
    <t>cg11692191</t>
  </si>
  <si>
    <t>cg11693364</t>
  </si>
  <si>
    <t>cg11694968</t>
  </si>
  <si>
    <t>cg11697861</t>
  </si>
  <si>
    <t>cg11699511</t>
  </si>
  <si>
    <t>cg11701312</t>
  </si>
  <si>
    <t>cg11705439</t>
  </si>
  <si>
    <t>cg11707084</t>
  </si>
  <si>
    <t>cg11708454</t>
  </si>
  <si>
    <t>cg11709110</t>
  </si>
  <si>
    <t>cg11714801</t>
  </si>
  <si>
    <t>cg11715228</t>
  </si>
  <si>
    <t>cg11715966</t>
  </si>
  <si>
    <t>cg11716884</t>
  </si>
  <si>
    <t>cg11719049</t>
  </si>
  <si>
    <t>cg11719283</t>
  </si>
  <si>
    <t>cg11721464</t>
  </si>
  <si>
    <t>cg11722249</t>
  </si>
  <si>
    <t>cg11722531</t>
  </si>
  <si>
    <t>cg11723280</t>
  </si>
  <si>
    <t>cg11723565</t>
  </si>
  <si>
    <t>cg11724366</t>
  </si>
  <si>
    <t>cg11725009</t>
  </si>
  <si>
    <t>cg11728578</t>
  </si>
  <si>
    <t>cg11730661</t>
  </si>
  <si>
    <t>cg11734329</t>
  </si>
  <si>
    <t>cg11734588</t>
  </si>
  <si>
    <t>cg11737334</t>
  </si>
  <si>
    <t>cg11737831</t>
  </si>
  <si>
    <t>cg11739626</t>
  </si>
  <si>
    <t>cg11740878</t>
  </si>
  <si>
    <t>cg11742068</t>
  </si>
  <si>
    <t>cg11744436</t>
  </si>
  <si>
    <t>cg11747744</t>
  </si>
  <si>
    <t>cg11748006</t>
  </si>
  <si>
    <t>cg11748640</t>
  </si>
  <si>
    <t>cg11749828</t>
  </si>
  <si>
    <t>cg11752118</t>
  </si>
  <si>
    <t>cg11755203</t>
  </si>
  <si>
    <t>cg11756214</t>
  </si>
  <si>
    <t>cg11760861</t>
  </si>
  <si>
    <t>cg11762018</t>
  </si>
  <si>
    <t>cg11762120</t>
  </si>
  <si>
    <t>cg11762213</t>
  </si>
  <si>
    <t>cg11765913</t>
  </si>
  <si>
    <t>cg11767711</t>
  </si>
  <si>
    <t>cg11774545</t>
  </si>
  <si>
    <t>cg11778563</t>
  </si>
  <si>
    <t>cg11780053</t>
  </si>
  <si>
    <t>cg11781421</t>
  </si>
  <si>
    <t>cg11781854</t>
  </si>
  <si>
    <t>cg11782479</t>
  </si>
  <si>
    <t>cg11783264</t>
  </si>
  <si>
    <t>cg11784191</t>
  </si>
  <si>
    <t>cg11785166</t>
  </si>
  <si>
    <t>cg11787694</t>
  </si>
  <si>
    <t>cg11788523</t>
  </si>
  <si>
    <t>cg11789885</t>
  </si>
  <si>
    <t>cg11792664</t>
  </si>
  <si>
    <t>cg11794814</t>
  </si>
  <si>
    <t>cg11795262</t>
  </si>
  <si>
    <t>cg11796565</t>
  </si>
  <si>
    <t>cg11798360</t>
  </si>
  <si>
    <t>cg11800802</t>
  </si>
  <si>
    <t>cg11801011</t>
  </si>
  <si>
    <t>cg11802027</t>
  </si>
  <si>
    <t>cg11806488</t>
  </si>
  <si>
    <t>cg11806890</t>
  </si>
  <si>
    <t>cg11807842</t>
  </si>
  <si>
    <t>cg11808658</t>
  </si>
  <si>
    <t>cg11810310</t>
  </si>
  <si>
    <t>cg11811510</t>
  </si>
  <si>
    <t>cg11813073</t>
  </si>
  <si>
    <t>cg11813862</t>
  </si>
  <si>
    <t>cg11815796</t>
  </si>
  <si>
    <t>cg11820497</t>
  </si>
  <si>
    <t>cg11822964</t>
  </si>
  <si>
    <t>cg11834844</t>
  </si>
  <si>
    <t>cg11834956</t>
  </si>
  <si>
    <t>cg11835512</t>
  </si>
  <si>
    <t>cg11837965</t>
  </si>
  <si>
    <t>cg11840053</t>
  </si>
  <si>
    <t>cg11841652</t>
  </si>
  <si>
    <t>cg11844965</t>
  </si>
  <si>
    <t>cg11845033</t>
  </si>
  <si>
    <t>cg11846064</t>
  </si>
  <si>
    <t>cg11846956</t>
  </si>
  <si>
    <t>cg11847636</t>
  </si>
  <si>
    <t>cg11854183</t>
  </si>
  <si>
    <t>cg11860412</t>
  </si>
  <si>
    <t>cg11863536</t>
  </si>
  <si>
    <t>cg11865883</t>
  </si>
  <si>
    <t>cg11866257</t>
  </si>
  <si>
    <t>cg11868621</t>
  </si>
  <si>
    <t>cg11870206</t>
  </si>
  <si>
    <t>cg11875500</t>
  </si>
  <si>
    <t>cg11876574</t>
  </si>
  <si>
    <t>cg11878955</t>
  </si>
  <si>
    <t>cg11880023</t>
  </si>
  <si>
    <t>cg11881934</t>
  </si>
  <si>
    <t>cg11884611</t>
  </si>
  <si>
    <t>cg11885098</t>
  </si>
  <si>
    <t>cg11888235</t>
  </si>
  <si>
    <t>cg11889478</t>
  </si>
  <si>
    <t>cg11891591</t>
  </si>
  <si>
    <t>cg11896104</t>
  </si>
  <si>
    <t>cg11896587</t>
  </si>
  <si>
    <t>cg11897279</t>
  </si>
  <si>
    <t>cg11902379</t>
  </si>
  <si>
    <t>cg11904429</t>
  </si>
  <si>
    <t>cg11905651</t>
  </si>
  <si>
    <t>cg11906444</t>
  </si>
  <si>
    <t>cg11906607</t>
  </si>
  <si>
    <t>cg11906827</t>
  </si>
  <si>
    <t>cg11907262</t>
  </si>
  <si>
    <t>cg11907448</t>
  </si>
  <si>
    <t>cg11910287</t>
  </si>
  <si>
    <t>cg11911305</t>
  </si>
  <si>
    <t>cg11911689</t>
  </si>
  <si>
    <t>cg11913346</t>
  </si>
  <si>
    <t>cg11915671</t>
  </si>
  <si>
    <t>cg11915997</t>
  </si>
  <si>
    <t>cg11918822</t>
  </si>
  <si>
    <t>cg11919479</t>
  </si>
  <si>
    <t>cg11923957</t>
  </si>
  <si>
    <t>cg11926604</t>
  </si>
  <si>
    <t>cg11926971</t>
  </si>
  <si>
    <t>cg11928366</t>
  </si>
  <si>
    <t>cg11931253</t>
  </si>
  <si>
    <t>cg11935055</t>
  </si>
  <si>
    <t>cg11947857</t>
  </si>
  <si>
    <t>cg11949533</t>
  </si>
  <si>
    <t>cg11950292</t>
  </si>
  <si>
    <t>cg11953334</t>
  </si>
  <si>
    <t>cg11956052</t>
  </si>
  <si>
    <t>cg11957350</t>
  </si>
  <si>
    <t>cg11959387</t>
  </si>
  <si>
    <t>cg11960229</t>
  </si>
  <si>
    <t>cg11961288</t>
  </si>
  <si>
    <t>cg11964338</t>
  </si>
  <si>
    <t>cg11964578</t>
  </si>
  <si>
    <t>cg11964938</t>
  </si>
  <si>
    <t>cg11970254</t>
  </si>
  <si>
    <t>cg11971789</t>
  </si>
  <si>
    <t>cg11971944</t>
  </si>
  <si>
    <t>cg11973716</t>
  </si>
  <si>
    <t>cg11976007</t>
  </si>
  <si>
    <t>cg11977686</t>
  </si>
  <si>
    <t>cg11979591</t>
  </si>
  <si>
    <t>cg11979837</t>
  </si>
  <si>
    <t>cg11980435</t>
  </si>
  <si>
    <t>cg11982190</t>
  </si>
  <si>
    <t>cg11984463</t>
  </si>
  <si>
    <t>cg11990296</t>
  </si>
  <si>
    <t>cg11990334</t>
  </si>
  <si>
    <t>cg11993925</t>
  </si>
  <si>
    <t>cg11994115</t>
  </si>
  <si>
    <t>cg11995228</t>
  </si>
  <si>
    <t>cg11997223</t>
  </si>
  <si>
    <t>cg11998619</t>
  </si>
  <si>
    <t>cg11998703</t>
  </si>
  <si>
    <t>cg12000761</t>
  </si>
  <si>
    <t>cg12002047</t>
  </si>
  <si>
    <t>cg12002420</t>
  </si>
  <si>
    <t>cg12007399</t>
  </si>
  <si>
    <t>cg12008991</t>
  </si>
  <si>
    <t>cg12009436</t>
  </si>
  <si>
    <t>cg12011596</t>
  </si>
  <si>
    <t>cg12012524</t>
  </si>
  <si>
    <t>cg12013757</t>
  </si>
  <si>
    <t>cg12014052</t>
  </si>
  <si>
    <t>cg12014333</t>
  </si>
  <si>
    <t>cg12017434</t>
  </si>
  <si>
    <t>cg12018403</t>
  </si>
  <si>
    <t>cg12019773</t>
  </si>
  <si>
    <t>cg12023246</t>
  </si>
  <si>
    <t>cg12024906</t>
  </si>
  <si>
    <t>cg12027076</t>
  </si>
  <si>
    <t>cg12029244</t>
  </si>
  <si>
    <t>cg12034943</t>
  </si>
  <si>
    <t>cg12036554</t>
  </si>
  <si>
    <t>cg12037898</t>
  </si>
  <si>
    <t>cg12040486</t>
  </si>
  <si>
    <t>cg12045676</t>
  </si>
  <si>
    <t>cg12045715</t>
  </si>
  <si>
    <t>cg12046131</t>
  </si>
  <si>
    <t>cg12048031</t>
  </si>
  <si>
    <t>cg12049787</t>
  </si>
  <si>
    <t>cg12054648</t>
  </si>
  <si>
    <t>cg12054851</t>
  </si>
  <si>
    <t>cg12055114</t>
  </si>
  <si>
    <t>cg12055183</t>
  </si>
  <si>
    <t>cg12057190</t>
  </si>
  <si>
    <t>cg12061285</t>
  </si>
  <si>
    <t>cg12062900</t>
  </si>
  <si>
    <t>cg12067292</t>
  </si>
  <si>
    <t>cg12067547</t>
  </si>
  <si>
    <t>cg12068280</t>
  </si>
  <si>
    <t>cg12068366</t>
  </si>
  <si>
    <t>cg12072608</t>
  </si>
  <si>
    <t>cg12072803</t>
  </si>
  <si>
    <t>cg12075964</t>
  </si>
  <si>
    <t>cg12076274</t>
  </si>
  <si>
    <t>cg12078229</t>
  </si>
  <si>
    <t>cg12084124</t>
  </si>
  <si>
    <t>cg12085660</t>
  </si>
  <si>
    <t>cg12089570</t>
  </si>
  <si>
    <t>cg12090003</t>
  </si>
  <si>
    <t>cg12092484</t>
  </si>
  <si>
    <t>cg12095961</t>
  </si>
  <si>
    <t>cg12096528</t>
  </si>
  <si>
    <t>cg12098015</t>
  </si>
  <si>
    <t>cg12098873</t>
  </si>
  <si>
    <t>cg12099191</t>
  </si>
  <si>
    <t>cg12102973</t>
  </si>
  <si>
    <t>cg12103265</t>
  </si>
  <si>
    <t>cg12104333</t>
  </si>
  <si>
    <t>cg12104707</t>
  </si>
  <si>
    <t>cg12105361</t>
  </si>
  <si>
    <t>cg12105671</t>
  </si>
  <si>
    <t>cg12106403</t>
  </si>
  <si>
    <t>cg12106894</t>
  </si>
  <si>
    <t>cg12107692</t>
  </si>
  <si>
    <t>cg12109087</t>
  </si>
  <si>
    <t>cg12110750</t>
  </si>
  <si>
    <t>cg12110801</t>
  </si>
  <si>
    <t>cg12110887</t>
  </si>
  <si>
    <t>cg12114985</t>
  </si>
  <si>
    <t>cg12118784</t>
  </si>
  <si>
    <t>cg12119068</t>
  </si>
  <si>
    <t>cg12121193</t>
  </si>
  <si>
    <t>cg12122403</t>
  </si>
  <si>
    <t>cg12122588</t>
  </si>
  <si>
    <t>cg12123019</t>
  </si>
  <si>
    <t>cg12123879</t>
  </si>
  <si>
    <t>cg12126033</t>
  </si>
  <si>
    <t>cg12126686</t>
  </si>
  <si>
    <t>cg12131620</t>
  </si>
  <si>
    <t>cg12134408</t>
  </si>
  <si>
    <t>cg12134570</t>
  </si>
  <si>
    <t>cg12137530</t>
  </si>
  <si>
    <t>cg12138483</t>
  </si>
  <si>
    <t>cg12139156</t>
  </si>
  <si>
    <t>cg12147572</t>
  </si>
  <si>
    <t>cg12147799</t>
  </si>
  <si>
    <t>cg12148774</t>
  </si>
  <si>
    <t>cg12151124</t>
  </si>
  <si>
    <t>cg12151447</t>
  </si>
  <si>
    <t>cg12152651</t>
  </si>
  <si>
    <t>cg12153593</t>
  </si>
  <si>
    <t>cg12154103</t>
  </si>
  <si>
    <t>cg12154110</t>
  </si>
  <si>
    <t>cg12157428</t>
  </si>
  <si>
    <t>cg12157673</t>
  </si>
  <si>
    <t>cg12161905</t>
  </si>
  <si>
    <t>cg12163871</t>
  </si>
  <si>
    <t>cg12165022</t>
  </si>
  <si>
    <t>cg12165563</t>
  </si>
  <si>
    <t>cg12165685</t>
  </si>
  <si>
    <t>cg12168357</t>
  </si>
  <si>
    <t>cg12169233</t>
  </si>
  <si>
    <t>cg12171980</t>
  </si>
  <si>
    <t>cg12173604</t>
  </si>
  <si>
    <t>cg12177087</t>
  </si>
  <si>
    <t>cg12180253</t>
  </si>
  <si>
    <t>cg12181417</t>
  </si>
  <si>
    <t>cg12182940</t>
  </si>
  <si>
    <t>cg12183993</t>
  </si>
  <si>
    <t>cg12184049</t>
  </si>
  <si>
    <t>cg12186909</t>
  </si>
  <si>
    <t>cg12187115</t>
  </si>
  <si>
    <t>cg12187624</t>
  </si>
  <si>
    <t>cg12189069</t>
  </si>
  <si>
    <t>cg12189851</t>
  </si>
  <si>
    <t>cg12190413</t>
  </si>
  <si>
    <t>cg12192686</t>
  </si>
  <si>
    <t>cg12194824</t>
  </si>
  <si>
    <t>cg12195135</t>
  </si>
  <si>
    <t>cg12195314</t>
  </si>
  <si>
    <t>cg12196406</t>
  </si>
  <si>
    <t>cg12197557</t>
  </si>
  <si>
    <t>cg12199100</t>
  </si>
  <si>
    <t>cg12200950</t>
  </si>
  <si>
    <t>cg12205193</t>
  </si>
  <si>
    <t>cg12207651</t>
  </si>
  <si>
    <t>cg12207881</t>
  </si>
  <si>
    <t>cg12211285</t>
  </si>
  <si>
    <t>cg12212393</t>
  </si>
  <si>
    <t>cg12212774</t>
  </si>
  <si>
    <t>cg12215528</t>
  </si>
  <si>
    <t>cg12216470</t>
  </si>
  <si>
    <t>cg12220843</t>
  </si>
  <si>
    <t>cg12228977</t>
  </si>
  <si>
    <t>cg12229764</t>
  </si>
  <si>
    <t>cg12229841</t>
  </si>
  <si>
    <t>cg12230795</t>
  </si>
  <si>
    <t>cg12232658</t>
  </si>
  <si>
    <t>cg12234455</t>
  </si>
  <si>
    <t>cg12235539</t>
  </si>
  <si>
    <t>cg12236003</t>
  </si>
  <si>
    <t>cg12237140</t>
  </si>
  <si>
    <t>cg12237272</t>
  </si>
  <si>
    <t>cg12240767</t>
  </si>
  <si>
    <t>cg12242547</t>
  </si>
  <si>
    <t>cg12244648</t>
  </si>
  <si>
    <t>cg12244668</t>
  </si>
  <si>
    <t>cg12245370</t>
  </si>
  <si>
    <t>cg12247957</t>
  </si>
  <si>
    <t>cg12249809</t>
  </si>
  <si>
    <t>cg12250307</t>
  </si>
  <si>
    <t>cg12250421</t>
  </si>
  <si>
    <t>cg12253200</t>
  </si>
  <si>
    <t>cg12253318</t>
  </si>
  <si>
    <t>cg12255995</t>
  </si>
  <si>
    <t>cg12257625</t>
  </si>
  <si>
    <t>cg12258824</t>
  </si>
  <si>
    <t>cg12259537</t>
  </si>
  <si>
    <t>cg12261095</t>
  </si>
  <si>
    <t>cg12265810</t>
  </si>
  <si>
    <t>cg12265892</t>
  </si>
  <si>
    <t>cg12270140</t>
  </si>
  <si>
    <t>cg12271415</t>
  </si>
  <si>
    <t>cg12272104</t>
  </si>
  <si>
    <t>cg12272488</t>
  </si>
  <si>
    <t>cg12273319</t>
  </si>
  <si>
    <t>cg12276472</t>
  </si>
  <si>
    <t>cg12277416</t>
  </si>
  <si>
    <t>cg12280622</t>
  </si>
  <si>
    <t>cg12280796</t>
  </si>
  <si>
    <t>cg12283674</t>
  </si>
  <si>
    <t>cg12285381</t>
  </si>
  <si>
    <t>cg12285737</t>
  </si>
  <si>
    <t>cg12286295</t>
  </si>
  <si>
    <t>cg12287945</t>
  </si>
  <si>
    <t>cg12289801</t>
  </si>
  <si>
    <t>cg12297570</t>
  </si>
  <si>
    <t>cg12297819</t>
  </si>
  <si>
    <t>cg12298375</t>
  </si>
  <si>
    <t>cg12298979</t>
  </si>
  <si>
    <t>cg12313593</t>
  </si>
  <si>
    <t>cg12334759</t>
  </si>
  <si>
    <t>cg12355110</t>
  </si>
  <si>
    <t>cg12360029</t>
  </si>
  <si>
    <t>cg12364882</t>
  </si>
  <si>
    <t>cg12387247</t>
  </si>
  <si>
    <t>cg12400781</t>
  </si>
  <si>
    <t>cg12406027</t>
  </si>
  <si>
    <t>cg12423344</t>
  </si>
  <si>
    <t>cg12431401</t>
  </si>
  <si>
    <t>cg12432761</t>
  </si>
  <si>
    <t>cg12434258</t>
  </si>
  <si>
    <t>cg12442369</t>
  </si>
  <si>
    <t>cg12443227</t>
  </si>
  <si>
    <t>cg12451679</t>
  </si>
  <si>
    <t>cg12456286</t>
  </si>
  <si>
    <t>cg12461677</t>
  </si>
  <si>
    <t>cg12463748</t>
  </si>
  <si>
    <t>cg12476298</t>
  </si>
  <si>
    <t>cg12476760</t>
  </si>
  <si>
    <t>cg12482231</t>
  </si>
  <si>
    <t>cg12483682</t>
  </si>
  <si>
    <t>cg12485793</t>
  </si>
  <si>
    <t>cg12488414</t>
  </si>
  <si>
    <t>cg12489353</t>
  </si>
  <si>
    <t>cg12492496</t>
  </si>
  <si>
    <t>cg12494180</t>
  </si>
  <si>
    <t>cg12494332</t>
  </si>
  <si>
    <t>cg12497870</t>
  </si>
  <si>
    <t>cg12500884</t>
  </si>
  <si>
    <t>cg12501546</t>
  </si>
  <si>
    <t>cg12504876</t>
  </si>
  <si>
    <t>cg12505153</t>
  </si>
  <si>
    <t>cg12506013</t>
  </si>
  <si>
    <t>cg12506930</t>
  </si>
  <si>
    <t>cg12507030</t>
  </si>
  <si>
    <t>cg12507788</t>
  </si>
  <si>
    <t>cg12508336</t>
  </si>
  <si>
    <t>cg12515570</t>
  </si>
  <si>
    <t>cg12515942</t>
  </si>
  <si>
    <t>cg12517803</t>
  </si>
  <si>
    <t>cg12517843</t>
  </si>
  <si>
    <t>cg12522311</t>
  </si>
  <si>
    <t>cg12525543</t>
  </si>
  <si>
    <t>cg12527440</t>
  </si>
  <si>
    <t>cg12528835</t>
  </si>
  <si>
    <t>cg12530021</t>
  </si>
  <si>
    <t>cg12531003</t>
  </si>
  <si>
    <t>cg12531591</t>
  </si>
  <si>
    <t>cg12532028</t>
  </si>
  <si>
    <t>cg12534008</t>
  </si>
  <si>
    <t>cg12534390</t>
  </si>
  <si>
    <t>cg12537168</t>
  </si>
  <si>
    <t>cg12540815</t>
  </si>
  <si>
    <t>cg12541721</t>
  </si>
  <si>
    <t>cg12542584</t>
  </si>
  <si>
    <t>cg12544243</t>
  </si>
  <si>
    <t>cg12544392</t>
  </si>
  <si>
    <t>cg12545852</t>
  </si>
  <si>
    <t>cg12546480</t>
  </si>
  <si>
    <t>cg12549345</t>
  </si>
  <si>
    <t>cg12552835</t>
  </si>
  <si>
    <t>cg12553198</t>
  </si>
  <si>
    <t>cg12554678</t>
  </si>
  <si>
    <t>cg12557430</t>
  </si>
  <si>
    <t>cg12558519</t>
  </si>
  <si>
    <t>cg12559179</t>
  </si>
  <si>
    <t>cg12559208</t>
  </si>
  <si>
    <t>cg12559228</t>
  </si>
  <si>
    <t>cg12560154</t>
  </si>
  <si>
    <t>cg12562500</t>
  </si>
  <si>
    <t>cg12562967</t>
  </si>
  <si>
    <t>cg12565355</t>
  </si>
  <si>
    <t>cg12566415</t>
  </si>
  <si>
    <t>cg12568362</t>
  </si>
  <si>
    <t>cg12568707</t>
  </si>
  <si>
    <t>cg12569206</t>
  </si>
  <si>
    <t>cg12570013</t>
  </si>
  <si>
    <t>cg12570309</t>
  </si>
  <si>
    <t>cg12570712</t>
  </si>
  <si>
    <t>cg12576859</t>
  </si>
  <si>
    <t>cg12580096</t>
  </si>
  <si>
    <t>cg12581549</t>
  </si>
  <si>
    <t>cg12581769</t>
  </si>
  <si>
    <t>cg12582959</t>
  </si>
  <si>
    <t>cg12583550</t>
  </si>
  <si>
    <t>cg12584394</t>
  </si>
  <si>
    <t>cg12586262</t>
  </si>
  <si>
    <t>cg12588014</t>
  </si>
  <si>
    <t>cg12591148</t>
  </si>
  <si>
    <t>cg12602945</t>
  </si>
  <si>
    <t>cg12603043</t>
  </si>
  <si>
    <t>cg12610917</t>
  </si>
  <si>
    <t>cg12619876</t>
  </si>
  <si>
    <t>cg12622273</t>
  </si>
  <si>
    <t>cg12625263</t>
  </si>
  <si>
    <t>cg12650490</t>
  </si>
  <si>
    <t>cg12651480</t>
  </si>
  <si>
    <t>cg12658792</t>
  </si>
  <si>
    <t>cg12665460</t>
  </si>
  <si>
    <t>cg12677723</t>
  </si>
  <si>
    <t>cg12680071</t>
  </si>
  <si>
    <t>cg12683641</t>
  </si>
  <si>
    <t>cg12695707</t>
  </si>
  <si>
    <t>cg12706938</t>
  </si>
  <si>
    <t>cg12722469</t>
  </si>
  <si>
    <t>cg12739761</t>
  </si>
  <si>
    <t>cg12754733</t>
  </si>
  <si>
    <t>cg12756686</t>
  </si>
  <si>
    <t>cg12759215</t>
  </si>
  <si>
    <t>cg12763971</t>
  </si>
  <si>
    <t>cg12768605</t>
  </si>
  <si>
    <t>cg12792011</t>
  </si>
  <si>
    <t>cg12804865</t>
  </si>
  <si>
    <t>cg12817436</t>
  </si>
  <si>
    <t>cg12819826</t>
  </si>
  <si>
    <t>cg12821045</t>
  </si>
  <si>
    <t>cg12833720</t>
  </si>
  <si>
    <t>cg12835352</t>
  </si>
  <si>
    <t>cg12845177</t>
  </si>
  <si>
    <t>cg12850358</t>
  </si>
  <si>
    <t>cg12850636</t>
  </si>
  <si>
    <t>cg12859923</t>
  </si>
  <si>
    <t>cg12868305</t>
  </si>
  <si>
    <t>cg12872398</t>
  </si>
  <si>
    <t>cg12873707</t>
  </si>
  <si>
    <t>cg12916723</t>
  </si>
  <si>
    <t>cg12920798</t>
  </si>
  <si>
    <t>cg12933521</t>
  </si>
  <si>
    <t>cg12941931</t>
  </si>
  <si>
    <t>cg12945693</t>
  </si>
  <si>
    <t>cg12946214</t>
  </si>
  <si>
    <t>cg12946225</t>
  </si>
  <si>
    <t>cg12947035</t>
  </si>
  <si>
    <t>cg12948621</t>
  </si>
  <si>
    <t>cg12950007</t>
  </si>
  <si>
    <t>cg12952132</t>
  </si>
  <si>
    <t>cg12955084</t>
  </si>
  <si>
    <t>cg12959079</t>
  </si>
  <si>
    <t>cg12963261</t>
  </si>
  <si>
    <t>cg12965344</t>
  </si>
  <si>
    <t>cg12965464</t>
  </si>
  <si>
    <t>cg12967050</t>
  </si>
  <si>
    <t>cg12970081</t>
  </si>
  <si>
    <t>cg12970724</t>
  </si>
  <si>
    <t>cg12971526</t>
  </si>
  <si>
    <t>cg12973930</t>
  </si>
  <si>
    <t>cg12976832</t>
  </si>
  <si>
    <t>cg12977334</t>
  </si>
  <si>
    <t>cg12978820</t>
  </si>
  <si>
    <t>cg12980411</t>
  </si>
  <si>
    <t>cg12980692</t>
  </si>
  <si>
    <t>cg12980900</t>
  </si>
  <si>
    <t>cg12981270</t>
  </si>
  <si>
    <t>cg12983442</t>
  </si>
  <si>
    <t>cg12989534</t>
  </si>
  <si>
    <t>cg12999109</t>
  </si>
  <si>
    <t>cg13000134</t>
  </si>
  <si>
    <t>cg13008315</t>
  </si>
  <si>
    <t>cg13044136</t>
  </si>
  <si>
    <t>cg13046237</t>
  </si>
  <si>
    <t>cg13047511</t>
  </si>
  <si>
    <t>cg13073894</t>
  </si>
  <si>
    <t>cg13078161</t>
  </si>
  <si>
    <t>cg13078388</t>
  </si>
  <si>
    <t>cg13078926</t>
  </si>
  <si>
    <t>cg13079099</t>
  </si>
  <si>
    <t>cg13080551</t>
  </si>
  <si>
    <t>cg13082958</t>
  </si>
  <si>
    <t>cg13083674</t>
  </si>
  <si>
    <t>cg13085065</t>
  </si>
  <si>
    <t>cg13085340</t>
  </si>
  <si>
    <t>cg13086467</t>
  </si>
  <si>
    <t>cg13099813</t>
  </si>
  <si>
    <t>cg13118849</t>
  </si>
  <si>
    <t>cg13120519</t>
  </si>
  <si>
    <t>cg13150596</t>
  </si>
  <si>
    <t>cg13168411</t>
  </si>
  <si>
    <t>cg13168924</t>
  </si>
  <si>
    <t>cg13179216</t>
  </si>
  <si>
    <t>cg13181745</t>
  </si>
  <si>
    <t>cg13183539</t>
  </si>
  <si>
    <t>cg13183956</t>
  </si>
  <si>
    <t>cg13185545</t>
  </si>
  <si>
    <t>cg13194341</t>
  </si>
  <si>
    <t>cg13203804</t>
  </si>
  <si>
    <t>cg13220129</t>
  </si>
  <si>
    <t>cg13227697</t>
  </si>
  <si>
    <t>cg13236854</t>
  </si>
  <si>
    <t>cg13239572</t>
  </si>
  <si>
    <t>cg13253660</t>
  </si>
  <si>
    <t>cg13264473</t>
  </si>
  <si>
    <t>cg13266292</t>
  </si>
  <si>
    <t>cg13272818</t>
  </si>
  <si>
    <t>cg13278334</t>
  </si>
  <si>
    <t>cg13285447</t>
  </si>
  <si>
    <t>cg13291811</t>
  </si>
  <si>
    <t>cg13294594</t>
  </si>
  <si>
    <t>cg13298384</t>
  </si>
  <si>
    <t>cg13301014</t>
  </si>
  <si>
    <t>cg13312094</t>
  </si>
  <si>
    <t>cg13315694</t>
  </si>
  <si>
    <t>cg13320842</t>
  </si>
  <si>
    <t>cg13321609</t>
  </si>
  <si>
    <t>cg13321746</t>
  </si>
  <si>
    <t>cg13322449</t>
  </si>
  <si>
    <t>cg13322582</t>
  </si>
  <si>
    <t>cg13331136</t>
  </si>
  <si>
    <t>cg13332143</t>
  </si>
  <si>
    <t>cg13335329</t>
  </si>
  <si>
    <t>cg13336167</t>
  </si>
  <si>
    <t>cg13337047</t>
  </si>
  <si>
    <t>cg13339930</t>
  </si>
  <si>
    <t>cg13342441</t>
  </si>
  <si>
    <t>cg13344344</t>
  </si>
  <si>
    <t>cg13346967</t>
  </si>
  <si>
    <t>cg13347784</t>
  </si>
  <si>
    <t>cg13350173</t>
  </si>
  <si>
    <t>cg13350768</t>
  </si>
  <si>
    <t>cg13351352</t>
  </si>
  <si>
    <t>cg13356285</t>
  </si>
  <si>
    <t>cg13357776</t>
  </si>
  <si>
    <t>cg13360638</t>
  </si>
  <si>
    <t>cg13361749</t>
  </si>
  <si>
    <t>cg13362288</t>
  </si>
  <si>
    <t>cg13364410</t>
  </si>
  <si>
    <t>cg13367381</t>
  </si>
  <si>
    <t>cg13368085</t>
  </si>
  <si>
    <t>cg13369845</t>
  </si>
  <si>
    <t>cg13371407</t>
  </si>
  <si>
    <t>cg13374648</t>
  </si>
  <si>
    <t>cg13375538</t>
  </si>
  <si>
    <t>cg13379558</t>
  </si>
  <si>
    <t>cg13382072</t>
  </si>
  <si>
    <t>cg13383851</t>
  </si>
  <si>
    <t>cg13387994</t>
  </si>
  <si>
    <t>cg13388253</t>
  </si>
  <si>
    <t>cg13388992</t>
  </si>
  <si>
    <t>cg13389213</t>
  </si>
  <si>
    <t>cg13393201</t>
  </si>
  <si>
    <t>cg13393785</t>
  </si>
  <si>
    <t>cg13393793</t>
  </si>
  <si>
    <t>cg13393830</t>
  </si>
  <si>
    <t>cg13394310</t>
  </si>
  <si>
    <t>cg13396213</t>
  </si>
  <si>
    <t>cg13399678</t>
  </si>
  <si>
    <t>cg13403724</t>
  </si>
  <si>
    <t>cg13407883</t>
  </si>
  <si>
    <t>cg13418196</t>
  </si>
  <si>
    <t>cg13419792</t>
  </si>
  <si>
    <t>cg13422347</t>
  </si>
  <si>
    <t>cg13425960</t>
  </si>
  <si>
    <t>cg13426637</t>
  </si>
  <si>
    <t>cg13426891</t>
  </si>
  <si>
    <t>cg13427283</t>
  </si>
  <si>
    <t>cg13429145</t>
  </si>
  <si>
    <t>cg13432391</t>
  </si>
  <si>
    <t>cg13434396</t>
  </si>
  <si>
    <t>cg13437554</t>
  </si>
  <si>
    <t>cg13438673</t>
  </si>
  <si>
    <t>cg13445251</t>
  </si>
  <si>
    <t>cg13447416</t>
  </si>
  <si>
    <t>cg13449748</t>
  </si>
  <si>
    <t>cg13455326</t>
  </si>
  <si>
    <t>cg13456960</t>
  </si>
  <si>
    <t>cg13457790</t>
  </si>
  <si>
    <t>cg13460465</t>
  </si>
  <si>
    <t>cg13461178</t>
  </si>
  <si>
    <t>cg13461313</t>
  </si>
  <si>
    <t>cg13463459</t>
  </si>
  <si>
    <t>cg13464059</t>
  </si>
  <si>
    <t>cg13468300</t>
  </si>
  <si>
    <t>cg13470125</t>
  </si>
  <si>
    <t>cg13472369</t>
  </si>
  <si>
    <t>cg13475732</t>
  </si>
  <si>
    <t>cg13482954</t>
  </si>
  <si>
    <t>cg13486805</t>
  </si>
  <si>
    <t>cg13488605</t>
  </si>
  <si>
    <t>cg13489914</t>
  </si>
  <si>
    <t>cg13492223</t>
  </si>
  <si>
    <t>cg13499773</t>
  </si>
  <si>
    <t>cg13507706</t>
  </si>
  <si>
    <t>cg13508283</t>
  </si>
  <si>
    <t>cg13510813</t>
  </si>
  <si>
    <t>cg13516362</t>
  </si>
  <si>
    <t>cg13519464</t>
  </si>
  <si>
    <t>cg13520520</t>
  </si>
  <si>
    <t>cg13521229</t>
  </si>
  <si>
    <t>cg13521739</t>
  </si>
  <si>
    <t>cg13521889</t>
  </si>
  <si>
    <t>cg13521973</t>
  </si>
  <si>
    <t>cg13523528</t>
  </si>
  <si>
    <t>cg13526492</t>
  </si>
  <si>
    <t>cg13527233</t>
  </si>
  <si>
    <t>cg13529407</t>
  </si>
  <si>
    <t>cg13529623</t>
  </si>
  <si>
    <t>cg13530292</t>
  </si>
  <si>
    <t>cg13533142</t>
  </si>
  <si>
    <t>cg13535489</t>
  </si>
  <si>
    <t>cg13537276</t>
  </si>
  <si>
    <t>cg13537471</t>
  </si>
  <si>
    <t>cg13537487</t>
  </si>
  <si>
    <t>cg13539205</t>
  </si>
  <si>
    <t>cg13540795</t>
  </si>
  <si>
    <t>cg13542022</t>
  </si>
  <si>
    <t>cg13542542</t>
  </si>
  <si>
    <t>cg13544883</t>
  </si>
  <si>
    <t>cg13546240</t>
  </si>
  <si>
    <t>cg13549667</t>
  </si>
  <si>
    <t>cg13550432</t>
  </si>
  <si>
    <t>cg13551269</t>
  </si>
  <si>
    <t>cg13553735</t>
  </si>
  <si>
    <t>cg13553897</t>
  </si>
  <si>
    <t>cg13555263</t>
  </si>
  <si>
    <t>cg13556491</t>
  </si>
  <si>
    <t>cg13556806</t>
  </si>
  <si>
    <t>cg13557995</t>
  </si>
  <si>
    <t>cg13558462</t>
  </si>
  <si>
    <t>cg13559046</t>
  </si>
  <si>
    <t>cg13561409</t>
  </si>
  <si>
    <t>cg13565619</t>
  </si>
  <si>
    <t>cg13565891</t>
  </si>
  <si>
    <t>cg13566596</t>
  </si>
  <si>
    <t>cg13568258</t>
  </si>
  <si>
    <t>cg13571293</t>
  </si>
  <si>
    <t>cg13573245</t>
  </si>
  <si>
    <t>cg13577055</t>
  </si>
  <si>
    <t>cg13578303</t>
  </si>
  <si>
    <t>cg13579112</t>
  </si>
  <si>
    <t>cg13581928</t>
  </si>
  <si>
    <t>cg13582399</t>
  </si>
  <si>
    <t>cg13585688</t>
  </si>
  <si>
    <t>cg13588954</t>
  </si>
  <si>
    <t>cg13591058</t>
  </si>
  <si>
    <t>cg13594151</t>
  </si>
  <si>
    <t>cg13597949</t>
  </si>
  <si>
    <t>cg13598193</t>
  </si>
  <si>
    <t>cg13600227</t>
  </si>
  <si>
    <t>cg13601636</t>
  </si>
  <si>
    <t>cg13602232</t>
  </si>
  <si>
    <t>cg13611456</t>
  </si>
  <si>
    <t>cg13612958</t>
  </si>
  <si>
    <t>cg13613815</t>
  </si>
  <si>
    <t>cg13613853</t>
  </si>
  <si>
    <t>cg13617753</t>
  </si>
  <si>
    <t>cg13619768</t>
  </si>
  <si>
    <t>cg13620808</t>
  </si>
  <si>
    <t>cg13629565</t>
  </si>
  <si>
    <t>cg13633756</t>
  </si>
  <si>
    <t>cg13637269</t>
  </si>
  <si>
    <t>cg13638028</t>
  </si>
  <si>
    <t>cg13642754</t>
  </si>
  <si>
    <t>cg13643138</t>
  </si>
  <si>
    <t>cg13643356</t>
  </si>
  <si>
    <t>cg13644715</t>
  </si>
  <si>
    <t>cg13647601</t>
  </si>
  <si>
    <t>cg13649253</t>
  </si>
  <si>
    <t>cg13650654</t>
  </si>
  <si>
    <t>cg13650689</t>
  </si>
  <si>
    <t>cg13650843</t>
  </si>
  <si>
    <t>cg13651483</t>
  </si>
  <si>
    <t>cg13652372</t>
  </si>
  <si>
    <t>cg13653830</t>
  </si>
  <si>
    <t>cg13654902</t>
  </si>
  <si>
    <t>cg13656062</t>
  </si>
  <si>
    <t>cg13657095</t>
  </si>
  <si>
    <t>cg13657776</t>
  </si>
  <si>
    <t>cg13658962</t>
  </si>
  <si>
    <t>cg13659813</t>
  </si>
  <si>
    <t>cg13660670</t>
  </si>
  <si>
    <t>cg13663667</t>
  </si>
  <si>
    <t>cg13668129</t>
  </si>
  <si>
    <t>cg13668450</t>
  </si>
  <si>
    <t>cg13670756</t>
  </si>
  <si>
    <t>cg13672300</t>
  </si>
  <si>
    <t>cg13672791</t>
  </si>
  <si>
    <t>cg13678479</t>
  </si>
  <si>
    <t>cg13685746</t>
  </si>
  <si>
    <t>cg13685883</t>
  </si>
  <si>
    <t>cg13686919</t>
  </si>
  <si>
    <t>cg13687570</t>
  </si>
  <si>
    <t>cg13688765</t>
  </si>
  <si>
    <t>cg13691442</t>
  </si>
  <si>
    <t>cg13699804</t>
  </si>
  <si>
    <t>cg13701117</t>
  </si>
  <si>
    <t>cg13701180</t>
  </si>
  <si>
    <t>cg13701510</t>
  </si>
  <si>
    <t>cg13710027</t>
  </si>
  <si>
    <t>cg13710557</t>
  </si>
  <si>
    <t>cg13714039</t>
  </si>
  <si>
    <t>cg13715319</t>
  </si>
  <si>
    <t>cg13715758</t>
  </si>
  <si>
    <t>cg13716638</t>
  </si>
  <si>
    <t>cg13717553</t>
  </si>
  <si>
    <t>cg13720262</t>
  </si>
  <si>
    <t>cg13720472</t>
  </si>
  <si>
    <t>cg13721800</t>
  </si>
  <si>
    <t>cg13726332</t>
  </si>
  <si>
    <t>cg13727946</t>
  </si>
  <si>
    <t>cg13728060</t>
  </si>
  <si>
    <t>cg13728108</t>
  </si>
  <si>
    <t>cg13728831</t>
  </si>
  <si>
    <t>cg13733403</t>
  </si>
  <si>
    <t>cg13740815</t>
  </si>
  <si>
    <t>cg13741406</t>
  </si>
  <si>
    <t>cg13744954</t>
  </si>
  <si>
    <t>cg13749314</t>
  </si>
  <si>
    <t>cg13750350</t>
  </si>
  <si>
    <t>cg13752254</t>
  </si>
  <si>
    <t>cg13759418</t>
  </si>
  <si>
    <t>cg13762704</t>
  </si>
  <si>
    <t>cg13765004</t>
  </si>
  <si>
    <t>cg13769548</t>
  </si>
  <si>
    <t>cg13769964</t>
  </si>
  <si>
    <t>cg13771219</t>
  </si>
  <si>
    <t>cg13772174</t>
  </si>
  <si>
    <t>cg13777150</t>
  </si>
  <si>
    <t>cg13777292</t>
  </si>
  <si>
    <t>cg13777621</t>
  </si>
  <si>
    <t>cg13781700</t>
  </si>
  <si>
    <t>cg13782532</t>
  </si>
  <si>
    <t>cg13786209</t>
  </si>
  <si>
    <t>cg13788117</t>
  </si>
  <si>
    <t>cg13788592</t>
  </si>
  <si>
    <t>cg13790259</t>
  </si>
  <si>
    <t>cg13790424</t>
  </si>
  <si>
    <t>cg13793157</t>
  </si>
  <si>
    <t>cg13793525</t>
  </si>
  <si>
    <t>cg13795840</t>
  </si>
  <si>
    <t>cg13798986</t>
  </si>
  <si>
    <t>cg13801271</t>
  </si>
  <si>
    <t>cg13811448</t>
  </si>
  <si>
    <t>cg13826154</t>
  </si>
  <si>
    <t>cg13830730</t>
  </si>
  <si>
    <t>cg13833831</t>
  </si>
  <si>
    <t>cg13837895</t>
  </si>
  <si>
    <t>cg13846796</t>
  </si>
  <si>
    <t>cg13851870</t>
  </si>
  <si>
    <t>cg13858139</t>
  </si>
  <si>
    <t>cg13861407</t>
  </si>
  <si>
    <t>cg13861524</t>
  </si>
  <si>
    <t>cg13862920</t>
  </si>
  <si>
    <t>cg13869971</t>
  </si>
  <si>
    <t>cg13880094</t>
  </si>
  <si>
    <t>cg13880303</t>
  </si>
  <si>
    <t>cg13881341</t>
  </si>
  <si>
    <t>cg13899108</t>
  </si>
  <si>
    <t>cg13903482</t>
  </si>
  <si>
    <t>cg13906416</t>
  </si>
  <si>
    <t>cg13915538</t>
  </si>
  <si>
    <t>cg13915576</t>
  </si>
  <si>
    <t>cg13917004</t>
  </si>
  <si>
    <t>cg13920100</t>
  </si>
  <si>
    <t>cg13922488</t>
  </si>
  <si>
    <t>cg13923040</t>
  </si>
  <si>
    <t>cg13927140</t>
  </si>
  <si>
    <t>cg13930352</t>
  </si>
  <si>
    <t>cg13935694</t>
  </si>
  <si>
    <t>cg13941393</t>
  </si>
  <si>
    <t>cg13941982</t>
  </si>
  <si>
    <t>cg13944099</t>
  </si>
  <si>
    <t>cg13950558</t>
  </si>
  <si>
    <t>cg13950770</t>
  </si>
  <si>
    <t>cg13954548</t>
  </si>
  <si>
    <t>cg13959523</t>
  </si>
  <si>
    <t>cg13960126</t>
  </si>
  <si>
    <t>cg13960192</t>
  </si>
  <si>
    <t>cg13960339</t>
  </si>
  <si>
    <t>cg13961142</t>
  </si>
  <si>
    <t>cg13965144</t>
  </si>
  <si>
    <t>cg13965612</t>
  </si>
  <si>
    <t>cg13966771</t>
  </si>
  <si>
    <t>cg13970540</t>
  </si>
  <si>
    <t>cg13970591</t>
  </si>
  <si>
    <t>cg13971283</t>
  </si>
  <si>
    <t>cg13973002</t>
  </si>
  <si>
    <t>cg13976853</t>
  </si>
  <si>
    <t>cg13977597</t>
  </si>
  <si>
    <t>cg13978367</t>
  </si>
  <si>
    <t>cg13978566</t>
  </si>
  <si>
    <t>cg13978929</t>
  </si>
  <si>
    <t>cg13979274</t>
  </si>
  <si>
    <t>cg13981483</t>
  </si>
  <si>
    <t>cg13981787</t>
  </si>
  <si>
    <t>cg13982590</t>
  </si>
  <si>
    <t>cg13983692</t>
  </si>
  <si>
    <t>cg13985252</t>
  </si>
  <si>
    <t>cg13986089</t>
  </si>
  <si>
    <t>cg13993643</t>
  </si>
  <si>
    <t>cg13993734</t>
  </si>
  <si>
    <t>cg13996999</t>
  </si>
  <si>
    <t>cg13997759</t>
  </si>
  <si>
    <t>cg14005240</t>
  </si>
  <si>
    <t>cg14006390</t>
  </si>
  <si>
    <t>cg14006586</t>
  </si>
  <si>
    <t>cg14007706</t>
  </si>
  <si>
    <t>cg14008648</t>
  </si>
  <si>
    <t>cg14009227</t>
  </si>
  <si>
    <t>cg14009312</t>
  </si>
  <si>
    <t>cg14010379</t>
  </si>
  <si>
    <t>cg14010619</t>
  </si>
  <si>
    <t>cg14010696</t>
  </si>
  <si>
    <t>cg14013103</t>
  </si>
  <si>
    <t>cg14015503</t>
  </si>
  <si>
    <t>cg14016200</t>
  </si>
  <si>
    <t>cg14017460</t>
  </si>
  <si>
    <t>cg14021871</t>
  </si>
  <si>
    <t>cg14023357</t>
  </si>
  <si>
    <t>cg14023762</t>
  </si>
  <si>
    <t>cg14024458</t>
  </si>
  <si>
    <t>cg14025336</t>
  </si>
  <si>
    <t>cg14027907</t>
  </si>
  <si>
    <t>cg14029117</t>
  </si>
  <si>
    <t>cg14031059</t>
  </si>
  <si>
    <t>cg14032244</t>
  </si>
  <si>
    <t>cg14032725</t>
  </si>
  <si>
    <t>cg14034476</t>
  </si>
  <si>
    <t>cg14037553</t>
  </si>
  <si>
    <t>cg14038115</t>
  </si>
  <si>
    <t>cg14039368</t>
  </si>
  <si>
    <t>cg14040796</t>
  </si>
  <si>
    <t>cg14041069</t>
  </si>
  <si>
    <t>cg14042128</t>
  </si>
  <si>
    <t>cg14042241</t>
  </si>
  <si>
    <t>cg14042714</t>
  </si>
  <si>
    <t>cg14045283</t>
  </si>
  <si>
    <t>cg14045575</t>
  </si>
  <si>
    <t>cg14047244</t>
  </si>
  <si>
    <t>cg14050838</t>
  </si>
  <si>
    <t>cg14052044</t>
  </si>
  <si>
    <t>cg14060828</t>
  </si>
  <si>
    <t>cg14061069</t>
  </si>
  <si>
    <t>cg14063331</t>
  </si>
  <si>
    <t>cg14064148</t>
  </si>
  <si>
    <t>cg14066280</t>
  </si>
  <si>
    <t>cg14066757</t>
  </si>
  <si>
    <t>cg14066773</t>
  </si>
  <si>
    <t>cg14067541</t>
  </si>
  <si>
    <t>cg14068489</t>
  </si>
  <si>
    <t>cg14068721</t>
  </si>
  <si>
    <t>cg14073010</t>
  </si>
  <si>
    <t>cg14074174</t>
  </si>
  <si>
    <t>cg14074431</t>
  </si>
  <si>
    <t>cg14074581</t>
  </si>
  <si>
    <t>cg14081474</t>
  </si>
  <si>
    <t>cg14081599</t>
  </si>
  <si>
    <t>cg14081933</t>
  </si>
  <si>
    <t>cg14082241</t>
  </si>
  <si>
    <t>cg14084272</t>
  </si>
  <si>
    <t>cg14084692</t>
  </si>
  <si>
    <t>cg14085247</t>
  </si>
  <si>
    <t>cg14085840</t>
  </si>
  <si>
    <t>cg14086828</t>
  </si>
  <si>
    <t>cg14088693</t>
  </si>
  <si>
    <t>cg14090219</t>
  </si>
  <si>
    <t>cg14090880</t>
  </si>
  <si>
    <t>cg14092997</t>
  </si>
  <si>
    <t>cg14093125</t>
  </si>
  <si>
    <t>cg14093663</t>
  </si>
  <si>
    <t>cg14103106</t>
  </si>
  <si>
    <t>cg14103343</t>
  </si>
  <si>
    <t>cg14110548</t>
  </si>
  <si>
    <t>cg14111332</t>
  </si>
  <si>
    <t>cg14111579</t>
  </si>
  <si>
    <t>cg14114377</t>
  </si>
  <si>
    <t>cg14117297</t>
  </si>
  <si>
    <t>cg14118475</t>
  </si>
  <si>
    <t>cg14119201</t>
  </si>
  <si>
    <t>cg14121862</t>
  </si>
  <si>
    <t>cg14123992</t>
  </si>
  <si>
    <t>cg14125250</t>
  </si>
  <si>
    <t>cg14125846</t>
  </si>
  <si>
    <t>cg14128641</t>
  </si>
  <si>
    <t>cg14128973</t>
  </si>
  <si>
    <t>cg14129169</t>
  </si>
  <si>
    <t>cg14129664</t>
  </si>
  <si>
    <t>cg14130141</t>
  </si>
  <si>
    <t>cg14132016</t>
  </si>
  <si>
    <t>cg14132357</t>
  </si>
  <si>
    <t>cg14133339</t>
  </si>
  <si>
    <t>cg14133643</t>
  </si>
  <si>
    <t>cg14134006</t>
  </si>
  <si>
    <t>cg14134408</t>
  </si>
  <si>
    <t>cg14139627</t>
  </si>
  <si>
    <t>cg14139905</t>
  </si>
  <si>
    <t>cg14142713</t>
  </si>
  <si>
    <t>cg14142836</t>
  </si>
  <si>
    <t>cg14145185</t>
  </si>
  <si>
    <t>cg14145194</t>
  </si>
  <si>
    <t>cg14145667</t>
  </si>
  <si>
    <t>cg14147105</t>
  </si>
  <si>
    <t>cg14151409</t>
  </si>
  <si>
    <t>cg14152139</t>
  </si>
  <si>
    <t>cg14153927</t>
  </si>
  <si>
    <t>cg14154182</t>
  </si>
  <si>
    <t>cg14156381</t>
  </si>
  <si>
    <t>cg14166009</t>
  </si>
  <si>
    <t>cg14173185</t>
  </si>
  <si>
    <t>cg14173523</t>
  </si>
  <si>
    <t>cg14178506</t>
  </si>
  <si>
    <t>cg14182621</t>
  </si>
  <si>
    <t>cg14184817</t>
  </si>
  <si>
    <t>cg14185229</t>
  </si>
  <si>
    <t>cg14188428</t>
  </si>
  <si>
    <t>cg14188508</t>
  </si>
  <si>
    <t>cg14189808</t>
  </si>
  <si>
    <t>cg14193594</t>
  </si>
  <si>
    <t>cg14198101</t>
  </si>
  <si>
    <t>cg14198860</t>
  </si>
  <si>
    <t>cg14199827</t>
  </si>
  <si>
    <t>cg14200834</t>
  </si>
  <si>
    <t>cg14202186</t>
  </si>
  <si>
    <t>cg14203292</t>
  </si>
  <si>
    <t>cg14203758</t>
  </si>
  <si>
    <t>cg14204064</t>
  </si>
  <si>
    <t>cg14207833</t>
  </si>
  <si>
    <t>cg14209047</t>
  </si>
  <si>
    <t>cg14209920</t>
  </si>
  <si>
    <t>cg14210454</t>
  </si>
  <si>
    <t>cg14212180</t>
  </si>
  <si>
    <t>cg14212190</t>
  </si>
  <si>
    <t>cg14213992</t>
  </si>
  <si>
    <t>cg14214288</t>
  </si>
  <si>
    <t>cg14218481</t>
  </si>
  <si>
    <t>cg14222245</t>
  </si>
  <si>
    <t>cg14223017</t>
  </si>
  <si>
    <t>cg14223395</t>
  </si>
  <si>
    <t>cg14224170</t>
  </si>
  <si>
    <t>cg14232365</t>
  </si>
  <si>
    <t>cg14234302</t>
  </si>
  <si>
    <t>cg14239324</t>
  </si>
  <si>
    <t>cg14240723</t>
  </si>
  <si>
    <t>cg14242207</t>
  </si>
  <si>
    <t>cg14245356</t>
  </si>
  <si>
    <t>cg14245836</t>
  </si>
  <si>
    <t>cg14249148</t>
  </si>
  <si>
    <t>cg14250074</t>
  </si>
  <si>
    <t>cg14252502</t>
  </si>
  <si>
    <t>cg14253932</t>
  </si>
  <si>
    <t>cg14255158</t>
  </si>
  <si>
    <t>cg14256102</t>
  </si>
  <si>
    <t>cg14258980</t>
  </si>
  <si>
    <t>cg14260485</t>
  </si>
  <si>
    <t>cg14265502</t>
  </si>
  <si>
    <t>cg14267671</t>
  </si>
  <si>
    <t>cg14269716</t>
  </si>
  <si>
    <t>cg14270989</t>
  </si>
  <si>
    <t>cg14271499</t>
  </si>
  <si>
    <t>cg14272073</t>
  </si>
  <si>
    <t>cg14273126</t>
  </si>
  <si>
    <t>cg14275952</t>
  </si>
  <si>
    <t>cg14276006</t>
  </si>
  <si>
    <t>cg14276027</t>
  </si>
  <si>
    <t>cg14277057</t>
  </si>
  <si>
    <t>cg14282004</t>
  </si>
  <si>
    <t>cg14284824</t>
  </si>
  <si>
    <t>cg14285412</t>
  </si>
  <si>
    <t>cg14287923</t>
  </si>
  <si>
    <t>cg14292314</t>
  </si>
  <si>
    <t>cg14292803</t>
  </si>
  <si>
    <t>cg14293102</t>
  </si>
  <si>
    <t>cg14294321</t>
  </si>
  <si>
    <t>cg14296903</t>
  </si>
  <si>
    <t>cg14298780</t>
  </si>
  <si>
    <t>cg14300863</t>
  </si>
  <si>
    <t>cg14301425</t>
  </si>
  <si>
    <t>cg14305641</t>
  </si>
  <si>
    <t>cg14308452</t>
  </si>
  <si>
    <t>cg14309246</t>
  </si>
  <si>
    <t>cg14314896</t>
  </si>
  <si>
    <t>cg14316898</t>
  </si>
  <si>
    <t>cg14317046</t>
  </si>
  <si>
    <t>cg14318734</t>
  </si>
  <si>
    <t>cg14319655</t>
  </si>
  <si>
    <t>cg14319773</t>
  </si>
  <si>
    <t>cg14320729</t>
  </si>
  <si>
    <t>cg14323873</t>
  </si>
  <si>
    <t>cg14324693</t>
  </si>
  <si>
    <t>cg14330675</t>
  </si>
  <si>
    <t>cg14339216</t>
  </si>
  <si>
    <t>cg14340070</t>
  </si>
  <si>
    <t>cg14340463</t>
  </si>
  <si>
    <t>cg14340610</t>
  </si>
  <si>
    <t>cg14342428</t>
  </si>
  <si>
    <t>cg14364739</t>
  </si>
  <si>
    <t>cg14366490</t>
  </si>
  <si>
    <t>cg14389547</t>
  </si>
  <si>
    <t>cg14396421</t>
  </si>
  <si>
    <t>cg14399447</t>
  </si>
  <si>
    <t>cg14401897</t>
  </si>
  <si>
    <t>cg14402591</t>
  </si>
  <si>
    <t>cg14402955</t>
  </si>
  <si>
    <t>cg14414162</t>
  </si>
  <si>
    <t>cg14440600</t>
  </si>
  <si>
    <t>cg14449575</t>
  </si>
  <si>
    <t>cg14449833</t>
  </si>
  <si>
    <t>cg14449918</t>
  </si>
  <si>
    <t>cg14478768</t>
  </si>
  <si>
    <t>cg14496375</t>
  </si>
  <si>
    <t>cg14511156</t>
  </si>
  <si>
    <t>cg14524579</t>
  </si>
  <si>
    <t>cg14525458</t>
  </si>
  <si>
    <t>cg14528319</t>
  </si>
  <si>
    <t>cg14531085</t>
  </si>
  <si>
    <t>cg14535518</t>
  </si>
  <si>
    <t>cg14539461</t>
  </si>
  <si>
    <t>cg14539532</t>
  </si>
  <si>
    <t>cg14542646</t>
  </si>
  <si>
    <t>cg14544180</t>
  </si>
  <si>
    <t>cg14545763</t>
  </si>
  <si>
    <t>cg14548611</t>
  </si>
  <si>
    <t>cg14550066</t>
  </si>
  <si>
    <t>cg14554491</t>
  </si>
  <si>
    <t>cg14554776</t>
  </si>
  <si>
    <t>cg14556871</t>
  </si>
  <si>
    <t>cg14560133</t>
  </si>
  <si>
    <t>cg14561276</t>
  </si>
  <si>
    <t>cg14561295</t>
  </si>
  <si>
    <t>cg14563485</t>
  </si>
  <si>
    <t>cg14567593</t>
  </si>
  <si>
    <t>cg14568105</t>
  </si>
  <si>
    <t>cg14572808</t>
  </si>
  <si>
    <t>cg14573876</t>
  </si>
  <si>
    <t>cg14575739</t>
  </si>
  <si>
    <t>cg14576628</t>
  </si>
  <si>
    <t>cg14576825</t>
  </si>
  <si>
    <t>cg14579560</t>
  </si>
  <si>
    <t>cg14580919</t>
  </si>
  <si>
    <t>cg14582009</t>
  </si>
  <si>
    <t>cg14583103</t>
  </si>
  <si>
    <t>cg14583825</t>
  </si>
  <si>
    <t>cg14584577</t>
  </si>
  <si>
    <t>cg14584815</t>
  </si>
  <si>
    <t>cg14584926</t>
  </si>
  <si>
    <t>cg14586180</t>
  </si>
  <si>
    <t>cg14586555</t>
  </si>
  <si>
    <t>cg14588779</t>
  </si>
  <si>
    <t>cg14591419</t>
  </si>
  <si>
    <t>cg14591460</t>
  </si>
  <si>
    <t>cg14592770</t>
  </si>
  <si>
    <t>cg14594362</t>
  </si>
  <si>
    <t>cg14594969</t>
  </si>
  <si>
    <t>cg14602471</t>
  </si>
  <si>
    <t>cg14603973</t>
  </si>
  <si>
    <t>cg14608577</t>
  </si>
  <si>
    <t>cg14627089</t>
  </si>
  <si>
    <t>cg14631037</t>
  </si>
  <si>
    <t>cg14631703</t>
  </si>
  <si>
    <t>cg14651844</t>
  </si>
  <si>
    <t>cg14658651</t>
  </si>
  <si>
    <t>cg14659082</t>
  </si>
  <si>
    <t>cg14663914</t>
  </si>
  <si>
    <t>cg14666310</t>
  </si>
  <si>
    <t>cg14667838</t>
  </si>
  <si>
    <t>cg14668975</t>
  </si>
  <si>
    <t>cg14670092</t>
  </si>
  <si>
    <t>cg14676443</t>
  </si>
  <si>
    <t>cg14685245</t>
  </si>
  <si>
    <t>cg14689324</t>
  </si>
  <si>
    <t>cg14691729</t>
  </si>
  <si>
    <t>cg14694038</t>
  </si>
  <si>
    <t>cg14695540</t>
  </si>
  <si>
    <t>cg14699651</t>
  </si>
  <si>
    <t>cg14699734</t>
  </si>
  <si>
    <t>cg14700230</t>
  </si>
  <si>
    <t>cg14704483</t>
  </si>
  <si>
    <t>cg14704527</t>
  </si>
  <si>
    <t>cg14706200</t>
  </si>
  <si>
    <t>cg14707187</t>
  </si>
  <si>
    <t>cg14709103</t>
  </si>
  <si>
    <t>cg14711976</t>
  </si>
  <si>
    <t>cg14713139</t>
  </si>
  <si>
    <t>cg14719352</t>
  </si>
  <si>
    <t>cg14723423</t>
  </si>
  <si>
    <t>cg14723977</t>
  </si>
  <si>
    <t>cg14724750</t>
  </si>
  <si>
    <t>cg14726229</t>
  </si>
  <si>
    <t>cg14729961</t>
  </si>
  <si>
    <t>cg14731657</t>
  </si>
  <si>
    <t>cg14732998</t>
  </si>
  <si>
    <t>cg14733989</t>
  </si>
  <si>
    <t>cg14737320</t>
  </si>
  <si>
    <t>cg14737370</t>
  </si>
  <si>
    <t>cg14737613</t>
  </si>
  <si>
    <t>cg14738348</t>
  </si>
  <si>
    <t>cg14738643</t>
  </si>
  <si>
    <t>cg14740571</t>
  </si>
  <si>
    <t>cg14740952</t>
  </si>
  <si>
    <t>cg14741399</t>
  </si>
  <si>
    <t>cg14744050</t>
  </si>
  <si>
    <t>cg14745451</t>
  </si>
  <si>
    <t>cg14747903</t>
  </si>
  <si>
    <t>cg14748455</t>
  </si>
  <si>
    <t>cg14749334</t>
  </si>
  <si>
    <t>cg14750269</t>
  </si>
  <si>
    <t>cg14750475</t>
  </si>
  <si>
    <t>cg14752603</t>
  </si>
  <si>
    <t>cg14753070</t>
  </si>
  <si>
    <t>cg14753355</t>
  </si>
  <si>
    <t>cg14756040</t>
  </si>
  <si>
    <t>cg14756706</t>
  </si>
  <si>
    <t>cg14757492</t>
  </si>
  <si>
    <t>cg14759209</t>
  </si>
  <si>
    <t>cg14761773</t>
  </si>
  <si>
    <t>cg14763933</t>
  </si>
  <si>
    <t>cg14765649</t>
  </si>
  <si>
    <t>cg14766646</t>
  </si>
  <si>
    <t>cg14767950</t>
  </si>
  <si>
    <t>cg14770827</t>
  </si>
  <si>
    <t>cg14773052</t>
  </si>
  <si>
    <t>cg14773282</t>
  </si>
  <si>
    <t>cg14774273</t>
  </si>
  <si>
    <t>cg14776738</t>
  </si>
  <si>
    <t>cg14776763</t>
  </si>
  <si>
    <t>cg14777244</t>
  </si>
  <si>
    <t>cg14777601</t>
  </si>
  <si>
    <t>cg14779825</t>
  </si>
  <si>
    <t>cg14780446</t>
  </si>
  <si>
    <t>cg14781394</t>
  </si>
  <si>
    <t>cg14782015</t>
  </si>
  <si>
    <t>cg14786125</t>
  </si>
  <si>
    <t>cg14790638</t>
  </si>
  <si>
    <t>cg14791922</t>
  </si>
  <si>
    <t>cg14792002</t>
  </si>
  <si>
    <t>cg14792680</t>
  </si>
  <si>
    <t>cg14800299</t>
  </si>
  <si>
    <t>cg14807544</t>
  </si>
  <si>
    <t>cg14809544</t>
  </si>
  <si>
    <t>cg14813588</t>
  </si>
  <si>
    <t>cg14813947</t>
  </si>
  <si>
    <t>cg14817241</t>
  </si>
  <si>
    <t>cg14822303</t>
  </si>
  <si>
    <t>cg14833160</t>
  </si>
  <si>
    <t>cg14849423</t>
  </si>
  <si>
    <t>cg14851685</t>
  </si>
  <si>
    <t>cg14864365</t>
  </si>
  <si>
    <t>cg14869941</t>
  </si>
  <si>
    <t>cg14874337</t>
  </si>
  <si>
    <t>cg14875093</t>
  </si>
  <si>
    <t>cg14876043</t>
  </si>
  <si>
    <t>cg14881567</t>
  </si>
  <si>
    <t>cg14881601</t>
  </si>
  <si>
    <t>cg14882636</t>
  </si>
  <si>
    <t>cg14884776</t>
  </si>
  <si>
    <t>cg14884932</t>
  </si>
  <si>
    <t>cg14886059</t>
  </si>
  <si>
    <t>cg14887613</t>
  </si>
  <si>
    <t>cg14890509</t>
  </si>
  <si>
    <t>cg14892570</t>
  </si>
  <si>
    <t>cg14892768</t>
  </si>
  <si>
    <t>cg14894245</t>
  </si>
  <si>
    <t>cg14894368</t>
  </si>
  <si>
    <t>cg14896306</t>
  </si>
  <si>
    <t>cg14897920</t>
  </si>
  <si>
    <t>cg14899960</t>
  </si>
  <si>
    <t>cg14900112</t>
  </si>
  <si>
    <t>cg14900579</t>
  </si>
  <si>
    <t>cg14901243</t>
  </si>
  <si>
    <t>cg14904697</t>
  </si>
  <si>
    <t>cg14904814</t>
  </si>
  <si>
    <t>cg14907599</t>
  </si>
  <si>
    <t>cg14907738</t>
  </si>
  <si>
    <t>cg14908840</t>
  </si>
  <si>
    <t>cg14910395</t>
  </si>
  <si>
    <t>cg14925616</t>
  </si>
  <si>
    <t>cg14928510</t>
  </si>
  <si>
    <t>cg14934242</t>
  </si>
  <si>
    <t>cg14934280</t>
  </si>
  <si>
    <t>cg14938111</t>
  </si>
  <si>
    <t>cg14939641</t>
  </si>
  <si>
    <t>cg14945937</t>
  </si>
  <si>
    <t>cg14946950</t>
  </si>
  <si>
    <t>cg14948912</t>
  </si>
  <si>
    <t>cg14958141</t>
  </si>
  <si>
    <t>cg14958291</t>
  </si>
  <si>
    <t>cg14962197</t>
  </si>
  <si>
    <t>cg14962616</t>
  </si>
  <si>
    <t>cg14966519</t>
  </si>
  <si>
    <t>cg14968388</t>
  </si>
  <si>
    <t>cg14970130</t>
  </si>
  <si>
    <t>cg14970273</t>
  </si>
  <si>
    <t>cg14972228</t>
  </si>
  <si>
    <t>cg14978687</t>
  </si>
  <si>
    <t>cg14978826</t>
  </si>
  <si>
    <t>cg14985481</t>
  </si>
  <si>
    <t>cg14988534</t>
  </si>
  <si>
    <t>cg14992138</t>
  </si>
  <si>
    <t>cg14993439</t>
  </si>
  <si>
    <t>cg14995475</t>
  </si>
  <si>
    <t>cg14997559</t>
  </si>
  <si>
    <t>cg14999934</t>
  </si>
  <si>
    <t>cg15001615</t>
  </si>
  <si>
    <t>cg15007646</t>
  </si>
  <si>
    <t>cg15008743</t>
  </si>
  <si>
    <t>cg15010050</t>
  </si>
  <si>
    <t>cg15011409</t>
  </si>
  <si>
    <t>cg15013019</t>
  </si>
  <si>
    <t>cg15014458</t>
  </si>
  <si>
    <t>cg15014826</t>
  </si>
  <si>
    <t>cg15016511</t>
  </si>
  <si>
    <t>cg15017226</t>
  </si>
  <si>
    <t>cg15019432</t>
  </si>
  <si>
    <t>cg15022387</t>
  </si>
  <si>
    <t>cg15025569</t>
  </si>
  <si>
    <t>cg15027249</t>
  </si>
  <si>
    <t>cg15030465</t>
  </si>
  <si>
    <t>cg15031763</t>
  </si>
  <si>
    <t>cg15032393</t>
  </si>
  <si>
    <t>cg15035476</t>
  </si>
  <si>
    <t>cg15035911</t>
  </si>
  <si>
    <t>cg15038241</t>
  </si>
  <si>
    <t>cg15039853</t>
  </si>
  <si>
    <t>cg15040188</t>
  </si>
  <si>
    <t>cg15040307</t>
  </si>
  <si>
    <t>cg15042150</t>
  </si>
  <si>
    <t>cg15043720</t>
  </si>
  <si>
    <t>cg15043801</t>
  </si>
  <si>
    <t>cg15046675</t>
  </si>
  <si>
    <t>cg15046693</t>
  </si>
  <si>
    <t>cg15046935</t>
  </si>
  <si>
    <t>cg15047026</t>
  </si>
  <si>
    <t>cg15050529</t>
  </si>
  <si>
    <t>cg15052246</t>
  </si>
  <si>
    <t>cg15053022</t>
  </si>
  <si>
    <t>cg15054077</t>
  </si>
  <si>
    <t>cg15054197</t>
  </si>
  <si>
    <t>cg15055101</t>
  </si>
  <si>
    <t>cg15055808</t>
  </si>
  <si>
    <t>cg15057434</t>
  </si>
  <si>
    <t>cg15057717</t>
  </si>
  <si>
    <t>cg15058462</t>
  </si>
  <si>
    <t>cg15060012</t>
  </si>
  <si>
    <t>cg15060813</t>
  </si>
  <si>
    <t>cg15062535</t>
  </si>
  <si>
    <t>cg15062725</t>
  </si>
  <si>
    <t>cg15067032</t>
  </si>
  <si>
    <t>cg15067907</t>
  </si>
  <si>
    <t>cg15068863</t>
  </si>
  <si>
    <t>cg15071133</t>
  </si>
  <si>
    <t>cg15073088</t>
  </si>
  <si>
    <t>cg15073624</t>
  </si>
  <si>
    <t>cg15075267</t>
  </si>
  <si>
    <t>cg15075985</t>
  </si>
  <si>
    <t>cg15078413</t>
  </si>
  <si>
    <t>cg15080396</t>
  </si>
  <si>
    <t>cg15080870</t>
  </si>
  <si>
    <t>cg15084902</t>
  </si>
  <si>
    <t>cg15085603</t>
  </si>
  <si>
    <t>cg15085805</t>
  </si>
  <si>
    <t>cg15086113</t>
  </si>
  <si>
    <t>cg15086820</t>
  </si>
  <si>
    <t>cg15091407</t>
  </si>
  <si>
    <t>cg15092231</t>
  </si>
  <si>
    <t>cg15094353</t>
  </si>
  <si>
    <t>cg15096123</t>
  </si>
  <si>
    <t>cg15096958</t>
  </si>
  <si>
    <t>cg15097489</t>
  </si>
  <si>
    <t>cg15098957</t>
  </si>
  <si>
    <t>cg15101483</t>
  </si>
  <si>
    <t>cg15102606</t>
  </si>
  <si>
    <t>cg15109207</t>
  </si>
  <si>
    <t>cg15111437</t>
  </si>
  <si>
    <t>cg15113922</t>
  </si>
  <si>
    <t>cg15114651</t>
  </si>
  <si>
    <t>cg15114836</t>
  </si>
  <si>
    <t>cg15115984</t>
  </si>
  <si>
    <t>cg15123180</t>
  </si>
  <si>
    <t>cg15123925</t>
  </si>
  <si>
    <t>cg15124432</t>
  </si>
  <si>
    <t>cg15125472</t>
  </si>
  <si>
    <t>cg15133041</t>
  </si>
  <si>
    <t>cg15135657</t>
  </si>
  <si>
    <t>cg15136870</t>
  </si>
  <si>
    <t>cg15139596</t>
  </si>
  <si>
    <t>cg15141005</t>
  </si>
  <si>
    <t>cg15141766</t>
  </si>
  <si>
    <t>cg15148078</t>
  </si>
  <si>
    <t>cg15148394</t>
  </si>
  <si>
    <t>cg15148683</t>
  </si>
  <si>
    <t>cg15149098</t>
  </si>
  <si>
    <t>cg15149491</t>
  </si>
  <si>
    <t>cg15158310</t>
  </si>
  <si>
    <t>cg15159987</t>
  </si>
  <si>
    <t>cg15161055</t>
  </si>
  <si>
    <t>cg15161251</t>
  </si>
  <si>
    <t>cg15163079</t>
  </si>
  <si>
    <t>cg15163247</t>
  </si>
  <si>
    <t>cg15164708</t>
  </si>
  <si>
    <t>cg15164761</t>
  </si>
  <si>
    <t>cg15166898</t>
  </si>
  <si>
    <t>cg15167433</t>
  </si>
  <si>
    <t>cg15170743</t>
  </si>
  <si>
    <t>cg15172844</t>
  </si>
  <si>
    <t>cg15173319</t>
  </si>
  <si>
    <t>cg15174294</t>
  </si>
  <si>
    <t>cg15176213</t>
  </si>
  <si>
    <t>cg15176664</t>
  </si>
  <si>
    <t>cg15177902</t>
  </si>
  <si>
    <t>cg15177917</t>
  </si>
  <si>
    <t>cg15179454</t>
  </si>
  <si>
    <t>cg15180801</t>
  </si>
  <si>
    <t>cg15181396</t>
  </si>
  <si>
    <t>cg15185001</t>
  </si>
  <si>
    <t>cg15187398</t>
  </si>
  <si>
    <t>cg15190383</t>
  </si>
  <si>
    <t>cg15191744</t>
  </si>
  <si>
    <t>cg15195495</t>
  </si>
  <si>
    <t>cg15195763</t>
  </si>
  <si>
    <t>cg15195814</t>
  </si>
  <si>
    <t>cg15200445</t>
  </si>
  <si>
    <t>cg15203429</t>
  </si>
  <si>
    <t>cg15203817</t>
  </si>
  <si>
    <t>cg15204594</t>
  </si>
  <si>
    <t>cg15207422</t>
  </si>
  <si>
    <t>cg15208480</t>
  </si>
  <si>
    <t>cg15210276</t>
  </si>
  <si>
    <t>cg15210426</t>
  </si>
  <si>
    <t>cg15211621</t>
  </si>
  <si>
    <t>cg15212137</t>
  </si>
  <si>
    <t>cg15212942</t>
  </si>
  <si>
    <t>cg15213650</t>
  </si>
  <si>
    <t>cg15215375</t>
  </si>
  <si>
    <t>cg15219347</t>
  </si>
  <si>
    <t>cg15219650</t>
  </si>
  <si>
    <t>cg15222563</t>
  </si>
  <si>
    <t>cg15222651</t>
  </si>
  <si>
    <t>cg15223102</t>
  </si>
  <si>
    <t>cg15225042</t>
  </si>
  <si>
    <t>cg15225378</t>
  </si>
  <si>
    <t>cg15225810</t>
  </si>
  <si>
    <t>cg15228983</t>
  </si>
  <si>
    <t>cg15229747</t>
  </si>
  <si>
    <t>cg15230622</t>
  </si>
  <si>
    <t>cg15231794</t>
  </si>
  <si>
    <t>cg15231872</t>
  </si>
  <si>
    <t>cg15232319</t>
  </si>
  <si>
    <t>cg15233131</t>
  </si>
  <si>
    <t>cg15233183</t>
  </si>
  <si>
    <t>cg15234155</t>
  </si>
  <si>
    <t>cg15234271</t>
  </si>
  <si>
    <t>cg15234297</t>
  </si>
  <si>
    <t>cg15235057</t>
  </si>
  <si>
    <t>cg15237152</t>
  </si>
  <si>
    <t>cg15238128</t>
  </si>
  <si>
    <t>cg15240990</t>
  </si>
  <si>
    <t>cg15245120</t>
  </si>
  <si>
    <t>cg15246139</t>
  </si>
  <si>
    <t>cg15253587</t>
  </si>
  <si>
    <t>cg15257224</t>
  </si>
  <si>
    <t>cg15264323</t>
  </si>
  <si>
    <t>cg15293223</t>
  </si>
  <si>
    <t>cg15302744</t>
  </si>
  <si>
    <t>cg15316334</t>
  </si>
  <si>
    <t>cg15317793</t>
  </si>
  <si>
    <t>cg15322783</t>
  </si>
  <si>
    <t>cg15325132</t>
  </si>
  <si>
    <t>cg15341340</t>
  </si>
  <si>
    <t>cg15357518</t>
  </si>
  <si>
    <t>cg15382580</t>
  </si>
  <si>
    <t>cg15387785</t>
  </si>
  <si>
    <t>cg15388196</t>
  </si>
  <si>
    <t>cg15398448</t>
  </si>
  <si>
    <t>cg15401067</t>
  </si>
  <si>
    <t>cg15401477</t>
  </si>
  <si>
    <t>cg15402156</t>
  </si>
  <si>
    <t>cg15405931</t>
  </si>
  <si>
    <t>cg15407063</t>
  </si>
  <si>
    <t>cg15409237</t>
  </si>
  <si>
    <t>cg15412721</t>
  </si>
  <si>
    <t>cg15414034</t>
  </si>
  <si>
    <t>cg15415411</t>
  </si>
  <si>
    <t>cg15415893</t>
  </si>
  <si>
    <t>cg15417798</t>
  </si>
  <si>
    <t>cg15418980</t>
  </si>
  <si>
    <t>cg15419294</t>
  </si>
  <si>
    <t>cg15422708</t>
  </si>
  <si>
    <t>cg15424054</t>
  </si>
  <si>
    <t>cg15424856</t>
  </si>
  <si>
    <t>cg15425921</t>
  </si>
  <si>
    <t>cg15426035</t>
  </si>
  <si>
    <t>cg15427234</t>
  </si>
  <si>
    <t>cg15428296</t>
  </si>
  <si>
    <t>cg15428479</t>
  </si>
  <si>
    <t>cg15429854</t>
  </si>
  <si>
    <t>cg15431165</t>
  </si>
  <si>
    <t>cg15433198</t>
  </si>
  <si>
    <t>cg15436476</t>
  </si>
  <si>
    <t>cg15437053</t>
  </si>
  <si>
    <t>cg15438314</t>
  </si>
  <si>
    <t>cg15439033</t>
  </si>
  <si>
    <t>cg15439294</t>
  </si>
  <si>
    <t>cg15443793</t>
  </si>
  <si>
    <t>cg15451045</t>
  </si>
  <si>
    <t>cg15451662</t>
  </si>
  <si>
    <t>cg15456206</t>
  </si>
  <si>
    <t>cg15457276</t>
  </si>
  <si>
    <t>cg15458322</t>
  </si>
  <si>
    <t>cg15460135</t>
  </si>
  <si>
    <t>cg15463135</t>
  </si>
  <si>
    <t>cg15463538</t>
  </si>
  <si>
    <t>cg15468423</t>
  </si>
  <si>
    <t>cg15473329</t>
  </si>
  <si>
    <t>cg15474272</t>
  </si>
  <si>
    <t>cg15474831</t>
  </si>
  <si>
    <t>cg15474999</t>
  </si>
  <si>
    <t>cg15475145</t>
  </si>
  <si>
    <t>cg15475323</t>
  </si>
  <si>
    <t>cg15476227</t>
  </si>
  <si>
    <t>cg15476723</t>
  </si>
  <si>
    <t>cg15479752</t>
  </si>
  <si>
    <t>cg15480830</t>
  </si>
  <si>
    <t>cg15481294</t>
  </si>
  <si>
    <t>cg15481787</t>
  </si>
  <si>
    <t>cg15485496</t>
  </si>
  <si>
    <t>cg15490703</t>
  </si>
  <si>
    <t>cg15494731</t>
  </si>
  <si>
    <t>cg15496085</t>
  </si>
  <si>
    <t>cg15496871</t>
  </si>
  <si>
    <t>cg15497724</t>
  </si>
  <si>
    <t>cg15498274</t>
  </si>
  <si>
    <t>cg15498379</t>
  </si>
  <si>
    <t>cg15499059</t>
  </si>
  <si>
    <t>cg15499701</t>
  </si>
  <si>
    <t>cg15500117</t>
  </si>
  <si>
    <t>cg15501552</t>
  </si>
  <si>
    <t>cg15503625</t>
  </si>
  <si>
    <t>cg15506281</t>
  </si>
  <si>
    <t>cg15507486</t>
  </si>
  <si>
    <t>cg15508193</t>
  </si>
  <si>
    <t>cg15510895</t>
  </si>
  <si>
    <t>cg15512156</t>
  </si>
  <si>
    <t>cg15513221</t>
  </si>
  <si>
    <t>cg15516684</t>
  </si>
  <si>
    <t>cg15517658</t>
  </si>
  <si>
    <t>cg15520477</t>
  </si>
  <si>
    <t>cg15520962</t>
  </si>
  <si>
    <t>cg15522844</t>
  </si>
  <si>
    <t>cg15522939</t>
  </si>
  <si>
    <t>cg15525782</t>
  </si>
  <si>
    <t>cg15527401</t>
  </si>
  <si>
    <t>cg15528736</t>
  </si>
  <si>
    <t>cg15530356</t>
  </si>
  <si>
    <t>cg15530560</t>
  </si>
  <si>
    <t>cg15533023</t>
  </si>
  <si>
    <t>cg15535092</t>
  </si>
  <si>
    <t>cg15539073</t>
  </si>
  <si>
    <t>cg15539395</t>
  </si>
  <si>
    <t>cg15540507</t>
  </si>
  <si>
    <t>cg15541088</t>
  </si>
  <si>
    <t>cg15541401</t>
  </si>
  <si>
    <t>cg15545692</t>
  </si>
  <si>
    <t>cg15545957</t>
  </si>
  <si>
    <t>cg15550049</t>
  </si>
  <si>
    <t>cg15552051</t>
  </si>
  <si>
    <t>cg15552238</t>
  </si>
  <si>
    <t>cg15554505</t>
  </si>
  <si>
    <t>cg15560112</t>
  </si>
  <si>
    <t>cg15568376</t>
  </si>
  <si>
    <t>cg15570293</t>
  </si>
  <si>
    <t>cg15570966</t>
  </si>
  <si>
    <t>cg15571154</t>
  </si>
  <si>
    <t>cg15573359</t>
  </si>
  <si>
    <t>cg15579745</t>
  </si>
  <si>
    <t>cg15581305</t>
  </si>
  <si>
    <t>cg15582506</t>
  </si>
  <si>
    <t>cg15584497</t>
  </si>
  <si>
    <t>cg15585409</t>
  </si>
  <si>
    <t>cg15585765</t>
  </si>
  <si>
    <t>cg15586563</t>
  </si>
  <si>
    <t>cg15590712</t>
  </si>
  <si>
    <t>cg15591578</t>
  </si>
  <si>
    <t>cg15595599</t>
  </si>
  <si>
    <t>cg15598423</t>
  </si>
  <si>
    <t>cg15602972</t>
  </si>
  <si>
    <t>cg15603404</t>
  </si>
  <si>
    <t>cg15604242</t>
  </si>
  <si>
    <t>cg15610437</t>
  </si>
  <si>
    <t>cg15613761</t>
  </si>
  <si>
    <t>cg15614917</t>
  </si>
  <si>
    <t>cg15617950</t>
  </si>
  <si>
    <t>cg15623409</t>
  </si>
  <si>
    <t>cg15633073</t>
  </si>
  <si>
    <t>cg15638414</t>
  </si>
  <si>
    <t>cg15639464</t>
  </si>
  <si>
    <t>cg15639581</t>
  </si>
  <si>
    <t>cg15640140</t>
  </si>
  <si>
    <t>cg15640375</t>
  </si>
  <si>
    <t>cg15641789</t>
  </si>
  <si>
    <t>cg15642666</t>
  </si>
  <si>
    <t>cg15644610</t>
  </si>
  <si>
    <t>cg15647311</t>
  </si>
  <si>
    <t>cg15651980</t>
  </si>
  <si>
    <t>cg15652303</t>
  </si>
  <si>
    <t>cg15654897</t>
  </si>
  <si>
    <t>cg15655295</t>
  </si>
  <si>
    <t>cg15655714</t>
  </si>
  <si>
    <t>cg15658249</t>
  </si>
  <si>
    <t>cg15659599</t>
  </si>
  <si>
    <t>cg15660498</t>
  </si>
  <si>
    <t>cg15661473</t>
  </si>
  <si>
    <t>cg15663265</t>
  </si>
  <si>
    <t>cg15664905</t>
  </si>
  <si>
    <t>cg15666516</t>
  </si>
  <si>
    <t>cg15668490</t>
  </si>
  <si>
    <t>cg15670863</t>
  </si>
  <si>
    <t>cg15677294</t>
  </si>
  <si>
    <t>cg15679064</t>
  </si>
  <si>
    <t>cg15679331</t>
  </si>
  <si>
    <t>cg15679532</t>
  </si>
  <si>
    <t>cg15679651</t>
  </si>
  <si>
    <t>cg15681462</t>
  </si>
  <si>
    <t>cg15681597</t>
  </si>
  <si>
    <t>cg15684917</t>
  </si>
  <si>
    <t>cg15685783</t>
  </si>
  <si>
    <t>cg15688551</t>
  </si>
  <si>
    <t>cg15689224</t>
  </si>
  <si>
    <t>cg15690721</t>
  </si>
  <si>
    <t>cg15693281</t>
  </si>
  <si>
    <t>cg15698196</t>
  </si>
  <si>
    <t>cg15699623</t>
  </si>
  <si>
    <t>cg15701203</t>
  </si>
  <si>
    <t>cg15709766</t>
  </si>
  <si>
    <t>cg15712267</t>
  </si>
  <si>
    <t>cg15715076</t>
  </si>
  <si>
    <t>cg15715094</t>
  </si>
  <si>
    <t>cg15715542</t>
  </si>
  <si>
    <t>cg15717066</t>
  </si>
  <si>
    <t>cg15718494</t>
  </si>
  <si>
    <t>cg15718833</t>
  </si>
  <si>
    <t>cg15720516</t>
  </si>
  <si>
    <t>cg15721243</t>
  </si>
  <si>
    <t>cg15722151</t>
  </si>
  <si>
    <t>cg15722372</t>
  </si>
  <si>
    <t>cg15722438</t>
  </si>
  <si>
    <t>cg15726557</t>
  </si>
  <si>
    <t>cg15726807</t>
  </si>
  <si>
    <t>cg15731991</t>
  </si>
  <si>
    <t>cg15732230</t>
  </si>
  <si>
    <t>cg15732323</t>
  </si>
  <si>
    <t>cg15733534</t>
  </si>
  <si>
    <t>cg15733932</t>
  </si>
  <si>
    <t>cg15734553</t>
  </si>
  <si>
    <t>cg15734825</t>
  </si>
  <si>
    <t>cg15734849</t>
  </si>
  <si>
    <t>cg15739955</t>
  </si>
  <si>
    <t>cg15740759</t>
  </si>
  <si>
    <t>cg15742116</t>
  </si>
  <si>
    <t>cg15743985</t>
  </si>
  <si>
    <t>cg15746620</t>
  </si>
  <si>
    <t>cg15746696</t>
  </si>
  <si>
    <t>cg15747884</t>
  </si>
  <si>
    <t>cg15748742</t>
  </si>
  <si>
    <t>cg15749157</t>
  </si>
  <si>
    <t>cg15750534</t>
  </si>
  <si>
    <t>cg15751406</t>
  </si>
  <si>
    <t>cg15752292</t>
  </si>
  <si>
    <t>cg15755406</t>
  </si>
  <si>
    <t>cg15755568</t>
  </si>
  <si>
    <t>cg15759937</t>
  </si>
  <si>
    <t>cg15761414</t>
  </si>
  <si>
    <t>cg15763916</t>
  </si>
  <si>
    <t>cg15765251</t>
  </si>
  <si>
    <t>cg15766557</t>
  </si>
  <si>
    <t>cg15768265</t>
  </si>
  <si>
    <t>cg15770046</t>
  </si>
  <si>
    <t>cg15771346</t>
  </si>
  <si>
    <t>cg15772025</t>
  </si>
  <si>
    <t>cg15773138</t>
  </si>
  <si>
    <t>cg15773755</t>
  </si>
  <si>
    <t>cg15776494</t>
  </si>
  <si>
    <t>cg15778434</t>
  </si>
  <si>
    <t>cg15778873</t>
  </si>
  <si>
    <t>cg15782391</t>
  </si>
  <si>
    <t>cg15783941</t>
  </si>
  <si>
    <t>cg15784332</t>
  </si>
  <si>
    <t>cg15787284</t>
  </si>
  <si>
    <t>cg15787604</t>
  </si>
  <si>
    <t>cg15787712</t>
  </si>
  <si>
    <t>cg15791348</t>
  </si>
  <si>
    <t>cg15792367</t>
  </si>
  <si>
    <t>cg15793258</t>
  </si>
  <si>
    <t>cg15797834</t>
  </si>
  <si>
    <t>cg15797933</t>
  </si>
  <si>
    <t>cg15800907</t>
  </si>
  <si>
    <t>cg15801340</t>
  </si>
  <si>
    <t>cg15802263</t>
  </si>
  <si>
    <t>cg15803614</t>
  </si>
  <si>
    <t>cg15805162</t>
  </si>
  <si>
    <t>cg15805568</t>
  </si>
  <si>
    <t>cg15808426</t>
  </si>
  <si>
    <t>cg15810285</t>
  </si>
  <si>
    <t>cg15810996</t>
  </si>
  <si>
    <t>cg15811371</t>
  </si>
  <si>
    <t>cg15815206</t>
  </si>
  <si>
    <t>cg15817481</t>
  </si>
  <si>
    <t>cg15820160</t>
  </si>
  <si>
    <t>cg15822394</t>
  </si>
  <si>
    <t>cg15825916</t>
  </si>
  <si>
    <t>cg15827505</t>
  </si>
  <si>
    <t>cg15828235</t>
  </si>
  <si>
    <t>cg15828427</t>
  </si>
  <si>
    <t>cg15829073</t>
  </si>
  <si>
    <t>cg15831310</t>
  </si>
  <si>
    <t>cg15831598</t>
  </si>
  <si>
    <t>cg15841210</t>
  </si>
  <si>
    <t>cg15844609</t>
  </si>
  <si>
    <t>cg15860624</t>
  </si>
  <si>
    <t>cg15861540</t>
  </si>
  <si>
    <t>cg15862544</t>
  </si>
  <si>
    <t>cg15866047</t>
  </si>
  <si>
    <t>cg15869383</t>
  </si>
  <si>
    <t>cg15877196</t>
  </si>
  <si>
    <t>cg15881912</t>
  </si>
  <si>
    <t>cg15882797</t>
  </si>
  <si>
    <t>cg15899426</t>
  </si>
  <si>
    <t>cg15904523</t>
  </si>
  <si>
    <t>cg15904939</t>
  </si>
  <si>
    <t>cg15910208</t>
  </si>
  <si>
    <t>cg15911500</t>
  </si>
  <si>
    <t>cg15922228</t>
  </si>
  <si>
    <t>cg15927263</t>
  </si>
  <si>
    <t>cg15930041</t>
  </si>
  <si>
    <t>cg15937784</t>
  </si>
  <si>
    <t>cg15939357</t>
  </si>
  <si>
    <t>cg15951107</t>
  </si>
  <si>
    <t>cg15955596</t>
  </si>
  <si>
    <t>cg15963326</t>
  </si>
  <si>
    <t>cg15967501</t>
  </si>
  <si>
    <t>cg15969277</t>
  </si>
  <si>
    <t>cg15974053</t>
  </si>
  <si>
    <t>cg15974216</t>
  </si>
  <si>
    <t>cg15976709</t>
  </si>
  <si>
    <t>cg15978455</t>
  </si>
  <si>
    <t>cg15979098</t>
  </si>
  <si>
    <t>cg15979759</t>
  </si>
  <si>
    <t>cg15981554</t>
  </si>
  <si>
    <t>cg15983114</t>
  </si>
  <si>
    <t>cg15984997</t>
  </si>
  <si>
    <t>cg15985509</t>
  </si>
  <si>
    <t>cg15988812</t>
  </si>
  <si>
    <t>cg15993786</t>
  </si>
  <si>
    <t>cg15995070</t>
  </si>
  <si>
    <t>cg16000463</t>
  </si>
  <si>
    <t>cg16004846</t>
  </si>
  <si>
    <t>cg16008327</t>
  </si>
  <si>
    <t>cg16008616</t>
  </si>
  <si>
    <t>cg16008993</t>
  </si>
  <si>
    <t>cg16014699</t>
  </si>
  <si>
    <t>cg16019751</t>
  </si>
  <si>
    <t>cg16021847</t>
  </si>
  <si>
    <t>cg16022230</t>
  </si>
  <si>
    <t>cg16022317</t>
  </si>
  <si>
    <t>cg16024916</t>
  </si>
  <si>
    <t>cg16026760</t>
  </si>
  <si>
    <t>cg16028175</t>
  </si>
  <si>
    <t>cg16029077</t>
  </si>
  <si>
    <t>cg16032371</t>
  </si>
  <si>
    <t>cg16032746</t>
  </si>
  <si>
    <t>cg16033299</t>
  </si>
  <si>
    <t>cg16033673</t>
  </si>
  <si>
    <t>cg16034060</t>
  </si>
  <si>
    <t>cg16035419</t>
  </si>
  <si>
    <t>cg16041550</t>
  </si>
  <si>
    <t>cg16045566</t>
  </si>
  <si>
    <t>cg16048372</t>
  </si>
  <si>
    <t>cg16049699</t>
  </si>
  <si>
    <t>cg16052999</t>
  </si>
  <si>
    <t>cg16064623</t>
  </si>
  <si>
    <t>cg16069910</t>
  </si>
  <si>
    <t>cg16075020</t>
  </si>
  <si>
    <t>cg16080512</t>
  </si>
  <si>
    <t>cg16082401</t>
  </si>
  <si>
    <t>cg16092645</t>
  </si>
  <si>
    <t>cg16107172</t>
  </si>
  <si>
    <t>cg16117653</t>
  </si>
  <si>
    <t>cg16118817</t>
  </si>
  <si>
    <t>cg16124981</t>
  </si>
  <si>
    <t>cg16126516</t>
  </si>
  <si>
    <t>cg16128638</t>
  </si>
  <si>
    <t>cg16155702</t>
  </si>
  <si>
    <t>cg16156525</t>
  </si>
  <si>
    <t>cg16158874</t>
  </si>
  <si>
    <t>cg16166399</t>
  </si>
  <si>
    <t>cg16166462</t>
  </si>
  <si>
    <t>cg16167052</t>
  </si>
  <si>
    <t>cg16170346</t>
  </si>
  <si>
    <t>cg16174234</t>
  </si>
  <si>
    <t>cg16183015</t>
  </si>
  <si>
    <t>cg16184495</t>
  </si>
  <si>
    <t>cg16185947</t>
  </si>
  <si>
    <t>cg16186929</t>
  </si>
  <si>
    <t>cg16192413</t>
  </si>
  <si>
    <t>cg16195157</t>
  </si>
  <si>
    <t>cg16196853</t>
  </si>
  <si>
    <t>cg16197528</t>
  </si>
  <si>
    <t>cg16204618</t>
  </si>
  <si>
    <t>cg16207783</t>
  </si>
  <si>
    <t>cg16208863</t>
  </si>
  <si>
    <t>cg16210461</t>
  </si>
  <si>
    <t>cg16234274</t>
  </si>
  <si>
    <t>cg16238618</t>
  </si>
  <si>
    <t>cg16239536</t>
  </si>
  <si>
    <t>cg16242615</t>
  </si>
  <si>
    <t>cg16248034</t>
  </si>
  <si>
    <t>cg16249827</t>
  </si>
  <si>
    <t>cg16251016</t>
  </si>
  <si>
    <t>cg16251641</t>
  </si>
  <si>
    <t>cg16252717</t>
  </si>
  <si>
    <t>cg16252808</t>
  </si>
  <si>
    <t>cg16253779</t>
  </si>
  <si>
    <t>cg16253989</t>
  </si>
  <si>
    <t>cg16256106</t>
  </si>
  <si>
    <t>cg16260438</t>
  </si>
  <si>
    <t>cg16261923</t>
  </si>
  <si>
    <t>cg16262215</t>
  </si>
  <si>
    <t>cg16266268</t>
  </si>
  <si>
    <t>cg16266453</t>
  </si>
  <si>
    <t>cg16276070</t>
  </si>
  <si>
    <t>cg16276290</t>
  </si>
  <si>
    <t>cg16278661</t>
  </si>
  <si>
    <t>cg16286597</t>
  </si>
  <si>
    <t>cg16293105</t>
  </si>
  <si>
    <t>cg16306498</t>
  </si>
  <si>
    <t>cg16308128</t>
  </si>
  <si>
    <t>cg16315155</t>
  </si>
  <si>
    <t>cg16322208</t>
  </si>
  <si>
    <t>cg16325191</t>
  </si>
  <si>
    <t>cg16327482</t>
  </si>
  <si>
    <t>cg16328309</t>
  </si>
  <si>
    <t>cg16348929</t>
  </si>
  <si>
    <t>cg16349424</t>
  </si>
  <si>
    <t>cg16353836</t>
  </si>
  <si>
    <t>cg16359169</t>
  </si>
  <si>
    <t>cg16363586</t>
  </si>
  <si>
    <t>cg16377872</t>
  </si>
  <si>
    <t>cg16377880</t>
  </si>
  <si>
    <t>cg16396417</t>
  </si>
  <si>
    <t>cg16421285</t>
  </si>
  <si>
    <t>cg16423910</t>
  </si>
  <si>
    <t>cg16453576</t>
  </si>
  <si>
    <t>cg16458196</t>
  </si>
  <si>
    <t>cg16464322</t>
  </si>
  <si>
    <t>cg16466652</t>
  </si>
  <si>
    <t>cg16471933</t>
  </si>
  <si>
    <t>cg16474696</t>
  </si>
  <si>
    <t>cg16477324</t>
  </si>
  <si>
    <t>cg16481281</t>
  </si>
  <si>
    <t>cg16504798</t>
  </si>
  <si>
    <t>cg16508101</t>
  </si>
  <si>
    <t>cg16511225</t>
  </si>
  <si>
    <t>cg16512640</t>
  </si>
  <si>
    <t>cg16512895</t>
  </si>
  <si>
    <t>cg16517523</t>
  </si>
  <si>
    <t>cg16518291</t>
  </si>
  <si>
    <t>cg16521040</t>
  </si>
  <si>
    <t>cg16521605</t>
  </si>
  <si>
    <t>cg16521633</t>
  </si>
  <si>
    <t>cg16523422</t>
  </si>
  <si>
    <t>cg16523839</t>
  </si>
  <si>
    <t>cg16524284</t>
  </si>
  <si>
    <t>cg16524716</t>
  </si>
  <si>
    <t>cg16525281</t>
  </si>
  <si>
    <t>cg16526106</t>
  </si>
  <si>
    <t>cg16527552</t>
  </si>
  <si>
    <t>cg16529563</t>
  </si>
  <si>
    <t>cg16530498</t>
  </si>
  <si>
    <t>cg16534499</t>
  </si>
  <si>
    <t>cg16551326</t>
  </si>
  <si>
    <t>cg16554020</t>
  </si>
  <si>
    <t>cg16572540</t>
  </si>
  <si>
    <t>cg16575209</t>
  </si>
  <si>
    <t>cg16576664</t>
  </si>
  <si>
    <t>cg16577647</t>
  </si>
  <si>
    <t>cg16580765</t>
  </si>
  <si>
    <t>cg16583923</t>
  </si>
  <si>
    <t>cg16586023</t>
  </si>
  <si>
    <t>cg16587108</t>
  </si>
  <si>
    <t>cg16589555</t>
  </si>
  <si>
    <t>cg16591002</t>
  </si>
  <si>
    <t>cg16593060</t>
  </si>
  <si>
    <t>cg16594007</t>
  </si>
  <si>
    <t>cg16595223</t>
  </si>
  <si>
    <t>cg16596691</t>
  </si>
  <si>
    <t>cg16597438</t>
  </si>
  <si>
    <t>cg16599136</t>
  </si>
  <si>
    <t>cg16601415</t>
  </si>
  <si>
    <t>cg16601569</t>
  </si>
  <si>
    <t>cg16601904</t>
  </si>
  <si>
    <t>cg16605127</t>
  </si>
  <si>
    <t>cg16609432</t>
  </si>
  <si>
    <t>cg16612100</t>
  </si>
  <si>
    <t>cg16612742</t>
  </si>
  <si>
    <t>cg16613133</t>
  </si>
  <si>
    <t>cg16614288</t>
  </si>
  <si>
    <t>cg16617301</t>
  </si>
  <si>
    <t>cg16618260</t>
  </si>
  <si>
    <t>cg16619071</t>
  </si>
  <si>
    <t>cg16620032</t>
  </si>
  <si>
    <t>cg16620731</t>
  </si>
  <si>
    <t>cg16620809</t>
  </si>
  <si>
    <t>cg16622000</t>
  </si>
  <si>
    <t>cg16622403</t>
  </si>
  <si>
    <t>cg16623153</t>
  </si>
  <si>
    <t>cg16626670</t>
  </si>
  <si>
    <t>cg16627807</t>
  </si>
  <si>
    <t>cg16629408</t>
  </si>
  <si>
    <t>cg16629695</t>
  </si>
  <si>
    <t>cg16631911</t>
  </si>
  <si>
    <t>cg16633925</t>
  </si>
  <si>
    <t>cg16635767</t>
  </si>
  <si>
    <t>cg16636110</t>
  </si>
  <si>
    <t>cg16636114</t>
  </si>
  <si>
    <t>cg16638540</t>
  </si>
  <si>
    <t>cg16638580</t>
  </si>
  <si>
    <t>cg16644177</t>
  </si>
  <si>
    <t>cg16645983</t>
  </si>
  <si>
    <t>cg16646743</t>
  </si>
  <si>
    <t>cg16646909</t>
  </si>
  <si>
    <t>cg16652769</t>
  </si>
  <si>
    <t>cg16655795</t>
  </si>
  <si>
    <t>cg16655883</t>
  </si>
  <si>
    <t>cg16662424</t>
  </si>
  <si>
    <t>cg16664233</t>
  </si>
  <si>
    <t>cg16664617</t>
  </si>
  <si>
    <t>cg16666206</t>
  </si>
  <si>
    <t>cg16667279</t>
  </si>
  <si>
    <t>cg16668176</t>
  </si>
  <si>
    <t>cg16669491</t>
  </si>
  <si>
    <t>cg16670889</t>
  </si>
  <si>
    <t>cg16672557</t>
  </si>
  <si>
    <t>cg16673477</t>
  </si>
  <si>
    <t>cg16677448</t>
  </si>
  <si>
    <t>cg16681516</t>
  </si>
  <si>
    <t>cg16681873</t>
  </si>
  <si>
    <t>cg16684846</t>
  </si>
  <si>
    <t>cg16688977</t>
  </si>
  <si>
    <t>cg16693612</t>
  </si>
  <si>
    <t>cg16694293</t>
  </si>
  <si>
    <t>cg16697731</t>
  </si>
  <si>
    <t>cg16698814</t>
  </si>
  <si>
    <t>cg16699074</t>
  </si>
  <si>
    <t>cg16701574</t>
  </si>
  <si>
    <t>cg16701749</t>
  </si>
  <si>
    <t>cg16701848</t>
  </si>
  <si>
    <t>cg16703333</t>
  </si>
  <si>
    <t>cg16708162</t>
  </si>
  <si>
    <t>cg16708981</t>
  </si>
  <si>
    <t>cg16709190</t>
  </si>
  <si>
    <t>cg16713690</t>
  </si>
  <si>
    <t>cg16714002</t>
  </si>
  <si>
    <t>cg16715953</t>
  </si>
  <si>
    <t>cg16722435</t>
  </si>
  <si>
    <t>cg16723130</t>
  </si>
  <si>
    <t>cg16731016</t>
  </si>
  <si>
    <t>cg16731452</t>
  </si>
  <si>
    <t>cg16732626</t>
  </si>
  <si>
    <t>cg16734795</t>
  </si>
  <si>
    <t>cg16736300</t>
  </si>
  <si>
    <t>cg16738652</t>
  </si>
  <si>
    <t>cg16738984</t>
  </si>
  <si>
    <t>cg16740364</t>
  </si>
  <si>
    <t>cg16745616</t>
  </si>
  <si>
    <t>cg16745793</t>
  </si>
  <si>
    <t>cg16745967</t>
  </si>
  <si>
    <t>cg16749578</t>
  </si>
  <si>
    <t>cg16753336</t>
  </si>
  <si>
    <t>cg16791686</t>
  </si>
  <si>
    <t>cg16825133</t>
  </si>
  <si>
    <t>cg16836589</t>
  </si>
  <si>
    <t>cg16838001</t>
  </si>
  <si>
    <t>cg16848116</t>
  </si>
  <si>
    <t>cg16853102</t>
  </si>
  <si>
    <t>cg16853712</t>
  </si>
  <si>
    <t>cg16853953</t>
  </si>
  <si>
    <t>cg16855440</t>
  </si>
  <si>
    <t>cg16855845</t>
  </si>
  <si>
    <t>cg16857134</t>
  </si>
  <si>
    <t>cg16860587</t>
  </si>
  <si>
    <t>cg16860712</t>
  </si>
  <si>
    <t>cg16863634</t>
  </si>
  <si>
    <t>cg16868177</t>
  </si>
  <si>
    <t>cg16868591</t>
  </si>
  <si>
    <t>cg16873271</t>
  </si>
  <si>
    <t>cg16874930</t>
  </si>
  <si>
    <t>cg16876058</t>
  </si>
  <si>
    <t>cg16876823</t>
  </si>
  <si>
    <t>cg16879192</t>
  </si>
  <si>
    <t>cg16879806</t>
  </si>
  <si>
    <t>cg16885608</t>
  </si>
  <si>
    <t>cg16889936</t>
  </si>
  <si>
    <t>cg16889945</t>
  </si>
  <si>
    <t>cg16890796</t>
  </si>
  <si>
    <t>cg16891376</t>
  </si>
  <si>
    <t>cg16893868</t>
  </si>
  <si>
    <t>cg16896911</t>
  </si>
  <si>
    <t>cg16897306</t>
  </si>
  <si>
    <t>cg16899036</t>
  </si>
  <si>
    <t>cg16902746</t>
  </si>
  <si>
    <t>cg16906733</t>
  </si>
  <si>
    <t>cg16909495</t>
  </si>
  <si>
    <t>cg16910767</t>
  </si>
  <si>
    <t>cg16911349</t>
  </si>
  <si>
    <t>cg16911583</t>
  </si>
  <si>
    <t>cg16923271</t>
  </si>
  <si>
    <t>cg16923670</t>
  </si>
  <si>
    <t>cg16927606</t>
  </si>
  <si>
    <t>cg16928400</t>
  </si>
  <si>
    <t>cg16933931</t>
  </si>
  <si>
    <t>cg16954928</t>
  </si>
  <si>
    <t>cg16969623</t>
  </si>
  <si>
    <t>cg16972240</t>
  </si>
  <si>
    <t>cg16987876</t>
  </si>
  <si>
    <t>cg16995385</t>
  </si>
  <si>
    <t>cg16997364</t>
  </si>
  <si>
    <t>cg17006282</t>
  </si>
  <si>
    <t>cg17009836</t>
  </si>
  <si>
    <t>cg17011590</t>
  </si>
  <si>
    <t>cg17011745</t>
  </si>
  <si>
    <t>cg17018096</t>
  </si>
  <si>
    <t>cg17022038</t>
  </si>
  <si>
    <t>cg17069873</t>
  </si>
  <si>
    <t>cg17071417</t>
  </si>
  <si>
    <t>cg17072268</t>
  </si>
  <si>
    <t>cg17075538</t>
  </si>
  <si>
    <t>cg17085299</t>
  </si>
  <si>
    <t>cg17097293</t>
  </si>
  <si>
    <t>cg17101216</t>
  </si>
  <si>
    <t>cg17103314</t>
  </si>
  <si>
    <t>cg17104700</t>
  </si>
  <si>
    <t>cg17106456</t>
  </si>
  <si>
    <t>cg17107617</t>
  </si>
  <si>
    <t>cg17110586</t>
  </si>
  <si>
    <t>cg17112426</t>
  </si>
  <si>
    <t>cg17114246</t>
  </si>
  <si>
    <t>cg17114866</t>
  </si>
  <si>
    <t>cg17119568</t>
  </si>
  <si>
    <t>cg17119849</t>
  </si>
  <si>
    <t>cg17126555</t>
  </si>
  <si>
    <t>cg17129017</t>
  </si>
  <si>
    <t>cg17129466</t>
  </si>
  <si>
    <t>cg17130251</t>
  </si>
  <si>
    <t>cg17130812</t>
  </si>
  <si>
    <t>cg17132696</t>
  </si>
  <si>
    <t>cg17132967</t>
  </si>
  <si>
    <t>cg17136126</t>
  </si>
  <si>
    <t>cg17139983</t>
  </si>
  <si>
    <t>cg17142898</t>
  </si>
  <si>
    <t>cg17145190</t>
  </si>
  <si>
    <t>cg17145196</t>
  </si>
  <si>
    <t>cg17145235</t>
  </si>
  <si>
    <t>cg17147471</t>
  </si>
  <si>
    <t>cg17150678</t>
  </si>
  <si>
    <t>cg17151991</t>
  </si>
  <si>
    <t>cg17152154</t>
  </si>
  <si>
    <t>cg17155115</t>
  </si>
  <si>
    <t>cg17155612</t>
  </si>
  <si>
    <t>cg17157498</t>
  </si>
  <si>
    <t>cg17159537</t>
  </si>
  <si>
    <t>cg17163138</t>
  </si>
  <si>
    <t>cg17164513</t>
  </si>
  <si>
    <t>cg17171722</t>
  </si>
  <si>
    <t>cg17172243</t>
  </si>
  <si>
    <t>cg17180443</t>
  </si>
  <si>
    <t>cg17181958</t>
  </si>
  <si>
    <t>cg17212420</t>
  </si>
  <si>
    <t>cg17215680</t>
  </si>
  <si>
    <t>cg17223189</t>
  </si>
  <si>
    <t>cg17223624</t>
  </si>
  <si>
    <t>cg17229561</t>
  </si>
  <si>
    <t>cg17241447</t>
  </si>
  <si>
    <t>cg17242144</t>
  </si>
  <si>
    <t>cg17260318</t>
  </si>
  <si>
    <t>cg17264470</t>
  </si>
  <si>
    <t>cg17267676</t>
  </si>
  <si>
    <t>cg17268801</t>
  </si>
  <si>
    <t>cg17272620</t>
  </si>
  <si>
    <t>cg17275991</t>
  </si>
  <si>
    <t>cg17278718</t>
  </si>
  <si>
    <t>cg17280228</t>
  </si>
  <si>
    <t>cg17284854</t>
  </si>
  <si>
    <t>cg17286480</t>
  </si>
  <si>
    <t>cg17292758</t>
  </si>
  <si>
    <t>cg17296483</t>
  </si>
  <si>
    <t>cg17302461</t>
  </si>
  <si>
    <t>cg17303711</t>
  </si>
  <si>
    <t>cg17303845</t>
  </si>
  <si>
    <t>cg17306638</t>
  </si>
  <si>
    <t>cg17306706</t>
  </si>
  <si>
    <t>cg17307811</t>
  </si>
  <si>
    <t>cg17309297</t>
  </si>
  <si>
    <t>cg17309464</t>
  </si>
  <si>
    <t>cg17311290</t>
  </si>
  <si>
    <t>cg17313494</t>
  </si>
  <si>
    <t>cg17315219</t>
  </si>
  <si>
    <t>cg17315383</t>
  </si>
  <si>
    <t>cg17317266</t>
  </si>
  <si>
    <t>cg17317439</t>
  </si>
  <si>
    <t>cg17319290</t>
  </si>
  <si>
    <t>cg17320282</t>
  </si>
  <si>
    <t>cg17322444</t>
  </si>
  <si>
    <t>cg17323833</t>
  </si>
  <si>
    <t>cg17327502</t>
  </si>
  <si>
    <t>cg17327990</t>
  </si>
  <si>
    <t>cg17329004</t>
  </si>
  <si>
    <t>cg17332150</t>
  </si>
  <si>
    <t>cg17332326</t>
  </si>
  <si>
    <t>cg17333051</t>
  </si>
  <si>
    <t>cg17335237</t>
  </si>
  <si>
    <t>cg17339794</t>
  </si>
  <si>
    <t>cg17343325</t>
  </si>
  <si>
    <t>cg17351385</t>
  </si>
  <si>
    <t>cg17352157</t>
  </si>
  <si>
    <t>cg17355241</t>
  </si>
  <si>
    <t>cg17357561</t>
  </si>
  <si>
    <t>cg17359753</t>
  </si>
  <si>
    <t>cg17361459</t>
  </si>
  <si>
    <t>cg17361641</t>
  </si>
  <si>
    <t>cg17362247</t>
  </si>
  <si>
    <t>cg17364076</t>
  </si>
  <si>
    <t>cg17365367</t>
  </si>
  <si>
    <t>cg17365369</t>
  </si>
  <si>
    <t>cg17370697</t>
  </si>
  <si>
    <t>cg17371436</t>
  </si>
  <si>
    <t>cg17372047</t>
  </si>
  <si>
    <t>cg17373343</t>
  </si>
  <si>
    <t>cg17374636</t>
  </si>
  <si>
    <t>cg17377066</t>
  </si>
  <si>
    <t>cg17377463</t>
  </si>
  <si>
    <t>cg17378655</t>
  </si>
  <si>
    <t>cg17379828</t>
  </si>
  <si>
    <t>cg17380091</t>
  </si>
  <si>
    <t>cg17380238</t>
  </si>
  <si>
    <t>cg17382459</t>
  </si>
  <si>
    <t>cg17382629</t>
  </si>
  <si>
    <t>cg17383272</t>
  </si>
  <si>
    <t>cg17383958</t>
  </si>
  <si>
    <t>cg17384440</t>
  </si>
  <si>
    <t>cg17389295</t>
  </si>
  <si>
    <t>cg17391518</t>
  </si>
  <si>
    <t>cg17395619</t>
  </si>
  <si>
    <t>cg17398851</t>
  </si>
  <si>
    <t>cg17403899</t>
  </si>
  <si>
    <t>cg17407435</t>
  </si>
  <si>
    <t>cg17408527</t>
  </si>
  <si>
    <t>cg17412785</t>
  </si>
  <si>
    <t>cg17413078</t>
  </si>
  <si>
    <t>cg17414007</t>
  </si>
  <si>
    <t>cg17414380</t>
  </si>
  <si>
    <t>cg17414733</t>
  </si>
  <si>
    <t>cg17416338</t>
  </si>
  <si>
    <t>cg17417856</t>
  </si>
  <si>
    <t>cg17423207</t>
  </si>
  <si>
    <t>cg17427615</t>
  </si>
  <si>
    <t>cg17428496</t>
  </si>
  <si>
    <t>cg17430167</t>
  </si>
  <si>
    <t>cg17431052</t>
  </si>
  <si>
    <t>cg17432022</t>
  </si>
  <si>
    <t>cg17432509</t>
  </si>
  <si>
    <t>cg17434483</t>
  </si>
  <si>
    <t>cg17434647</t>
  </si>
  <si>
    <t>cg17435182</t>
  </si>
  <si>
    <t>cg17435307</t>
  </si>
  <si>
    <t>cg17437218</t>
  </si>
  <si>
    <t>cg17450546</t>
  </si>
  <si>
    <t>cg17458604</t>
  </si>
  <si>
    <t>cg17460200</t>
  </si>
  <si>
    <t>cg17463161</t>
  </si>
  <si>
    <t>cg17464989</t>
  </si>
  <si>
    <t>cg17471102</t>
  </si>
  <si>
    <t>cg17473318</t>
  </si>
  <si>
    <t>cg17473673</t>
  </si>
  <si>
    <t>cg17474545</t>
  </si>
  <si>
    <t>cg17476026</t>
  </si>
  <si>
    <t>cg17476752</t>
  </si>
  <si>
    <t>cg17478075</t>
  </si>
  <si>
    <t>cg17482368</t>
  </si>
  <si>
    <t>cg17490390</t>
  </si>
  <si>
    <t>cg17490790</t>
  </si>
  <si>
    <t>cg17491564</t>
  </si>
  <si>
    <t>cg17491846</t>
  </si>
  <si>
    <t>cg17494838</t>
  </si>
  <si>
    <t>cg17494927</t>
  </si>
  <si>
    <t>cg17499251</t>
  </si>
  <si>
    <t>cg17499324</t>
  </si>
  <si>
    <t>cg17499826</t>
  </si>
  <si>
    <t>cg17509349</t>
  </si>
  <si>
    <t>cg17515480</t>
  </si>
  <si>
    <t>cg17515984</t>
  </si>
  <si>
    <t>cg17522935</t>
  </si>
  <si>
    <t>cg17523945</t>
  </si>
  <si>
    <t>cg17524821</t>
  </si>
  <si>
    <t>cg17526513</t>
  </si>
  <si>
    <t>cg17540575</t>
  </si>
  <si>
    <t>cg17541674</t>
  </si>
  <si>
    <t>cg17560327</t>
  </si>
  <si>
    <t>cg17574739</t>
  </si>
  <si>
    <t>cg17602882</t>
  </si>
  <si>
    <t>cg17603857</t>
  </si>
  <si>
    <t>cg17611193</t>
  </si>
  <si>
    <t>cg17612991</t>
  </si>
  <si>
    <t>cg17617491</t>
  </si>
  <si>
    <t>cg17629793</t>
  </si>
  <si>
    <t>cg17648101</t>
  </si>
  <si>
    <t>cg17651625</t>
  </si>
  <si>
    <t>cg17656260</t>
  </si>
  <si>
    <t>cg17656396</t>
  </si>
  <si>
    <t>cg17656426</t>
  </si>
  <si>
    <t>cg17659920</t>
  </si>
  <si>
    <t>cg17660245</t>
  </si>
  <si>
    <t>cg17662083</t>
  </si>
  <si>
    <t>cg17664128</t>
  </si>
  <si>
    <t>cg17665260</t>
  </si>
  <si>
    <t>cg17665497</t>
  </si>
  <si>
    <t>cg17670263</t>
  </si>
  <si>
    <t>cg17670646</t>
  </si>
  <si>
    <t>cg17679521</t>
  </si>
  <si>
    <t>cg17680611</t>
  </si>
  <si>
    <t>cg17681729</t>
  </si>
  <si>
    <t>cg17682828</t>
  </si>
  <si>
    <t>cg17684296</t>
  </si>
  <si>
    <t>cg17686973</t>
  </si>
  <si>
    <t>cg17687962</t>
  </si>
  <si>
    <t>cg17688689</t>
  </si>
  <si>
    <t>cg17690515</t>
  </si>
  <si>
    <t>cg17692971</t>
  </si>
  <si>
    <t>cg17693604</t>
  </si>
  <si>
    <t>cg17695543</t>
  </si>
  <si>
    <t>cg17696434</t>
  </si>
  <si>
    <t>cg17697457</t>
  </si>
  <si>
    <t>cg17701336</t>
  </si>
  <si>
    <t>cg17704570</t>
  </si>
  <si>
    <t>cg17706896</t>
  </si>
  <si>
    <t>cg17707930</t>
  </si>
  <si>
    <t>cg17708240</t>
  </si>
  <si>
    <t>cg17710576</t>
  </si>
  <si>
    <t>cg17710947</t>
  </si>
  <si>
    <t>cg17711567</t>
  </si>
  <si>
    <t>cg17712202</t>
  </si>
  <si>
    <t>cg17713010</t>
  </si>
  <si>
    <t>cg17713613</t>
  </si>
  <si>
    <t>cg17715641</t>
  </si>
  <si>
    <t>cg17718457</t>
  </si>
  <si>
    <t>cg17719818</t>
  </si>
  <si>
    <t>cg17720013</t>
  </si>
  <si>
    <t>cg17721910</t>
  </si>
  <si>
    <t>cg17724366</t>
  </si>
  <si>
    <t>cg17725136</t>
  </si>
  <si>
    <t>cg17725461</t>
  </si>
  <si>
    <t>cg17726655</t>
  </si>
  <si>
    <t>cg17728125</t>
  </si>
  <si>
    <t>cg17728851</t>
  </si>
  <si>
    <t>cg17730759</t>
  </si>
  <si>
    <t>cg17733590</t>
  </si>
  <si>
    <t>cg17734878</t>
  </si>
  <si>
    <t>cg17735531</t>
  </si>
  <si>
    <t>cg17735716</t>
  </si>
  <si>
    <t>cg17738375</t>
  </si>
  <si>
    <t>cg17739428</t>
  </si>
  <si>
    <t>cg17740327</t>
  </si>
  <si>
    <t>cg17742051</t>
  </si>
  <si>
    <t>cg17742947</t>
  </si>
  <si>
    <t>cg17744110</t>
  </si>
  <si>
    <t>cg17744295</t>
  </si>
  <si>
    <t>cg17744368</t>
  </si>
  <si>
    <t>cg17748092</t>
  </si>
  <si>
    <t>cg17751872</t>
  </si>
  <si>
    <t>cg17752089</t>
  </si>
  <si>
    <t>cg17752112</t>
  </si>
  <si>
    <t>cg17753124</t>
  </si>
  <si>
    <t>cg17756392</t>
  </si>
  <si>
    <t>cg17756521</t>
  </si>
  <si>
    <t>cg17757000</t>
  </si>
  <si>
    <t>cg17763260</t>
  </si>
  <si>
    <t>cg17765461</t>
  </si>
  <si>
    <t>cg17766007</t>
  </si>
  <si>
    <t>cg17767099</t>
  </si>
  <si>
    <t>cg17767567</t>
  </si>
  <si>
    <t>cg17769442</t>
  </si>
  <si>
    <t>cg17769463</t>
  </si>
  <si>
    <t>cg17769836</t>
  </si>
  <si>
    <t>cg17771569</t>
  </si>
  <si>
    <t>cg17772543</t>
  </si>
  <si>
    <t>cg17772789</t>
  </si>
  <si>
    <t>cg17773654</t>
  </si>
  <si>
    <t>cg17774764</t>
  </si>
  <si>
    <t>cg17778313</t>
  </si>
  <si>
    <t>cg17779423</t>
  </si>
  <si>
    <t>cg17783317</t>
  </si>
  <si>
    <t>cg17783827</t>
  </si>
  <si>
    <t>cg17785018</t>
  </si>
  <si>
    <t>cg17786468</t>
  </si>
  <si>
    <t>cg17787583</t>
  </si>
  <si>
    <t>cg17789138</t>
  </si>
  <si>
    <t>cg17791316</t>
  </si>
  <si>
    <t>cg17791766</t>
  </si>
  <si>
    <t>cg17792882</t>
  </si>
  <si>
    <t>cg17795258</t>
  </si>
  <si>
    <t>cg17796897</t>
  </si>
  <si>
    <t>cg17798563</t>
  </si>
  <si>
    <t>cg17798978</t>
  </si>
  <si>
    <t>cg17799563</t>
  </si>
  <si>
    <t>cg17800124</t>
  </si>
  <si>
    <t>cg17801983</t>
  </si>
  <si>
    <t>cg17805599</t>
  </si>
  <si>
    <t>cg17812013</t>
  </si>
  <si>
    <t>cg17817203</t>
  </si>
  <si>
    <t>cg17819420</t>
  </si>
  <si>
    <t>cg17821231</t>
  </si>
  <si>
    <t>cg17822706</t>
  </si>
  <si>
    <t>cg17823175</t>
  </si>
  <si>
    <t>cg17826344</t>
  </si>
  <si>
    <t>cg17826679</t>
  </si>
  <si>
    <t>cg17830754</t>
  </si>
  <si>
    <t>cg17831002</t>
  </si>
  <si>
    <t>cg17832674</t>
  </si>
  <si>
    <t>cg17834637</t>
  </si>
  <si>
    <t>cg17835109</t>
  </si>
  <si>
    <t>cg17836857</t>
  </si>
  <si>
    <t>cg17838026</t>
  </si>
  <si>
    <t>cg17841440</t>
  </si>
  <si>
    <t>cg17842966</t>
  </si>
  <si>
    <t>cg17843759</t>
  </si>
  <si>
    <t>cg17845532</t>
  </si>
  <si>
    <t>cg17845732</t>
  </si>
  <si>
    <t>cg17847607</t>
  </si>
  <si>
    <t>cg17848054</t>
  </si>
  <si>
    <t>cg17848681</t>
  </si>
  <si>
    <t>cg17849709</t>
  </si>
  <si>
    <t>cg17852172</t>
  </si>
  <si>
    <t>cg17857791</t>
  </si>
  <si>
    <t>cg17858098</t>
  </si>
  <si>
    <t>cg17860186</t>
  </si>
  <si>
    <t>cg17862667</t>
  </si>
  <si>
    <t>cg17865555</t>
  </si>
  <si>
    <t>cg17869933</t>
  </si>
  <si>
    <t>cg17871610</t>
  </si>
  <si>
    <t>cg17871739</t>
  </si>
  <si>
    <t>cg17872763</t>
  </si>
  <si>
    <t>cg17874421</t>
  </si>
  <si>
    <t>cg17876514</t>
  </si>
  <si>
    <t>cg17877470</t>
  </si>
  <si>
    <t>cg17880703</t>
  </si>
  <si>
    <t>cg17880816</t>
  </si>
  <si>
    <t>cg17881203</t>
  </si>
  <si>
    <t>cg17882322</t>
  </si>
  <si>
    <t>cg17882460</t>
  </si>
  <si>
    <t>cg17883035</t>
  </si>
  <si>
    <t>cg17883742</t>
  </si>
  <si>
    <t>cg17890520</t>
  </si>
  <si>
    <t>cg17892556</t>
  </si>
  <si>
    <t>cg17893669</t>
  </si>
  <si>
    <t>cg17896573</t>
  </si>
  <si>
    <t>cg17897309</t>
  </si>
  <si>
    <t>cg17898189</t>
  </si>
  <si>
    <t>cg17899492</t>
  </si>
  <si>
    <t>cg17904367</t>
  </si>
  <si>
    <t>cg17904997</t>
  </si>
  <si>
    <t>cg17907567</t>
  </si>
  <si>
    <t>cg17909996</t>
  </si>
  <si>
    <t>cg17914350</t>
  </si>
  <si>
    <t>cg17914753</t>
  </si>
  <si>
    <t>cg17915429</t>
  </si>
  <si>
    <t>cg17917013</t>
  </si>
  <si>
    <t>cg17920197</t>
  </si>
  <si>
    <t>cg17921484</t>
  </si>
  <si>
    <t>cg17926869</t>
  </si>
  <si>
    <t>cg17927223</t>
  </si>
  <si>
    <t>cg17929114</t>
  </si>
  <si>
    <t>cg17929920</t>
  </si>
  <si>
    <t>cg17931320</t>
  </si>
  <si>
    <t>cg17932394</t>
  </si>
  <si>
    <t>cg17933224</t>
  </si>
  <si>
    <t>cg17933226</t>
  </si>
  <si>
    <t>cg17936725</t>
  </si>
  <si>
    <t>cg17938491</t>
  </si>
  <si>
    <t>cg17942096</t>
  </si>
  <si>
    <t>cg17942806</t>
  </si>
  <si>
    <t>cg17944885</t>
  </si>
  <si>
    <t>cg17947242</t>
  </si>
  <si>
    <t>cg17948136</t>
  </si>
  <si>
    <t>cg17959324</t>
  </si>
  <si>
    <t>cg17960111</t>
  </si>
  <si>
    <t>cg17961932</t>
  </si>
  <si>
    <t>cg17966071</t>
  </si>
  <si>
    <t>cg17967227</t>
  </si>
  <si>
    <t>cg17968077</t>
  </si>
  <si>
    <t>cg17969123</t>
  </si>
  <si>
    <t>cg17969540</t>
  </si>
  <si>
    <t>cg17970032</t>
  </si>
  <si>
    <t>cg17970176</t>
  </si>
  <si>
    <t>cg17971600</t>
  </si>
  <si>
    <t>cg17972606</t>
  </si>
  <si>
    <t>cg17972708</t>
  </si>
  <si>
    <t>cg17975976</t>
  </si>
  <si>
    <t>cg17977474</t>
  </si>
  <si>
    <t>cg17977480</t>
  </si>
  <si>
    <t>cg17982671</t>
  </si>
  <si>
    <t>cg17988503</t>
  </si>
  <si>
    <t>cg17992670</t>
  </si>
  <si>
    <t>cg18004847</t>
  </si>
  <si>
    <t>cg18022193</t>
  </si>
  <si>
    <t>cg18031226</t>
  </si>
  <si>
    <t>cg18031270</t>
  </si>
  <si>
    <t>cg18031747</t>
  </si>
  <si>
    <t>cg18033335</t>
  </si>
  <si>
    <t>cg18036873</t>
  </si>
  <si>
    <t>cg18038930</t>
  </si>
  <si>
    <t>cg18039296</t>
  </si>
  <si>
    <t>cg18040997</t>
  </si>
  <si>
    <t>cg18041406</t>
  </si>
  <si>
    <t>cg18045152</t>
  </si>
  <si>
    <t>cg18047794</t>
  </si>
  <si>
    <t>cg18051762</t>
  </si>
  <si>
    <t>cg18052304</t>
  </si>
  <si>
    <t>cg18054578</t>
  </si>
  <si>
    <t>cg18054725</t>
  </si>
  <si>
    <t>cg18055682</t>
  </si>
  <si>
    <t>cg18059891</t>
  </si>
  <si>
    <t>cg18060171</t>
  </si>
  <si>
    <t>cg18061485</t>
  </si>
  <si>
    <t>cg18062360</t>
  </si>
  <si>
    <t>cg18062778</t>
  </si>
  <si>
    <t>cg18064655</t>
  </si>
  <si>
    <t>cg18071809</t>
  </si>
  <si>
    <t>cg18072388</t>
  </si>
  <si>
    <t>cg18072756</t>
  </si>
  <si>
    <t>cg18073514</t>
  </si>
  <si>
    <t>cg18075317</t>
  </si>
  <si>
    <t>cg18076500</t>
  </si>
  <si>
    <t>cg18081489</t>
  </si>
  <si>
    <t>cg18081863</t>
  </si>
  <si>
    <t>cg18084554</t>
  </si>
  <si>
    <t>cg18084798</t>
  </si>
  <si>
    <t>cg18086853</t>
  </si>
  <si>
    <t>cg18087760</t>
  </si>
  <si>
    <t>cg18088844</t>
  </si>
  <si>
    <t>cg18093635</t>
  </si>
  <si>
    <t>cg18094896</t>
  </si>
  <si>
    <t>cg18097246</t>
  </si>
  <si>
    <t>cg18097850</t>
  </si>
  <si>
    <t>cg18098507</t>
  </si>
  <si>
    <t>cg18098743</t>
  </si>
  <si>
    <t>cg18099817</t>
  </si>
  <si>
    <t>cg18100425</t>
  </si>
  <si>
    <t>cg18105335</t>
  </si>
  <si>
    <t>cg18107789</t>
  </si>
  <si>
    <t>cg18107893</t>
  </si>
  <si>
    <t>cg18108190</t>
  </si>
  <si>
    <t>cg18109874</t>
  </si>
  <si>
    <t>cg18110419</t>
  </si>
  <si>
    <t>cg18113780</t>
  </si>
  <si>
    <t>cg18114828</t>
  </si>
  <si>
    <t>cg18115248</t>
  </si>
  <si>
    <t>cg18115407</t>
  </si>
  <si>
    <t>cg18115693</t>
  </si>
  <si>
    <t>cg18117347</t>
  </si>
  <si>
    <t>cg18118703</t>
  </si>
  <si>
    <t>cg18118857</t>
  </si>
  <si>
    <t>cg18119529</t>
  </si>
  <si>
    <t>cg18125735</t>
  </si>
  <si>
    <t>cg18128164</t>
  </si>
  <si>
    <t>cg18138552</t>
  </si>
  <si>
    <t>cg18145683</t>
  </si>
  <si>
    <t>cg18146799</t>
  </si>
  <si>
    <t>cg18149657</t>
  </si>
  <si>
    <t>cg18150383</t>
  </si>
  <si>
    <t>cg18153578</t>
  </si>
  <si>
    <t>cg18154954</t>
  </si>
  <si>
    <t>cg18155720</t>
  </si>
  <si>
    <t>cg18157435</t>
  </si>
  <si>
    <t>cg18163727</t>
  </si>
  <si>
    <t>cg18167829</t>
  </si>
  <si>
    <t>cg18179735</t>
  </si>
  <si>
    <t>cg18189063</t>
  </si>
  <si>
    <t>cg18194038</t>
  </si>
  <si>
    <t>cg18197795</t>
  </si>
  <si>
    <t>cg18212955</t>
  </si>
  <si>
    <t>cg18221897</t>
  </si>
  <si>
    <t>cg18226166</t>
  </si>
  <si>
    <t>cg18226169</t>
  </si>
  <si>
    <t>cg18226382</t>
  </si>
  <si>
    <t>cg18227986</t>
  </si>
  <si>
    <t>cg18229717</t>
  </si>
  <si>
    <t>cg18229731</t>
  </si>
  <si>
    <t>cg18232130</t>
  </si>
  <si>
    <t>cg18232841</t>
  </si>
  <si>
    <t>cg18235573</t>
  </si>
  <si>
    <t>cg18235690</t>
  </si>
  <si>
    <t>cg18236665</t>
  </si>
  <si>
    <t>cg18236745</t>
  </si>
  <si>
    <t>cg18244915</t>
  </si>
  <si>
    <t>cg18250474</t>
  </si>
  <si>
    <t>cg18251191</t>
  </si>
  <si>
    <t>cg18251449</t>
  </si>
  <si>
    <t>cg18254983</t>
  </si>
  <si>
    <t>cg18255008</t>
  </si>
  <si>
    <t>cg18256471</t>
  </si>
  <si>
    <t>cg18281016</t>
  </si>
  <si>
    <t>cg18299835</t>
  </si>
  <si>
    <t>cg18300770</t>
  </si>
  <si>
    <t>cg18302606</t>
  </si>
  <si>
    <t>cg18302786</t>
  </si>
  <si>
    <t>cg18302899</t>
  </si>
  <si>
    <t>cg18304093</t>
  </si>
  <si>
    <t>cg18304696</t>
  </si>
  <si>
    <t>cg18304704</t>
  </si>
  <si>
    <t>cg18305031</t>
  </si>
  <si>
    <t>cg18308535</t>
  </si>
  <si>
    <t>cg18309129</t>
  </si>
  <si>
    <t>cg18310205</t>
  </si>
  <si>
    <t>cg18311360</t>
  </si>
  <si>
    <t>cg18315638</t>
  </si>
  <si>
    <t>cg18317135</t>
  </si>
  <si>
    <t>cg18324242</t>
  </si>
  <si>
    <t>cg18326578</t>
  </si>
  <si>
    <t>cg18328612</t>
  </si>
  <si>
    <t>cg18328871</t>
  </si>
  <si>
    <t>cg18329753</t>
  </si>
  <si>
    <t>cg18329931</t>
  </si>
  <si>
    <t>cg18331165</t>
  </si>
  <si>
    <t>cg18331325</t>
  </si>
  <si>
    <t>cg18333807</t>
  </si>
  <si>
    <t>cg18335068</t>
  </si>
  <si>
    <t>cg18336281</t>
  </si>
  <si>
    <t>cg18337287</t>
  </si>
  <si>
    <t>cg18338021</t>
  </si>
  <si>
    <t>cg18338181</t>
  </si>
  <si>
    <t>cg18339718</t>
  </si>
  <si>
    <t>cg18341493</t>
  </si>
  <si>
    <t>cg18344466</t>
  </si>
  <si>
    <t>cg18345539</t>
  </si>
  <si>
    <t>cg18349281</t>
  </si>
  <si>
    <t>cg18353597</t>
  </si>
  <si>
    <t>cg18356159</t>
  </si>
  <si>
    <t>cg18358727</t>
  </si>
  <si>
    <t>cg18359371</t>
  </si>
  <si>
    <t>cg18362538</t>
  </si>
  <si>
    <t>cg18363948</t>
  </si>
  <si>
    <t>cg18370407</t>
  </si>
  <si>
    <t>cg18373961</t>
  </si>
  <si>
    <t>cg18374625</t>
  </si>
  <si>
    <t>cg18375236</t>
  </si>
  <si>
    <t>cg18377133</t>
  </si>
  <si>
    <t>cg18380173</t>
  </si>
  <si>
    <t>cg18385371</t>
  </si>
  <si>
    <t>cg18390959</t>
  </si>
  <si>
    <t>cg18393172</t>
  </si>
  <si>
    <t>cg18394178</t>
  </si>
  <si>
    <t>cg18397308</t>
  </si>
  <si>
    <t>cg18403970</t>
  </si>
  <si>
    <t>cg18404628</t>
  </si>
  <si>
    <t>cg18405140</t>
  </si>
  <si>
    <t>cg18405260</t>
  </si>
  <si>
    <t>cg18405297</t>
  </si>
  <si>
    <t>cg18406556</t>
  </si>
  <si>
    <t>cg18410168</t>
  </si>
  <si>
    <t>cg18410885</t>
  </si>
  <si>
    <t>cg18421339</t>
  </si>
  <si>
    <t>cg18429235</t>
  </si>
  <si>
    <t>cg18429685</t>
  </si>
  <si>
    <t>cg18430128</t>
  </si>
  <si>
    <t>cg18430314</t>
  </si>
  <si>
    <t>cg18434718</t>
  </si>
  <si>
    <t>cg18435449</t>
  </si>
  <si>
    <t>cg18436714</t>
  </si>
  <si>
    <t>cg18440316</t>
  </si>
  <si>
    <t>cg18444673</t>
  </si>
  <si>
    <t>cg18447740</t>
  </si>
  <si>
    <t>cg18449135</t>
  </si>
  <si>
    <t>cg18449187</t>
  </si>
  <si>
    <t>cg18449879</t>
  </si>
  <si>
    <t>cg18451372</t>
  </si>
  <si>
    <t>cg18452263</t>
  </si>
  <si>
    <t>cg18458353</t>
  </si>
  <si>
    <t>cg18458431</t>
  </si>
  <si>
    <t>cg18458558</t>
  </si>
  <si>
    <t>cg18460175</t>
  </si>
  <si>
    <t>cg18462898</t>
  </si>
  <si>
    <t>cg18464402</t>
  </si>
  <si>
    <t>cg18467189</t>
  </si>
  <si>
    <t>cg18467978</t>
  </si>
  <si>
    <t>cg18470689</t>
  </si>
  <si>
    <t>cg18473162</t>
  </si>
  <si>
    <t>cg18473733</t>
  </si>
  <si>
    <t>cg18474153</t>
  </si>
  <si>
    <t>cg18475039</t>
  </si>
  <si>
    <t>cg18475747</t>
  </si>
  <si>
    <t>cg18476948</t>
  </si>
  <si>
    <t>cg18479229</t>
  </si>
  <si>
    <t>cg18480705</t>
  </si>
  <si>
    <t>cg18480790</t>
  </si>
  <si>
    <t>cg18483269</t>
  </si>
  <si>
    <t>cg18485501</t>
  </si>
  <si>
    <t>cg18487246</t>
  </si>
  <si>
    <t>cg18487515</t>
  </si>
  <si>
    <t>cg18488075</t>
  </si>
  <si>
    <t>cg18489009</t>
  </si>
  <si>
    <t>cg18489606</t>
  </si>
  <si>
    <t>cg18490238</t>
  </si>
  <si>
    <t>cg18493147</t>
  </si>
  <si>
    <t>cg18495710</t>
  </si>
  <si>
    <t>cg18496271</t>
  </si>
  <si>
    <t>cg18496289</t>
  </si>
  <si>
    <t>cg18497162</t>
  </si>
  <si>
    <t>cg18497291</t>
  </si>
  <si>
    <t>cg18497587</t>
  </si>
  <si>
    <t>cg18499060</t>
  </si>
  <si>
    <t>cg18503381</t>
  </si>
  <si>
    <t>cg18503912</t>
  </si>
  <si>
    <t>cg18504937</t>
  </si>
  <si>
    <t>cg18504989</t>
  </si>
  <si>
    <t>cg18506018</t>
  </si>
  <si>
    <t>cg18506124</t>
  </si>
  <si>
    <t>cg18506744</t>
  </si>
  <si>
    <t>cg18511790</t>
  </si>
  <si>
    <t>cg18515510</t>
  </si>
  <si>
    <t>cg18517766</t>
  </si>
  <si>
    <t>cg18520034</t>
  </si>
  <si>
    <t>cg18520411</t>
  </si>
  <si>
    <t>cg18522808</t>
  </si>
  <si>
    <t>cg18523750</t>
  </si>
  <si>
    <t>cg18528549</t>
  </si>
  <si>
    <t>cg18528593</t>
  </si>
  <si>
    <t>cg18530114</t>
  </si>
  <si>
    <t>cg18532308</t>
  </si>
  <si>
    <t>cg18536042</t>
  </si>
  <si>
    <t>cg18536198</t>
  </si>
  <si>
    <t>cg18540299</t>
  </si>
  <si>
    <t>cg18542377</t>
  </si>
  <si>
    <t>cg18543871</t>
  </si>
  <si>
    <t>cg18544365</t>
  </si>
  <si>
    <t>cg18547299</t>
  </si>
  <si>
    <t>cg18549547</t>
  </si>
  <si>
    <t>cg18550517</t>
  </si>
  <si>
    <t>cg18551531</t>
  </si>
  <si>
    <t>cg18553292</t>
  </si>
  <si>
    <t>cg18553657</t>
  </si>
  <si>
    <t>cg18558143</t>
  </si>
  <si>
    <t>cg18559348</t>
  </si>
  <si>
    <t>cg18559785</t>
  </si>
  <si>
    <t>cg18563630</t>
  </si>
  <si>
    <t>cg18564234</t>
  </si>
  <si>
    <t>cg18566672</t>
  </si>
  <si>
    <t>cg18566819</t>
  </si>
  <si>
    <t>cg18567268</t>
  </si>
  <si>
    <t>cg18568116</t>
  </si>
  <si>
    <t>cg18570262</t>
  </si>
  <si>
    <t>cg18570947</t>
  </si>
  <si>
    <t>cg18576835</t>
  </si>
  <si>
    <t>cg18577533</t>
  </si>
  <si>
    <t>cg18578263</t>
  </si>
  <si>
    <t>cg18580265</t>
  </si>
  <si>
    <t>cg18581405</t>
  </si>
  <si>
    <t>cg18581445</t>
  </si>
  <si>
    <t>cg18582556</t>
  </si>
  <si>
    <t>cg18582997</t>
  </si>
  <si>
    <t>cg18584550</t>
  </si>
  <si>
    <t>cg18585988</t>
  </si>
  <si>
    <t>cg18586919</t>
  </si>
  <si>
    <t>cg18587364</t>
  </si>
  <si>
    <t>cg18588295</t>
  </si>
  <si>
    <t>cg18591235</t>
  </si>
  <si>
    <t>cg18592745</t>
  </si>
  <si>
    <t>cg18593654</t>
  </si>
  <si>
    <t>cg18595756</t>
  </si>
  <si>
    <t>cg18599400</t>
  </si>
  <si>
    <t>cg18599790</t>
  </si>
  <si>
    <t>cg18600510</t>
  </si>
  <si>
    <t>cg18604059</t>
  </si>
  <si>
    <t>cg18604395</t>
  </si>
  <si>
    <t>cg18604577</t>
  </si>
  <si>
    <t>cg18606683</t>
  </si>
  <si>
    <t>cg18607418</t>
  </si>
  <si>
    <t>cg18608055</t>
  </si>
  <si>
    <t>cg18610071</t>
  </si>
  <si>
    <t>cg18610079</t>
  </si>
  <si>
    <t>cg18614381</t>
  </si>
  <si>
    <t>cg18615431</t>
  </si>
  <si>
    <t>cg18619804</t>
  </si>
  <si>
    <t>cg18625289</t>
  </si>
  <si>
    <t>cg18625610</t>
  </si>
  <si>
    <t>cg18627816</t>
  </si>
  <si>
    <t>cg18629615</t>
  </si>
  <si>
    <t>cg18630811</t>
  </si>
  <si>
    <t>cg18633340</t>
  </si>
  <si>
    <t>cg18634848</t>
  </si>
  <si>
    <t>cg18637978</t>
  </si>
  <si>
    <t>cg18638867</t>
  </si>
  <si>
    <t>cg18639142</t>
  </si>
  <si>
    <t>cg18639983</t>
  </si>
  <si>
    <t>cg18640606</t>
  </si>
  <si>
    <t>cg18640608</t>
  </si>
  <si>
    <t>cg18642271</t>
  </si>
  <si>
    <t>cg18642503</t>
  </si>
  <si>
    <t>cg18649823</t>
  </si>
  <si>
    <t>cg18649979</t>
  </si>
  <si>
    <t>cg18654464</t>
  </si>
  <si>
    <t>cg18655633</t>
  </si>
  <si>
    <t>cg18655657</t>
  </si>
  <si>
    <t>cg18655918</t>
  </si>
  <si>
    <t>cg18657341</t>
  </si>
  <si>
    <t>cg18660278</t>
  </si>
  <si>
    <t>cg18661237</t>
  </si>
  <si>
    <t>cg18661559</t>
  </si>
  <si>
    <t>cg18665943</t>
  </si>
  <si>
    <t>cg18666748</t>
  </si>
  <si>
    <t>cg18668679</t>
  </si>
  <si>
    <t>cg18668753</t>
  </si>
  <si>
    <t>cg18671984</t>
  </si>
  <si>
    <t>cg18672986</t>
  </si>
  <si>
    <t>cg18673377</t>
  </si>
  <si>
    <t>cg18677278</t>
  </si>
  <si>
    <t>cg18679732</t>
  </si>
  <si>
    <t>cg18680587</t>
  </si>
  <si>
    <t>cg18683453</t>
  </si>
  <si>
    <t>cg18685158</t>
  </si>
  <si>
    <t>cg18689573</t>
  </si>
  <si>
    <t>cg18691133</t>
  </si>
  <si>
    <t>cg18692056</t>
  </si>
  <si>
    <t>cg18693051</t>
  </si>
  <si>
    <t>cg18693673</t>
  </si>
  <si>
    <t>cg18699439</t>
  </si>
  <si>
    <t>cg18700013</t>
  </si>
  <si>
    <t>cg18701660</t>
  </si>
  <si>
    <t>cg18706434</t>
  </si>
  <si>
    <t>cg18707858</t>
  </si>
  <si>
    <t>cg18709710</t>
  </si>
  <si>
    <t>cg18712973</t>
  </si>
  <si>
    <t>cg18714712</t>
  </si>
  <si>
    <t>cg18715189</t>
  </si>
  <si>
    <t>cg18717146</t>
  </si>
  <si>
    <t>cg18718410</t>
  </si>
  <si>
    <t>cg18721212</t>
  </si>
  <si>
    <t>cg18732541</t>
  </si>
  <si>
    <t>cg18734095</t>
  </si>
  <si>
    <t>cg18736168</t>
  </si>
  <si>
    <t>cg18739142</t>
  </si>
  <si>
    <t>cg18741277</t>
  </si>
  <si>
    <t>cg18741372</t>
  </si>
  <si>
    <t>cg18742203</t>
  </si>
  <si>
    <t>cg18745184</t>
  </si>
  <si>
    <t>cg18745507</t>
  </si>
  <si>
    <t>cg18745782</t>
  </si>
  <si>
    <t>cg18745841</t>
  </si>
  <si>
    <t>cg18748062</t>
  </si>
  <si>
    <t>cg18751674</t>
  </si>
  <si>
    <t>cg18751958</t>
  </si>
  <si>
    <t>cg18753625</t>
  </si>
  <si>
    <t>cg18754118</t>
  </si>
  <si>
    <t>cg18756179</t>
  </si>
  <si>
    <t>cg18756674</t>
  </si>
  <si>
    <t>cg18759680</t>
  </si>
  <si>
    <t>cg18760752</t>
  </si>
  <si>
    <t>cg18762986</t>
  </si>
  <si>
    <t>cg18763911</t>
  </si>
  <si>
    <t>cg18766809</t>
  </si>
  <si>
    <t>cg18768621</t>
  </si>
  <si>
    <t>cg18771553</t>
  </si>
  <si>
    <t>cg18774318</t>
  </si>
  <si>
    <t>cg18774828</t>
  </si>
  <si>
    <t>cg18778827</t>
  </si>
  <si>
    <t>cg18781966</t>
  </si>
  <si>
    <t>cg18786995</t>
  </si>
  <si>
    <t>cg18787246</t>
  </si>
  <si>
    <t>cg18787876</t>
  </si>
  <si>
    <t>cg18788725</t>
  </si>
  <si>
    <t>cg18788945</t>
  </si>
  <si>
    <t>cg18791365</t>
  </si>
  <si>
    <t>cg18795383</t>
  </si>
  <si>
    <t>cg18799241</t>
  </si>
  <si>
    <t>cg18801713</t>
  </si>
  <si>
    <t>cg18811158</t>
  </si>
  <si>
    <t>cg18812944</t>
  </si>
  <si>
    <t>cg18812980</t>
  </si>
  <si>
    <t>cg18816098</t>
  </si>
  <si>
    <t>cg18819515</t>
  </si>
  <si>
    <t>cg18820595</t>
  </si>
  <si>
    <t>cg18820709</t>
  </si>
  <si>
    <t>cg18822363</t>
  </si>
  <si>
    <t>cg18823272</t>
  </si>
  <si>
    <t>cg18824330</t>
  </si>
  <si>
    <t>cg18828334</t>
  </si>
  <si>
    <t>cg18831604</t>
  </si>
  <si>
    <t>cg18832765</t>
  </si>
  <si>
    <t>cg18834361</t>
  </si>
  <si>
    <t>cg18834990</t>
  </si>
  <si>
    <t>cg18836486</t>
  </si>
  <si>
    <t>cg18838701</t>
  </si>
  <si>
    <t>cg18844210</t>
  </si>
  <si>
    <t>cg18850089</t>
  </si>
  <si>
    <t>cg18850918</t>
  </si>
  <si>
    <t>cg18851960</t>
  </si>
  <si>
    <t>cg18853219</t>
  </si>
  <si>
    <t>cg18853775</t>
  </si>
  <si>
    <t>cg18860954</t>
  </si>
  <si>
    <t>cg18861015</t>
  </si>
  <si>
    <t>cg18861421</t>
  </si>
  <si>
    <t>cg18865419</t>
  </si>
  <si>
    <t>cg18870054</t>
  </si>
  <si>
    <t>cg18872426</t>
  </si>
  <si>
    <t>cg18874575</t>
  </si>
  <si>
    <t>cg18874907</t>
  </si>
  <si>
    <t>cg18875716</t>
  </si>
  <si>
    <t>cg18878150</t>
  </si>
  <si>
    <t>cg18879061</t>
  </si>
  <si>
    <t>cg18882201</t>
  </si>
  <si>
    <t>cg18887073</t>
  </si>
  <si>
    <t>cg18887296</t>
  </si>
  <si>
    <t>cg18888520</t>
  </si>
  <si>
    <t>cg18891387</t>
  </si>
  <si>
    <t>cg18892461</t>
  </si>
  <si>
    <t>cg18901085</t>
  </si>
  <si>
    <t>cg18901104</t>
  </si>
  <si>
    <t>cg18902930</t>
  </si>
  <si>
    <t>cg18910313</t>
  </si>
  <si>
    <t>cg18917853</t>
  </si>
  <si>
    <t>cg18931750</t>
  </si>
  <si>
    <t>cg18934409</t>
  </si>
  <si>
    <t>cg18955367</t>
  </si>
  <si>
    <t>cg18958579</t>
  </si>
  <si>
    <t>cg18967533</t>
  </si>
  <si>
    <t>cg18971671</t>
  </si>
  <si>
    <t>cg18986165</t>
  </si>
  <si>
    <t>cg18997662</t>
  </si>
  <si>
    <t>cg19000365</t>
  </si>
  <si>
    <t>cg19001086</t>
  </si>
  <si>
    <t>cg19001261</t>
  </si>
  <si>
    <t>cg19004883</t>
  </si>
  <si>
    <t>cg19006008</t>
  </si>
  <si>
    <t>cg19006507</t>
  </si>
  <si>
    <t>cg19010396</t>
  </si>
  <si>
    <t>cg19010850</t>
  </si>
  <si>
    <t>cg19011710</t>
  </si>
  <si>
    <t>cg19014302</t>
  </si>
  <si>
    <t>cg19014858</t>
  </si>
  <si>
    <t>cg19016517</t>
  </si>
  <si>
    <t>cg19017177</t>
  </si>
  <si>
    <t>cg19017185</t>
  </si>
  <si>
    <t>cg19017254</t>
  </si>
  <si>
    <t>cg19018941</t>
  </si>
  <si>
    <t>cg19021738</t>
  </si>
  <si>
    <t>cg19022827</t>
  </si>
  <si>
    <t>cg19023552</t>
  </si>
  <si>
    <t>cg19023592</t>
  </si>
  <si>
    <t>cg19024700</t>
  </si>
  <si>
    <t>cg19032532</t>
  </si>
  <si>
    <t>cg19032797</t>
  </si>
  <si>
    <t>cg19033838</t>
  </si>
  <si>
    <t>cg19035908</t>
  </si>
  <si>
    <t>cg19036219</t>
  </si>
  <si>
    <t>cg19037241</t>
  </si>
  <si>
    <t>cg19037388</t>
  </si>
  <si>
    <t>cg19038042</t>
  </si>
  <si>
    <t>cg19038454</t>
  </si>
  <si>
    <t>cg19039340</t>
  </si>
  <si>
    <t>cg19043207</t>
  </si>
  <si>
    <t>cg19044419</t>
  </si>
  <si>
    <t>cg19046189</t>
  </si>
  <si>
    <t>cg19047226</t>
  </si>
  <si>
    <t>cg19051117</t>
  </si>
  <si>
    <t>cg19058414</t>
  </si>
  <si>
    <t>cg19058495</t>
  </si>
  <si>
    <t>cg19060383</t>
  </si>
  <si>
    <t>cg19061270</t>
  </si>
  <si>
    <t>cg19062489</t>
  </si>
  <si>
    <t>cg19062689</t>
  </si>
  <si>
    <t>cg19063397</t>
  </si>
  <si>
    <t>cg19063564</t>
  </si>
  <si>
    <t>cg19073614</t>
  </si>
  <si>
    <t>cg19095988</t>
  </si>
  <si>
    <t>cg19098268</t>
  </si>
  <si>
    <t>cg19098465</t>
  </si>
  <si>
    <t>cg19103704</t>
  </si>
  <si>
    <t>cg19109007</t>
  </si>
  <si>
    <t>cg19114310</t>
  </si>
  <si>
    <t>cg19123863</t>
  </si>
  <si>
    <t>cg19124998</t>
  </si>
  <si>
    <t>cg19147390</t>
  </si>
  <si>
    <t>cg19154438</t>
  </si>
  <si>
    <t>cg19161333</t>
  </si>
  <si>
    <t>cg19183842</t>
  </si>
  <si>
    <t>cg19187564</t>
  </si>
  <si>
    <t>cg19191883</t>
  </si>
  <si>
    <t>cg19195419</t>
  </si>
  <si>
    <t>cg19196221</t>
  </si>
  <si>
    <t>cg19201019</t>
  </si>
  <si>
    <t>cg19206486</t>
  </si>
  <si>
    <t>cg19211619</t>
  </si>
  <si>
    <t>cg19216791</t>
  </si>
  <si>
    <t>cg19216817</t>
  </si>
  <si>
    <t>cg19217571</t>
  </si>
  <si>
    <t>cg19219435</t>
  </si>
  <si>
    <t>cg19220607</t>
  </si>
  <si>
    <t>cg19224203</t>
  </si>
  <si>
    <t>cg19225308</t>
  </si>
  <si>
    <t>cg19230443</t>
  </si>
  <si>
    <t>cg19239148</t>
  </si>
  <si>
    <t>cg19240110</t>
  </si>
  <si>
    <t>cg19241779</t>
  </si>
  <si>
    <t>cg19243826</t>
  </si>
  <si>
    <t>cg19244928</t>
  </si>
  <si>
    <t>cg19245616</t>
  </si>
  <si>
    <t>cg19245943</t>
  </si>
  <si>
    <t>cg19246110</t>
  </si>
  <si>
    <t>cg19249157</t>
  </si>
  <si>
    <t>cg19251500</t>
  </si>
  <si>
    <t>cg19256094</t>
  </si>
  <si>
    <t>cg19257089</t>
  </si>
  <si>
    <t>cg19258034</t>
  </si>
  <si>
    <t>cg19261810</t>
  </si>
  <si>
    <t>cg19262019</t>
  </si>
  <si>
    <t>cg19262282</t>
  </si>
  <si>
    <t>cg19264533</t>
  </si>
  <si>
    <t>cg19267596</t>
  </si>
  <si>
    <t>cg19274401</t>
  </si>
  <si>
    <t>cg19274837</t>
  </si>
  <si>
    <t>cg19275235</t>
  </si>
  <si>
    <t>cg19279346</t>
  </si>
  <si>
    <t>cg19279529</t>
  </si>
  <si>
    <t>cg19280540</t>
  </si>
  <si>
    <t>cg19282452</t>
  </si>
  <si>
    <t>cg19285847</t>
  </si>
  <si>
    <t>cg19287817</t>
  </si>
  <si>
    <t>cg19293162</t>
  </si>
  <si>
    <t>cg19296405</t>
  </si>
  <si>
    <t>cg19297234</t>
  </si>
  <si>
    <t>cg19298774</t>
  </si>
  <si>
    <t>cg19298856</t>
  </si>
  <si>
    <t>cg19300225</t>
  </si>
  <si>
    <t>cg19303682</t>
  </si>
  <si>
    <t>cg19305511</t>
  </si>
  <si>
    <t>cg19307500</t>
  </si>
  <si>
    <t>cg19309009</t>
  </si>
  <si>
    <t>cg19309507</t>
  </si>
  <si>
    <t>cg19309676</t>
  </si>
  <si>
    <t>cg19311218</t>
  </si>
  <si>
    <t>cg19313221</t>
  </si>
  <si>
    <t>cg19318380</t>
  </si>
  <si>
    <t>cg19318722</t>
  </si>
  <si>
    <t>cg19319774</t>
  </si>
  <si>
    <t>cg19325093</t>
  </si>
  <si>
    <t>cg19327213</t>
  </si>
  <si>
    <t>cg19327375</t>
  </si>
  <si>
    <t>cg19331658</t>
  </si>
  <si>
    <t>cg19333255</t>
  </si>
  <si>
    <t>cg19334452</t>
  </si>
  <si>
    <t>cg19335327</t>
  </si>
  <si>
    <t>cg19338212</t>
  </si>
  <si>
    <t>cg19339322</t>
  </si>
  <si>
    <t>cg19340420</t>
  </si>
  <si>
    <t>cg19340950</t>
  </si>
  <si>
    <t>cg19342876</t>
  </si>
  <si>
    <t>cg19343871</t>
  </si>
  <si>
    <t>cg19345662</t>
  </si>
  <si>
    <t>cg19349283</t>
  </si>
  <si>
    <t>cg19351423</t>
  </si>
  <si>
    <t>cg19351603</t>
  </si>
  <si>
    <t>cg19354368</t>
  </si>
  <si>
    <t>cg19355079</t>
  </si>
  <si>
    <t>cg19361542</t>
  </si>
  <si>
    <t>cg19364068</t>
  </si>
  <si>
    <t>cg19364777</t>
  </si>
  <si>
    <t>cg19366381</t>
  </si>
  <si>
    <t>cg19366479</t>
  </si>
  <si>
    <t>cg19369151</t>
  </si>
  <si>
    <t>cg19369438</t>
  </si>
  <si>
    <t>cg19371795</t>
  </si>
  <si>
    <t>cg19372504</t>
  </si>
  <si>
    <t>cg19374303</t>
  </si>
  <si>
    <t>cg19375044</t>
  </si>
  <si>
    <t>cg19375123</t>
  </si>
  <si>
    <t>cg19375492</t>
  </si>
  <si>
    <t>cg19378149</t>
  </si>
  <si>
    <t>cg19379721</t>
  </si>
  <si>
    <t>cg19380156</t>
  </si>
  <si>
    <t>cg19380808</t>
  </si>
  <si>
    <t>cg19381810</t>
  </si>
  <si>
    <t>cg19382019</t>
  </si>
  <si>
    <t>cg19384825</t>
  </si>
  <si>
    <t>cg19386303</t>
  </si>
  <si>
    <t>cg19387862</t>
  </si>
  <si>
    <t>cg19388739</t>
  </si>
  <si>
    <t>cg19390148</t>
  </si>
  <si>
    <t>cg19390582</t>
  </si>
  <si>
    <t>cg19391265</t>
  </si>
  <si>
    <t>cg19393762</t>
  </si>
  <si>
    <t>cg19395056</t>
  </si>
  <si>
    <t>cg19396867</t>
  </si>
  <si>
    <t>cg19399220</t>
  </si>
  <si>
    <t>cg19401969</t>
  </si>
  <si>
    <t>cg19404979</t>
  </si>
  <si>
    <t>cg19406106</t>
  </si>
  <si>
    <t>cg19406736</t>
  </si>
  <si>
    <t>cg19406914</t>
  </si>
  <si>
    <t>cg19407965</t>
  </si>
  <si>
    <t>cg19417549</t>
  </si>
  <si>
    <t>cg19419519</t>
  </si>
  <si>
    <t>cg19420447</t>
  </si>
  <si>
    <t>cg19424060</t>
  </si>
  <si>
    <t>cg19426731</t>
  </si>
  <si>
    <t>cg19429827</t>
  </si>
  <si>
    <t>cg19430780</t>
  </si>
  <si>
    <t>cg19431272</t>
  </si>
  <si>
    <t>cg19435526</t>
  </si>
  <si>
    <t>cg19437852</t>
  </si>
  <si>
    <t>cg19438912</t>
  </si>
  <si>
    <t>cg19439835</t>
  </si>
  <si>
    <t>cg19440035</t>
  </si>
  <si>
    <t>cg19441349</t>
  </si>
  <si>
    <t>cg19442149</t>
  </si>
  <si>
    <t>cg19442915</t>
  </si>
  <si>
    <t>cg19454508</t>
  </si>
  <si>
    <t>cg19455368</t>
  </si>
  <si>
    <t>cg19458893</t>
  </si>
  <si>
    <t>cg19461907</t>
  </si>
  <si>
    <t>cg19463471</t>
  </si>
  <si>
    <t>cg19463518</t>
  </si>
  <si>
    <t>cg19469742</t>
  </si>
  <si>
    <t>cg19471655</t>
  </si>
  <si>
    <t>cg19472254</t>
  </si>
  <si>
    <t>cg19475270</t>
  </si>
  <si>
    <t>cg19476058</t>
  </si>
  <si>
    <t>cg19477346</t>
  </si>
  <si>
    <t>cg19481737</t>
  </si>
  <si>
    <t>cg19484319</t>
  </si>
  <si>
    <t>cg19485105</t>
  </si>
  <si>
    <t>cg19485268</t>
  </si>
  <si>
    <t>cg19487945</t>
  </si>
  <si>
    <t>cg19489188</t>
  </si>
  <si>
    <t>cg19492036</t>
  </si>
  <si>
    <t>cg19492423</t>
  </si>
  <si>
    <t>cg19496125</t>
  </si>
  <si>
    <t>cg19496566</t>
  </si>
  <si>
    <t>cg19498228</t>
  </si>
  <si>
    <t>cg19499085</t>
  </si>
  <si>
    <t>cg19499224</t>
  </si>
  <si>
    <t>cg19499776</t>
  </si>
  <si>
    <t>cg19500056</t>
  </si>
  <si>
    <t>cg19504245</t>
  </si>
  <si>
    <t>cg19504496</t>
  </si>
  <si>
    <t>cg19505152</t>
  </si>
  <si>
    <t>cg19507489</t>
  </si>
  <si>
    <t>cg19508683</t>
  </si>
  <si>
    <t>cg19510472</t>
  </si>
  <si>
    <t>cg19510663</t>
  </si>
  <si>
    <t>cg19511235</t>
  </si>
  <si>
    <t>cg19512730</t>
  </si>
  <si>
    <t>cg19513868</t>
  </si>
  <si>
    <t>cg19515390</t>
  </si>
  <si>
    <t>cg19516825</t>
  </si>
  <si>
    <t>cg19518132</t>
  </si>
  <si>
    <t>cg19521646</t>
  </si>
  <si>
    <t>cg19521693</t>
  </si>
  <si>
    <t>cg19526353</t>
  </si>
  <si>
    <t>cg19526626</t>
  </si>
  <si>
    <t>cg19528438</t>
  </si>
  <si>
    <t>cg19529363</t>
  </si>
  <si>
    <t>cg19534805</t>
  </si>
  <si>
    <t>cg19537184</t>
  </si>
  <si>
    <t>cg19537317</t>
  </si>
  <si>
    <t>cg19540702</t>
  </si>
  <si>
    <t>cg19541912</t>
  </si>
  <si>
    <t>cg19542048</t>
  </si>
  <si>
    <t>cg19542359</t>
  </si>
  <si>
    <t>cg19543367</t>
  </si>
  <si>
    <t>cg19544372</t>
  </si>
  <si>
    <t>cg19544919</t>
  </si>
  <si>
    <t>cg19545560</t>
  </si>
  <si>
    <t>cg19546583</t>
  </si>
  <si>
    <t>cg19546700</t>
  </si>
  <si>
    <t>cg19546943</t>
  </si>
  <si>
    <t>cg19547236</t>
  </si>
  <si>
    <t>cg19547929</t>
  </si>
  <si>
    <t>cg19548313</t>
  </si>
  <si>
    <t>cg19554294</t>
  </si>
  <si>
    <t>cg19555264</t>
  </si>
  <si>
    <t>cg19559114</t>
  </si>
  <si>
    <t>cg19560656</t>
  </si>
  <si>
    <t>cg19560927</t>
  </si>
  <si>
    <t>cg19563270</t>
  </si>
  <si>
    <t>cg19577395</t>
  </si>
  <si>
    <t>cg19582822</t>
  </si>
  <si>
    <t>cg19583076</t>
  </si>
  <si>
    <t>cg19584038</t>
  </si>
  <si>
    <t>cg19587318</t>
  </si>
  <si>
    <t>cg19587667</t>
  </si>
  <si>
    <t>cg19590914</t>
  </si>
  <si>
    <t>cg19591439</t>
  </si>
  <si>
    <t>cg19594024</t>
  </si>
  <si>
    <t>cg19595223</t>
  </si>
  <si>
    <t>cg19598519</t>
  </si>
  <si>
    <t>cg19599002</t>
  </si>
  <si>
    <t>cg19599410</t>
  </si>
  <si>
    <t>cg19601674</t>
  </si>
  <si>
    <t>cg19603744</t>
  </si>
  <si>
    <t>cg19603903</t>
  </si>
  <si>
    <t>cg19604488</t>
  </si>
  <si>
    <t>cg19606881</t>
  </si>
  <si>
    <t>cg19607092</t>
  </si>
  <si>
    <t>cg19611002</t>
  </si>
  <si>
    <t>cg19612770</t>
  </si>
  <si>
    <t>cg19617504</t>
  </si>
  <si>
    <t>cg19619036</t>
  </si>
  <si>
    <t>cg19621460</t>
  </si>
  <si>
    <t>cg19623751</t>
  </si>
  <si>
    <t>cg19628329</t>
  </si>
  <si>
    <t>cg19628343</t>
  </si>
  <si>
    <t>cg19630539</t>
  </si>
  <si>
    <t>cg19631648</t>
  </si>
  <si>
    <t>cg19635533</t>
  </si>
  <si>
    <t>cg19635754</t>
  </si>
  <si>
    <t>cg19636240</t>
  </si>
  <si>
    <t>cg19636302</t>
  </si>
  <si>
    <t>cg19638176</t>
  </si>
  <si>
    <t>cg19640821</t>
  </si>
  <si>
    <t>cg19643441</t>
  </si>
  <si>
    <t>cg19643921</t>
  </si>
  <si>
    <t>cg19644590</t>
  </si>
  <si>
    <t>cg19645066</t>
  </si>
  <si>
    <t>cg19645320</t>
  </si>
  <si>
    <t>cg19645616</t>
  </si>
  <si>
    <t>cg19646028</t>
  </si>
  <si>
    <t>cg19648672</t>
  </si>
  <si>
    <t>cg19651419</t>
  </si>
  <si>
    <t>cg19653589</t>
  </si>
  <si>
    <t>cg19655456</t>
  </si>
  <si>
    <t>cg19662846</t>
  </si>
  <si>
    <t>cg19663209</t>
  </si>
  <si>
    <t>cg19666093</t>
  </si>
  <si>
    <t>cg19667847</t>
  </si>
  <si>
    <t>cg19671026</t>
  </si>
  <si>
    <t>cg19673376</t>
  </si>
  <si>
    <t>cg19675935</t>
  </si>
  <si>
    <t>cg19677720</t>
  </si>
  <si>
    <t>cg19685698</t>
  </si>
  <si>
    <t>cg19685976</t>
  </si>
  <si>
    <t>cg19687457</t>
  </si>
  <si>
    <t>cg19688418</t>
  </si>
  <si>
    <t>cg19693284</t>
  </si>
  <si>
    <t>cg19694781</t>
  </si>
  <si>
    <t>cg19694798</t>
  </si>
  <si>
    <t>cg19698273</t>
  </si>
  <si>
    <t>cg19699200</t>
  </si>
  <si>
    <t>cg19701101</t>
  </si>
  <si>
    <t>cg19701213</t>
  </si>
  <si>
    <t>cg19701264</t>
  </si>
  <si>
    <t>cg19702802</t>
  </si>
  <si>
    <t>cg19716018</t>
  </si>
  <si>
    <t>cg19717326</t>
  </si>
  <si>
    <t>cg19719120</t>
  </si>
  <si>
    <t>cg19720917</t>
  </si>
  <si>
    <t>cg19725935</t>
  </si>
  <si>
    <t>cg19726935</t>
  </si>
  <si>
    <t>cg19727499</t>
  </si>
  <si>
    <t>cg19732831</t>
  </si>
  <si>
    <t>cg19733847</t>
  </si>
  <si>
    <t>cg19736117</t>
  </si>
  <si>
    <t>cg19737225</t>
  </si>
  <si>
    <t>cg19738490</t>
  </si>
  <si>
    <t>cg19740458</t>
  </si>
  <si>
    <t>cg19740751</t>
  </si>
  <si>
    <t>cg19741777</t>
  </si>
  <si>
    <t>cg19744614</t>
  </si>
  <si>
    <t>cg19744952</t>
  </si>
  <si>
    <t>cg19747481</t>
  </si>
  <si>
    <t>cg19748516</t>
  </si>
  <si>
    <t>cg19749316</t>
  </si>
  <si>
    <t>cg19751098</t>
  </si>
  <si>
    <t>cg19751789</t>
  </si>
  <si>
    <t>cg19753641</t>
  </si>
  <si>
    <t>cg19756068</t>
  </si>
  <si>
    <t>cg19756622</t>
  </si>
  <si>
    <t>cg19757539</t>
  </si>
  <si>
    <t>cg19762747</t>
  </si>
  <si>
    <t>cg19763230</t>
  </si>
  <si>
    <t>cg19764940</t>
  </si>
  <si>
    <t>cg19765281</t>
  </si>
  <si>
    <t>cg19771372</t>
  </si>
  <si>
    <t>cg19771589</t>
  </si>
  <si>
    <t>cg19771975</t>
  </si>
  <si>
    <t>cg19774425</t>
  </si>
  <si>
    <t>cg19776201</t>
  </si>
  <si>
    <t>cg19776351</t>
  </si>
  <si>
    <t>cg19776453</t>
  </si>
  <si>
    <t>cg19777277</t>
  </si>
  <si>
    <t>cg19780712</t>
  </si>
  <si>
    <t>cg19784382</t>
  </si>
  <si>
    <t>cg19784428</t>
  </si>
  <si>
    <t>cg19784470</t>
  </si>
  <si>
    <t>cg19785918</t>
  </si>
  <si>
    <t>cg19788600</t>
  </si>
  <si>
    <t>cg19788957</t>
  </si>
  <si>
    <t>cg19789762</t>
  </si>
  <si>
    <t>cg19790568</t>
  </si>
  <si>
    <t>cg19791395</t>
  </si>
  <si>
    <t>cg19791630</t>
  </si>
  <si>
    <t>cg19792316</t>
  </si>
  <si>
    <t>cg19792581</t>
  </si>
  <si>
    <t>cg19796974</t>
  </si>
  <si>
    <t>cg19802981</t>
  </si>
  <si>
    <t>cg19806182</t>
  </si>
  <si>
    <t>cg19806327</t>
  </si>
  <si>
    <t>cg19806750</t>
  </si>
  <si>
    <t>cg19809165</t>
  </si>
  <si>
    <t>cg19809667</t>
  </si>
  <si>
    <t>cg19812050</t>
  </si>
  <si>
    <t>cg19815574</t>
  </si>
  <si>
    <t>cg19818398</t>
  </si>
  <si>
    <t>cg19819595</t>
  </si>
  <si>
    <t>cg19820609</t>
  </si>
  <si>
    <t>cg19820705</t>
  </si>
  <si>
    <t>cg19821297</t>
  </si>
  <si>
    <t>cg19822214</t>
  </si>
  <si>
    <t>cg19822309</t>
  </si>
  <si>
    <t>cg19823452</t>
  </si>
  <si>
    <t>cg19824379</t>
  </si>
  <si>
    <t>cg19829229</t>
  </si>
  <si>
    <t>cg19829602</t>
  </si>
  <si>
    <t>cg19830270</t>
  </si>
  <si>
    <t>cg19831356</t>
  </si>
  <si>
    <t>cg19832952</t>
  </si>
  <si>
    <t>cg19834071</t>
  </si>
  <si>
    <t>cg19834711</t>
  </si>
  <si>
    <t>cg19835136</t>
  </si>
  <si>
    <t>cg19836894</t>
  </si>
  <si>
    <t>cg19838771</t>
  </si>
  <si>
    <t>cg19839325</t>
  </si>
  <si>
    <t>cg19839382</t>
  </si>
  <si>
    <t>cg19840484</t>
  </si>
  <si>
    <t>cg19850565</t>
  </si>
  <si>
    <t>cg19851291</t>
  </si>
  <si>
    <t>cg19851401</t>
  </si>
  <si>
    <t>cg19851487</t>
  </si>
  <si>
    <t>cg19852264</t>
  </si>
  <si>
    <t>cg19853229</t>
  </si>
  <si>
    <t>cg19853565</t>
  </si>
  <si>
    <t>cg19853922</t>
  </si>
  <si>
    <t>cg19856145</t>
  </si>
  <si>
    <t>cg19857633</t>
  </si>
  <si>
    <t>cg19861427</t>
  </si>
  <si>
    <t>cg19861460</t>
  </si>
  <si>
    <t>cg19864129</t>
  </si>
  <si>
    <t>cg19867991</t>
  </si>
  <si>
    <t>cg19870385</t>
  </si>
  <si>
    <t>cg19870717</t>
  </si>
  <si>
    <t>cg19873111</t>
  </si>
  <si>
    <t>cg19874095</t>
  </si>
  <si>
    <t>cg19875498</t>
  </si>
  <si>
    <t>cg19876838</t>
  </si>
  <si>
    <t>cg19885331</t>
  </si>
  <si>
    <t>cg19901005</t>
  </si>
  <si>
    <t>cg19903766</t>
  </si>
  <si>
    <t>cg19904347</t>
  </si>
  <si>
    <t>cg19909063</t>
  </si>
  <si>
    <t>cg19913551</t>
  </si>
  <si>
    <t>cg19914732</t>
  </si>
  <si>
    <t>cg19916100</t>
  </si>
  <si>
    <t>cg19916323</t>
  </si>
  <si>
    <t>cg19917856</t>
  </si>
  <si>
    <t>cg19920353</t>
  </si>
  <si>
    <t>cg19920479</t>
  </si>
  <si>
    <t>cg19921355</t>
  </si>
  <si>
    <t>cg19925025</t>
  </si>
  <si>
    <t>cg19939660</t>
  </si>
  <si>
    <t>cg19953406</t>
  </si>
  <si>
    <t>cg19977428</t>
  </si>
  <si>
    <t>cg19981796</t>
  </si>
  <si>
    <t>cg19985870</t>
  </si>
  <si>
    <t>cg19990402</t>
  </si>
  <si>
    <t>cg19990977</t>
  </si>
  <si>
    <t>cg19995014</t>
  </si>
  <si>
    <t>cg19995800</t>
  </si>
  <si>
    <t>cg19996355</t>
  </si>
  <si>
    <t>cg19998328</t>
  </si>
  <si>
    <t>cg20004406</t>
  </si>
  <si>
    <t>cg20017253</t>
  </si>
  <si>
    <t>cg20034712</t>
  </si>
  <si>
    <t>cg20036207</t>
  </si>
  <si>
    <t>cg20036889</t>
  </si>
  <si>
    <t>cg20053799</t>
  </si>
  <si>
    <t>cg20060452</t>
  </si>
  <si>
    <t>cg20060655</t>
  </si>
  <si>
    <t>cg20062458</t>
  </si>
  <si>
    <t>cg20064569</t>
  </si>
  <si>
    <t>cg20069738</t>
  </si>
  <si>
    <t>cg20071427</t>
  </si>
  <si>
    <t>cg20078972</t>
  </si>
  <si>
    <t>cg20080548</t>
  </si>
  <si>
    <t>cg20081767</t>
  </si>
  <si>
    <t>cg20082096</t>
  </si>
  <si>
    <t>cg20082196</t>
  </si>
  <si>
    <t>cg20084646</t>
  </si>
  <si>
    <t>cg20086888</t>
  </si>
  <si>
    <t>cg20087757</t>
  </si>
  <si>
    <t>cg20089077</t>
  </si>
  <si>
    <t>cg20090143</t>
  </si>
  <si>
    <t>cg20091114</t>
  </si>
  <si>
    <t>cg20093198</t>
  </si>
  <si>
    <t>cg20095680</t>
  </si>
  <si>
    <t>cg20098875</t>
  </si>
  <si>
    <t>cg20099147</t>
  </si>
  <si>
    <t>cg20099906</t>
  </si>
  <si>
    <t>cg20100022</t>
  </si>
  <si>
    <t>cg20100545</t>
  </si>
  <si>
    <t>cg20103311</t>
  </si>
  <si>
    <t>cg20103701</t>
  </si>
  <si>
    <t>cg20104018</t>
  </si>
  <si>
    <t>cg20106214</t>
  </si>
  <si>
    <t>cg20106654</t>
  </si>
  <si>
    <t>cg20110535</t>
  </si>
  <si>
    <t>cg20110801</t>
  </si>
  <si>
    <t>cg20111340</t>
  </si>
  <si>
    <t>cg20114404</t>
  </si>
  <si>
    <t>cg20115266</t>
  </si>
  <si>
    <t>cg20115802</t>
  </si>
  <si>
    <t>cg20117260</t>
  </si>
  <si>
    <t>cg20117369</t>
  </si>
  <si>
    <t>cg20117799</t>
  </si>
  <si>
    <t>cg20118823</t>
  </si>
  <si>
    <t>cg20119148</t>
  </si>
  <si>
    <t>cg20120646</t>
  </si>
  <si>
    <t>cg20122849</t>
  </si>
  <si>
    <t>cg20125424</t>
  </si>
  <si>
    <t>cg20125501</t>
  </si>
  <si>
    <t>cg20131670</t>
  </si>
  <si>
    <t>cg20140425</t>
  </si>
  <si>
    <t>cg20140950</t>
  </si>
  <si>
    <t>cg20141652</t>
  </si>
  <si>
    <t>cg20144488</t>
  </si>
  <si>
    <t>cg20146580</t>
  </si>
  <si>
    <t>cg20148881</t>
  </si>
  <si>
    <t>cg20149493</t>
  </si>
  <si>
    <t>cg20149741</t>
  </si>
  <si>
    <t>cg20149937</t>
  </si>
  <si>
    <t>cg20150306</t>
  </si>
  <si>
    <t>cg20152841</t>
  </si>
  <si>
    <t>cg20154003</t>
  </si>
  <si>
    <t>cg20154287</t>
  </si>
  <si>
    <t>cg20154403</t>
  </si>
  <si>
    <t>cg20158671</t>
  </si>
  <si>
    <t>cg20173259</t>
  </si>
  <si>
    <t>cg20175418</t>
  </si>
  <si>
    <t>cg20176989</t>
  </si>
  <si>
    <t>cg20185461</t>
  </si>
  <si>
    <t>cg20187670</t>
  </si>
  <si>
    <t>cg20193288</t>
  </si>
  <si>
    <t>cg20199836</t>
  </si>
  <si>
    <t>cg20211713</t>
  </si>
  <si>
    <t>cg20214135</t>
  </si>
  <si>
    <t>cg20214328</t>
  </si>
  <si>
    <t>cg20214469</t>
  </si>
  <si>
    <t>cg20215586</t>
  </si>
  <si>
    <t>cg20225041</t>
  </si>
  <si>
    <t>cg20226327</t>
  </si>
  <si>
    <t>cg20226512</t>
  </si>
  <si>
    <t>cg20238171</t>
  </si>
  <si>
    <t>cg20239740</t>
  </si>
  <si>
    <t>cg20242975</t>
  </si>
  <si>
    <t>cg20243078</t>
  </si>
  <si>
    <t>cg20243900</t>
  </si>
  <si>
    <t>cg20248442</t>
  </si>
  <si>
    <t>cg20249550</t>
  </si>
  <si>
    <t>cg20249566</t>
  </si>
  <si>
    <t>cg20251481</t>
  </si>
  <si>
    <t>cg20252095</t>
  </si>
  <si>
    <t>cg20253468</t>
  </si>
  <si>
    <t>cg20254353</t>
  </si>
  <si>
    <t>cg20254725</t>
  </si>
  <si>
    <t>cg20255082</t>
  </si>
  <si>
    <t>cg20264534</t>
  </si>
  <si>
    <t>cg20276114</t>
  </si>
  <si>
    <t>cg20281375</t>
  </si>
  <si>
    <t>cg20285546</t>
  </si>
  <si>
    <t>cg20301340</t>
  </si>
  <si>
    <t>cg20308817</t>
  </si>
  <si>
    <t>cg20311631</t>
  </si>
  <si>
    <t>cg20317180</t>
  </si>
  <si>
    <t>cg20324262</t>
  </si>
  <si>
    <t>cg20330296</t>
  </si>
  <si>
    <t>cg20347343</t>
  </si>
  <si>
    <t>cg20410381</t>
  </si>
  <si>
    <t>cg20424398</t>
  </si>
  <si>
    <t>cg20426860</t>
  </si>
  <si>
    <t>cg20434505</t>
  </si>
  <si>
    <t>cg20437138</t>
  </si>
  <si>
    <t>cg20438324</t>
  </si>
  <si>
    <t>cg20438951</t>
  </si>
  <si>
    <t>cg20439295</t>
  </si>
  <si>
    <t>cg20439624</t>
  </si>
  <si>
    <t>cg20440041</t>
  </si>
  <si>
    <t>cg20450337</t>
  </si>
  <si>
    <t>cg20451636</t>
  </si>
  <si>
    <t>cg20454486</t>
  </si>
  <si>
    <t>cg20461066</t>
  </si>
  <si>
    <t>cg20461196</t>
  </si>
  <si>
    <t>cg20464951</t>
  </si>
  <si>
    <t>cg20467348</t>
  </si>
  <si>
    <t>cg20468939</t>
  </si>
  <si>
    <t>cg20481789</t>
  </si>
  <si>
    <t>cg20508187</t>
  </si>
  <si>
    <t>cg20508274</t>
  </si>
  <si>
    <t>cg20513206</t>
  </si>
  <si>
    <t>cg20525355</t>
  </si>
  <si>
    <t>cg20525665</t>
  </si>
  <si>
    <t>cg20535805</t>
  </si>
  <si>
    <t>cg20542190</t>
  </si>
  <si>
    <t>cg20546331</t>
  </si>
  <si>
    <t>cg20555481</t>
  </si>
  <si>
    <t>cg20557104</t>
  </si>
  <si>
    <t>cg20557202</t>
  </si>
  <si>
    <t>cg20559657</t>
  </si>
  <si>
    <t>cg20559736</t>
  </si>
  <si>
    <t>cg20562176</t>
  </si>
  <si>
    <t>cg20583073</t>
  </si>
  <si>
    <t>cg20584841</t>
  </si>
  <si>
    <t>cg20587168</t>
  </si>
  <si>
    <t>cg20606555</t>
  </si>
  <si>
    <t>cg20607318</t>
  </si>
  <si>
    <t>cg20610492</t>
  </si>
  <si>
    <t>cg20611850</t>
  </si>
  <si>
    <t>cg20615720</t>
  </si>
  <si>
    <t>cg20616836</t>
  </si>
  <si>
    <t>cg20617093</t>
  </si>
  <si>
    <t>cg20618005</t>
  </si>
  <si>
    <t>cg20618433</t>
  </si>
  <si>
    <t>cg20618441</t>
  </si>
  <si>
    <t>cg20621224</t>
  </si>
  <si>
    <t>cg20622311</t>
  </si>
  <si>
    <t>cg20623853</t>
  </si>
  <si>
    <t>cg20625074</t>
  </si>
  <si>
    <t>cg20628205</t>
  </si>
  <si>
    <t>cg20628335</t>
  </si>
  <si>
    <t>cg20630207</t>
  </si>
  <si>
    <t>cg20630647</t>
  </si>
  <si>
    <t>cg20630690</t>
  </si>
  <si>
    <t>cg20631180</t>
  </si>
  <si>
    <t>cg20631351</t>
  </si>
  <si>
    <t>cg20636794</t>
  </si>
  <si>
    <t>cg20638426</t>
  </si>
  <si>
    <t>cg20640182</t>
  </si>
  <si>
    <t>cg20640432</t>
  </si>
  <si>
    <t>cg20643237</t>
  </si>
  <si>
    <t>cg20643675</t>
  </si>
  <si>
    <t>cg20644754</t>
  </si>
  <si>
    <t>cg20646490</t>
  </si>
  <si>
    <t>cg20649823</t>
  </si>
  <si>
    <t>cg20650545</t>
  </si>
  <si>
    <t>cg20651389</t>
  </si>
  <si>
    <t>cg20655792</t>
  </si>
  <si>
    <t>cg20656621</t>
  </si>
  <si>
    <t>cg20656868</t>
  </si>
  <si>
    <t>cg20657383</t>
  </si>
  <si>
    <t>cg20659064</t>
  </si>
  <si>
    <t>cg20662725</t>
  </si>
  <si>
    <t>cg20665007</t>
  </si>
  <si>
    <t>cg20665774</t>
  </si>
  <si>
    <t>cg20666186</t>
  </si>
  <si>
    <t>cg20667124</t>
  </si>
  <si>
    <t>cg20667230</t>
  </si>
  <si>
    <t>cg20668222</t>
  </si>
  <si>
    <t>cg20669049</t>
  </si>
  <si>
    <t>cg20670939</t>
  </si>
  <si>
    <t>cg20673132</t>
  </si>
  <si>
    <t>cg20673255</t>
  </si>
  <si>
    <t>cg20673321</t>
  </si>
  <si>
    <t>cg20673926</t>
  </si>
  <si>
    <t>cg20673965</t>
  </si>
  <si>
    <t>cg20676580</t>
  </si>
  <si>
    <t>cg20677171</t>
  </si>
  <si>
    <t>cg20680754</t>
  </si>
  <si>
    <t>cg20681626</t>
  </si>
  <si>
    <t>cg20684251</t>
  </si>
  <si>
    <t>cg20685139</t>
  </si>
  <si>
    <t>cg20685981</t>
  </si>
  <si>
    <t>cg20688157</t>
  </si>
  <si>
    <t>cg20692149</t>
  </si>
  <si>
    <t>cg20692181</t>
  </si>
  <si>
    <t>cg20695433</t>
  </si>
  <si>
    <t>cg20697075</t>
  </si>
  <si>
    <t>cg20698253</t>
  </si>
  <si>
    <t>cg20700792</t>
  </si>
  <si>
    <t>cg20702935</t>
  </si>
  <si>
    <t>cg20704774</t>
  </si>
  <si>
    <t>cg20706005</t>
  </si>
  <si>
    <t>cg20708961</t>
  </si>
  <si>
    <t>cg20709948</t>
  </si>
  <si>
    <t>cg20711047</t>
  </si>
  <si>
    <t>cg20712054</t>
  </si>
  <si>
    <t>cg20712669</t>
  </si>
  <si>
    <t>cg20714551</t>
  </si>
  <si>
    <t>cg20715295</t>
  </si>
  <si>
    <t>cg20715764</t>
  </si>
  <si>
    <t>cg20716703</t>
  </si>
  <si>
    <t>cg20716738</t>
  </si>
  <si>
    <t>cg20717768</t>
  </si>
  <si>
    <t>cg20717845</t>
  </si>
  <si>
    <t>cg20721022</t>
  </si>
  <si>
    <t>cg20727114</t>
  </si>
  <si>
    <t>cg20731029</t>
  </si>
  <si>
    <t>cg20733663</t>
  </si>
  <si>
    <t>cg20739396</t>
  </si>
  <si>
    <t>cg20740328</t>
  </si>
  <si>
    <t>cg20744275</t>
  </si>
  <si>
    <t>cg20747073</t>
  </si>
  <si>
    <t>cg20748073</t>
  </si>
  <si>
    <t>cg20750215</t>
  </si>
  <si>
    <t>cg20750693</t>
  </si>
  <si>
    <t>cg20756894</t>
  </si>
  <si>
    <t>cg20757404</t>
  </si>
  <si>
    <t>cg20773651</t>
  </si>
  <si>
    <t>cg20781880</t>
  </si>
  <si>
    <t>cg20789620</t>
  </si>
  <si>
    <t>cg20791841</t>
  </si>
  <si>
    <t>cg20792256</t>
  </si>
  <si>
    <t>cg20852846</t>
  </si>
  <si>
    <t>cg20893022</t>
  </si>
  <si>
    <t>cg20897667</t>
  </si>
  <si>
    <t>cg20901882</t>
  </si>
  <si>
    <t>cg20908204</t>
  </si>
  <si>
    <t>cg20912593</t>
  </si>
  <si>
    <t>cg20921874</t>
  </si>
  <si>
    <t>cg20932397</t>
  </si>
  <si>
    <t>cg20953510</t>
  </si>
  <si>
    <t>cg20955576</t>
  </si>
  <si>
    <t>cg20958753</t>
  </si>
  <si>
    <t>cg20962215</t>
  </si>
  <si>
    <t>cg20964856</t>
  </si>
  <si>
    <t>cg20969543</t>
  </si>
  <si>
    <t>cg20970875</t>
  </si>
  <si>
    <t>cg20974196</t>
  </si>
  <si>
    <t>cg20975013</t>
  </si>
  <si>
    <t>cg20975708</t>
  </si>
  <si>
    <t>cg20977982</t>
  </si>
  <si>
    <t>cg20981127</t>
  </si>
  <si>
    <t>cg20983032</t>
  </si>
  <si>
    <t>cg20984085</t>
  </si>
  <si>
    <t>cg20984972</t>
  </si>
  <si>
    <t>cg20985037</t>
  </si>
  <si>
    <t>cg20995778</t>
  </si>
  <si>
    <t>cg21006031</t>
  </si>
  <si>
    <t>cg21011830</t>
  </si>
  <si>
    <t>cg21020710</t>
  </si>
  <si>
    <t>cg21030400</t>
  </si>
  <si>
    <t>cg21033655</t>
  </si>
  <si>
    <t>cg21035241</t>
  </si>
  <si>
    <t>cg21035374</t>
  </si>
  <si>
    <t>cg21042248</t>
  </si>
  <si>
    <t>cg21042333</t>
  </si>
  <si>
    <t>cg21045241</t>
  </si>
  <si>
    <t>cg21048262</t>
  </si>
  <si>
    <t>cg21050637</t>
  </si>
  <si>
    <t>cg21051308</t>
  </si>
  <si>
    <t>cg21051454</t>
  </si>
  <si>
    <t>cg21057435</t>
  </si>
  <si>
    <t>cg21060925</t>
  </si>
  <si>
    <t>cg21061811</t>
  </si>
  <si>
    <t>cg21062760</t>
  </si>
  <si>
    <t>cg21063296</t>
  </si>
  <si>
    <t>cg21064182</t>
  </si>
  <si>
    <t>cg21069078</t>
  </si>
  <si>
    <t>cg21071625</t>
  </si>
  <si>
    <t>cg21072025</t>
  </si>
  <si>
    <t>cg21072937</t>
  </si>
  <si>
    <t>cg21073459</t>
  </si>
  <si>
    <t>cg21085686</t>
  </si>
  <si>
    <t>cg21086326</t>
  </si>
  <si>
    <t>cg21095286</t>
  </si>
  <si>
    <t>cg21098323</t>
  </si>
  <si>
    <t>cg21100328</t>
  </si>
  <si>
    <t>cg21100596</t>
  </si>
  <si>
    <t>cg21101335</t>
  </si>
  <si>
    <t>cg21103306</t>
  </si>
  <si>
    <t>cg21104798</t>
  </si>
  <si>
    <t>cg21105175</t>
  </si>
  <si>
    <t>cg21107581</t>
  </si>
  <si>
    <t>cg21109867</t>
  </si>
  <si>
    <t>cg21112576</t>
  </si>
  <si>
    <t>cg21114177</t>
  </si>
  <si>
    <t>cg21121609</t>
  </si>
  <si>
    <t>cg21122529</t>
  </si>
  <si>
    <t>cg21126943</t>
  </si>
  <si>
    <t>cg21131022</t>
  </si>
  <si>
    <t>cg21144940</t>
  </si>
  <si>
    <t>cg21152077</t>
  </si>
  <si>
    <t>cg21153040</t>
  </si>
  <si>
    <t>cg21155998</t>
  </si>
  <si>
    <t>cg21160774</t>
  </si>
  <si>
    <t>cg21161766</t>
  </si>
  <si>
    <t>cg21180599</t>
  </si>
  <si>
    <t>cg21184116</t>
  </si>
  <si>
    <t>cg21192905</t>
  </si>
  <si>
    <t>cg21194918</t>
  </si>
  <si>
    <t>cg21196201</t>
  </si>
  <si>
    <t>cg21198010</t>
  </si>
  <si>
    <t>cg21200337</t>
  </si>
  <si>
    <t>cg21201109</t>
  </si>
  <si>
    <t>cg21201285</t>
  </si>
  <si>
    <t>cg21201657</t>
  </si>
  <si>
    <t>cg21202522</t>
  </si>
  <si>
    <t>cg21204606</t>
  </si>
  <si>
    <t>cg21205305</t>
  </si>
  <si>
    <t>cg21207418</t>
  </si>
  <si>
    <t>cg21210523</t>
  </si>
  <si>
    <t>cg21210537</t>
  </si>
  <si>
    <t>cg21211730</t>
  </si>
  <si>
    <t>cg21214467</t>
  </si>
  <si>
    <t>cg21215336</t>
  </si>
  <si>
    <t>cg21227085</t>
  </si>
  <si>
    <t>cg21252483</t>
  </si>
  <si>
    <t>cg21253188</t>
  </si>
  <si>
    <t>cg21255626</t>
  </si>
  <si>
    <t>cg21256656</t>
  </si>
  <si>
    <t>cg21262300</t>
  </si>
  <si>
    <t>cg21263196</t>
  </si>
  <si>
    <t>cg21266559</t>
  </si>
  <si>
    <t>cg21274570</t>
  </si>
  <si>
    <t>cg21276056</t>
  </si>
  <si>
    <t>cg21277505</t>
  </si>
  <si>
    <t>cg21278129</t>
  </si>
  <si>
    <t>cg21285525</t>
  </si>
  <si>
    <t>cg21289919</t>
  </si>
  <si>
    <t>cg21290814</t>
  </si>
  <si>
    <t>cg21292152</t>
  </si>
  <si>
    <t>cg21293124</t>
  </si>
  <si>
    <t>cg21298174</t>
  </si>
  <si>
    <t>cg21300318</t>
  </si>
  <si>
    <t>cg21304163</t>
  </si>
  <si>
    <t>cg21305926</t>
  </si>
  <si>
    <t>cg21308197</t>
  </si>
  <si>
    <t>cg21308575</t>
  </si>
  <si>
    <t>cg21311067</t>
  </si>
  <si>
    <t>cg21312066</t>
  </si>
  <si>
    <t>cg21317856</t>
  </si>
  <si>
    <t>cg21328810</t>
  </si>
  <si>
    <t>cg21337124</t>
  </si>
  <si>
    <t>cg21342437</t>
  </si>
  <si>
    <t>cg21347412</t>
  </si>
  <si>
    <t>cg21355100</t>
  </si>
  <si>
    <t>cg21372914</t>
  </si>
  <si>
    <t>cg21388793</t>
  </si>
  <si>
    <t>cg21395782</t>
  </si>
  <si>
    <t>cg21435336</t>
  </si>
  <si>
    <t>cg21439498</t>
  </si>
  <si>
    <t>cg21444693</t>
  </si>
  <si>
    <t>cg21448033</t>
  </si>
  <si>
    <t>cg21448471</t>
  </si>
  <si>
    <t>cg21449520</t>
  </si>
  <si>
    <t>cg21455844</t>
  </si>
  <si>
    <t>cg21455939</t>
  </si>
  <si>
    <t>cg21456083</t>
  </si>
  <si>
    <t>cg21456301</t>
  </si>
  <si>
    <t>cg21459710</t>
  </si>
  <si>
    <t>cg21461100</t>
  </si>
  <si>
    <t>cg21461837</t>
  </si>
  <si>
    <t>cg21462596</t>
  </si>
  <si>
    <t>cg21462934</t>
  </si>
  <si>
    <t>cg21463799</t>
  </si>
  <si>
    <t>cg21466963</t>
  </si>
  <si>
    <t>cg21473814</t>
  </si>
  <si>
    <t>cg21477176</t>
  </si>
  <si>
    <t>cg21478984</t>
  </si>
  <si>
    <t>cg21479519</t>
  </si>
  <si>
    <t>cg21480043</t>
  </si>
  <si>
    <t>cg21482170</t>
  </si>
  <si>
    <t>cg21482403</t>
  </si>
  <si>
    <t>cg21483110</t>
  </si>
  <si>
    <t>cg21487637</t>
  </si>
  <si>
    <t>cg21488474</t>
  </si>
  <si>
    <t>cg21488898</t>
  </si>
  <si>
    <t>cg21490793</t>
  </si>
  <si>
    <t>cg21493505</t>
  </si>
  <si>
    <t>cg21494093</t>
  </si>
  <si>
    <t>cg21494680</t>
  </si>
  <si>
    <t>cg21494776</t>
  </si>
  <si>
    <t>cg21496419</t>
  </si>
  <si>
    <t>cg21497439</t>
  </si>
  <si>
    <t>cg21500735</t>
  </si>
  <si>
    <t>cg21500909</t>
  </si>
  <si>
    <t>cg21501412</t>
  </si>
  <si>
    <t>cg21506045</t>
  </si>
  <si>
    <t>cg21506800</t>
  </si>
  <si>
    <t>cg21509819</t>
  </si>
  <si>
    <t>cg21514227</t>
  </si>
  <si>
    <t>cg21515032</t>
  </si>
  <si>
    <t>cg21515494</t>
  </si>
  <si>
    <t>cg21517320</t>
  </si>
  <si>
    <t>cg21517584</t>
  </si>
  <si>
    <t>cg21520111</t>
  </si>
  <si>
    <t>cg21522295</t>
  </si>
  <si>
    <t>cg21526019</t>
  </si>
  <si>
    <t>cg21527556</t>
  </si>
  <si>
    <t>cg21529807</t>
  </si>
  <si>
    <t>cg21533331</t>
  </si>
  <si>
    <t>cg21533501</t>
  </si>
  <si>
    <t>cg21534413</t>
  </si>
  <si>
    <t>cg21537063</t>
  </si>
  <si>
    <t>cg21540810</t>
  </si>
  <si>
    <t>cg21541083</t>
  </si>
  <si>
    <t>cg21546347</t>
  </si>
  <si>
    <t>cg21547976</t>
  </si>
  <si>
    <t>cg21547979</t>
  </si>
  <si>
    <t>cg21549639</t>
  </si>
  <si>
    <t>cg21550442</t>
  </si>
  <si>
    <t>cg21550623</t>
  </si>
  <si>
    <t>cg21551680</t>
  </si>
  <si>
    <t>cg21552029</t>
  </si>
  <si>
    <t>cg21552947</t>
  </si>
  <si>
    <t>cg21553182</t>
  </si>
  <si>
    <t>cg21554109</t>
  </si>
  <si>
    <t>cg21554233</t>
  </si>
  <si>
    <t>cg21554723</t>
  </si>
  <si>
    <t>cg21561124</t>
  </si>
  <si>
    <t>cg21562035</t>
  </si>
  <si>
    <t>cg21564527</t>
  </si>
  <si>
    <t>cg21570608</t>
  </si>
  <si>
    <t>cg21570818</t>
  </si>
  <si>
    <t>cg21573745</t>
  </si>
  <si>
    <t>cg21573911</t>
  </si>
  <si>
    <t>cg21574064</t>
  </si>
  <si>
    <t>cg21574675</t>
  </si>
  <si>
    <t>cg21580746</t>
  </si>
  <si>
    <t>cg21587372</t>
  </si>
  <si>
    <t>cg21589115</t>
  </si>
  <si>
    <t>cg21591754</t>
  </si>
  <si>
    <t>cg21591807</t>
  </si>
  <si>
    <t>cg21593941</t>
  </si>
  <si>
    <t>cg21595709</t>
  </si>
  <si>
    <t>cg21596498</t>
  </si>
  <si>
    <t>cg21596530</t>
  </si>
  <si>
    <t>cg21598517</t>
  </si>
  <si>
    <t>cg21606696</t>
  </si>
  <si>
    <t>cg21608489</t>
  </si>
  <si>
    <t>cg21611230</t>
  </si>
  <si>
    <t>cg21612046</t>
  </si>
  <si>
    <t>cg21613963</t>
  </si>
  <si>
    <t>cg21615765</t>
  </si>
  <si>
    <t>cg21616824</t>
  </si>
  <si>
    <t>cg21617218</t>
  </si>
  <si>
    <t>cg21618929</t>
  </si>
  <si>
    <t>cg21619228</t>
  </si>
  <si>
    <t>cg21619351</t>
  </si>
  <si>
    <t>cg21621114</t>
  </si>
  <si>
    <t>cg21623633</t>
  </si>
  <si>
    <t>cg21623722</t>
  </si>
  <si>
    <t>cg21625097</t>
  </si>
  <si>
    <t>cg21627760</t>
  </si>
  <si>
    <t>cg21631439</t>
  </si>
  <si>
    <t>cg21631754</t>
  </si>
  <si>
    <t>cg21632975</t>
  </si>
  <si>
    <t>cg21634218</t>
  </si>
  <si>
    <t>cg21634331</t>
  </si>
  <si>
    <t>cg21638625</t>
  </si>
  <si>
    <t>cg21640603</t>
  </si>
  <si>
    <t>cg21642224</t>
  </si>
  <si>
    <t>cg21643649</t>
  </si>
  <si>
    <t>cg21644703</t>
  </si>
  <si>
    <t>cg21645826</t>
  </si>
  <si>
    <t>cg21650765</t>
  </si>
  <si>
    <t>cg21651328</t>
  </si>
  <si>
    <t>cg21655693</t>
  </si>
  <si>
    <t>cg21657577</t>
  </si>
  <si>
    <t>cg21658153</t>
  </si>
  <si>
    <t>cg21658372</t>
  </si>
  <si>
    <t>cg21658670</t>
  </si>
  <si>
    <t>cg21661347</t>
  </si>
  <si>
    <t>cg21661392</t>
  </si>
  <si>
    <t>cg21675770</t>
  </si>
  <si>
    <t>cg21676617</t>
  </si>
  <si>
    <t>cg21680717</t>
  </si>
  <si>
    <t>cg21690064</t>
  </si>
  <si>
    <t>cg21696089</t>
  </si>
  <si>
    <t>cg21697944</t>
  </si>
  <si>
    <t>cg21711545</t>
  </si>
  <si>
    <t>cg21711876</t>
  </si>
  <si>
    <t>cg21715536</t>
  </si>
  <si>
    <t>cg21719704</t>
  </si>
  <si>
    <t>cg21720385</t>
  </si>
  <si>
    <t>cg21721681</t>
  </si>
  <si>
    <t>cg21723184</t>
  </si>
  <si>
    <t>cg21725158</t>
  </si>
  <si>
    <t>cg21725265</t>
  </si>
  <si>
    <t>cg21725701</t>
  </si>
  <si>
    <t>cg21726840</t>
  </si>
  <si>
    <t>cg21727178</t>
  </si>
  <si>
    <t>cg21727463</t>
  </si>
  <si>
    <t>cg21732625</t>
  </si>
  <si>
    <t>cg21734094</t>
  </si>
  <si>
    <t>cg21734842</t>
  </si>
  <si>
    <t>cg21738108</t>
  </si>
  <si>
    <t>cg21739009</t>
  </si>
  <si>
    <t>cg21739049</t>
  </si>
  <si>
    <t>cg21743569</t>
  </si>
  <si>
    <t>cg21743867</t>
  </si>
  <si>
    <t>cg21745599</t>
  </si>
  <si>
    <t>cg21748418</t>
  </si>
  <si>
    <t>cg21748749</t>
  </si>
  <si>
    <t>cg21751058</t>
  </si>
  <si>
    <t>cg21752889</t>
  </si>
  <si>
    <t>cg21755725</t>
  </si>
  <si>
    <t>cg21756353</t>
  </si>
  <si>
    <t>cg21756947</t>
  </si>
  <si>
    <t>cg21757127</t>
  </si>
  <si>
    <t>cg21757392</t>
  </si>
  <si>
    <t>cg21763211</t>
  </si>
  <si>
    <t>cg21764358</t>
  </si>
  <si>
    <t>cg21766592</t>
  </si>
  <si>
    <t>cg21769640</t>
  </si>
  <si>
    <t>cg21771251</t>
  </si>
  <si>
    <t>cg21774827</t>
  </si>
  <si>
    <t>cg21776993</t>
  </si>
  <si>
    <t>cg21784541</t>
  </si>
  <si>
    <t>cg21809744</t>
  </si>
  <si>
    <t>cg21843797</t>
  </si>
  <si>
    <t>cg21850254</t>
  </si>
  <si>
    <t>cg21865387</t>
  </si>
  <si>
    <t>cg21865657</t>
  </si>
  <si>
    <t>cg21867110</t>
  </si>
  <si>
    <t>cg21868191</t>
  </si>
  <si>
    <t>cg21868353</t>
  </si>
  <si>
    <t>cg21869055</t>
  </si>
  <si>
    <t>cg21869532</t>
  </si>
  <si>
    <t>cg21873261</t>
  </si>
  <si>
    <t>cg21879208</t>
  </si>
  <si>
    <t>cg21879725</t>
  </si>
  <si>
    <t>cg21880445</t>
  </si>
  <si>
    <t>cg21880720</t>
  </si>
  <si>
    <t>cg21885795</t>
  </si>
  <si>
    <t>cg21887303</t>
  </si>
  <si>
    <t>cg21887940</t>
  </si>
  <si>
    <t>cg21890394</t>
  </si>
  <si>
    <t>cg21890769</t>
  </si>
  <si>
    <t>cg21892720</t>
  </si>
  <si>
    <t>cg21892967</t>
  </si>
  <si>
    <t>cg21895453</t>
  </si>
  <si>
    <t>cg21900416</t>
  </si>
  <si>
    <t>cg21901300</t>
  </si>
  <si>
    <t>cg21902754</t>
  </si>
  <si>
    <t>cg21904251</t>
  </si>
  <si>
    <t>cg21908038</t>
  </si>
  <si>
    <t>cg21908972</t>
  </si>
  <si>
    <t>cg21911021</t>
  </si>
  <si>
    <t>cg21911100</t>
  </si>
  <si>
    <t>cg21911500</t>
  </si>
  <si>
    <t>cg21913454</t>
  </si>
  <si>
    <t>cg21915828</t>
  </si>
  <si>
    <t>cg21919809</t>
  </si>
  <si>
    <t>cg21919992</t>
  </si>
  <si>
    <t>cg21926077</t>
  </si>
  <si>
    <t>cg21928095</t>
  </si>
  <si>
    <t>cg21930712</t>
  </si>
  <si>
    <t>cg21934504</t>
  </si>
  <si>
    <t>cg21939092</t>
  </si>
  <si>
    <t>cg21940042</t>
  </si>
  <si>
    <t>cg21940708</t>
  </si>
  <si>
    <t>cg21943216</t>
  </si>
  <si>
    <t>cg21944443</t>
  </si>
  <si>
    <t>cg21948605</t>
  </si>
  <si>
    <t>cg21949697</t>
  </si>
  <si>
    <t>cg21959594</t>
  </si>
  <si>
    <t>cg21960624</t>
  </si>
  <si>
    <t>cg21962426</t>
  </si>
  <si>
    <t>cg21964793</t>
  </si>
  <si>
    <t>cg21965980</t>
  </si>
  <si>
    <t>cg21967545</t>
  </si>
  <si>
    <t>cg21967668</t>
  </si>
  <si>
    <t>cg21968101</t>
  </si>
  <si>
    <t>cg21973527</t>
  </si>
  <si>
    <t>cg21974750</t>
  </si>
  <si>
    <t>cg21978618</t>
  </si>
  <si>
    <t>cg21981144</t>
  </si>
  <si>
    <t>cg21982437</t>
  </si>
  <si>
    <t>cg21983579</t>
  </si>
  <si>
    <t>cg21986821</t>
  </si>
  <si>
    <t>cg21986966</t>
  </si>
  <si>
    <t>cg21988105</t>
  </si>
  <si>
    <t>cg21988119</t>
  </si>
  <si>
    <t>cg21991630</t>
  </si>
  <si>
    <t>cg21992282</t>
  </si>
  <si>
    <t>cg22003469</t>
  </si>
  <si>
    <t>cg22004069</t>
  </si>
  <si>
    <t>cg22005401</t>
  </si>
  <si>
    <t>cg22006386</t>
  </si>
  <si>
    <t>cg22006825</t>
  </si>
  <si>
    <t>cg22008551</t>
  </si>
  <si>
    <t>cg22016724</t>
  </si>
  <si>
    <t>cg22017573</t>
  </si>
  <si>
    <t>cg22018083</t>
  </si>
  <si>
    <t>cg22019679</t>
  </si>
  <si>
    <t>cg22022379</t>
  </si>
  <si>
    <t>cg22023257</t>
  </si>
  <si>
    <t>cg22023664</t>
  </si>
  <si>
    <t>cg22025854</t>
  </si>
  <si>
    <t>cg22027399</t>
  </si>
  <si>
    <t>cg22027879</t>
  </si>
  <si>
    <t>cg22029476</t>
  </si>
  <si>
    <t>cg22030032</t>
  </si>
  <si>
    <t>cg22030457</t>
  </si>
  <si>
    <t>cg22031522</t>
  </si>
  <si>
    <t>cg22036813</t>
  </si>
  <si>
    <t>cg22038059</t>
  </si>
  <si>
    <t>cg22040728</t>
  </si>
  <si>
    <t>cg22041417</t>
  </si>
  <si>
    <t>cg22041658</t>
  </si>
  <si>
    <t>cg22044892</t>
  </si>
  <si>
    <t>cg22045942</t>
  </si>
  <si>
    <t>cg22053300</t>
  </si>
  <si>
    <t>cg22053620</t>
  </si>
  <si>
    <t>cg22054150</t>
  </si>
  <si>
    <t>cg22054191</t>
  </si>
  <si>
    <t>cg22056870</t>
  </si>
  <si>
    <t>cg22060113</t>
  </si>
  <si>
    <t>cg22062554</t>
  </si>
  <si>
    <t>cg22062555</t>
  </si>
  <si>
    <t>cg22079008</t>
  </si>
  <si>
    <t>cg22080027</t>
  </si>
  <si>
    <t>cg22083199</t>
  </si>
  <si>
    <t>cg22087338</t>
  </si>
  <si>
    <t>cg22090259</t>
  </si>
  <si>
    <t>cg22096513</t>
  </si>
  <si>
    <t>cg22105158</t>
  </si>
  <si>
    <t>cg22114840</t>
  </si>
  <si>
    <t>cg22122976</t>
  </si>
  <si>
    <t>cg22123464</t>
  </si>
  <si>
    <t>cg22143490</t>
  </si>
  <si>
    <t>cg22144583</t>
  </si>
  <si>
    <t>cg22144875</t>
  </si>
  <si>
    <t>cg22145401</t>
  </si>
  <si>
    <t>cg22146312</t>
  </si>
  <si>
    <t>cg22148214</t>
  </si>
  <si>
    <t>cg22150978</t>
  </si>
  <si>
    <t>cg22151985</t>
  </si>
  <si>
    <t>cg22153105</t>
  </si>
  <si>
    <t>cg22159049</t>
  </si>
  <si>
    <t>cg22159528</t>
  </si>
  <si>
    <t>cg22160267</t>
  </si>
  <si>
    <t>cg22160726</t>
  </si>
  <si>
    <t>cg22161299</t>
  </si>
  <si>
    <t>cg22161383</t>
  </si>
  <si>
    <t>cg22166169</t>
  </si>
  <si>
    <t>cg22167498</t>
  </si>
  <si>
    <t>cg22169206</t>
  </si>
  <si>
    <t>cg22170962</t>
  </si>
  <si>
    <t>cg22174088</t>
  </si>
  <si>
    <t>cg22179256</t>
  </si>
  <si>
    <t>cg22187125</t>
  </si>
  <si>
    <t>cg22187630</t>
  </si>
  <si>
    <t>cg22187733</t>
  </si>
  <si>
    <t>cg22189019</t>
  </si>
  <si>
    <t>cg22193350</t>
  </si>
  <si>
    <t>cg22197358</t>
  </si>
  <si>
    <t>cg22198397</t>
  </si>
  <si>
    <t>cg22199041</t>
  </si>
  <si>
    <t>cg22200289</t>
  </si>
  <si>
    <t>cg22202689</t>
  </si>
  <si>
    <t>cg22206370</t>
  </si>
  <si>
    <t>cg22217660</t>
  </si>
  <si>
    <t>cg22218322</t>
  </si>
  <si>
    <t>cg22222644</t>
  </si>
  <si>
    <t>cg22224691</t>
  </si>
  <si>
    <t>cg22225105</t>
  </si>
  <si>
    <t>cg22232695</t>
  </si>
  <si>
    <t>cg22234855</t>
  </si>
  <si>
    <t>cg22237401</t>
  </si>
  <si>
    <t>cg22238209</t>
  </si>
  <si>
    <t>cg22238717</t>
  </si>
  <si>
    <t>cg22242279</t>
  </si>
  <si>
    <t>cg22243956</t>
  </si>
  <si>
    <t>cg22244305</t>
  </si>
  <si>
    <t>cg22245273</t>
  </si>
  <si>
    <t>cg22246295</t>
  </si>
  <si>
    <t>cg22247327</t>
  </si>
  <si>
    <t>cg22247553</t>
  </si>
  <si>
    <t>cg22249281</t>
  </si>
  <si>
    <t>cg22249956</t>
  </si>
  <si>
    <t>cg22250546</t>
  </si>
  <si>
    <t>cg22260615</t>
  </si>
  <si>
    <t>cg22268231</t>
  </si>
  <si>
    <t>cg22270364</t>
  </si>
  <si>
    <t>cg22271212</t>
  </si>
  <si>
    <t>cg22273452</t>
  </si>
  <si>
    <t>cg22276896</t>
  </si>
  <si>
    <t>cg22278033</t>
  </si>
  <si>
    <t>cg22280682</t>
  </si>
  <si>
    <t>cg22286376</t>
  </si>
  <si>
    <t>cg22294241</t>
  </si>
  <si>
    <t>cg22295116</t>
  </si>
  <si>
    <t>cg22296149</t>
  </si>
  <si>
    <t>cg22297202</t>
  </si>
  <si>
    <t>cg22299467</t>
  </si>
  <si>
    <t>cg22299694</t>
  </si>
  <si>
    <t>cg22303873</t>
  </si>
  <si>
    <t>cg22304262</t>
  </si>
  <si>
    <t>cg22306196</t>
  </si>
  <si>
    <t>cg22307009</t>
  </si>
  <si>
    <t>cg22309518</t>
  </si>
  <si>
    <t>cg22310229</t>
  </si>
  <si>
    <t>cg22310770</t>
  </si>
  <si>
    <t>cg22311879</t>
  </si>
  <si>
    <t>cg22312354</t>
  </si>
  <si>
    <t>cg22313495</t>
  </si>
  <si>
    <t>cg22315974</t>
  </si>
  <si>
    <t>cg22317846</t>
  </si>
  <si>
    <t>cg22319682</t>
  </si>
  <si>
    <t>cg22322184</t>
  </si>
  <si>
    <t>cg22323067</t>
  </si>
  <si>
    <t>cg22331349</t>
  </si>
  <si>
    <t>cg22331740</t>
  </si>
  <si>
    <t>cg22333846</t>
  </si>
  <si>
    <t>cg22334393</t>
  </si>
  <si>
    <t>cg22334548</t>
  </si>
  <si>
    <t>cg22334879</t>
  </si>
  <si>
    <t>cg22338446</t>
  </si>
  <si>
    <t>cg22339278</t>
  </si>
  <si>
    <t>cg22341310</t>
  </si>
  <si>
    <t>cg22345246</t>
  </si>
  <si>
    <t>cg22345576</t>
  </si>
  <si>
    <t>cg22351880</t>
  </si>
  <si>
    <t>cg22354595</t>
  </si>
  <si>
    <t>cg22355506</t>
  </si>
  <si>
    <t>cg22356083</t>
  </si>
  <si>
    <t>cg22356268</t>
  </si>
  <si>
    <t>cg22359581</t>
  </si>
  <si>
    <t>cg22360284</t>
  </si>
  <si>
    <t>cg22369009</t>
  </si>
  <si>
    <t>cg22369048</t>
  </si>
  <si>
    <t>cg22372930</t>
  </si>
  <si>
    <t>cg22373472</t>
  </si>
  <si>
    <t>cg22376081</t>
  </si>
  <si>
    <t>cg22376864</t>
  </si>
  <si>
    <t>cg22376929</t>
  </si>
  <si>
    <t>cg22377290</t>
  </si>
  <si>
    <t>cg22378631</t>
  </si>
  <si>
    <t>cg22383845</t>
  </si>
  <si>
    <t>cg22387994</t>
  </si>
  <si>
    <t>cg22395942</t>
  </si>
  <si>
    <t>cg22411784</t>
  </si>
  <si>
    <t>cg22412741</t>
  </si>
  <si>
    <t>cg22436086</t>
  </si>
  <si>
    <t>cg22445256</t>
  </si>
  <si>
    <t>cg22448273</t>
  </si>
  <si>
    <t>cg22453911</t>
  </si>
  <si>
    <t>cg22454005</t>
  </si>
  <si>
    <t>cg22454370</t>
  </si>
  <si>
    <t>cg22455450</t>
  </si>
  <si>
    <t>cg22456785</t>
  </si>
  <si>
    <t>cg22457238</t>
  </si>
  <si>
    <t>cg22459517</t>
  </si>
  <si>
    <t>cg22461472</t>
  </si>
  <si>
    <t>cg22462193</t>
  </si>
  <si>
    <t>cg22464169</t>
  </si>
  <si>
    <t>cg22465479</t>
  </si>
  <si>
    <t>cg22468123</t>
  </si>
  <si>
    <t>cg22469948</t>
  </si>
  <si>
    <t>cg22470465</t>
  </si>
  <si>
    <t>cg22472290</t>
  </si>
  <si>
    <t>cg22473312</t>
  </si>
  <si>
    <t>cg22475082</t>
  </si>
  <si>
    <t>cg22489759</t>
  </si>
  <si>
    <t>cg22495611</t>
  </si>
  <si>
    <t>cg22498784</t>
  </si>
  <si>
    <t>cg22499809</t>
  </si>
  <si>
    <t>cg22499964</t>
  </si>
  <si>
    <t>cg22501393</t>
  </si>
  <si>
    <t>cg22504094</t>
  </si>
  <si>
    <t>cg22506214</t>
  </si>
  <si>
    <t>cg22507639</t>
  </si>
  <si>
    <t>cg22509205</t>
  </si>
  <si>
    <t>cg22510911</t>
  </si>
  <si>
    <t>cg22511889</t>
  </si>
  <si>
    <t>cg22512651</t>
  </si>
  <si>
    <t>cg22514682</t>
  </si>
  <si>
    <t>cg22514863</t>
  </si>
  <si>
    <t>cg22517995</t>
  </si>
  <si>
    <t>cg22519313</t>
  </si>
  <si>
    <t>cg22522066</t>
  </si>
  <si>
    <t>cg22524998</t>
  </si>
  <si>
    <t>cg22526990</t>
  </si>
  <si>
    <t>cg22528521</t>
  </si>
  <si>
    <t>cg22529448</t>
  </si>
  <si>
    <t>cg22537343</t>
  </si>
  <si>
    <t>cg22537604</t>
  </si>
  <si>
    <t>cg22539584</t>
  </si>
  <si>
    <t>cg22540135</t>
  </si>
  <si>
    <t>cg22541098</t>
  </si>
  <si>
    <t>cg22541509</t>
  </si>
  <si>
    <t>cg22544863</t>
  </si>
  <si>
    <t>cg22545168</t>
  </si>
  <si>
    <t>cg22546437</t>
  </si>
  <si>
    <t>cg22546818</t>
  </si>
  <si>
    <t>cg22546859</t>
  </si>
  <si>
    <t>cg22550815</t>
  </si>
  <si>
    <t>cg22551372</t>
  </si>
  <si>
    <t>cg22552457</t>
  </si>
  <si>
    <t>cg22553301</t>
  </si>
  <si>
    <t>cg22553722</t>
  </si>
  <si>
    <t>cg22556577</t>
  </si>
  <si>
    <t>cg22556816</t>
  </si>
  <si>
    <t>cg22557711</t>
  </si>
  <si>
    <t>cg22561329</t>
  </si>
  <si>
    <t>cg22563103</t>
  </si>
  <si>
    <t>cg22563182</t>
  </si>
  <si>
    <t>cg22563286</t>
  </si>
  <si>
    <t>cg22565251</t>
  </si>
  <si>
    <t>cg22565389</t>
  </si>
  <si>
    <t>cg22566518</t>
  </si>
  <si>
    <t>cg22568423</t>
  </si>
  <si>
    <t>cg22568540</t>
  </si>
  <si>
    <t>cg22569340</t>
  </si>
  <si>
    <t>cg22569523</t>
  </si>
  <si>
    <t>cg22579691</t>
  </si>
  <si>
    <t>cg22580353</t>
  </si>
  <si>
    <t>cg22583444</t>
  </si>
  <si>
    <t>cg22584582</t>
  </si>
  <si>
    <t>cg22591384</t>
  </si>
  <si>
    <t>cg22593889</t>
  </si>
  <si>
    <t>cg22601577</t>
  </si>
  <si>
    <t>cg22603450</t>
  </si>
  <si>
    <t>cg22603562</t>
  </si>
  <si>
    <t>cg22603569</t>
  </si>
  <si>
    <t>cg22606736</t>
  </si>
  <si>
    <t>cg22608764</t>
  </si>
  <si>
    <t>cg22609459</t>
  </si>
  <si>
    <t>cg22610787</t>
  </si>
  <si>
    <t>cg22614787</t>
  </si>
  <si>
    <t>cg22616646</t>
  </si>
  <si>
    <t>cg22618240</t>
  </si>
  <si>
    <t>cg22619412</t>
  </si>
  <si>
    <t>cg22620880</t>
  </si>
  <si>
    <t>cg22621897</t>
  </si>
  <si>
    <t>cg22623033</t>
  </si>
  <si>
    <t>cg22626506</t>
  </si>
  <si>
    <t>cg22626866</t>
  </si>
  <si>
    <t>cg22627406</t>
  </si>
  <si>
    <t>cg22630169</t>
  </si>
  <si>
    <t>cg22634916</t>
  </si>
  <si>
    <t>cg22636429</t>
  </si>
  <si>
    <t>cg22637867</t>
  </si>
  <si>
    <t>cg22641093</t>
  </si>
  <si>
    <t>cg22642498</t>
  </si>
  <si>
    <t>cg22643760</t>
  </si>
  <si>
    <t>cg22645161</t>
  </si>
  <si>
    <t>cg22646782</t>
  </si>
  <si>
    <t>cg22649124</t>
  </si>
  <si>
    <t>cg22652782</t>
  </si>
  <si>
    <t>cg22658316</t>
  </si>
  <si>
    <t>cg22658884</t>
  </si>
  <si>
    <t>cg22659770</t>
  </si>
  <si>
    <t>cg22662233</t>
  </si>
  <si>
    <t>cg22662788</t>
  </si>
  <si>
    <t>cg22665276</t>
  </si>
  <si>
    <t>cg22666438</t>
  </si>
  <si>
    <t>cg22669842</t>
  </si>
  <si>
    <t>cg22671726</t>
  </si>
  <si>
    <t>cg22674064</t>
  </si>
  <si>
    <t>cg22676000</t>
  </si>
  <si>
    <t>cg22676212</t>
  </si>
  <si>
    <t>cg22677260</t>
  </si>
  <si>
    <t>cg22677650</t>
  </si>
  <si>
    <t>cg22678402</t>
  </si>
  <si>
    <t>cg22683879</t>
  </si>
  <si>
    <t>cg22684041</t>
  </si>
  <si>
    <t>cg22685123</t>
  </si>
  <si>
    <t>cg22687382</t>
  </si>
  <si>
    <t>cg22688455</t>
  </si>
  <si>
    <t>cg22688687</t>
  </si>
  <si>
    <t>cg22694635</t>
  </si>
  <si>
    <t>cg22702960</t>
  </si>
  <si>
    <t>cg22703124</t>
  </si>
  <si>
    <t>cg22703945</t>
  </si>
  <si>
    <t>cg22705114</t>
  </si>
  <si>
    <t>cg22705830</t>
  </si>
  <si>
    <t>cg22706147</t>
  </si>
  <si>
    <t>cg22708853</t>
  </si>
  <si>
    <t>cg22709008</t>
  </si>
  <si>
    <t>cg22710065</t>
  </si>
  <si>
    <t>cg22711811</t>
  </si>
  <si>
    <t>cg22721311</t>
  </si>
  <si>
    <t>cg22725303</t>
  </si>
  <si>
    <t>cg22728790</t>
  </si>
  <si>
    <t>cg22732211</t>
  </si>
  <si>
    <t>cg22734480</t>
  </si>
  <si>
    <t>cg22736682</t>
  </si>
  <si>
    <t>cg22740866</t>
  </si>
  <si>
    <t>cg22745102</t>
  </si>
  <si>
    <t>cg22745273</t>
  </si>
  <si>
    <t>cg22745471</t>
  </si>
  <si>
    <t>cg22746351</t>
  </si>
  <si>
    <t>cg22746789</t>
  </si>
  <si>
    <t>cg22747516</t>
  </si>
  <si>
    <t>cg22748799</t>
  </si>
  <si>
    <t>cg22749173</t>
  </si>
  <si>
    <t>cg22750364</t>
  </si>
  <si>
    <t>cg22752052</t>
  </si>
  <si>
    <t>cg22753515</t>
  </si>
  <si>
    <t>cg22753548</t>
  </si>
  <si>
    <t>cg22754389</t>
  </si>
  <si>
    <t>cg22757101</t>
  </si>
  <si>
    <t>cg22757977</t>
  </si>
  <si>
    <t>cg22760304</t>
  </si>
  <si>
    <t>cg22761099</t>
  </si>
  <si>
    <t>cg22761607</t>
  </si>
  <si>
    <t>cg22762076</t>
  </si>
  <si>
    <t>cg22765612</t>
  </si>
  <si>
    <t>cg22765626</t>
  </si>
  <si>
    <t>cg22766230</t>
  </si>
  <si>
    <t>cg22769406</t>
  </si>
  <si>
    <t>cg22769810</t>
  </si>
  <si>
    <t>cg22771960</t>
  </si>
  <si>
    <t>cg22772878</t>
  </si>
  <si>
    <t>cg22774681</t>
  </si>
  <si>
    <t>cg22779878</t>
  </si>
  <si>
    <t>cg22780475</t>
  </si>
  <si>
    <t>cg22781123</t>
  </si>
  <si>
    <t>cg22783327</t>
  </si>
  <si>
    <t>cg22784898</t>
  </si>
  <si>
    <t>cg22791632</t>
  </si>
  <si>
    <t>cg22796572</t>
  </si>
  <si>
    <t>cg22797450</t>
  </si>
  <si>
    <t>cg22801149</t>
  </si>
  <si>
    <t>cg22801296</t>
  </si>
  <si>
    <t>cg22801907</t>
  </si>
  <si>
    <t>cg22802439</t>
  </si>
  <si>
    <t>cg22802461</t>
  </si>
  <si>
    <t>cg22802994</t>
  </si>
  <si>
    <t>cg22803827</t>
  </si>
  <si>
    <t>cg22806372</t>
  </si>
  <si>
    <t>cg22808163</t>
  </si>
  <si>
    <t>cg22808633</t>
  </si>
  <si>
    <t>cg22809780</t>
  </si>
  <si>
    <t>cg22811560</t>
  </si>
  <si>
    <t>cg22813366</t>
  </si>
  <si>
    <t>cg22814247</t>
  </si>
  <si>
    <t>cg22818306</t>
  </si>
  <si>
    <t>cg22824998</t>
  </si>
  <si>
    <t>cg22832139</t>
  </si>
  <si>
    <t>cg22833618</t>
  </si>
  <si>
    <t>cg22838050</t>
  </si>
  <si>
    <t>cg22839223</t>
  </si>
  <si>
    <t>cg22840076</t>
  </si>
  <si>
    <t>cg22840219</t>
  </si>
  <si>
    <t>cg22842510</t>
  </si>
  <si>
    <t>cg22846506</t>
  </si>
  <si>
    <t>cg22846876</t>
  </si>
  <si>
    <t>cg22848927</t>
  </si>
  <si>
    <t>cg22850451</t>
  </si>
  <si>
    <t>cg22852489</t>
  </si>
  <si>
    <t>cg22859980</t>
  </si>
  <si>
    <t>cg22865050</t>
  </si>
  <si>
    <t>cg22865582</t>
  </si>
  <si>
    <t>cg22865824</t>
  </si>
  <si>
    <t>cg22868274</t>
  </si>
  <si>
    <t>cg22880933</t>
  </si>
  <si>
    <t>cg22883353</t>
  </si>
  <si>
    <t>cg22886237</t>
  </si>
  <si>
    <t>cg22889142</t>
  </si>
  <si>
    <t>cg22892237</t>
  </si>
  <si>
    <t>cg22894983</t>
  </si>
  <si>
    <t>cg22895231</t>
  </si>
  <si>
    <t>cg22898082</t>
  </si>
  <si>
    <t>cg22898924</t>
  </si>
  <si>
    <t>cg22905550</t>
  </si>
  <si>
    <t>cg22905968</t>
  </si>
  <si>
    <t>cg22906451</t>
  </si>
  <si>
    <t>cg22910295</t>
  </si>
  <si>
    <t>cg22911650</t>
  </si>
  <si>
    <t>cg22912101</t>
  </si>
  <si>
    <t>cg22914897</t>
  </si>
  <si>
    <t>cg22917147</t>
  </si>
  <si>
    <t>cg22918012</t>
  </si>
  <si>
    <t>cg22918133</t>
  </si>
  <si>
    <t>cg22920289</t>
  </si>
  <si>
    <t>cg22920792</t>
  </si>
  <si>
    <t>cg22922242</t>
  </si>
  <si>
    <t>cg22923050</t>
  </si>
  <si>
    <t>cg22928599</t>
  </si>
  <si>
    <t>cg22929692</t>
  </si>
  <si>
    <t>cg22930390</t>
  </si>
  <si>
    <t>cg22935456</t>
  </si>
  <si>
    <t>cg22939113</t>
  </si>
  <si>
    <t>cg22940961</t>
  </si>
  <si>
    <t>cg22945975</t>
  </si>
  <si>
    <t>cg22947481</t>
  </si>
  <si>
    <t>cg22948319</t>
  </si>
  <si>
    <t>cg22949004</t>
  </si>
  <si>
    <t>cg22950899</t>
  </si>
  <si>
    <t>cg22960185</t>
  </si>
  <si>
    <t>cg22961623</t>
  </si>
  <si>
    <t>cg22962396</t>
  </si>
  <si>
    <t>cg22964259</t>
  </si>
  <si>
    <t>cg22965082</t>
  </si>
  <si>
    <t>cg22966109</t>
  </si>
  <si>
    <t>cg22968175</t>
  </si>
  <si>
    <t>cg22973042</t>
  </si>
  <si>
    <t>cg22974915</t>
  </si>
  <si>
    <t>cg22975125</t>
  </si>
  <si>
    <t>cg22977016</t>
  </si>
  <si>
    <t>cg22981158</t>
  </si>
  <si>
    <t>cg22981738</t>
  </si>
  <si>
    <t>cg22981926</t>
  </si>
  <si>
    <t>cg22983694</t>
  </si>
  <si>
    <t>cg22984198</t>
  </si>
  <si>
    <t>cg22985929</t>
  </si>
  <si>
    <t>cg22989649</t>
  </si>
  <si>
    <t>cg22997601</t>
  </si>
  <si>
    <t>cg22998020</t>
  </si>
  <si>
    <t>cg22998811</t>
  </si>
  <si>
    <t>cg23000464</t>
  </si>
  <si>
    <t>cg23001905</t>
  </si>
  <si>
    <t>cg23002721</t>
  </si>
  <si>
    <t>cg23004527</t>
  </si>
  <si>
    <t>cg23009327</t>
  </si>
  <si>
    <t>cg23012294</t>
  </si>
  <si>
    <t>cg23013977</t>
  </si>
  <si>
    <t>cg23017398</t>
  </si>
  <si>
    <t>cg23018063</t>
  </si>
  <si>
    <t>cg23022999</t>
  </si>
  <si>
    <t>cg23027715</t>
  </si>
  <si>
    <t>cg23029494</t>
  </si>
  <si>
    <t>cg23029635</t>
  </si>
  <si>
    <t>cg23030090</t>
  </si>
  <si>
    <t>cg23031103</t>
  </si>
  <si>
    <t>cg23031387</t>
  </si>
  <si>
    <t>cg23034485</t>
  </si>
  <si>
    <t>cg23035555</t>
  </si>
  <si>
    <t>cg23036025</t>
  </si>
  <si>
    <t>cg23036204</t>
  </si>
  <si>
    <t>cg23037918</t>
  </si>
  <si>
    <t>cg23040358</t>
  </si>
  <si>
    <t>cg23042318</t>
  </si>
  <si>
    <t>cg23043389</t>
  </si>
  <si>
    <t>cg23044391</t>
  </si>
  <si>
    <t>cg23047544</t>
  </si>
  <si>
    <t>cg23047952</t>
  </si>
  <si>
    <t>cg23048399</t>
  </si>
  <si>
    <t>cg23054321</t>
  </si>
  <si>
    <t>cg23054584</t>
  </si>
  <si>
    <t>cg23055276</t>
  </si>
  <si>
    <t>cg23057567</t>
  </si>
  <si>
    <t>cg23058911</t>
  </si>
  <si>
    <t>cg23059701</t>
  </si>
  <si>
    <t>cg23059965</t>
  </si>
  <si>
    <t>cg23063900</t>
  </si>
  <si>
    <t>cg23065483</t>
  </si>
  <si>
    <t>cg23066159</t>
  </si>
  <si>
    <t>cg23067810</t>
  </si>
  <si>
    <t>cg23072559</t>
  </si>
  <si>
    <t>cg23073467</t>
  </si>
  <si>
    <t>cg23075286</t>
  </si>
  <si>
    <t>cg23075968</t>
  </si>
  <si>
    <t>cg23076016</t>
  </si>
  <si>
    <t>cg23076550</t>
  </si>
  <si>
    <t>cg23080427</t>
  </si>
  <si>
    <t>cg23082657</t>
  </si>
  <si>
    <t>cg23082877</t>
  </si>
  <si>
    <t>cg23083665</t>
  </si>
  <si>
    <t>cg23086982</t>
  </si>
  <si>
    <t>cg23087300</t>
  </si>
  <si>
    <t>cg23088551</t>
  </si>
  <si>
    <t>cg23090606</t>
  </si>
  <si>
    <t>cg23091656</t>
  </si>
  <si>
    <t>cg23092421</t>
  </si>
  <si>
    <t>cg23095260</t>
  </si>
  <si>
    <t>cg23095556</t>
  </si>
  <si>
    <t>cg23102026</t>
  </si>
  <si>
    <t>cg23131950</t>
  </si>
  <si>
    <t>cg23134169</t>
  </si>
  <si>
    <t>cg23155333</t>
  </si>
  <si>
    <t>cg23158811</t>
  </si>
  <si>
    <t>cg23163993</t>
  </si>
  <si>
    <t>cg23171099</t>
  </si>
  <si>
    <t>cg23174481</t>
  </si>
  <si>
    <t>cg23178195</t>
  </si>
  <si>
    <t>cg23179379</t>
  </si>
  <si>
    <t>cg23179640</t>
  </si>
  <si>
    <t>cg23179657</t>
  </si>
  <si>
    <t>cg23181035</t>
  </si>
  <si>
    <t>cg23183932</t>
  </si>
  <si>
    <t>cg23184503</t>
  </si>
  <si>
    <t>cg23184690</t>
  </si>
  <si>
    <t>cg23187015</t>
  </si>
  <si>
    <t>cg23188331</t>
  </si>
  <si>
    <t>cg23190994</t>
  </si>
  <si>
    <t>cg23195373</t>
  </si>
  <si>
    <t>cg23197406</t>
  </si>
  <si>
    <t>cg23197935</t>
  </si>
  <si>
    <t>cg23197955</t>
  </si>
  <si>
    <t>cg23199257</t>
  </si>
  <si>
    <t>cg23200342</t>
  </si>
  <si>
    <t>cg23201817</t>
  </si>
  <si>
    <t>cg23204799</t>
  </si>
  <si>
    <t>cg23207676</t>
  </si>
  <si>
    <t>cg23208587</t>
  </si>
  <si>
    <t>cg23210148</t>
  </si>
  <si>
    <t>cg23211714</t>
  </si>
  <si>
    <t>cg23216323</t>
  </si>
  <si>
    <t>cg23217946</t>
  </si>
  <si>
    <t>cg23222039</t>
  </si>
  <si>
    <t>cg23230018</t>
  </si>
  <si>
    <t>cg23232612</t>
  </si>
  <si>
    <t>cg23235772</t>
  </si>
  <si>
    <t>cg23236165</t>
  </si>
  <si>
    <t>cg23240013</t>
  </si>
  <si>
    <t>cg23241201</t>
  </si>
  <si>
    <t>cg23241878</t>
  </si>
  <si>
    <t>cg23247595</t>
  </si>
  <si>
    <t>cg23250910</t>
  </si>
  <si>
    <t>cg23254497</t>
  </si>
  <si>
    <t>cg23259813</t>
  </si>
  <si>
    <t>cg23260026</t>
  </si>
  <si>
    <t>cg23260573</t>
  </si>
  <si>
    <t>cg23263641</t>
  </si>
  <si>
    <t>cg23264413</t>
  </si>
  <si>
    <t>cg23272305</t>
  </si>
  <si>
    <t>cg23274381</t>
  </si>
  <si>
    <t>cg23275258</t>
  </si>
  <si>
    <t>cg23279460</t>
  </si>
  <si>
    <t>cg23279691</t>
  </si>
  <si>
    <t>cg23281340</t>
  </si>
  <si>
    <t>cg23281711</t>
  </si>
  <si>
    <t>cg23285320</t>
  </si>
  <si>
    <t>cg23290456</t>
  </si>
  <si>
    <t>cg23292266</t>
  </si>
  <si>
    <t>cg23293671</t>
  </si>
  <si>
    <t>cg23294388</t>
  </si>
  <si>
    <t>cg23295181</t>
  </si>
  <si>
    <t>cg23295991</t>
  </si>
  <si>
    <t>cg23296010</t>
  </si>
  <si>
    <t>cg23298167</t>
  </si>
  <si>
    <t>cg23298492</t>
  </si>
  <si>
    <t>cg23301120</t>
  </si>
  <si>
    <t>cg23301612</t>
  </si>
  <si>
    <t>cg23305678</t>
  </si>
  <si>
    <t>cg23307264</t>
  </si>
  <si>
    <t>cg23307385</t>
  </si>
  <si>
    <t>cg23309595</t>
  </si>
  <si>
    <t>cg23311195</t>
  </si>
  <si>
    <t>cg23316060</t>
  </si>
  <si>
    <t>cg23318764</t>
  </si>
  <si>
    <t>cg23319790</t>
  </si>
  <si>
    <t>cg23321951</t>
  </si>
  <si>
    <t>cg23324123</t>
  </si>
  <si>
    <t>cg23325999</t>
  </si>
  <si>
    <t>cg23329543</t>
  </si>
  <si>
    <t>cg23330034</t>
  </si>
  <si>
    <t>cg23334264</t>
  </si>
  <si>
    <t>cg23336323</t>
  </si>
  <si>
    <t>cg23342234</t>
  </si>
  <si>
    <t>cg23343106</t>
  </si>
  <si>
    <t>cg23344780</t>
  </si>
  <si>
    <t>cg23346960</t>
  </si>
  <si>
    <t>cg23347323</t>
  </si>
  <si>
    <t>cg23351289</t>
  </si>
  <si>
    <t>cg23357708</t>
  </si>
  <si>
    <t>cg23357913</t>
  </si>
  <si>
    <t>cg23359706</t>
  </si>
  <si>
    <t>cg23363818</t>
  </si>
  <si>
    <t>cg23365345</t>
  </si>
  <si>
    <t>cg23371050</t>
  </si>
  <si>
    <t>cg23371413</t>
  </si>
  <si>
    <t>cg23372544</t>
  </si>
  <si>
    <t>cg23375247</t>
  </si>
  <si>
    <t>cg23377232</t>
  </si>
  <si>
    <t>cg23380197</t>
  </si>
  <si>
    <t>cg23380496</t>
  </si>
  <si>
    <t>cg23383098</t>
  </si>
  <si>
    <t>cg23385575</t>
  </si>
  <si>
    <t>cg23385669</t>
  </si>
  <si>
    <t>cg23387310</t>
  </si>
  <si>
    <t>cg23389776</t>
  </si>
  <si>
    <t>cg23391173</t>
  </si>
  <si>
    <t>cg23391214</t>
  </si>
  <si>
    <t>cg23397216</t>
  </si>
  <si>
    <t>cg23397578</t>
  </si>
  <si>
    <t>cg23398793</t>
  </si>
  <si>
    <t>cg23405172</t>
  </si>
  <si>
    <t>cg23406971</t>
  </si>
  <si>
    <t>cg23408615</t>
  </si>
  <si>
    <t>cg23427565</t>
  </si>
  <si>
    <t>cg23429986</t>
  </si>
  <si>
    <t>cg23443660</t>
  </si>
  <si>
    <t>cg23444265</t>
  </si>
  <si>
    <t>cg23446438</t>
  </si>
  <si>
    <t>cg23448054</t>
  </si>
  <si>
    <t>cg23448153</t>
  </si>
  <si>
    <t>cg23448505</t>
  </si>
  <si>
    <t>cg23451324</t>
  </si>
  <si>
    <t>cg23458892</t>
  </si>
  <si>
    <t>cg23463335</t>
  </si>
  <si>
    <t>cg23466054</t>
  </si>
  <si>
    <t>cg23467004</t>
  </si>
  <si>
    <t>cg23467944</t>
  </si>
  <si>
    <t>cg23468144</t>
  </si>
  <si>
    <t>cg23470520</t>
  </si>
  <si>
    <t>cg23473443</t>
  </si>
  <si>
    <t>cg23474268</t>
  </si>
  <si>
    <t>cg23474379</t>
  </si>
  <si>
    <t>cg23475053</t>
  </si>
  <si>
    <t>cg23475189</t>
  </si>
  <si>
    <t>cg23476937</t>
  </si>
  <si>
    <t>cg23477093</t>
  </si>
  <si>
    <t>cg23477380</t>
  </si>
  <si>
    <t>cg23478605</t>
  </si>
  <si>
    <t>cg23480820</t>
  </si>
  <si>
    <t>cg23482426</t>
  </si>
  <si>
    <t>cg23488376</t>
  </si>
  <si>
    <t>cg23490822</t>
  </si>
  <si>
    <t>cg23493132</t>
  </si>
  <si>
    <t>cg23494026</t>
  </si>
  <si>
    <t>cg23495820</t>
  </si>
  <si>
    <t>cg23499126</t>
  </si>
  <si>
    <t>cg23499789</t>
  </si>
  <si>
    <t>cg23500601</t>
  </si>
  <si>
    <t>cg23500889</t>
  </si>
  <si>
    <t>cg23501292</t>
  </si>
  <si>
    <t>cg23504157</t>
  </si>
  <si>
    <t>cg23518439</t>
  </si>
  <si>
    <t>cg23525853</t>
  </si>
  <si>
    <t>cg23526147</t>
  </si>
  <si>
    <t>cg23526474</t>
  </si>
  <si>
    <t>cg23533824</t>
  </si>
  <si>
    <t>cg23538322</t>
  </si>
  <si>
    <t>cg23541257</t>
  </si>
  <si>
    <t>cg23542284</t>
  </si>
  <si>
    <t>cg23544107</t>
  </si>
  <si>
    <t>cg23544577</t>
  </si>
  <si>
    <t>cg23548163</t>
  </si>
  <si>
    <t>cg23548487</t>
  </si>
  <si>
    <t>cg23548920</t>
  </si>
  <si>
    <t>cg23562473</t>
  </si>
  <si>
    <t>cg23620904</t>
  </si>
  <si>
    <t>cg23633937</t>
  </si>
  <si>
    <t>cg23635599</t>
  </si>
  <si>
    <t>cg23645639</t>
  </si>
  <si>
    <t>cg23646235</t>
  </si>
  <si>
    <t>cg23648015</t>
  </si>
  <si>
    <t>cg23650249</t>
  </si>
  <si>
    <t>cg23651117</t>
  </si>
  <si>
    <t>cg23652123</t>
  </si>
  <si>
    <t>cg23652172</t>
  </si>
  <si>
    <t>cg23652526</t>
  </si>
  <si>
    <t>cg23652859</t>
  </si>
  <si>
    <t>cg23653343</t>
  </si>
  <si>
    <t>cg23658684</t>
  </si>
  <si>
    <t>cg23661204</t>
  </si>
  <si>
    <t>cg23661824</t>
  </si>
  <si>
    <t>cg23666833</t>
  </si>
  <si>
    <t>cg23667541</t>
  </si>
  <si>
    <t>cg23669034</t>
  </si>
  <si>
    <t>cg23669517</t>
  </si>
  <si>
    <t>cg23670631</t>
  </si>
  <si>
    <t>cg23671699</t>
  </si>
  <si>
    <t>cg23673107</t>
  </si>
  <si>
    <t>cg23674189</t>
  </si>
  <si>
    <t>cg23675524</t>
  </si>
  <si>
    <t>cg23677000</t>
  </si>
  <si>
    <t>cg23677833</t>
  </si>
  <si>
    <t>cg23678215</t>
  </si>
  <si>
    <t>cg23678918</t>
  </si>
  <si>
    <t>cg23679260</t>
  </si>
  <si>
    <t>cg23679798</t>
  </si>
  <si>
    <t>cg23680518</t>
  </si>
  <si>
    <t>cg23680922</t>
  </si>
  <si>
    <t>cg23683290</t>
  </si>
  <si>
    <t>cg23684682</t>
  </si>
  <si>
    <t>cg23686908</t>
  </si>
  <si>
    <t>cg23690312</t>
  </si>
  <si>
    <t>cg23692620</t>
  </si>
  <si>
    <t>cg23693380</t>
  </si>
  <si>
    <t>cg23697081</t>
  </si>
  <si>
    <t>cg23699148</t>
  </si>
  <si>
    <t>cg23699670</t>
  </si>
  <si>
    <t>cg23701776</t>
  </si>
  <si>
    <t>cg23706615</t>
  </si>
  <si>
    <t>cg23735973</t>
  </si>
  <si>
    <t>cg23737575</t>
  </si>
  <si>
    <t>cg23743927</t>
  </si>
  <si>
    <t>cg23752563</t>
  </si>
  <si>
    <t>cg23760945</t>
  </si>
  <si>
    <t>cg23765754</t>
  </si>
  <si>
    <t>cg23771661</t>
  </si>
  <si>
    <t>cg23796967</t>
  </si>
  <si>
    <t>cg23801969</t>
  </si>
  <si>
    <t>cg23811775</t>
  </si>
  <si>
    <t>cg23815462</t>
  </si>
  <si>
    <t>cg23837289</t>
  </si>
  <si>
    <t>cg23842695</t>
  </si>
  <si>
    <t>cg23843629</t>
  </si>
  <si>
    <t>cg23844497</t>
  </si>
  <si>
    <t>cg23849812</t>
  </si>
  <si>
    <t>cg23850205</t>
  </si>
  <si>
    <t>cg23850212</t>
  </si>
  <si>
    <t>cg23851027</t>
  </si>
  <si>
    <t>cg23854009</t>
  </si>
  <si>
    <t>cg23854103</t>
  </si>
  <si>
    <t>cg23856299</t>
  </si>
  <si>
    <t>cg23857200</t>
  </si>
  <si>
    <t>cg23860339</t>
  </si>
  <si>
    <t>cg23864120</t>
  </si>
  <si>
    <t>cg23866916</t>
  </si>
  <si>
    <t>cg23867562</t>
  </si>
  <si>
    <t>cg23867647</t>
  </si>
  <si>
    <t>cg23867903</t>
  </si>
  <si>
    <t>cg23874437</t>
  </si>
  <si>
    <t>cg23875401</t>
  </si>
  <si>
    <t>cg23877608</t>
  </si>
  <si>
    <t>cg23878206</t>
  </si>
  <si>
    <t>cg23881936</t>
  </si>
  <si>
    <t>cg23886141</t>
  </si>
  <si>
    <t>cg23889338</t>
  </si>
  <si>
    <t>cg23889914</t>
  </si>
  <si>
    <t>cg23894058</t>
  </si>
  <si>
    <t>cg23899359</t>
  </si>
  <si>
    <t>cg23899408</t>
  </si>
  <si>
    <t>cg23899409</t>
  </si>
  <si>
    <t>cg23903809</t>
  </si>
  <si>
    <t>cg23906760</t>
  </si>
  <si>
    <t>cg23915008</t>
  </si>
  <si>
    <t>cg23919376</t>
  </si>
  <si>
    <t>cg23919549</t>
  </si>
  <si>
    <t>cg23919568</t>
  </si>
  <si>
    <t>cg23920441</t>
  </si>
  <si>
    <t>cg23924911</t>
  </si>
  <si>
    <t>cg23925301</t>
  </si>
  <si>
    <t>cg23930230</t>
  </si>
  <si>
    <t>cg23930923</t>
  </si>
  <si>
    <t>cg23935819</t>
  </si>
  <si>
    <t>cg23936609</t>
  </si>
  <si>
    <t>cg23937382</t>
  </si>
  <si>
    <t>cg23941855</t>
  </si>
  <si>
    <t>cg23942508</t>
  </si>
  <si>
    <t>cg23943360</t>
  </si>
  <si>
    <t>cg23943495</t>
  </si>
  <si>
    <t>cg23943684</t>
  </si>
  <si>
    <t>cg23948016</t>
  </si>
  <si>
    <t>cg23948443</t>
  </si>
  <si>
    <t>cg23949233</t>
  </si>
  <si>
    <t>cg23950001</t>
  </si>
  <si>
    <t>cg23953773</t>
  </si>
  <si>
    <t>cg23954461</t>
  </si>
  <si>
    <t>cg23955723</t>
  </si>
  <si>
    <t>cg23956238</t>
  </si>
  <si>
    <t>cg23958948</t>
  </si>
  <si>
    <t>cg23959976</t>
  </si>
  <si>
    <t>cg23961059</t>
  </si>
  <si>
    <t>cg23962717</t>
  </si>
  <si>
    <t>cg23963476</t>
  </si>
  <si>
    <t>cg23966898</t>
  </si>
  <si>
    <t>cg23970523</t>
  </si>
  <si>
    <t>cg23971049</t>
  </si>
  <si>
    <t>cg23972869</t>
  </si>
  <si>
    <t>cg23973524</t>
  </si>
  <si>
    <t>cg23977209</t>
  </si>
  <si>
    <t>cg23979420</t>
  </si>
  <si>
    <t>cg23980730</t>
  </si>
  <si>
    <t>cg23982317</t>
  </si>
  <si>
    <t>cg23987222</t>
  </si>
  <si>
    <t>cg23989004</t>
  </si>
  <si>
    <t>cg23991482</t>
  </si>
  <si>
    <t>cg23994468</t>
  </si>
  <si>
    <t>cg23998052</t>
  </si>
  <si>
    <t>cg23999224</t>
  </si>
  <si>
    <t>cg24000937</t>
  </si>
  <si>
    <t>cg24008801</t>
  </si>
  <si>
    <t>cg24010336</t>
  </si>
  <si>
    <t>cg24010531</t>
  </si>
  <si>
    <t>cg24011441</t>
  </si>
  <si>
    <t>cg24014849</t>
  </si>
  <si>
    <t>cg24016624</t>
  </si>
  <si>
    <t>cg24016939</t>
  </si>
  <si>
    <t>cg24021649</t>
  </si>
  <si>
    <t>cg24021652</t>
  </si>
  <si>
    <t>cg24024986</t>
  </si>
  <si>
    <t>cg24025825</t>
  </si>
  <si>
    <t>cg24030173</t>
  </si>
  <si>
    <t>cg24030434</t>
  </si>
  <si>
    <t>cg24030627</t>
  </si>
  <si>
    <t>cg24030864</t>
  </si>
  <si>
    <t>cg24031228</t>
  </si>
  <si>
    <t>cg24033042</t>
  </si>
  <si>
    <t>cg24034465</t>
  </si>
  <si>
    <t>cg24035928</t>
  </si>
  <si>
    <t>cg24040115</t>
  </si>
  <si>
    <t>cg24041556</t>
  </si>
  <si>
    <t>cg24041882</t>
  </si>
  <si>
    <t>cg24045566</t>
  </si>
  <si>
    <t>cg24050112</t>
  </si>
  <si>
    <t>cg24050414</t>
  </si>
  <si>
    <t>cg24052101</t>
  </si>
  <si>
    <t>cg24052338</t>
  </si>
  <si>
    <t>cg24055461</t>
  </si>
  <si>
    <t>cg24056307</t>
  </si>
  <si>
    <t>cg24059164</t>
  </si>
  <si>
    <t>cg24059612</t>
  </si>
  <si>
    <t>cg24059871</t>
  </si>
  <si>
    <t>cg24062310</t>
  </si>
  <si>
    <t>cg24066931</t>
  </si>
  <si>
    <t>cg24068229</t>
  </si>
  <si>
    <t>cg24069262</t>
  </si>
  <si>
    <t>cg24069559</t>
  </si>
  <si>
    <t>cg24070837</t>
  </si>
  <si>
    <t>cg24073352</t>
  </si>
  <si>
    <t>cg24076474</t>
  </si>
  <si>
    <t>cg24078905</t>
  </si>
  <si>
    <t>cg24078985</t>
  </si>
  <si>
    <t>cg24082526</t>
  </si>
  <si>
    <t>cg24083646</t>
  </si>
  <si>
    <t>cg24083746</t>
  </si>
  <si>
    <t>cg24084564</t>
  </si>
  <si>
    <t>cg24084706</t>
  </si>
  <si>
    <t>cg24085258</t>
  </si>
  <si>
    <t>cg24090202</t>
  </si>
  <si>
    <t>cg24091474</t>
  </si>
  <si>
    <t>cg24091949</t>
  </si>
  <si>
    <t>cg24091975</t>
  </si>
  <si>
    <t>cg24093236</t>
  </si>
  <si>
    <t>cg24096855</t>
  </si>
  <si>
    <t>cg24096925</t>
  </si>
  <si>
    <t>cg24098859</t>
  </si>
  <si>
    <t>cg24101283</t>
  </si>
  <si>
    <t>cg24101337</t>
  </si>
  <si>
    <t>cg24101459</t>
  </si>
  <si>
    <t>cg24102457</t>
  </si>
  <si>
    <t>cg24102622</t>
  </si>
  <si>
    <t>cg24103195</t>
  </si>
  <si>
    <t>cg24109744</t>
  </si>
  <si>
    <t>cg24114371</t>
  </si>
  <si>
    <t>cg24115221</t>
  </si>
  <si>
    <t>cg24115835</t>
  </si>
  <si>
    <t>cg24116028</t>
  </si>
  <si>
    <t>cg24116259</t>
  </si>
  <si>
    <t>cg24122751</t>
  </si>
  <si>
    <t>cg24123679</t>
  </si>
  <si>
    <t>cg24124365</t>
  </si>
  <si>
    <t>cg24132694</t>
  </si>
  <si>
    <t>cg24135675</t>
  </si>
  <si>
    <t>cg24135793</t>
  </si>
  <si>
    <t>cg24136431</t>
  </si>
  <si>
    <t>cg24140775</t>
  </si>
  <si>
    <t>cg24143510</t>
  </si>
  <si>
    <t>cg24145039</t>
  </si>
  <si>
    <t>cg24145486</t>
  </si>
  <si>
    <t>cg24152683</t>
  </si>
  <si>
    <t>cg24154650</t>
  </si>
  <si>
    <t>cg24154699</t>
  </si>
  <si>
    <t>cg24158205</t>
  </si>
  <si>
    <t>cg24159451</t>
  </si>
  <si>
    <t>cg24160312</t>
  </si>
  <si>
    <t>cg24161021</t>
  </si>
  <si>
    <t>cg24164517</t>
  </si>
  <si>
    <t>cg24164702</t>
  </si>
  <si>
    <t>cg24165638</t>
  </si>
  <si>
    <t>cg24165747</t>
  </si>
  <si>
    <t>cg24171992</t>
  </si>
  <si>
    <t>cg24172553</t>
  </si>
  <si>
    <t>cg24174730</t>
  </si>
  <si>
    <t>cg24180066</t>
  </si>
  <si>
    <t>cg24180227</t>
  </si>
  <si>
    <t>cg24181914</t>
  </si>
  <si>
    <t>cg24182508</t>
  </si>
  <si>
    <t>cg24183484</t>
  </si>
  <si>
    <t>cg24185130</t>
  </si>
  <si>
    <t>cg24188561</t>
  </si>
  <si>
    <t>cg24189696</t>
  </si>
  <si>
    <t>cg24189904</t>
  </si>
  <si>
    <t>cg24192482</t>
  </si>
  <si>
    <t>cg24193383</t>
  </si>
  <si>
    <t>cg24195878</t>
  </si>
  <si>
    <t>cg24199203</t>
  </si>
  <si>
    <t>cg24199453</t>
  </si>
  <si>
    <t>cg24200426</t>
  </si>
  <si>
    <t>cg24201224</t>
  </si>
  <si>
    <t>cg24204847</t>
  </si>
  <si>
    <t>cg24206978</t>
  </si>
  <si>
    <t>cg24212420</t>
  </si>
  <si>
    <t>cg24213437</t>
  </si>
  <si>
    <t>cg24213567</t>
  </si>
  <si>
    <t>cg24215531</t>
  </si>
  <si>
    <t>cg24216712</t>
  </si>
  <si>
    <t>cg24216908</t>
  </si>
  <si>
    <t>cg24218295</t>
  </si>
  <si>
    <t>cg24220469</t>
  </si>
  <si>
    <t>cg24226087</t>
  </si>
  <si>
    <t>cg24227984</t>
  </si>
  <si>
    <t>cg24228123</t>
  </si>
  <si>
    <t>cg24229188</t>
  </si>
  <si>
    <t>cg24229707</t>
  </si>
  <si>
    <t>cg24232030</t>
  </si>
  <si>
    <t>cg24233679</t>
  </si>
  <si>
    <t>cg24236265</t>
  </si>
  <si>
    <t>cg24239056</t>
  </si>
  <si>
    <t>cg24251439</t>
  </si>
  <si>
    <t>cg24254206</t>
  </si>
  <si>
    <t>cg24256946</t>
  </si>
  <si>
    <t>cg24260917</t>
  </si>
  <si>
    <t>cg24276035</t>
  </si>
  <si>
    <t>cg24277817</t>
  </si>
  <si>
    <t>cg24284436</t>
  </si>
  <si>
    <t>cg24291974</t>
  </si>
  <si>
    <t>cg24295139</t>
  </si>
  <si>
    <t>cg24299389</t>
  </si>
  <si>
    <t>cg24299913</t>
  </si>
  <si>
    <t>cg24301352</t>
  </si>
  <si>
    <t>cg24301414</t>
  </si>
  <si>
    <t>cg24302354</t>
  </si>
  <si>
    <t>cg24303814</t>
  </si>
  <si>
    <t>cg24304425</t>
  </si>
  <si>
    <t>cg24307601</t>
  </si>
  <si>
    <t>cg24310246</t>
  </si>
  <si>
    <t>cg24310722</t>
  </si>
  <si>
    <t>cg24312896</t>
  </si>
  <si>
    <t>cg24313473</t>
  </si>
  <si>
    <t>cg24314434</t>
  </si>
  <si>
    <t>cg24315586</t>
  </si>
  <si>
    <t>cg24317955</t>
  </si>
  <si>
    <t>cg24324984</t>
  </si>
  <si>
    <t>cg24326021</t>
  </si>
  <si>
    <t>cg24329710</t>
  </si>
  <si>
    <t>cg24333150</t>
  </si>
  <si>
    <t>cg24335895</t>
  </si>
  <si>
    <t>cg24336447</t>
  </si>
  <si>
    <t>cg24339194</t>
  </si>
  <si>
    <t>cg24341299</t>
  </si>
  <si>
    <t>cg24343287</t>
  </si>
  <si>
    <t>cg24346223</t>
  </si>
  <si>
    <t>cg24346815</t>
  </si>
  <si>
    <t>cg24348114</t>
  </si>
  <si>
    <t>cg24348448</t>
  </si>
  <si>
    <t>cg24353945</t>
  </si>
  <si>
    <t>cg24354624</t>
  </si>
  <si>
    <t>cg24354730</t>
  </si>
  <si>
    <t>cg24354933</t>
  </si>
  <si>
    <t>cg24355006</t>
  </si>
  <si>
    <t>cg24357849</t>
  </si>
  <si>
    <t>cg24360651</t>
  </si>
  <si>
    <t>cg24361291</t>
  </si>
  <si>
    <t>cg24361823</t>
  </si>
  <si>
    <t>cg24362016</t>
  </si>
  <si>
    <t>cg24366241</t>
  </si>
  <si>
    <t>cg24366702</t>
  </si>
  <si>
    <t>cg24369271</t>
  </si>
  <si>
    <t>cg24372629</t>
  </si>
  <si>
    <t>cg24375085</t>
  </si>
  <si>
    <t>cg24375646</t>
  </si>
  <si>
    <t>cg24375835</t>
  </si>
  <si>
    <t>cg24377729</t>
  </si>
  <si>
    <t>cg24379332</t>
  </si>
  <si>
    <t>cg24388263</t>
  </si>
  <si>
    <t>cg24391122</t>
  </si>
  <si>
    <t>cg24397318</t>
  </si>
  <si>
    <t>cg24397737</t>
  </si>
  <si>
    <t>cg24402683</t>
  </si>
  <si>
    <t>cg24405636</t>
  </si>
  <si>
    <t>cg24408057</t>
  </si>
  <si>
    <t>cg24411648</t>
  </si>
  <si>
    <t>cg24413918</t>
  </si>
  <si>
    <t>cg24417237</t>
  </si>
  <si>
    <t>cg24418790</t>
  </si>
  <si>
    <t>cg24418941</t>
  </si>
  <si>
    <t>cg24426371</t>
  </si>
  <si>
    <t>cg24430201</t>
  </si>
  <si>
    <t>cg24431229</t>
  </si>
  <si>
    <t>cg24434098</t>
  </si>
  <si>
    <t>cg24435924</t>
  </si>
  <si>
    <t>cg24436264</t>
  </si>
  <si>
    <t>cg24437293</t>
  </si>
  <si>
    <t>cg24438277</t>
  </si>
  <si>
    <t>cg24439315</t>
  </si>
  <si>
    <t>cg24442609</t>
  </si>
  <si>
    <t>cg24446071</t>
  </si>
  <si>
    <t>cg24447788</t>
  </si>
  <si>
    <t>cg24451742</t>
  </si>
  <si>
    <t>cg24459023</t>
  </si>
  <si>
    <t>cg24459140</t>
  </si>
  <si>
    <t>cg24459409</t>
  </si>
  <si>
    <t>cg24459561</t>
  </si>
  <si>
    <t>cg24461242</t>
  </si>
  <si>
    <t>cg24461524</t>
  </si>
  <si>
    <t>cg24462200</t>
  </si>
  <si>
    <t>cg24465855</t>
  </si>
  <si>
    <t>cg24466377</t>
  </si>
  <si>
    <t>cg24467387</t>
  </si>
  <si>
    <t>cg24470737</t>
  </si>
  <si>
    <t>cg24473594</t>
  </si>
  <si>
    <t>cg24475744</t>
  </si>
  <si>
    <t>cg24476584</t>
  </si>
  <si>
    <t>cg24476761</t>
  </si>
  <si>
    <t>cg24477567</t>
  </si>
  <si>
    <t>cg24479552</t>
  </si>
  <si>
    <t>cg24482288</t>
  </si>
  <si>
    <t>cg24482653</t>
  </si>
  <si>
    <t>cg24484103</t>
  </si>
  <si>
    <t>cg24485951</t>
  </si>
  <si>
    <t>cg24503449</t>
  </si>
  <si>
    <t>cg24504912</t>
  </si>
  <si>
    <t>cg24511869</t>
  </si>
  <si>
    <t>cg24519459</t>
  </si>
  <si>
    <t>cg24529484</t>
  </si>
  <si>
    <t>cg24530000</t>
  </si>
  <si>
    <t>cg24548833</t>
  </si>
  <si>
    <t>cg24578124</t>
  </si>
  <si>
    <t>cg24579489</t>
  </si>
  <si>
    <t>cg24588375</t>
  </si>
  <si>
    <t>cg24604043</t>
  </si>
  <si>
    <t>cg24623694</t>
  </si>
  <si>
    <t>cg24624841</t>
  </si>
  <si>
    <t>cg24636668</t>
  </si>
  <si>
    <t>cg24655310</t>
  </si>
  <si>
    <t>cg24659216</t>
  </si>
  <si>
    <t>cg24673765</t>
  </si>
  <si>
    <t>cg24677780</t>
  </si>
  <si>
    <t>cg24687281</t>
  </si>
  <si>
    <t>cg24688926</t>
  </si>
  <si>
    <t>cg24693879</t>
  </si>
  <si>
    <t>cg24694329</t>
  </si>
  <si>
    <t>cg24694913</t>
  </si>
  <si>
    <t>cg24695849</t>
  </si>
  <si>
    <t>cg24696028</t>
  </si>
  <si>
    <t>cg24699670</t>
  </si>
  <si>
    <t>cg24701104</t>
  </si>
  <si>
    <t>cg24703175</t>
  </si>
  <si>
    <t>cg24707640</t>
  </si>
  <si>
    <t>cg24708471</t>
  </si>
  <si>
    <t>cg24710020</t>
  </si>
  <si>
    <t>cg24710146</t>
  </si>
  <si>
    <t>cg24712354</t>
  </si>
  <si>
    <t>cg24712395</t>
  </si>
  <si>
    <t>cg24713204</t>
  </si>
  <si>
    <t>cg24715709</t>
  </si>
  <si>
    <t>cg24715735</t>
  </si>
  <si>
    <t>cg24716275</t>
  </si>
  <si>
    <t>cg24718903</t>
  </si>
  <si>
    <t>cg24720006</t>
  </si>
  <si>
    <t>cg24720441</t>
  </si>
  <si>
    <t>cg24720442</t>
  </si>
  <si>
    <t>cg24723690</t>
  </si>
  <si>
    <t>cg24723883</t>
  </si>
  <si>
    <t>cg24724506</t>
  </si>
  <si>
    <t>cg24730915</t>
  </si>
  <si>
    <t>cg24731702</t>
  </si>
  <si>
    <t>cg24731952</t>
  </si>
  <si>
    <t>cg24733179</t>
  </si>
  <si>
    <t>cg24734430</t>
  </si>
  <si>
    <t>cg24738460</t>
  </si>
  <si>
    <t>cg24738592</t>
  </si>
  <si>
    <t>cg24745495</t>
  </si>
  <si>
    <t>cg24749688</t>
  </si>
  <si>
    <t>cg24757346</t>
  </si>
  <si>
    <t>cg24759919</t>
  </si>
  <si>
    <t>cg24760577</t>
  </si>
  <si>
    <t>cg24763754</t>
  </si>
  <si>
    <t>cg24764102</t>
  </si>
  <si>
    <t>cg24767002</t>
  </si>
  <si>
    <t>cg24769879</t>
  </si>
  <si>
    <t>cg24774002</t>
  </si>
  <si>
    <t>cg24775172</t>
  </si>
  <si>
    <t>cg24778383</t>
  </si>
  <si>
    <t>cg24780883</t>
  </si>
  <si>
    <t>cg24782497</t>
  </si>
  <si>
    <t>cg24787592</t>
  </si>
  <si>
    <t>cg24788028</t>
  </si>
  <si>
    <t>cg24788771</t>
  </si>
  <si>
    <t>cg24790419</t>
  </si>
  <si>
    <t>cg24790676</t>
  </si>
  <si>
    <t>cg24791188</t>
  </si>
  <si>
    <t>cg24792749</t>
  </si>
  <si>
    <t>cg24793228</t>
  </si>
  <si>
    <t>cg24793625</t>
  </si>
  <si>
    <t>cg24794758</t>
  </si>
  <si>
    <t>cg24798010</t>
  </si>
  <si>
    <t>cg24800063</t>
  </si>
  <si>
    <t>cg24800754</t>
  </si>
  <si>
    <t>cg24801244</t>
  </si>
  <si>
    <t>cg24805411</t>
  </si>
  <si>
    <t>cg24806966</t>
  </si>
  <si>
    <t>cg24807354</t>
  </si>
  <si>
    <t>cg24811685</t>
  </si>
  <si>
    <t>cg24813180</t>
  </si>
  <si>
    <t>cg24814257</t>
  </si>
  <si>
    <t>cg24815529</t>
  </si>
  <si>
    <t>cg24815853</t>
  </si>
  <si>
    <t>cg24817403</t>
  </si>
  <si>
    <t>cg24818573</t>
  </si>
  <si>
    <t>cg24819738</t>
  </si>
  <si>
    <t>cg24823679</t>
  </si>
  <si>
    <t>cg24824840</t>
  </si>
  <si>
    <t>cg24824917</t>
  </si>
  <si>
    <t>cg24828484</t>
  </si>
  <si>
    <t>cg24830036</t>
  </si>
  <si>
    <t>cg24830664</t>
  </si>
  <si>
    <t>cg24830872</t>
  </si>
  <si>
    <t>cg24833065</t>
  </si>
  <si>
    <t>cg24833335</t>
  </si>
  <si>
    <t>cg24834889</t>
  </si>
  <si>
    <t>cg24836833</t>
  </si>
  <si>
    <t>cg24838240</t>
  </si>
  <si>
    <t>cg24838349</t>
  </si>
  <si>
    <t>cg24838864</t>
  </si>
  <si>
    <t>cg24839718</t>
  </si>
  <si>
    <t>cg24843003</t>
  </si>
  <si>
    <t>cg24845329</t>
  </si>
  <si>
    <t>cg24848615</t>
  </si>
  <si>
    <t>cg24850474</t>
  </si>
  <si>
    <t>cg24850535</t>
  </si>
  <si>
    <t>cg24852713</t>
  </si>
  <si>
    <t>cg24858376</t>
  </si>
  <si>
    <t>cg24861191</t>
  </si>
  <si>
    <t>cg24861444</t>
  </si>
  <si>
    <t>cg24863262</t>
  </si>
  <si>
    <t>cg24865623</t>
  </si>
  <si>
    <t>cg24866700</t>
  </si>
  <si>
    <t>cg24866717</t>
  </si>
  <si>
    <t>cg24867215</t>
  </si>
  <si>
    <t>cg24870050</t>
  </si>
  <si>
    <t>cg24870662</t>
  </si>
  <si>
    <t>cg24872571</t>
  </si>
  <si>
    <t>cg24873772</t>
  </si>
  <si>
    <t>cg24874003</t>
  </si>
  <si>
    <t>cg24874111</t>
  </si>
  <si>
    <t>cg24874555</t>
  </si>
  <si>
    <t>cg24878059</t>
  </si>
  <si>
    <t>cg24878478</t>
  </si>
  <si>
    <t>cg24883498</t>
  </si>
  <si>
    <t>cg24886632</t>
  </si>
  <si>
    <t>cg24886770</t>
  </si>
  <si>
    <t>cg24889095</t>
  </si>
  <si>
    <t>cg24889512</t>
  </si>
  <si>
    <t>cg24889914</t>
  </si>
  <si>
    <t>cg24891846</t>
  </si>
  <si>
    <t>cg24892628</t>
  </si>
  <si>
    <t>cg24892871</t>
  </si>
  <si>
    <t>cg24893891</t>
  </si>
  <si>
    <t>cg24894629</t>
  </si>
  <si>
    <t>cg24896096</t>
  </si>
  <si>
    <t>cg24897399</t>
  </si>
  <si>
    <t>cg24898562</t>
  </si>
  <si>
    <t>cg24899068</t>
  </si>
  <si>
    <t>cg24903589</t>
  </si>
  <si>
    <t>cg24904242</t>
  </si>
  <si>
    <t>cg24904818</t>
  </si>
  <si>
    <t>cg24906926</t>
  </si>
  <si>
    <t>cg24907686</t>
  </si>
  <si>
    <t>cg24908197</t>
  </si>
  <si>
    <t>cg24911359</t>
  </si>
  <si>
    <t>cg24911803</t>
  </si>
  <si>
    <t>cg24914545</t>
  </si>
  <si>
    <t>cg24917673</t>
  </si>
  <si>
    <t>cg24918184</t>
  </si>
  <si>
    <t>cg24921794</t>
  </si>
  <si>
    <t>cg24923526</t>
  </si>
  <si>
    <t>cg24924294</t>
  </si>
  <si>
    <t>cg24926276</t>
  </si>
  <si>
    <t>cg24926677</t>
  </si>
  <si>
    <t>cg24926780</t>
  </si>
  <si>
    <t>cg24930692</t>
  </si>
  <si>
    <t>cg24936720</t>
  </si>
  <si>
    <t>cg24938956</t>
  </si>
  <si>
    <t>cg24940706</t>
  </si>
  <si>
    <t>cg24943002</t>
  </si>
  <si>
    <t>cg24946544</t>
  </si>
  <si>
    <t>cg24950222</t>
  </si>
  <si>
    <t>cg24968336</t>
  </si>
  <si>
    <t>cg24984818</t>
  </si>
  <si>
    <t>cg25010998</t>
  </si>
  <si>
    <t>cg25016865</t>
  </si>
  <si>
    <t>cg25028162</t>
  </si>
  <si>
    <t>cg25033144</t>
  </si>
  <si>
    <t>cg25058957</t>
  </si>
  <si>
    <t>cg25059792</t>
  </si>
  <si>
    <t>cg25067547</t>
  </si>
  <si>
    <t>cg25067940</t>
  </si>
  <si>
    <t>cg25074458</t>
  </si>
  <si>
    <t>cg25077752</t>
  </si>
  <si>
    <t>cg25102449</t>
  </si>
  <si>
    <t>cg25134071</t>
  </si>
  <si>
    <t>cg25136310</t>
  </si>
  <si>
    <t>cg25136622</t>
  </si>
  <si>
    <t>cg25147193</t>
  </si>
  <si>
    <t>cg25147835</t>
  </si>
  <si>
    <t>cg25152942</t>
  </si>
  <si>
    <t>cg25156118</t>
  </si>
  <si>
    <t>cg25163851</t>
  </si>
  <si>
    <t>cg25196389</t>
  </si>
  <si>
    <t>cg25203561</t>
  </si>
  <si>
    <t>cg25219047</t>
  </si>
  <si>
    <t>cg25221254</t>
  </si>
  <si>
    <t>cg25223500</t>
  </si>
  <si>
    <t>cg25227364</t>
  </si>
  <si>
    <t>cg25228280</t>
  </si>
  <si>
    <t>cg25229424</t>
  </si>
  <si>
    <t>cg25230235</t>
  </si>
  <si>
    <t>cg25232541</t>
  </si>
  <si>
    <t>cg25232942</t>
  </si>
  <si>
    <t>cg25233024</t>
  </si>
  <si>
    <t>cg25234359</t>
  </si>
  <si>
    <t>cg25234963</t>
  </si>
  <si>
    <t>cg25237396</t>
  </si>
  <si>
    <t>cg25238537</t>
  </si>
  <si>
    <t>cg25240254</t>
  </si>
  <si>
    <t>cg25241823</t>
  </si>
  <si>
    <t>cg25242423</t>
  </si>
  <si>
    <t>cg25243321</t>
  </si>
  <si>
    <t>cg25246031</t>
  </si>
  <si>
    <t>cg25246084</t>
  </si>
  <si>
    <t>cg25246092</t>
  </si>
  <si>
    <t>cg25248662</t>
  </si>
  <si>
    <t>cg25249293</t>
  </si>
  <si>
    <t>cg25249473</t>
  </si>
  <si>
    <t>cg25250013</t>
  </si>
  <si>
    <t>cg25253419</t>
  </si>
  <si>
    <t>cg25254739</t>
  </si>
  <si>
    <t>cg25258938</t>
  </si>
  <si>
    <t>cg25260420</t>
  </si>
  <si>
    <t>cg25261331</t>
  </si>
  <si>
    <t>cg25261908</t>
  </si>
  <si>
    <t>cg25263454</t>
  </si>
  <si>
    <t>cg25263559</t>
  </si>
  <si>
    <t>cg25264101</t>
  </si>
  <si>
    <t>cg25266109</t>
  </si>
  <si>
    <t>cg25267526</t>
  </si>
  <si>
    <t>cg25268681</t>
  </si>
  <si>
    <t>cg25274157</t>
  </si>
  <si>
    <t>cg25275011</t>
  </si>
  <si>
    <t>cg25276752</t>
  </si>
  <si>
    <t>cg25277100</t>
  </si>
  <si>
    <t>cg25277174</t>
  </si>
  <si>
    <t>cg25277701</t>
  </si>
  <si>
    <t>cg25283159</t>
  </si>
  <si>
    <t>cg25284841</t>
  </si>
  <si>
    <t>cg25289028</t>
  </si>
  <si>
    <t>cg25293328</t>
  </si>
  <si>
    <t>cg25295063</t>
  </si>
  <si>
    <t>cg25298189</t>
  </si>
  <si>
    <t>cg25307796</t>
  </si>
  <si>
    <t>cg25310617</t>
  </si>
  <si>
    <t>cg25312546</t>
  </si>
  <si>
    <t>cg25312880</t>
  </si>
  <si>
    <t>cg25313090</t>
  </si>
  <si>
    <t>cg25320443</t>
  </si>
  <si>
    <t>cg25331073</t>
  </si>
  <si>
    <t>cg25331880</t>
  </si>
  <si>
    <t>cg25332298</t>
  </si>
  <si>
    <t>cg25333225</t>
  </si>
  <si>
    <t>cg25340121</t>
  </si>
  <si>
    <t>cg25340403</t>
  </si>
  <si>
    <t>cg25341789</t>
  </si>
  <si>
    <t>cg25341868</t>
  </si>
  <si>
    <t>cg25342397</t>
  </si>
  <si>
    <t>cg25343040</t>
  </si>
  <si>
    <t>cg25344367</t>
  </si>
  <si>
    <t>cg25345422</t>
  </si>
  <si>
    <t>cg25354248</t>
  </si>
  <si>
    <t>cg25360861</t>
  </si>
  <si>
    <t>cg25361850</t>
  </si>
  <si>
    <t>cg25361907</t>
  </si>
  <si>
    <t>cg25363317</t>
  </si>
  <si>
    <t>cg25366139</t>
  </si>
  <si>
    <t>cg25366586</t>
  </si>
  <si>
    <t>cg25367758</t>
  </si>
  <si>
    <t>cg25369025</t>
  </si>
  <si>
    <t>cg25371658</t>
  </si>
  <si>
    <t>cg25378939</t>
  </si>
  <si>
    <t>cg25380465</t>
  </si>
  <si>
    <t>cg25381637</t>
  </si>
  <si>
    <t>cg25387410</t>
  </si>
  <si>
    <t>cg25387540</t>
  </si>
  <si>
    <t>cg25391752</t>
  </si>
  <si>
    <t>cg25392269</t>
  </si>
  <si>
    <t>cg25393347</t>
  </si>
  <si>
    <t>cg25393574</t>
  </si>
  <si>
    <t>cg25394203</t>
  </si>
  <si>
    <t>cg25396464</t>
  </si>
  <si>
    <t>cg25397191</t>
  </si>
  <si>
    <t>cg25397562</t>
  </si>
  <si>
    <t>cg25400396</t>
  </si>
  <si>
    <t>cg25401482</t>
  </si>
  <si>
    <t>cg25402848</t>
  </si>
  <si>
    <t>cg25406665</t>
  </si>
  <si>
    <t>cg25406779</t>
  </si>
  <si>
    <t>cg25407227</t>
  </si>
  <si>
    <t>cg25409794</t>
  </si>
  <si>
    <t>cg25410134</t>
  </si>
  <si>
    <t>cg25413188</t>
  </si>
  <si>
    <t>cg25417348</t>
  </si>
  <si>
    <t>cg25417766</t>
  </si>
  <si>
    <t>cg25418893</t>
  </si>
  <si>
    <t>cg25419914</t>
  </si>
  <si>
    <t>cg25420298</t>
  </si>
  <si>
    <t>cg25420507</t>
  </si>
  <si>
    <t>cg25424194</t>
  </si>
  <si>
    <t>cg25424659</t>
  </si>
  <si>
    <t>cg25424937</t>
  </si>
  <si>
    <t>cg25425784</t>
  </si>
  <si>
    <t>cg25429204</t>
  </si>
  <si>
    <t>cg25429312</t>
  </si>
  <si>
    <t>cg25433666</t>
  </si>
  <si>
    <t>cg25434223</t>
  </si>
  <si>
    <t>cg25438415</t>
  </si>
  <si>
    <t>cg25440353</t>
  </si>
  <si>
    <t>cg25444615</t>
  </si>
  <si>
    <t>cg25444952</t>
  </si>
  <si>
    <t>cg25445244</t>
  </si>
  <si>
    <t>cg25450266</t>
  </si>
  <si>
    <t>cg25451303</t>
  </si>
  <si>
    <t>cg25451874</t>
  </si>
  <si>
    <t>cg25453681</t>
  </si>
  <si>
    <t>cg25455352</t>
  </si>
  <si>
    <t>cg25456968</t>
  </si>
  <si>
    <t>cg25457064</t>
  </si>
  <si>
    <t>cg25460262</t>
  </si>
  <si>
    <t>cg25460652</t>
  </si>
  <si>
    <t>cg25462795</t>
  </si>
  <si>
    <t>cg25463943</t>
  </si>
  <si>
    <t>cg25463963</t>
  </si>
  <si>
    <t>cg25464210</t>
  </si>
  <si>
    <t>cg25465322</t>
  </si>
  <si>
    <t>cg25467233</t>
  </si>
  <si>
    <t>cg25468220</t>
  </si>
  <si>
    <t>cg25468529</t>
  </si>
  <si>
    <t>cg25468802</t>
  </si>
  <si>
    <t>cg25470741</t>
  </si>
  <si>
    <t>cg25474703</t>
  </si>
  <si>
    <t>cg25477904</t>
  </si>
  <si>
    <t>cg25485913</t>
  </si>
  <si>
    <t>cg25486145</t>
  </si>
  <si>
    <t>cg25487903</t>
  </si>
  <si>
    <t>cg25489370</t>
  </si>
  <si>
    <t>cg25490276</t>
  </si>
  <si>
    <t>cg25491456</t>
  </si>
  <si>
    <t>cg25491987</t>
  </si>
  <si>
    <t>cg25498045</t>
  </si>
  <si>
    <t>cg25498326</t>
  </si>
  <si>
    <t>cg25505785</t>
  </si>
  <si>
    <t>cg25506288</t>
  </si>
  <si>
    <t>cg25506915</t>
  </si>
  <si>
    <t>cg25508545</t>
  </si>
  <si>
    <t>cg25508633</t>
  </si>
  <si>
    <t>cg25509871</t>
  </si>
  <si>
    <t>cg25510090</t>
  </si>
  <si>
    <t>cg25512249</t>
  </si>
  <si>
    <t>cg25513635</t>
  </si>
  <si>
    <t>cg25514554</t>
  </si>
  <si>
    <t>cg25515758</t>
  </si>
  <si>
    <t>cg25517015</t>
  </si>
  <si>
    <t>cg25520249</t>
  </si>
  <si>
    <t>cg25522119</t>
  </si>
  <si>
    <t>cg25522582</t>
  </si>
  <si>
    <t>cg25526215</t>
  </si>
  <si>
    <t>cg25528786</t>
  </si>
  <si>
    <t>cg25533220</t>
  </si>
  <si>
    <t>cg25533551</t>
  </si>
  <si>
    <t>cg25535044</t>
  </si>
  <si>
    <t>cg25537669</t>
  </si>
  <si>
    <t>cg25538376</t>
  </si>
  <si>
    <t>cg25543604</t>
  </si>
  <si>
    <t>cg25545394</t>
  </si>
  <si>
    <t>cg25546901</t>
  </si>
  <si>
    <t>cg25549230</t>
  </si>
  <si>
    <t>cg25551531</t>
  </si>
  <si>
    <t>cg25553015</t>
  </si>
  <si>
    <t>cg25556008</t>
  </si>
  <si>
    <t>cg25562059</t>
  </si>
  <si>
    <t>cg25563642</t>
  </si>
  <si>
    <t>cg25564443</t>
  </si>
  <si>
    <t>cg25564733</t>
  </si>
  <si>
    <t>cg25565908</t>
  </si>
  <si>
    <t>cg25566714</t>
  </si>
  <si>
    <t>cg25574111</t>
  </si>
  <si>
    <t>cg25575138</t>
  </si>
  <si>
    <t>cg25576352</t>
  </si>
  <si>
    <t>cg25580825</t>
  </si>
  <si>
    <t>cg25590734</t>
  </si>
  <si>
    <t>cg25591260</t>
  </si>
  <si>
    <t>cg25594549</t>
  </si>
  <si>
    <t>cg25597084</t>
  </si>
  <si>
    <t>cg25599269</t>
  </si>
  <si>
    <t>cg25603587</t>
  </si>
  <si>
    <t>cg25607249</t>
  </si>
  <si>
    <t>cg25609220</t>
  </si>
  <si>
    <t>cg25617675</t>
  </si>
  <si>
    <t>cg25621094</t>
  </si>
  <si>
    <t>cg25621888</t>
  </si>
  <si>
    <t>cg25622377</t>
  </si>
  <si>
    <t>cg25623545</t>
  </si>
  <si>
    <t>cg25626999</t>
  </si>
  <si>
    <t>cg25627689</t>
  </si>
  <si>
    <t>cg25631650</t>
  </si>
  <si>
    <t>cg25631746</t>
  </si>
  <si>
    <t>cg25644257</t>
  </si>
  <si>
    <t>cg25650185</t>
  </si>
  <si>
    <t>cg25651476</t>
  </si>
  <si>
    <t>cg25652551</t>
  </si>
  <si>
    <t>cg25652610</t>
  </si>
  <si>
    <t>cg25654926</t>
  </si>
  <si>
    <t>cg25655859</t>
  </si>
  <si>
    <t>cg25656098</t>
  </si>
  <si>
    <t>cg25658463</t>
  </si>
  <si>
    <t>cg25658980</t>
  </si>
  <si>
    <t>cg25661142</t>
  </si>
  <si>
    <t>cg25661884</t>
  </si>
  <si>
    <t>cg25662428</t>
  </si>
  <si>
    <t>cg25665622</t>
  </si>
  <si>
    <t>cg25666489</t>
  </si>
  <si>
    <t>cg25667998</t>
  </si>
  <si>
    <t>cg25670839</t>
  </si>
  <si>
    <t>cg25673584</t>
  </si>
  <si>
    <t>cg25673642</t>
  </si>
  <si>
    <t>cg25674938</t>
  </si>
  <si>
    <t>cg25675800</t>
  </si>
  <si>
    <t>cg25677697</t>
  </si>
  <si>
    <t>cg25681177</t>
  </si>
  <si>
    <t>cg25685510</t>
  </si>
  <si>
    <t>cg25685983</t>
  </si>
  <si>
    <t>cg25686793</t>
  </si>
  <si>
    <t>cg25689460</t>
  </si>
  <si>
    <t>cg25689649</t>
  </si>
  <si>
    <t>cg25690897</t>
  </si>
  <si>
    <t>cg25693289</t>
  </si>
  <si>
    <t>cg25694397</t>
  </si>
  <si>
    <t>cg25695172</t>
  </si>
  <si>
    <t>cg25698525</t>
  </si>
  <si>
    <t>cg25699533</t>
  </si>
  <si>
    <t>cg25706390</t>
  </si>
  <si>
    <t>cg25706898</t>
  </si>
  <si>
    <t>cg25716814</t>
  </si>
  <si>
    <t>cg25717032</t>
  </si>
  <si>
    <t>cg25718223</t>
  </si>
  <si>
    <t>cg25718451</t>
  </si>
  <si>
    <t>cg25719374</t>
  </si>
  <si>
    <t>cg25719393</t>
  </si>
  <si>
    <t>cg25722029</t>
  </si>
  <si>
    <t>cg25722796</t>
  </si>
  <si>
    <t>cg25722880</t>
  </si>
  <si>
    <t>cg25723866</t>
  </si>
  <si>
    <t>cg25724712</t>
  </si>
  <si>
    <t>cg25726085</t>
  </si>
  <si>
    <t>cg25730098</t>
  </si>
  <si>
    <t>cg25730138</t>
  </si>
  <si>
    <t>cg25730440</t>
  </si>
  <si>
    <t>cg25731261</t>
  </si>
  <si>
    <t>cg25733708</t>
  </si>
  <si>
    <t>cg25734726</t>
  </si>
  <si>
    <t>cg25736645</t>
  </si>
  <si>
    <t>cg25737218</t>
  </si>
  <si>
    <t>cg25741259</t>
  </si>
  <si>
    <t>cg25741368</t>
  </si>
  <si>
    <t>cg25741533</t>
  </si>
  <si>
    <t>cg25742458</t>
  </si>
  <si>
    <t>cg25745121</t>
  </si>
  <si>
    <t>cg25746138</t>
  </si>
  <si>
    <t>cg25746394</t>
  </si>
  <si>
    <t>cg25749040</t>
  </si>
  <si>
    <t>cg25749306</t>
  </si>
  <si>
    <t>cg25754059</t>
  </si>
  <si>
    <t>cg25759533</t>
  </si>
  <si>
    <t>cg25764190</t>
  </si>
  <si>
    <t>cg25764931</t>
  </si>
  <si>
    <t>cg25765464</t>
  </si>
  <si>
    <t>cg25767192</t>
  </si>
  <si>
    <t>cg25772438</t>
  </si>
  <si>
    <t>cg25775386</t>
  </si>
  <si>
    <t>cg25776555</t>
  </si>
  <si>
    <t>cg25777640</t>
  </si>
  <si>
    <t>cg25777714</t>
  </si>
  <si>
    <t>cg25778661</t>
  </si>
  <si>
    <t>cg25782440</t>
  </si>
  <si>
    <t>cg25783315</t>
  </si>
  <si>
    <t>cg25786780</t>
  </si>
  <si>
    <t>cg25798605</t>
  </si>
  <si>
    <t>cg25799020</t>
  </si>
  <si>
    <t>cg25799473</t>
  </si>
  <si>
    <t>cg25801292</t>
  </si>
  <si>
    <t>cg25803139</t>
  </si>
  <si>
    <t>cg25804447</t>
  </si>
  <si>
    <t>cg25806159</t>
  </si>
  <si>
    <t>cg25806685</t>
  </si>
  <si>
    <t>cg25809066</t>
  </si>
  <si>
    <t>cg25809635</t>
  </si>
  <si>
    <t>cg25809841</t>
  </si>
  <si>
    <t>cg25814432</t>
  </si>
  <si>
    <t>cg25819441</t>
  </si>
  <si>
    <t>cg25820257</t>
  </si>
  <si>
    <t>cg25820479</t>
  </si>
  <si>
    <t>cg25822264</t>
  </si>
  <si>
    <t>cg25827309</t>
  </si>
  <si>
    <t>cg25828334</t>
  </si>
  <si>
    <t>cg25837277</t>
  </si>
  <si>
    <t>cg25866075</t>
  </si>
  <si>
    <t>cg25872752</t>
  </si>
  <si>
    <t>cg25886284</t>
  </si>
  <si>
    <t>cg25886875</t>
  </si>
  <si>
    <t>cg25902666</t>
  </si>
  <si>
    <t>cg25902939</t>
  </si>
  <si>
    <t>cg25903122</t>
  </si>
  <si>
    <t>cg25903739</t>
  </si>
  <si>
    <t>cg25918004</t>
  </si>
  <si>
    <t>cg25918726</t>
  </si>
  <si>
    <t>cg25922471</t>
  </si>
  <si>
    <t>cg25930786</t>
  </si>
  <si>
    <t>cg25932217</t>
  </si>
  <si>
    <t>cg25932787</t>
  </si>
  <si>
    <t>cg25935047</t>
  </si>
  <si>
    <t>cg25936595</t>
  </si>
  <si>
    <t>cg25937395</t>
  </si>
  <si>
    <t>cg25942526</t>
  </si>
  <si>
    <t>cg25942691</t>
  </si>
  <si>
    <t>cg25945273</t>
  </si>
  <si>
    <t>cg25946320</t>
  </si>
  <si>
    <t>cg25947283</t>
  </si>
  <si>
    <t>cg25949886</t>
  </si>
  <si>
    <t>cg25954611</t>
  </si>
  <si>
    <t>cg25960785</t>
  </si>
  <si>
    <t>cg25960854</t>
  </si>
  <si>
    <t>cg25963540</t>
  </si>
  <si>
    <t>cg25963628</t>
  </si>
  <si>
    <t>cg25965956</t>
  </si>
  <si>
    <t>cg25966489</t>
  </si>
  <si>
    <t>cg25966599</t>
  </si>
  <si>
    <t>cg25969108</t>
  </si>
  <si>
    <t>cg25969123</t>
  </si>
  <si>
    <t>cg25973895</t>
  </si>
  <si>
    <t>cg25974922</t>
  </si>
  <si>
    <t>cg25975823</t>
  </si>
  <si>
    <t>cg25976451</t>
  </si>
  <si>
    <t>cg25985185</t>
  </si>
  <si>
    <t>cg25985734</t>
  </si>
  <si>
    <t>cg25994146</t>
  </si>
  <si>
    <t>cg25995289</t>
  </si>
  <si>
    <t>cg25995870</t>
  </si>
  <si>
    <t>cg25996388</t>
  </si>
  <si>
    <t>cg25997023</t>
  </si>
  <si>
    <t>cg25997110</t>
  </si>
  <si>
    <t>cg25999015</t>
  </si>
  <si>
    <t>cg25999674</t>
  </si>
  <si>
    <t>cg26001336</t>
  </si>
  <si>
    <t>cg26003119</t>
  </si>
  <si>
    <t>cg26004707</t>
  </si>
  <si>
    <t>cg26005082</t>
  </si>
  <si>
    <t>cg26005361</t>
  </si>
  <si>
    <t>cg26009801</t>
  </si>
  <si>
    <t>cg26014689</t>
  </si>
  <si>
    <t>cg26015040</t>
  </si>
  <si>
    <t>cg26018431</t>
  </si>
  <si>
    <t>cg26019584</t>
  </si>
  <si>
    <t>cg26026416</t>
  </si>
  <si>
    <t>cg26032101</t>
  </si>
  <si>
    <t>cg26036443</t>
  </si>
  <si>
    <t>cg26044825</t>
  </si>
  <si>
    <t>cg26062113</t>
  </si>
  <si>
    <t>cg26067647</t>
  </si>
  <si>
    <t>cg26087117</t>
  </si>
  <si>
    <t>cg26104204</t>
  </si>
  <si>
    <t>cg26106524</t>
  </si>
  <si>
    <t>cg26114571</t>
  </si>
  <si>
    <t>cg26133541</t>
  </si>
  <si>
    <t>cg26136534</t>
  </si>
  <si>
    <t>cg26136776</t>
  </si>
  <si>
    <t>cg26140182</t>
  </si>
  <si>
    <t>cg26149485</t>
  </si>
  <si>
    <t>cg26149550</t>
  </si>
  <si>
    <t>cg26149738</t>
  </si>
  <si>
    <t>cg26149920</t>
  </si>
  <si>
    <t>cg26151999</t>
  </si>
  <si>
    <t>cg26152485</t>
  </si>
  <si>
    <t>cg26152923</t>
  </si>
  <si>
    <t>cg26153569</t>
  </si>
  <si>
    <t>cg26157149</t>
  </si>
  <si>
    <t>cg26157948</t>
  </si>
  <si>
    <t>cg26161816</t>
  </si>
  <si>
    <t>cg26162025</t>
  </si>
  <si>
    <t>cg26163284</t>
  </si>
  <si>
    <t>cg26172319</t>
  </si>
  <si>
    <t>cg26172812</t>
  </si>
  <si>
    <t>cg26184687</t>
  </si>
  <si>
    <t>cg26190885</t>
  </si>
  <si>
    <t>cg26200585</t>
  </si>
  <si>
    <t>cg26209516</t>
  </si>
  <si>
    <t>cg26209676</t>
  </si>
  <si>
    <t>cg26218977</t>
  </si>
  <si>
    <t>cg26221796</t>
  </si>
  <si>
    <t>cg26222132</t>
  </si>
  <si>
    <t>cg26223555</t>
  </si>
  <si>
    <t>cg26225829</t>
  </si>
  <si>
    <t>cg26227592</t>
  </si>
  <si>
    <t>cg26231094</t>
  </si>
  <si>
    <t>cg26232899</t>
  </si>
  <si>
    <t>cg26235567</t>
  </si>
  <si>
    <t>cg26235734</t>
  </si>
  <si>
    <t>cg26238604</t>
  </si>
  <si>
    <t>cg26238771</t>
  </si>
  <si>
    <t>cg26240532</t>
  </si>
  <si>
    <t>cg26240842</t>
  </si>
  <si>
    <t>cg26241694</t>
  </si>
  <si>
    <t>cg26241993</t>
  </si>
  <si>
    <t>cg26242866</t>
  </si>
  <si>
    <t>cg26249852</t>
  </si>
  <si>
    <t>cg26251865</t>
  </si>
  <si>
    <t>cg26256192</t>
  </si>
  <si>
    <t>cg26257634</t>
  </si>
  <si>
    <t>cg26257869</t>
  </si>
  <si>
    <t>cg26259171</t>
  </si>
  <si>
    <t>cg26260201</t>
  </si>
  <si>
    <t>cg26263421</t>
  </si>
  <si>
    <t>cg26263477</t>
  </si>
  <si>
    <t>cg26263773</t>
  </si>
  <si>
    <t>cg26264697</t>
  </si>
  <si>
    <t>cg26265787</t>
  </si>
  <si>
    <t>cg26267782</t>
  </si>
  <si>
    <t>cg26268866</t>
  </si>
  <si>
    <t>cg26270362</t>
  </si>
  <si>
    <t>cg26271127</t>
  </si>
  <si>
    <t>cg26274090</t>
  </si>
  <si>
    <t>cg26274166</t>
  </si>
  <si>
    <t>cg26278134</t>
  </si>
  <si>
    <t>cg26279261</t>
  </si>
  <si>
    <t>cg26279525</t>
  </si>
  <si>
    <t>cg26280415</t>
  </si>
  <si>
    <t>cg26281559</t>
  </si>
  <si>
    <t>cg26282762</t>
  </si>
  <si>
    <t>cg26291675</t>
  </si>
  <si>
    <t>cg26294097</t>
  </si>
  <si>
    <t>cg26295127</t>
  </si>
  <si>
    <t>cg26303613</t>
  </si>
  <si>
    <t>cg26304088</t>
  </si>
  <si>
    <t>cg26306214</t>
  </si>
  <si>
    <t>cg26309134</t>
  </si>
  <si>
    <t>cg26309311</t>
  </si>
  <si>
    <t>cg26310000</t>
  </si>
  <si>
    <t>cg26314755</t>
  </si>
  <si>
    <t>cg26317035</t>
  </si>
  <si>
    <t>cg26318321</t>
  </si>
  <si>
    <t>cg26319641</t>
  </si>
  <si>
    <t>cg26325497</t>
  </si>
  <si>
    <t>cg26327024</t>
  </si>
  <si>
    <t>cg26330321</t>
  </si>
  <si>
    <t>cg26330977</t>
  </si>
  <si>
    <t>cg26332191</t>
  </si>
  <si>
    <t>cg26333594</t>
  </si>
  <si>
    <t>cg26334804</t>
  </si>
  <si>
    <t>cg26335620</t>
  </si>
  <si>
    <t>cg26336164</t>
  </si>
  <si>
    <t>cg26340389</t>
  </si>
  <si>
    <t>cg26345259</t>
  </si>
  <si>
    <t>cg26351533</t>
  </si>
  <si>
    <t>cg26353468</t>
  </si>
  <si>
    <t>cg26353507</t>
  </si>
  <si>
    <t>cg26355596</t>
  </si>
  <si>
    <t>cg26355811</t>
  </si>
  <si>
    <t>cg26356061</t>
  </si>
  <si>
    <t>cg26370066</t>
  </si>
  <si>
    <t>cg26370886</t>
  </si>
  <si>
    <t>cg26370959</t>
  </si>
  <si>
    <t>cg26377557</t>
  </si>
  <si>
    <t>cg26384031</t>
  </si>
  <si>
    <t>cg26385523</t>
  </si>
  <si>
    <t>cg26387473</t>
  </si>
  <si>
    <t>cg26415633</t>
  </si>
  <si>
    <t>cg26441372</t>
  </si>
  <si>
    <t>cg26444348</t>
  </si>
  <si>
    <t>cg26446070</t>
  </si>
  <si>
    <t>cg26447747</t>
  </si>
  <si>
    <t>cg26449450</t>
  </si>
  <si>
    <t>cg26450866</t>
  </si>
  <si>
    <t>cg26454502</t>
  </si>
  <si>
    <t>cg26456183</t>
  </si>
  <si>
    <t>cg26457013</t>
  </si>
  <si>
    <t>cg26457569</t>
  </si>
  <si>
    <t>cg26458270</t>
  </si>
  <si>
    <t>cg26460378</t>
  </si>
  <si>
    <t>cg26462924</t>
  </si>
  <si>
    <t>cg26463399</t>
  </si>
  <si>
    <t>cg26463516</t>
  </si>
  <si>
    <t>cg26465391</t>
  </si>
  <si>
    <t>cg26465405</t>
  </si>
  <si>
    <t>cg26466157</t>
  </si>
  <si>
    <t>cg26470501</t>
  </si>
  <si>
    <t>cg26470696</t>
  </si>
  <si>
    <t>cg26475168</t>
  </si>
  <si>
    <t>cg26475594</t>
  </si>
  <si>
    <t>cg26476925</t>
  </si>
  <si>
    <t>cg26477844</t>
  </si>
  <si>
    <t>cg26480358</t>
  </si>
  <si>
    <t>cg26483802</t>
  </si>
  <si>
    <t>cg26486113</t>
  </si>
  <si>
    <t>cg26487562</t>
  </si>
  <si>
    <t>cg26489057</t>
  </si>
  <si>
    <t>cg26490839</t>
  </si>
  <si>
    <t>cg26490951</t>
  </si>
  <si>
    <t>cg26492693</t>
  </si>
  <si>
    <t>cg26494225</t>
  </si>
  <si>
    <t>cg26494252</t>
  </si>
  <si>
    <t>cg26496291</t>
  </si>
  <si>
    <t>cg26496307</t>
  </si>
  <si>
    <t>cg26496705</t>
  </si>
  <si>
    <t>cg26498537</t>
  </si>
  <si>
    <t>cg26499487</t>
  </si>
  <si>
    <t>cg26504422</t>
  </si>
  <si>
    <t>cg26509573</t>
  </si>
  <si>
    <t>cg26510757</t>
  </si>
  <si>
    <t>cg26510945</t>
  </si>
  <si>
    <t>cg26511337</t>
  </si>
  <si>
    <t>cg26513634</t>
  </si>
  <si>
    <t>cg26514117</t>
  </si>
  <si>
    <t>cg26516446</t>
  </si>
  <si>
    <t>cg26519799</t>
  </si>
  <si>
    <t>cg26521562</t>
  </si>
  <si>
    <t>cg26522278</t>
  </si>
  <si>
    <t>cg26523264</t>
  </si>
  <si>
    <t>cg26524263</t>
  </si>
  <si>
    <t>cg26525091</t>
  </si>
  <si>
    <t>cg26525950</t>
  </si>
  <si>
    <t>cg26526953</t>
  </si>
  <si>
    <t>cg26527457</t>
  </si>
  <si>
    <t>cg26527655</t>
  </si>
  <si>
    <t>cg26528798</t>
  </si>
  <si>
    <t>cg26529712</t>
  </si>
  <si>
    <t>cg26533397</t>
  </si>
  <si>
    <t>cg26535435</t>
  </si>
  <si>
    <t>cg26535805</t>
  </si>
  <si>
    <t>cg26536750</t>
  </si>
  <si>
    <t>cg26539615</t>
  </si>
  <si>
    <t>cg26540370</t>
  </si>
  <si>
    <t>cg26541001</t>
  </si>
  <si>
    <t>cg26542091</t>
  </si>
  <si>
    <t>cg26542597</t>
  </si>
  <si>
    <t>cg26543333</t>
  </si>
  <si>
    <t>cg26547384</t>
  </si>
  <si>
    <t>cg26548718</t>
  </si>
  <si>
    <t>cg26549174</t>
  </si>
  <si>
    <t>cg26555777</t>
  </si>
  <si>
    <t>cg26556328</t>
  </si>
  <si>
    <t>cg26560367</t>
  </si>
  <si>
    <t>cg26561943</t>
  </si>
  <si>
    <t>cg26562171</t>
  </si>
  <si>
    <t>cg26562972</t>
  </si>
  <si>
    <t>cg26563200</t>
  </si>
  <si>
    <t>cg26563932</t>
  </si>
  <si>
    <t>cg26571127</t>
  </si>
  <si>
    <t>cg26571739</t>
  </si>
  <si>
    <t>cg26575173</t>
  </si>
  <si>
    <t>cg26584619</t>
  </si>
  <si>
    <t>cg26585416</t>
  </si>
  <si>
    <t>cg26586739</t>
  </si>
  <si>
    <t>cg26588045</t>
  </si>
  <si>
    <t>cg26590664</t>
  </si>
  <si>
    <t>cg26591117</t>
  </si>
  <si>
    <t>cg26593432</t>
  </si>
  <si>
    <t>cg26593784</t>
  </si>
  <si>
    <t>cg26594419</t>
  </si>
  <si>
    <t>cg26594902</t>
  </si>
  <si>
    <t>cg26597727</t>
  </si>
  <si>
    <t>cg26604359</t>
  </si>
  <si>
    <t>cg26606556</t>
  </si>
  <si>
    <t>cg26607203</t>
  </si>
  <si>
    <t>cg26609120</t>
  </si>
  <si>
    <t>cg26609894</t>
  </si>
  <si>
    <t>cg26610167</t>
  </si>
  <si>
    <t>cg26613140</t>
  </si>
  <si>
    <t>cg26613742</t>
  </si>
  <si>
    <t>cg26613771</t>
  </si>
  <si>
    <t>cg26616148</t>
  </si>
  <si>
    <t>cg26616731</t>
  </si>
  <si>
    <t>cg26618041</t>
  </si>
  <si>
    <t>cg26619193</t>
  </si>
  <si>
    <t>cg26620176</t>
  </si>
  <si>
    <t>cg26621911</t>
  </si>
  <si>
    <t>cg26623885</t>
  </si>
  <si>
    <t>cg26624026</t>
  </si>
  <si>
    <t>cg26626525</t>
  </si>
  <si>
    <t>cg26627129</t>
  </si>
  <si>
    <t>cg26627780</t>
  </si>
  <si>
    <t>cg26631127</t>
  </si>
  <si>
    <t>cg26631329</t>
  </si>
  <si>
    <t>cg26634140</t>
  </si>
  <si>
    <t>cg26637171</t>
  </si>
  <si>
    <t>cg26638341</t>
  </si>
  <si>
    <t>cg26639809</t>
  </si>
  <si>
    <t>cg26648488</t>
  </si>
  <si>
    <t>cg26649140</t>
  </si>
  <si>
    <t>cg26649232</t>
  </si>
  <si>
    <t>cg26650007</t>
  </si>
  <si>
    <t>cg26652054</t>
  </si>
  <si>
    <t>cg26652413</t>
  </si>
  <si>
    <t>cg26653694</t>
  </si>
  <si>
    <t>cg26660036</t>
  </si>
  <si>
    <t>cg26662727</t>
  </si>
  <si>
    <t>cg26667075</t>
  </si>
  <si>
    <t>cg26667761</t>
  </si>
  <si>
    <t>cg26667975</t>
  </si>
  <si>
    <t>cg26670249</t>
  </si>
  <si>
    <t>cg26674132</t>
  </si>
  <si>
    <t>cg26682068</t>
  </si>
  <si>
    <t>cg26683005</t>
  </si>
  <si>
    <t>cg26687726</t>
  </si>
  <si>
    <t>cg26689507</t>
  </si>
  <si>
    <t>cg26705688</t>
  </si>
  <si>
    <t>cg26706163</t>
  </si>
  <si>
    <t>cg26712548</t>
  </si>
  <si>
    <t>cg26714915</t>
  </si>
  <si>
    <t>cg26715571</t>
  </si>
  <si>
    <t>cg26715644</t>
  </si>
  <si>
    <t>cg26717563</t>
  </si>
  <si>
    <t>cg26718599</t>
  </si>
  <si>
    <t>cg26722863</t>
  </si>
  <si>
    <t>cg26730862</t>
  </si>
  <si>
    <t>cg26734579</t>
  </si>
  <si>
    <t>cg26735598</t>
  </si>
  <si>
    <t>cg26736736</t>
  </si>
  <si>
    <t>cg26736878</t>
  </si>
  <si>
    <t>cg26738904</t>
  </si>
  <si>
    <t>cg26741226</t>
  </si>
  <si>
    <t>cg26741350</t>
  </si>
  <si>
    <t>cg26741954</t>
  </si>
  <si>
    <t>cg26744332</t>
  </si>
  <si>
    <t>cg26744362</t>
  </si>
  <si>
    <t>cg26749414</t>
  </si>
  <si>
    <t>cg26750002</t>
  </si>
  <si>
    <t>cg26751469</t>
  </si>
  <si>
    <t>cg26751792</t>
  </si>
  <si>
    <t>cg26752701</t>
  </si>
  <si>
    <t>cg26755928</t>
  </si>
  <si>
    <t>cg26757503</t>
  </si>
  <si>
    <t>cg26758863</t>
  </si>
  <si>
    <t>cg26761504</t>
  </si>
  <si>
    <t>cg26762224</t>
  </si>
  <si>
    <t>cg26764685</t>
  </si>
  <si>
    <t>cg26767443</t>
  </si>
  <si>
    <t>cg26767614</t>
  </si>
  <si>
    <t>cg26771559</t>
  </si>
  <si>
    <t>cg26771969</t>
  </si>
  <si>
    <t>cg26772540</t>
  </si>
  <si>
    <t>cg26775079</t>
  </si>
  <si>
    <t>cg26776656</t>
  </si>
  <si>
    <t>cg26776844</t>
  </si>
  <si>
    <t>cg26776924</t>
  </si>
  <si>
    <t>cg26778001</t>
  </si>
  <si>
    <t>cg26782451</t>
  </si>
  <si>
    <t>cg26783523</t>
  </si>
  <si>
    <t>cg26785949</t>
  </si>
  <si>
    <t>cg26792894</t>
  </si>
  <si>
    <t>cg26794830</t>
  </si>
  <si>
    <t>cg26796095</t>
  </si>
  <si>
    <t>cg26796621</t>
  </si>
  <si>
    <t>cg26797895</t>
  </si>
  <si>
    <t>cg26807961</t>
  </si>
  <si>
    <t>cg26812169</t>
  </si>
  <si>
    <t>cg26818165</t>
  </si>
  <si>
    <t>cg26820113</t>
  </si>
  <si>
    <t>cg26823353</t>
  </si>
  <si>
    <t>cg26826183</t>
  </si>
  <si>
    <t>cg26827876</t>
  </si>
  <si>
    <t>cg26828119</t>
  </si>
  <si>
    <t>cg26829088</t>
  </si>
  <si>
    <t>cg26829672</t>
  </si>
  <si>
    <t>cg26831416</t>
  </si>
  <si>
    <t>cg26836577</t>
  </si>
  <si>
    <t>cg26836955</t>
  </si>
  <si>
    <t>cg26837043</t>
  </si>
  <si>
    <t>cg26838345</t>
  </si>
  <si>
    <t>cg26838636</t>
  </si>
  <si>
    <t>cg26838995</t>
  </si>
  <si>
    <t>cg26842024</t>
  </si>
  <si>
    <t>cg26842089</t>
  </si>
  <si>
    <t>cg26842596</t>
  </si>
  <si>
    <t>cg26846726</t>
  </si>
  <si>
    <t>cg26847100</t>
  </si>
  <si>
    <t>cg26847756</t>
  </si>
  <si>
    <t>cg26848184</t>
  </si>
  <si>
    <t>cg26851410</t>
  </si>
  <si>
    <t>cg26852286</t>
  </si>
  <si>
    <t>cg26852857</t>
  </si>
  <si>
    <t>cg26853265</t>
  </si>
  <si>
    <t>cg26853368</t>
  </si>
  <si>
    <t>cg26853640</t>
  </si>
  <si>
    <t>cg26856330</t>
  </si>
  <si>
    <t>cg26859042</t>
  </si>
  <si>
    <t>cg26860273</t>
  </si>
  <si>
    <t>cg26861457</t>
  </si>
  <si>
    <t>cg26862314</t>
  </si>
  <si>
    <t>cg26863013</t>
  </si>
  <si>
    <t>cg26864028</t>
  </si>
  <si>
    <t>cg26864174</t>
  </si>
  <si>
    <t>cg26864950</t>
  </si>
  <si>
    <t>cg26867282</t>
  </si>
  <si>
    <t>cg26870536</t>
  </si>
  <si>
    <t>cg26871717</t>
  </si>
  <si>
    <t>cg26878165</t>
  </si>
  <si>
    <t>cg26878688</t>
  </si>
  <si>
    <t>cg26881287</t>
  </si>
  <si>
    <t>cg26884154</t>
  </si>
  <si>
    <t>cg26885578</t>
  </si>
  <si>
    <t>cg26889343</t>
  </si>
  <si>
    <t>cg26890181</t>
  </si>
  <si>
    <t>cg26891649</t>
  </si>
  <si>
    <t>cg26896729</t>
  </si>
  <si>
    <t>cg26897054</t>
  </si>
  <si>
    <t>cg26899156</t>
  </si>
  <si>
    <t>cg26901111</t>
  </si>
  <si>
    <t>cg26901714</t>
  </si>
  <si>
    <t>cg26902277</t>
  </si>
  <si>
    <t>cg26903240</t>
  </si>
  <si>
    <t>cg26903766</t>
  </si>
  <si>
    <t>cg26904032</t>
  </si>
  <si>
    <t>cg26904140</t>
  </si>
  <si>
    <t>cg26905268</t>
  </si>
  <si>
    <t>cg26907221</t>
  </si>
  <si>
    <t>cg26909564</t>
  </si>
  <si>
    <t>cg26917194</t>
  </si>
  <si>
    <t>cg26918011</t>
  </si>
  <si>
    <t>cg26918645</t>
  </si>
  <si>
    <t>cg26920327</t>
  </si>
  <si>
    <t>cg26920632</t>
  </si>
  <si>
    <t>cg26924223</t>
  </si>
  <si>
    <t>cg26925688</t>
  </si>
  <si>
    <t>cg26927807</t>
  </si>
  <si>
    <t>cg26929247</t>
  </si>
  <si>
    <t>cg26930135</t>
  </si>
  <si>
    <t>cg26931208</t>
  </si>
  <si>
    <t>cg26933068</t>
  </si>
  <si>
    <t>cg26933384</t>
  </si>
  <si>
    <t>cg26933453</t>
  </si>
  <si>
    <t>cg26935649</t>
  </si>
  <si>
    <t>cg26936188</t>
  </si>
  <si>
    <t>cg26938561</t>
  </si>
  <si>
    <t>cg26941891</t>
  </si>
  <si>
    <t>cg26944546</t>
  </si>
  <si>
    <t>cg26945361</t>
  </si>
  <si>
    <t>cg26947721</t>
  </si>
  <si>
    <t>cg26955476</t>
  </si>
  <si>
    <t>cg26955996</t>
  </si>
  <si>
    <t>cg26956799</t>
  </si>
  <si>
    <t>cg26958124</t>
  </si>
  <si>
    <t>cg26959384</t>
  </si>
  <si>
    <t>cg26963285</t>
  </si>
  <si>
    <t>cg26964117</t>
  </si>
  <si>
    <t>cg26964415</t>
  </si>
  <si>
    <t>cg26968812</t>
  </si>
  <si>
    <t>cg26969888</t>
  </si>
  <si>
    <t>cg26971411</t>
  </si>
  <si>
    <t>cg26976181</t>
  </si>
  <si>
    <t>cg26977011</t>
  </si>
  <si>
    <t>cg26978288</t>
  </si>
  <si>
    <t>cg26980000</t>
  </si>
  <si>
    <t>cg26981306</t>
  </si>
  <si>
    <t>cg26982279</t>
  </si>
  <si>
    <t>cg26982998</t>
  </si>
  <si>
    <t>cg26986236</t>
  </si>
  <si>
    <t>cg26986660</t>
  </si>
  <si>
    <t>cg26987965</t>
  </si>
  <si>
    <t>cg26988016</t>
  </si>
  <si>
    <t>cg26994099</t>
  </si>
  <si>
    <t>cg26994774</t>
  </si>
  <si>
    <t>cg27001643</t>
  </si>
  <si>
    <t>cg27002247</t>
  </si>
  <si>
    <t>cg27002699</t>
  </si>
  <si>
    <t>cg27006760</t>
  </si>
  <si>
    <t>cg27008631</t>
  </si>
  <si>
    <t>cg27013983</t>
  </si>
  <si>
    <t>cg27017562</t>
  </si>
  <si>
    <t>cg27021406</t>
  </si>
  <si>
    <t>cg27021492</t>
  </si>
  <si>
    <t>cg27022827</t>
  </si>
  <si>
    <t>cg27024876</t>
  </si>
  <si>
    <t>cg27028514</t>
  </si>
  <si>
    <t>cg27035251</t>
  </si>
  <si>
    <t>cg27035708</t>
  </si>
  <si>
    <t>cg27038472</t>
  </si>
  <si>
    <t>cg27039606</t>
  </si>
  <si>
    <t>cg27040525</t>
  </si>
  <si>
    <t>cg27040708</t>
  </si>
  <si>
    <t>cg27046079</t>
  </si>
  <si>
    <t>cg27048409</t>
  </si>
  <si>
    <t>cg27049766</t>
  </si>
  <si>
    <t>cg27050793</t>
  </si>
  <si>
    <t>cg27052073</t>
  </si>
  <si>
    <t>cg27054014</t>
  </si>
  <si>
    <t>cg27055083</t>
  </si>
  <si>
    <t>cg27060912</t>
  </si>
  <si>
    <t>cg27061366</t>
  </si>
  <si>
    <t>cg27063012</t>
  </si>
  <si>
    <t>cg27067618</t>
  </si>
  <si>
    <t>cg27068996</t>
  </si>
  <si>
    <t>cg27071707</t>
  </si>
  <si>
    <t>cg27074609</t>
  </si>
  <si>
    <t>cg27074995</t>
  </si>
  <si>
    <t>cg27076777</t>
  </si>
  <si>
    <t>cg27077250</t>
  </si>
  <si>
    <t>cg27077673</t>
  </si>
  <si>
    <t>cg27077950</t>
  </si>
  <si>
    <t>cg27077985</t>
  </si>
  <si>
    <t>cg27083414</t>
  </si>
  <si>
    <t>cg27083614</t>
  </si>
  <si>
    <t>cg27086014</t>
  </si>
  <si>
    <t>cg27087650</t>
  </si>
  <si>
    <t>cg27091100</t>
  </si>
  <si>
    <t>cg27091642</t>
  </si>
  <si>
    <t>cg27094156</t>
  </si>
  <si>
    <t>cg27096253</t>
  </si>
  <si>
    <t>cg27100331</t>
  </si>
  <si>
    <t>cg27101112</t>
  </si>
  <si>
    <t>cg27103130</t>
  </si>
  <si>
    <t>cg27103937</t>
  </si>
  <si>
    <t>cg27105123</t>
  </si>
  <si>
    <t>cg27105390</t>
  </si>
  <si>
    <t>cg27106713</t>
  </si>
  <si>
    <t>cg27107144</t>
  </si>
  <si>
    <t>cg27110655</t>
  </si>
  <si>
    <t>cg27112264</t>
  </si>
  <si>
    <t>cg27112570</t>
  </si>
  <si>
    <t>cg27116186</t>
  </si>
  <si>
    <t>cg27118825</t>
  </si>
  <si>
    <t>cg27119358</t>
  </si>
  <si>
    <t>cg27121758</t>
  </si>
  <si>
    <t>cg27125965</t>
  </si>
  <si>
    <t>cg27131908</t>
  </si>
  <si>
    <t>cg27137955</t>
  </si>
  <si>
    <t>cg27138059</t>
  </si>
  <si>
    <t>cg27139805</t>
  </si>
  <si>
    <t>cg27141871</t>
  </si>
  <si>
    <t>cg27142905</t>
  </si>
  <si>
    <t>cg27143938</t>
  </si>
  <si>
    <t>cg27146050</t>
  </si>
  <si>
    <t>cg27148124</t>
  </si>
  <si>
    <t>cg27148452</t>
  </si>
  <si>
    <t>cg27149284</t>
  </si>
  <si>
    <t>cg27149931</t>
  </si>
  <si>
    <t>cg27150178</t>
  </si>
  <si>
    <t>cg27152443</t>
  </si>
  <si>
    <t>cg27154394</t>
  </si>
  <si>
    <t>cg27154769</t>
  </si>
  <si>
    <t>cg27157575</t>
  </si>
  <si>
    <t>cg27159032</t>
  </si>
  <si>
    <t>cg27159916</t>
  </si>
  <si>
    <t>cg27160007</t>
  </si>
  <si>
    <t>cg27160241</t>
  </si>
  <si>
    <t>cg27164031</t>
  </si>
  <si>
    <t>cg27164044</t>
  </si>
  <si>
    <t>cg27167613</t>
  </si>
  <si>
    <t>cg27168033</t>
  </si>
  <si>
    <t>cg27168410</t>
  </si>
  <si>
    <t>cg27168606</t>
  </si>
  <si>
    <t>cg27169873</t>
  </si>
  <si>
    <t>cg27170720</t>
  </si>
  <si>
    <t>cg27171201</t>
  </si>
  <si>
    <t>cg27175386</t>
  </si>
  <si>
    <t>cg27176357</t>
  </si>
  <si>
    <t>cg27176394</t>
  </si>
  <si>
    <t>cg27180365</t>
  </si>
  <si>
    <t>cg27180368</t>
  </si>
  <si>
    <t>cg27181295</t>
  </si>
  <si>
    <t>cg27182293</t>
  </si>
  <si>
    <t>cg27192597</t>
  </si>
  <si>
    <t>cg27198485</t>
  </si>
  <si>
    <t>cg27198553</t>
  </si>
  <si>
    <t>cg27209722</t>
  </si>
  <si>
    <t>cg27209953</t>
  </si>
  <si>
    <t>cg27227797</t>
  </si>
  <si>
    <t>cg27234823</t>
  </si>
  <si>
    <t>cg27256309</t>
  </si>
  <si>
    <t>cg27258450</t>
  </si>
  <si>
    <t>cg27258787</t>
  </si>
  <si>
    <t>cg27259323</t>
  </si>
  <si>
    <t>cg27259408</t>
  </si>
  <si>
    <t>cg27261412</t>
  </si>
  <si>
    <t>cg27262821</t>
  </si>
  <si>
    <t>cg27263395</t>
  </si>
  <si>
    <t>cg27267617</t>
  </si>
  <si>
    <t>cg27268316</t>
  </si>
  <si>
    <t>cg27269130</t>
  </si>
  <si>
    <t>cg27270541</t>
  </si>
  <si>
    <t>cg27273033</t>
  </si>
  <si>
    <t>cg27274989</t>
  </si>
  <si>
    <t>cg27276456</t>
  </si>
  <si>
    <t>cg27277859</t>
  </si>
  <si>
    <t>cg27284120</t>
  </si>
  <si>
    <t>cg27285056</t>
  </si>
  <si>
    <t>cg27287167</t>
  </si>
  <si>
    <t>cg27288047</t>
  </si>
  <si>
    <t>cg27288226</t>
  </si>
  <si>
    <t>cg27288614</t>
  </si>
  <si>
    <t>cg27289628</t>
  </si>
  <si>
    <t>cg27291235</t>
  </si>
  <si>
    <t>cg27293358</t>
  </si>
  <si>
    <t>cg27296963</t>
  </si>
  <si>
    <t>cg27297851</t>
  </si>
  <si>
    <t>cg27299588</t>
  </si>
  <si>
    <t>cg27299846</t>
  </si>
  <si>
    <t>cg27300045</t>
  </si>
  <si>
    <t>cg27303654</t>
  </si>
  <si>
    <t>cg27304533</t>
  </si>
  <si>
    <t>cg27308166</t>
  </si>
  <si>
    <t>cg27309858</t>
  </si>
  <si>
    <t>cg27315979</t>
  </si>
  <si>
    <t>cg27318157</t>
  </si>
  <si>
    <t>cg27318539</t>
  </si>
  <si>
    <t>cg27321942</t>
  </si>
  <si>
    <t>cg27326856</t>
  </si>
  <si>
    <t>cg27327307</t>
  </si>
  <si>
    <t>cg27327588</t>
  </si>
  <si>
    <t>cg27330006</t>
  </si>
  <si>
    <t>cg27330830</t>
  </si>
  <si>
    <t>cg27331471</t>
  </si>
  <si>
    <t>cg27335924</t>
  </si>
  <si>
    <t>cg27343001</t>
  </si>
  <si>
    <t>cg27343801</t>
  </si>
  <si>
    <t>cg27344791</t>
  </si>
  <si>
    <t>cg27345346</t>
  </si>
  <si>
    <t>cg27347412</t>
  </si>
  <si>
    <t>cg27351813</t>
  </si>
  <si>
    <t>cg27352295</t>
  </si>
  <si>
    <t>cg27353824</t>
  </si>
  <si>
    <t>cg27357151</t>
  </si>
  <si>
    <t>cg27360210</t>
  </si>
  <si>
    <t>cg27361914</t>
  </si>
  <si>
    <t>cg27363226</t>
  </si>
  <si>
    <t>cg27364588</t>
  </si>
  <si>
    <t>cg27365621</t>
  </si>
  <si>
    <t>cg27366815</t>
  </si>
  <si>
    <t>cg27366994</t>
  </si>
  <si>
    <t>cg27367878</t>
  </si>
  <si>
    <t>cg27370573</t>
  </si>
  <si>
    <t>cg27370923</t>
  </si>
  <si>
    <t>cg27371091</t>
  </si>
  <si>
    <t>cg27372422</t>
  </si>
  <si>
    <t>cg27375206</t>
  </si>
  <si>
    <t>cg27377863</t>
  </si>
  <si>
    <t>cg27379065</t>
  </si>
  <si>
    <t>cg27380412</t>
  </si>
  <si>
    <t>cg27381930</t>
  </si>
  <si>
    <t>cg27383956</t>
  </si>
  <si>
    <t>cg27383975</t>
  </si>
  <si>
    <t>cg27385443</t>
  </si>
  <si>
    <t>cg27385959</t>
  </si>
  <si>
    <t>cg27388703</t>
  </si>
  <si>
    <t>cg27389454</t>
  </si>
  <si>
    <t>cg27389562</t>
  </si>
  <si>
    <t>cg27390130</t>
  </si>
  <si>
    <t>cg27390207</t>
  </si>
  <si>
    <t>cg27390496</t>
  </si>
  <si>
    <t>cg27392771</t>
  </si>
  <si>
    <t>cg27393487</t>
  </si>
  <si>
    <t>cg27394057</t>
  </si>
  <si>
    <t>cg27401095</t>
  </si>
  <si>
    <t>cg27404050</t>
  </si>
  <si>
    <t>cg27409514</t>
  </si>
  <si>
    <t>cg27412902</t>
  </si>
  <si>
    <t>cg27413421</t>
  </si>
  <si>
    <t>cg27423411</t>
  </si>
  <si>
    <t>cg27423510</t>
  </si>
  <si>
    <t>cg27426436</t>
  </si>
  <si>
    <t>cg27427054</t>
  </si>
  <si>
    <t>cg27429799</t>
  </si>
  <si>
    <t>cg27430686</t>
  </si>
  <si>
    <t>cg27431859</t>
  </si>
  <si>
    <t>cg27434368</t>
  </si>
  <si>
    <t>cg27436184</t>
  </si>
  <si>
    <t>cg27442349</t>
  </si>
  <si>
    <t>cg27467005</t>
  </si>
  <si>
    <t>cg27469783</t>
  </si>
  <si>
    <t>cg27471183</t>
  </si>
  <si>
    <t>cg27471755</t>
  </si>
  <si>
    <t>cg27479455</t>
  </si>
  <si>
    <t>cg27480539</t>
  </si>
  <si>
    <t>cg27480580</t>
  </si>
  <si>
    <t>cg27480700</t>
  </si>
  <si>
    <t>cg27481534</t>
  </si>
  <si>
    <t>cg27484610</t>
  </si>
  <si>
    <t>cg27485810</t>
  </si>
  <si>
    <t>cg27491025</t>
  </si>
  <si>
    <t>cg27492860</t>
  </si>
  <si>
    <t>cg27493220</t>
  </si>
  <si>
    <t>cg27495336</t>
  </si>
  <si>
    <t>cg27497839</t>
  </si>
  <si>
    <t>cg27498675</t>
  </si>
  <si>
    <t>cg27500720</t>
  </si>
  <si>
    <t>cg27506810</t>
  </si>
  <si>
    <t>cg27506886</t>
  </si>
  <si>
    <t>cg27509521</t>
  </si>
  <si>
    <t>cg27512716</t>
  </si>
  <si>
    <t>cg27517861</t>
  </si>
  <si>
    <t>cg27517897</t>
  </si>
  <si>
    <t>cg27518582</t>
  </si>
  <si>
    <t>cg27519693</t>
  </si>
  <si>
    <t>cg27524460</t>
  </si>
  <si>
    <t>cg27525032</t>
  </si>
  <si>
    <t>cg27525185</t>
  </si>
  <si>
    <t>cg27525433</t>
  </si>
  <si>
    <t>cg27530316</t>
  </si>
  <si>
    <t>cg27536028</t>
  </si>
  <si>
    <t>cg27537628</t>
  </si>
  <si>
    <t>cg27538095</t>
  </si>
  <si>
    <t>cg27540367</t>
  </si>
  <si>
    <t>cg27542277</t>
  </si>
  <si>
    <t>cg27542552</t>
  </si>
  <si>
    <t>cg27544671</t>
  </si>
  <si>
    <t>cg27544865</t>
  </si>
  <si>
    <t>cg27546949</t>
  </si>
  <si>
    <t>cg27547281</t>
  </si>
  <si>
    <t>cg27548256</t>
  </si>
  <si>
    <t>cg27548752</t>
  </si>
  <si>
    <t>cg27550640</t>
  </si>
  <si>
    <t>cg27553501</t>
  </si>
  <si>
    <t>cg27564875</t>
  </si>
  <si>
    <t>cg27565368</t>
  </si>
  <si>
    <t>cg27565719</t>
  </si>
  <si>
    <t>cg27571374</t>
  </si>
  <si>
    <t>cg27571605</t>
  </si>
  <si>
    <t>cg27573291</t>
  </si>
  <si>
    <t>cg27578974</t>
  </si>
  <si>
    <t>cg27578987</t>
  </si>
  <si>
    <t>cg27579480</t>
  </si>
  <si>
    <t>cg27579501</t>
  </si>
  <si>
    <t>cg27580806</t>
  </si>
  <si>
    <t>cg27581174</t>
  </si>
  <si>
    <t>cg27582235</t>
  </si>
  <si>
    <t>cg27583102</t>
  </si>
  <si>
    <t>cg27583922</t>
  </si>
  <si>
    <t>cg27585074</t>
  </si>
  <si>
    <t>cg27585874</t>
  </si>
  <si>
    <t>cg27587645</t>
  </si>
  <si>
    <t>cg27589572</t>
  </si>
  <si>
    <t>cg27592564</t>
  </si>
  <si>
    <t>cg27594834</t>
  </si>
  <si>
    <t>cg27611665</t>
  </si>
  <si>
    <t>cg27638815</t>
  </si>
  <si>
    <t>cg27640020</t>
  </si>
  <si>
    <t>cg27645968</t>
  </si>
  <si>
    <t>cg27648056</t>
  </si>
  <si>
    <t>cg27648270</t>
  </si>
  <si>
    <t>cg27649253</t>
  </si>
  <si>
    <t>cg27649653</t>
  </si>
  <si>
    <t>cg27650778</t>
  </si>
  <si>
    <t>cg27651355</t>
  </si>
  <si>
    <t>cg27652249</t>
  </si>
  <si>
    <t>cg27652490</t>
  </si>
  <si>
    <t>cg27653370</t>
  </si>
  <si>
    <t>cg27658967</t>
  </si>
  <si>
    <t>cg27659109</t>
  </si>
  <si>
    <t>cg27661381</t>
  </si>
  <si>
    <t>cg27662093</t>
  </si>
  <si>
    <t>cg27662454</t>
  </si>
  <si>
    <t>cg27665130</t>
  </si>
  <si>
    <t>ch.19.103226F</t>
  </si>
  <si>
    <t>ch.19.239668R</t>
  </si>
  <si>
    <t>ch.19.253092F</t>
  </si>
  <si>
    <t>ch.19.7675672F</t>
  </si>
  <si>
    <t>ch.19.683370F</t>
  </si>
  <si>
    <t>ch.19.714487R</t>
  </si>
  <si>
    <t>ch.19.714922F</t>
  </si>
  <si>
    <t>ch.19.732135R</t>
  </si>
  <si>
    <t>ch.19.746747R</t>
  </si>
  <si>
    <t>ch.19.748535F</t>
  </si>
  <si>
    <t>ch.19.17835377R</t>
  </si>
  <si>
    <t>ch.19.21460585R</t>
  </si>
  <si>
    <t>ch.19.23069863R</t>
  </si>
  <si>
    <t>ch.19.23069876R</t>
  </si>
  <si>
    <t>ch.19.931767R</t>
  </si>
  <si>
    <t>ch.19.24042144R</t>
  </si>
  <si>
    <t>ch.19.24052292F</t>
  </si>
  <si>
    <t>ch.19.1004238R</t>
  </si>
  <si>
    <t>ch.19.1024848R</t>
  </si>
  <si>
    <t>ch.19.36684304F</t>
  </si>
  <si>
    <t>ch.19.1125306R</t>
  </si>
  <si>
    <t>ch.19.45344413F</t>
  </si>
  <si>
    <t>ch.19.1348515F</t>
  </si>
  <si>
    <t>ch.19.1364541R</t>
  </si>
  <si>
    <t>ch.19.50335620F</t>
  </si>
  <si>
    <t>ch.19.1491481F</t>
  </si>
  <si>
    <t>ch.19.58852620F</t>
  </si>
  <si>
    <t>ch.19.1787100F</t>
  </si>
  <si>
    <t>ch.19.62825652F</t>
  </si>
  <si>
    <t>ch.19.1901489F</t>
  </si>
  <si>
    <t>cg00001269</t>
  </si>
  <si>
    <t>cg00022138</t>
  </si>
  <si>
    <t>cg00022606</t>
  </si>
  <si>
    <t>cg00028034</t>
  </si>
  <si>
    <t>cg00028844</t>
  </si>
  <si>
    <t>cg00034574</t>
  </si>
  <si>
    <t>cg00036588</t>
  </si>
  <si>
    <t>cg00043788</t>
  </si>
  <si>
    <t>cg00045515</t>
  </si>
  <si>
    <t>cg00055557</t>
  </si>
  <si>
    <t>cg00071360</t>
  </si>
  <si>
    <t>cg00076936</t>
  </si>
  <si>
    <t>cg00080059</t>
  </si>
  <si>
    <t>cg00082874</t>
  </si>
  <si>
    <t>cg00095493</t>
  </si>
  <si>
    <t>cg00098951</t>
  </si>
  <si>
    <t>cg00102731</t>
  </si>
  <si>
    <t>cg00103961</t>
  </si>
  <si>
    <t>cg00109062</t>
  </si>
  <si>
    <t>cg00109703</t>
  </si>
  <si>
    <t>cg00119117</t>
  </si>
  <si>
    <t>cg00121366</t>
  </si>
  <si>
    <t>cg00121884</t>
  </si>
  <si>
    <t>cg00125414</t>
  </si>
  <si>
    <t>cg00130309</t>
  </si>
  <si>
    <t>cg00138126</t>
  </si>
  <si>
    <t>cg00150785</t>
  </si>
  <si>
    <t>cg00151922</t>
  </si>
  <si>
    <t>cg00152041</t>
  </si>
  <si>
    <t>cg00153448</t>
  </si>
  <si>
    <t>cg00159764</t>
  </si>
  <si>
    <t>cg00166770</t>
  </si>
  <si>
    <t>cg00170438</t>
  </si>
  <si>
    <t>cg00172672</t>
  </si>
  <si>
    <t>cg00174466</t>
  </si>
  <si>
    <t>cg00176879</t>
  </si>
  <si>
    <t>cg00177013</t>
  </si>
  <si>
    <t>cg00177431</t>
  </si>
  <si>
    <t>cg00182727</t>
  </si>
  <si>
    <t>cg00183639</t>
  </si>
  <si>
    <t>cg00200803</t>
  </si>
  <si>
    <t>cg00206407</t>
  </si>
  <si>
    <t>cg00207389</t>
  </si>
  <si>
    <t>cg00209786</t>
  </si>
  <si>
    <t>cg00216901</t>
  </si>
  <si>
    <t>cg00218415</t>
  </si>
  <si>
    <t>cg00222053</t>
  </si>
  <si>
    <t>cg00228984</t>
  </si>
  <si>
    <t>cg00231920</t>
  </si>
  <si>
    <t>cg00233779</t>
  </si>
  <si>
    <t>cg00238543</t>
  </si>
  <si>
    <t>cg00239420</t>
  </si>
  <si>
    <t>cg00240880</t>
  </si>
  <si>
    <t>cg00242976</t>
  </si>
  <si>
    <t>cg00247614</t>
  </si>
  <si>
    <t>cg00248713</t>
  </si>
  <si>
    <t>cg00249032</t>
  </si>
  <si>
    <t>cg00250811</t>
  </si>
  <si>
    <t>cg00254714</t>
  </si>
  <si>
    <t>cg00260802</t>
  </si>
  <si>
    <t>cg00264500</t>
  </si>
  <si>
    <t>cg00273068</t>
  </si>
  <si>
    <t>cg00287413</t>
  </si>
  <si>
    <t>cg00287589</t>
  </si>
  <si>
    <t>cg00289084</t>
  </si>
  <si>
    <t>cg00289503</t>
  </si>
  <si>
    <t>cg00297721</t>
  </si>
  <si>
    <t>cg00300298</t>
  </si>
  <si>
    <t>cg00300969</t>
  </si>
  <si>
    <t>cg00306090</t>
  </si>
  <si>
    <t>cg00311133</t>
  </si>
  <si>
    <t>cg00318573</t>
  </si>
  <si>
    <t>cg00325113</t>
  </si>
  <si>
    <t>cg00327332</t>
  </si>
  <si>
    <t>cg00328497</t>
  </si>
  <si>
    <t>cg00328883</t>
  </si>
  <si>
    <t>cg00331096</t>
  </si>
  <si>
    <t>cg00331541</t>
  </si>
  <si>
    <t>cg00332882</t>
  </si>
  <si>
    <t>cg00333622</t>
  </si>
  <si>
    <t>cg00334976</t>
  </si>
  <si>
    <t>cg00336376</t>
  </si>
  <si>
    <t>cg00338329</t>
  </si>
  <si>
    <t>cg00340102</t>
  </si>
  <si>
    <t>cg00340382</t>
  </si>
  <si>
    <t>cg00340850</t>
  </si>
  <si>
    <t>cg00347518</t>
  </si>
  <si>
    <t>cg00350702</t>
  </si>
  <si>
    <t>cg00354775</t>
  </si>
  <si>
    <t>cg00365945</t>
  </si>
  <si>
    <t>cg00369372</t>
  </si>
  <si>
    <t>cg00373643</t>
  </si>
  <si>
    <t>cg00377916</t>
  </si>
  <si>
    <t>cg00381330</t>
  </si>
  <si>
    <t>cg00385441</t>
  </si>
  <si>
    <t>cg00387457</t>
  </si>
  <si>
    <t>cg00392872</t>
  </si>
  <si>
    <t>cg00393825</t>
  </si>
  <si>
    <t>cg00400263</t>
  </si>
  <si>
    <t>cg00406338</t>
  </si>
  <si>
    <t>cg00412842</t>
  </si>
  <si>
    <t>cg00417151</t>
  </si>
  <si>
    <t>cg00418735</t>
  </si>
  <si>
    <t>cg00423704</t>
  </si>
  <si>
    <t>cg00429268</t>
  </si>
  <si>
    <t>cg00431114</t>
  </si>
  <si>
    <t>cg00432454</t>
  </si>
  <si>
    <t>cg00438541</t>
  </si>
  <si>
    <t>cg00441136</t>
  </si>
  <si>
    <t>cg00453938</t>
  </si>
  <si>
    <t>cg00455018</t>
  </si>
  <si>
    <t>cg00459953</t>
  </si>
  <si>
    <t>cg00465413</t>
  </si>
  <si>
    <t>cg00466500</t>
  </si>
  <si>
    <t>cg00471000</t>
  </si>
  <si>
    <t>cg00471400</t>
  </si>
  <si>
    <t>cg00476900</t>
  </si>
  <si>
    <t>cg00478435</t>
  </si>
  <si>
    <t>cg00485748</t>
  </si>
  <si>
    <t>cg00494337</t>
  </si>
  <si>
    <t>cg00495442</t>
  </si>
  <si>
    <t>cg00499707</t>
  </si>
  <si>
    <t>cg00499819</t>
  </si>
  <si>
    <t>cg00499838</t>
  </si>
  <si>
    <t>cg00500048</t>
  </si>
  <si>
    <t>cg00505073</t>
  </si>
  <si>
    <t>cg00505393</t>
  </si>
  <si>
    <t>cg00509772</t>
  </si>
  <si>
    <t>cg00511405</t>
  </si>
  <si>
    <t>cg00514186</t>
  </si>
  <si>
    <t>cg00516067</t>
  </si>
  <si>
    <t>cg00516092</t>
  </si>
  <si>
    <t>cg00518623</t>
  </si>
  <si>
    <t>cg00519490</t>
  </si>
  <si>
    <t>cg00522333</t>
  </si>
  <si>
    <t>cg00538248</t>
  </si>
  <si>
    <t>cg00539174</t>
  </si>
  <si>
    <t>cg00540593</t>
  </si>
  <si>
    <t>cg00546666</t>
  </si>
  <si>
    <t>cg00549758</t>
  </si>
  <si>
    <t>cg00551140</t>
  </si>
  <si>
    <t>cg00552868</t>
  </si>
  <si>
    <t>cg00554173</t>
  </si>
  <si>
    <t>cg00555268</t>
  </si>
  <si>
    <t>cg00556816</t>
  </si>
  <si>
    <t>cg00565646</t>
  </si>
  <si>
    <t>cg00572387</t>
  </si>
  <si>
    <t>cg00575665</t>
  </si>
  <si>
    <t>cg00576250</t>
  </si>
  <si>
    <t>cg00576435</t>
  </si>
  <si>
    <t>cg00580854</t>
  </si>
  <si>
    <t>cg00582765</t>
  </si>
  <si>
    <t>cg00582941</t>
  </si>
  <si>
    <t>cg00586515</t>
  </si>
  <si>
    <t>cg00586889</t>
  </si>
  <si>
    <t>cg00593116</t>
  </si>
  <si>
    <t>cg00599463</t>
  </si>
  <si>
    <t>cg00599914</t>
  </si>
  <si>
    <t>cg00609673</t>
  </si>
  <si>
    <t>cg00611397</t>
  </si>
  <si>
    <t>cg00614805</t>
  </si>
  <si>
    <t>cg00615913</t>
  </si>
  <si>
    <t>cg00621258</t>
  </si>
  <si>
    <t>cg00622799</t>
  </si>
  <si>
    <t>cg00624976</t>
  </si>
  <si>
    <t>cg00626515</t>
  </si>
  <si>
    <t>cg00628185</t>
  </si>
  <si>
    <t>cg00629116</t>
  </si>
  <si>
    <t>cg00629625</t>
  </si>
  <si>
    <t>cg00630020</t>
  </si>
  <si>
    <t>cg00633062</t>
  </si>
  <si>
    <t>cg00633740</t>
  </si>
  <si>
    <t>cg00636737</t>
  </si>
  <si>
    <t>cg00637104</t>
  </si>
  <si>
    <t>cg00661753</t>
  </si>
  <si>
    <t>cg00670253</t>
  </si>
  <si>
    <t>cg00671489</t>
  </si>
  <si>
    <t>cg00671600</t>
  </si>
  <si>
    <t>cg00675039</t>
  </si>
  <si>
    <t>cg00677866</t>
  </si>
  <si>
    <t>cg00678761</t>
  </si>
  <si>
    <t>cg00678890</t>
  </si>
  <si>
    <t>cg00682367</t>
  </si>
  <si>
    <t>cg00682734</t>
  </si>
  <si>
    <t>cg00689316</t>
  </si>
  <si>
    <t>cg00690280</t>
  </si>
  <si>
    <t>cg00694726</t>
  </si>
  <si>
    <t>cg00696763</t>
  </si>
  <si>
    <t>cg00698332</t>
  </si>
  <si>
    <t>cg00700389</t>
  </si>
  <si>
    <t>cg00700485</t>
  </si>
  <si>
    <t>cg00701267</t>
  </si>
  <si>
    <t>cg00706833</t>
  </si>
  <si>
    <t>cg00713214</t>
  </si>
  <si>
    <t>cg00719439</t>
  </si>
  <si>
    <t>cg00722350</t>
  </si>
  <si>
    <t>cg00726046</t>
  </si>
  <si>
    <t>cg00727630</t>
  </si>
  <si>
    <t>cg00727912</t>
  </si>
  <si>
    <t>cg00729654</t>
  </si>
  <si>
    <t>cg00732815</t>
  </si>
  <si>
    <t>cg00732970</t>
  </si>
  <si>
    <t>cg00734813</t>
  </si>
  <si>
    <t>cg00737992</t>
  </si>
  <si>
    <t>cg00739123</t>
  </si>
  <si>
    <t>cg00753658</t>
  </si>
  <si>
    <t>cg00753846</t>
  </si>
  <si>
    <t>cg00759427</t>
  </si>
  <si>
    <t>cg00760439</t>
  </si>
  <si>
    <t>cg00769470</t>
  </si>
  <si>
    <t>cg00782275</t>
  </si>
  <si>
    <t>cg00782854</t>
  </si>
  <si>
    <t>cg00786390</t>
  </si>
  <si>
    <t>cg00789528</t>
  </si>
  <si>
    <t>cg00794038</t>
  </si>
  <si>
    <t>cg00805193</t>
  </si>
  <si>
    <t>cg00827392</t>
  </si>
  <si>
    <t>cg00831028</t>
  </si>
  <si>
    <t>cg00832101</t>
  </si>
  <si>
    <t>cg00834755</t>
  </si>
  <si>
    <t>cg00837103</t>
  </si>
  <si>
    <t>cg00842325</t>
  </si>
  <si>
    <t>cg00853742</t>
  </si>
  <si>
    <t>cg00862894</t>
  </si>
  <si>
    <t>cg00863353</t>
  </si>
  <si>
    <t>cg00871129</t>
  </si>
  <si>
    <t>cg00872151</t>
  </si>
  <si>
    <t>cg00872232</t>
  </si>
  <si>
    <t>cg00873616</t>
  </si>
  <si>
    <t>cg00885918</t>
  </si>
  <si>
    <t>cg00888479</t>
  </si>
  <si>
    <t>cg00890916</t>
  </si>
  <si>
    <t>cg00892567</t>
  </si>
  <si>
    <t>cg00895528</t>
  </si>
  <si>
    <t>cg00896712</t>
  </si>
  <si>
    <t>cg00900977</t>
  </si>
  <si>
    <t>cg00901574</t>
  </si>
  <si>
    <t>cg00916899</t>
  </si>
  <si>
    <t>cg00918738</t>
  </si>
  <si>
    <t>cg00926318</t>
  </si>
  <si>
    <t>cg00938540</t>
  </si>
  <si>
    <t>cg00938743</t>
  </si>
  <si>
    <t>cg00940514</t>
  </si>
  <si>
    <t>cg00950473</t>
  </si>
  <si>
    <t>cg00952050</t>
  </si>
  <si>
    <t>cg00959308</t>
  </si>
  <si>
    <t>cg00961003</t>
  </si>
  <si>
    <t>cg00965133</t>
  </si>
  <si>
    <t>cg00965748</t>
  </si>
  <si>
    <t>cg00966763</t>
  </si>
  <si>
    <t>cg00972420</t>
  </si>
  <si>
    <t>cg00980519</t>
  </si>
  <si>
    <t>cg00980978</t>
  </si>
  <si>
    <t>cg00981651</t>
  </si>
  <si>
    <t>cg00986050</t>
  </si>
  <si>
    <t>cg00991659</t>
  </si>
  <si>
    <t>cg00992145</t>
  </si>
  <si>
    <t>cg00994924</t>
  </si>
  <si>
    <t>cg00997400</t>
  </si>
  <si>
    <t>cg01000812</t>
  </si>
  <si>
    <t>cg01005308</t>
  </si>
  <si>
    <t>cg01005322</t>
  </si>
  <si>
    <t>cg01011432</t>
  </si>
  <si>
    <t>cg01011614</t>
  </si>
  <si>
    <t>cg01013732</t>
  </si>
  <si>
    <t>cg01016090</t>
  </si>
  <si>
    <t>cg01017895</t>
  </si>
  <si>
    <t>cg01020801</t>
  </si>
  <si>
    <t>cg01021952</t>
  </si>
  <si>
    <t>cg01026503</t>
  </si>
  <si>
    <t>cg01032450</t>
  </si>
  <si>
    <t>cg01032650</t>
  </si>
  <si>
    <t>cg01042841</t>
  </si>
  <si>
    <t>cg01047613</t>
  </si>
  <si>
    <t>cg01052838</t>
  </si>
  <si>
    <t>cg01053273</t>
  </si>
  <si>
    <t>cg01056903</t>
  </si>
  <si>
    <t>cg01059768</t>
  </si>
  <si>
    <t>cg01059881</t>
  </si>
  <si>
    <t>cg01060964</t>
  </si>
  <si>
    <t>cg01069451</t>
  </si>
  <si>
    <t>cg01071811</t>
  </si>
  <si>
    <t>cg01073332</t>
  </si>
  <si>
    <t>cg01074413</t>
  </si>
  <si>
    <t>cg01076704</t>
  </si>
  <si>
    <t>cg01078772</t>
  </si>
  <si>
    <t>cg01082559</t>
  </si>
  <si>
    <t>cg01082601</t>
  </si>
  <si>
    <t>cg01086075</t>
  </si>
  <si>
    <t>cg01087208</t>
  </si>
  <si>
    <t>cg01089858</t>
  </si>
  <si>
    <t>cg01094251</t>
  </si>
  <si>
    <t>cg01097011</t>
  </si>
  <si>
    <t>cg01099389</t>
  </si>
  <si>
    <t>cg01101936</t>
  </si>
  <si>
    <t>cg01105337</t>
  </si>
  <si>
    <t>cg01108243</t>
  </si>
  <si>
    <t>cg01108800</t>
  </si>
  <si>
    <t>cg01111520</t>
  </si>
  <si>
    <t>cg01116134</t>
  </si>
  <si>
    <t>cg01116321</t>
  </si>
  <si>
    <t>cg01117384</t>
  </si>
  <si>
    <t>cg01118078</t>
  </si>
  <si>
    <t>cg01118868</t>
  </si>
  <si>
    <t>cg01119145</t>
  </si>
  <si>
    <t>cg01125531</t>
  </si>
  <si>
    <t>cg01140293</t>
  </si>
  <si>
    <t>cg01141721</t>
  </si>
  <si>
    <t>cg01144286</t>
  </si>
  <si>
    <t>cg01145137</t>
  </si>
  <si>
    <t>cg01149415</t>
  </si>
  <si>
    <t>cg01153946</t>
  </si>
  <si>
    <t>cg01158679</t>
  </si>
  <si>
    <t>cg01159004</t>
  </si>
  <si>
    <t>cg01166219</t>
  </si>
  <si>
    <t>cg01175220</t>
  </si>
  <si>
    <t>cg01179674</t>
  </si>
  <si>
    <t>cg01188753</t>
  </si>
  <si>
    <t>cg01193682</t>
  </si>
  <si>
    <t>cg01199328</t>
  </si>
  <si>
    <t>cg01199494</t>
  </si>
  <si>
    <t>cg01202124</t>
  </si>
  <si>
    <t>cg01203331</t>
  </si>
  <si>
    <t>cg01204060</t>
  </si>
  <si>
    <t>cg01209296</t>
  </si>
  <si>
    <t>cg01209909</t>
  </si>
  <si>
    <t>cg01216882</t>
  </si>
  <si>
    <t>cg01219087</t>
  </si>
  <si>
    <t>cg01221637</t>
  </si>
  <si>
    <t>cg01234012</t>
  </si>
  <si>
    <t>cg01236081</t>
  </si>
  <si>
    <t>cg01239154</t>
  </si>
  <si>
    <t>cg01247127</t>
  </si>
  <si>
    <t>cg01254719</t>
  </si>
  <si>
    <t>cg01255591</t>
  </si>
  <si>
    <t>cg01256165</t>
  </si>
  <si>
    <t>cg01258499</t>
  </si>
  <si>
    <t>cg01260366</t>
  </si>
  <si>
    <t>cg01266916</t>
  </si>
  <si>
    <t>cg01269083</t>
  </si>
  <si>
    <t>cg01273256</t>
  </si>
  <si>
    <t>cg01273384</t>
  </si>
  <si>
    <t>cg01275297</t>
  </si>
  <si>
    <t>cg01277511</t>
  </si>
  <si>
    <t>cg01279413</t>
  </si>
  <si>
    <t>cg01283863</t>
  </si>
  <si>
    <t>cg01292626</t>
  </si>
  <si>
    <t>cg01297303</t>
  </si>
  <si>
    <t>cg01304575</t>
  </si>
  <si>
    <t>cg01312665</t>
  </si>
  <si>
    <t>cg01315919</t>
  </si>
  <si>
    <t>cg01319701</t>
  </si>
  <si>
    <t>cg01329151</t>
  </si>
  <si>
    <t>cg01332827</t>
  </si>
  <si>
    <t>cg01334159</t>
  </si>
  <si>
    <t>cg01336996</t>
  </si>
  <si>
    <t>cg01338255</t>
  </si>
  <si>
    <t>cg01346423</t>
  </si>
  <si>
    <t>cg01349088</t>
  </si>
  <si>
    <t>cg01349621</t>
  </si>
  <si>
    <t>cg01352551</t>
  </si>
  <si>
    <t>cg01355392</t>
  </si>
  <si>
    <t>cg01355739</t>
  </si>
  <si>
    <t>cg01360605</t>
  </si>
  <si>
    <t>cg01362541</t>
  </si>
  <si>
    <t>cg01371631</t>
  </si>
  <si>
    <t>cg01377358</t>
  </si>
  <si>
    <t>cg01378999</t>
  </si>
  <si>
    <t>cg01379171</t>
  </si>
  <si>
    <t>cg01385679</t>
  </si>
  <si>
    <t>cg01389964</t>
  </si>
  <si>
    <t>cg01412220</t>
  </si>
  <si>
    <t>cg01418167</t>
  </si>
  <si>
    <t>cg01418667</t>
  </si>
  <si>
    <t>cg01423077</t>
  </si>
  <si>
    <t>cg01433297</t>
  </si>
  <si>
    <t>cg01433955</t>
  </si>
  <si>
    <t>cg01439488</t>
  </si>
  <si>
    <t>cg01441612</t>
  </si>
  <si>
    <t>cg01442481</t>
  </si>
  <si>
    <t>cg01446894</t>
  </si>
  <si>
    <t>cg01450566</t>
  </si>
  <si>
    <t>cg01454519</t>
  </si>
  <si>
    <t>cg01458088</t>
  </si>
  <si>
    <t>cg01458420</t>
  </si>
  <si>
    <t>cg01460436</t>
  </si>
  <si>
    <t>cg01462727</t>
  </si>
  <si>
    <t>cg01470283</t>
  </si>
  <si>
    <t>cg01477133</t>
  </si>
  <si>
    <t>cg01478155</t>
  </si>
  <si>
    <t>cg01481159</t>
  </si>
  <si>
    <t>cg01485009</t>
  </si>
  <si>
    <t>cg01490828</t>
  </si>
  <si>
    <t>cg01492470</t>
  </si>
  <si>
    <t>cg01497154</t>
  </si>
  <si>
    <t>cg01497589</t>
  </si>
  <si>
    <t>cg01502653</t>
  </si>
  <si>
    <t>cg01508428</t>
  </si>
  <si>
    <t>cg01510380</t>
  </si>
  <si>
    <t>cg01511104</t>
  </si>
  <si>
    <t>cg01513392</t>
  </si>
  <si>
    <t>cg01517033</t>
  </si>
  <si>
    <t>cg01523712</t>
  </si>
  <si>
    <t>cg01524923</t>
  </si>
  <si>
    <t>cg01526189</t>
  </si>
  <si>
    <t>cg01526771</t>
  </si>
  <si>
    <t>cg01529637</t>
  </si>
  <si>
    <t>cg01531431</t>
  </si>
  <si>
    <t>cg01538392</t>
  </si>
  <si>
    <t>cg01538522</t>
  </si>
  <si>
    <t>cg01539186</t>
  </si>
  <si>
    <t>cg01541219</t>
  </si>
  <si>
    <t>cg01555764</t>
  </si>
  <si>
    <t>cg01557989</t>
  </si>
  <si>
    <t>cg01565160</t>
  </si>
  <si>
    <t>cg01565918</t>
  </si>
  <si>
    <t>cg01573175</t>
  </si>
  <si>
    <t>cg01581757</t>
  </si>
  <si>
    <t>cg01582438</t>
  </si>
  <si>
    <t>cg01583915</t>
  </si>
  <si>
    <t>cg01595162</t>
  </si>
  <si>
    <t>cg01596892</t>
  </si>
  <si>
    <t>cg01597727</t>
  </si>
  <si>
    <t>cg01599925</t>
  </si>
  <si>
    <t>cg01604401</t>
  </si>
  <si>
    <t>cg01613077</t>
  </si>
  <si>
    <t>cg01618245</t>
  </si>
  <si>
    <t>cg01619825</t>
  </si>
  <si>
    <t>cg01620308</t>
  </si>
  <si>
    <t>cg01623438</t>
  </si>
  <si>
    <t>cg01628509</t>
  </si>
  <si>
    <t>cg01634982</t>
  </si>
  <si>
    <t>cg01635816</t>
  </si>
  <si>
    <t>cg01637548</t>
  </si>
  <si>
    <t>cg01649647</t>
  </si>
  <si>
    <t>cg01650904</t>
  </si>
  <si>
    <t>cg01652532</t>
  </si>
  <si>
    <t>cg01661001</t>
  </si>
  <si>
    <t>cg01670714</t>
  </si>
  <si>
    <t>cg01671881</t>
  </si>
  <si>
    <t>cg01684256</t>
  </si>
  <si>
    <t>cg01684824</t>
  </si>
  <si>
    <t>cg01690723</t>
  </si>
  <si>
    <t>cg01693652</t>
  </si>
  <si>
    <t>cg01697623</t>
  </si>
  <si>
    <t>cg01699298</t>
  </si>
  <si>
    <t>cg01703601</t>
  </si>
  <si>
    <t>cg01712452</t>
  </si>
  <si>
    <t>cg01713613</t>
  </si>
  <si>
    <t>cg01715551</t>
  </si>
  <si>
    <t>cg01722584</t>
  </si>
  <si>
    <t>cg01730668</t>
  </si>
  <si>
    <t>cg01740424</t>
  </si>
  <si>
    <t>cg01747792</t>
  </si>
  <si>
    <t>cg01748573</t>
  </si>
  <si>
    <t>cg01756902</t>
  </si>
  <si>
    <t>cg01758993</t>
  </si>
  <si>
    <t>cg01759986</t>
  </si>
  <si>
    <t>cg01763436</t>
  </si>
  <si>
    <t>cg01765053</t>
  </si>
  <si>
    <t>cg01771885</t>
  </si>
  <si>
    <t>cg01772014</t>
  </si>
  <si>
    <t>cg01775265</t>
  </si>
  <si>
    <t>cg01777575</t>
  </si>
  <si>
    <t>cg01790269</t>
  </si>
  <si>
    <t>cg01797527</t>
  </si>
  <si>
    <t>cg01798261</t>
  </si>
  <si>
    <t>cg01798385</t>
  </si>
  <si>
    <t>cg01800521</t>
  </si>
  <si>
    <t>cg01810347</t>
  </si>
  <si>
    <t>cg01811543</t>
  </si>
  <si>
    <t>cg01817393</t>
  </si>
  <si>
    <t>cg01818579</t>
  </si>
  <si>
    <t>cg01819995</t>
  </si>
  <si>
    <t>cg01834029</t>
  </si>
  <si>
    <t>cg01841608</t>
  </si>
  <si>
    <t>cg01841839</t>
  </si>
  <si>
    <t>cg01844321</t>
  </si>
  <si>
    <t>cg01845111</t>
  </si>
  <si>
    <t>cg01852238</t>
  </si>
  <si>
    <t>cg01854842</t>
  </si>
  <si>
    <t>cg01858157</t>
  </si>
  <si>
    <t>cg01858394</t>
  </si>
  <si>
    <t>cg01864178</t>
  </si>
  <si>
    <t>cg01869233</t>
  </si>
  <si>
    <t>cg01869661</t>
  </si>
  <si>
    <t>cg01875018</t>
  </si>
  <si>
    <t>cg01880463</t>
  </si>
  <si>
    <t>cg01883482</t>
  </si>
  <si>
    <t>cg01900800</t>
  </si>
  <si>
    <t>cg01905774</t>
  </si>
  <si>
    <t>cg01906944</t>
  </si>
  <si>
    <t>cg01910481</t>
  </si>
  <si>
    <t>cg01912547</t>
  </si>
  <si>
    <t>cg01923514</t>
  </si>
  <si>
    <t>cg01924619</t>
  </si>
  <si>
    <t>cg01946193</t>
  </si>
  <si>
    <t>cg01948217</t>
  </si>
  <si>
    <t>cg01948955</t>
  </si>
  <si>
    <t>cg01949461</t>
  </si>
  <si>
    <t>cg01951308</t>
  </si>
  <si>
    <t>cg01964562</t>
  </si>
  <si>
    <t>cg01973349</t>
  </si>
  <si>
    <t>cg01978937</t>
  </si>
  <si>
    <t>cg01982835</t>
  </si>
  <si>
    <t>cg01986263</t>
  </si>
  <si>
    <t>cg01993411</t>
  </si>
  <si>
    <t>cg01996292</t>
  </si>
  <si>
    <t>cg01997182</t>
  </si>
  <si>
    <t>cg01997269</t>
  </si>
  <si>
    <t>cg01999086</t>
  </si>
  <si>
    <t>cg02003117</t>
  </si>
  <si>
    <t>cg02011918</t>
  </si>
  <si>
    <t>cg02016723</t>
  </si>
  <si>
    <t>cg02019922</t>
  </si>
  <si>
    <t>cg02025407</t>
  </si>
  <si>
    <t>cg02030275</t>
  </si>
  <si>
    <t>cg02046340</t>
  </si>
  <si>
    <t>cg02049682</t>
  </si>
  <si>
    <t>cg02052956</t>
  </si>
  <si>
    <t>cg02063846</t>
  </si>
  <si>
    <t>cg02071259</t>
  </si>
  <si>
    <t>cg02081051</t>
  </si>
  <si>
    <t>cg02091951</t>
  </si>
  <si>
    <t>cg02092807</t>
  </si>
  <si>
    <t>cg02101773</t>
  </si>
  <si>
    <t>cg02105691</t>
  </si>
  <si>
    <t>cg02107718</t>
  </si>
  <si>
    <t>cg02113429</t>
  </si>
  <si>
    <t>cg02121447</t>
  </si>
  <si>
    <t>cg02124499</t>
  </si>
  <si>
    <t>cg02126277</t>
  </si>
  <si>
    <t>cg02129127</t>
  </si>
  <si>
    <t>cg02129885</t>
  </si>
  <si>
    <t>cg02133557</t>
  </si>
  <si>
    <t>cg02136460</t>
  </si>
  <si>
    <t>cg02141748</t>
  </si>
  <si>
    <t>cg02142074</t>
  </si>
  <si>
    <t>cg02169201</t>
  </si>
  <si>
    <t>cg02174639</t>
  </si>
  <si>
    <t>cg02178763</t>
  </si>
  <si>
    <t>cg02187522</t>
  </si>
  <si>
    <t>cg02190127</t>
  </si>
  <si>
    <t>cg02197387</t>
  </si>
  <si>
    <t>cg02197919</t>
  </si>
  <si>
    <t>cg02198625</t>
  </si>
  <si>
    <t>cg02216206</t>
  </si>
  <si>
    <t>cg02216247</t>
  </si>
  <si>
    <t>cg02240876</t>
  </si>
  <si>
    <t>cg02248497</t>
  </si>
  <si>
    <t>cg02259914</t>
  </si>
  <si>
    <t>cg02263932</t>
  </si>
  <si>
    <t>cg02290791</t>
  </si>
  <si>
    <t>cg02296167</t>
  </si>
  <si>
    <t>cg02298220</t>
  </si>
  <si>
    <t>cg02301189</t>
  </si>
  <si>
    <t>cg02301527</t>
  </si>
  <si>
    <t>cg02305261</t>
  </si>
  <si>
    <t>cg02305853</t>
  </si>
  <si>
    <t>cg02307161</t>
  </si>
  <si>
    <t>cg02310296</t>
  </si>
  <si>
    <t>cg02311496</t>
  </si>
  <si>
    <t>cg02311725</t>
  </si>
  <si>
    <t>cg02313492</t>
  </si>
  <si>
    <t>cg02317018</t>
  </si>
  <si>
    <t>cg02318932</t>
  </si>
  <si>
    <t>cg02335185</t>
  </si>
  <si>
    <t>cg02341503</t>
  </si>
  <si>
    <t>cg02344078</t>
  </si>
  <si>
    <t>cg02352339</t>
  </si>
  <si>
    <t>cg02358477</t>
  </si>
  <si>
    <t>cg02370767</t>
  </si>
  <si>
    <t>cg02380750</t>
  </si>
  <si>
    <t>cg02393380</t>
  </si>
  <si>
    <t>cg02396020</t>
  </si>
  <si>
    <t>cg02405476</t>
  </si>
  <si>
    <t>cg02409364</t>
  </si>
  <si>
    <t>cg02412628</t>
  </si>
  <si>
    <t>cg02413285</t>
  </si>
  <si>
    <t>cg02413850</t>
  </si>
  <si>
    <t>cg02435593</t>
  </si>
  <si>
    <t>cg02445720</t>
  </si>
  <si>
    <t>cg02460349</t>
  </si>
  <si>
    <t>cg02461114</t>
  </si>
  <si>
    <t>cg02468966</t>
  </si>
  <si>
    <t>cg02481528</t>
  </si>
  <si>
    <t>cg02481642</t>
  </si>
  <si>
    <t>cg02491138</t>
  </si>
  <si>
    <t>cg02497758</t>
  </si>
  <si>
    <t>cg02498702</t>
  </si>
  <si>
    <t>cg02499576</t>
  </si>
  <si>
    <t>cg02501779</t>
  </si>
  <si>
    <t>cg02519263</t>
  </si>
  <si>
    <t>cg02521930</t>
  </si>
  <si>
    <t>cg02525307</t>
  </si>
  <si>
    <t>cg02537838</t>
  </si>
  <si>
    <t>cg02538070</t>
  </si>
  <si>
    <t>cg02538557</t>
  </si>
  <si>
    <t>cg02543506</t>
  </si>
  <si>
    <t>cg02544614</t>
  </si>
  <si>
    <t>cg02547263</t>
  </si>
  <si>
    <t>cg02551396</t>
  </si>
  <si>
    <t>cg02567151</t>
  </si>
  <si>
    <t>cg02570151</t>
  </si>
  <si>
    <t>cg02576219</t>
  </si>
  <si>
    <t>cg02581909</t>
  </si>
  <si>
    <t>cg02582912</t>
  </si>
  <si>
    <t>cg02585563</t>
  </si>
  <si>
    <t>cg02592239</t>
  </si>
  <si>
    <t>cg02594500</t>
  </si>
  <si>
    <t>cg02596023</t>
  </si>
  <si>
    <t>cg02601525</t>
  </si>
  <si>
    <t>cg02603366</t>
  </si>
  <si>
    <t>cg02604290</t>
  </si>
  <si>
    <t>cg02605258</t>
  </si>
  <si>
    <t>cg02605634</t>
  </si>
  <si>
    <t>cg02612927</t>
  </si>
  <si>
    <t>cg02621571</t>
  </si>
  <si>
    <t>cg02625536</t>
  </si>
  <si>
    <t>cg02626873</t>
  </si>
  <si>
    <t>cg02630914</t>
  </si>
  <si>
    <t>cg02634816</t>
  </si>
  <si>
    <t>cg02634853</t>
  </si>
  <si>
    <t>cg02636704</t>
  </si>
  <si>
    <t>cg02655630</t>
  </si>
  <si>
    <t>cg02664479</t>
  </si>
  <si>
    <t>cg02665578</t>
  </si>
  <si>
    <t>cg02685032</t>
  </si>
  <si>
    <t>cg02689825</t>
  </si>
  <si>
    <t>cg02693328</t>
  </si>
  <si>
    <t>cg02693745</t>
  </si>
  <si>
    <t>cg02697721</t>
  </si>
  <si>
    <t>cg02701137</t>
  </si>
  <si>
    <t>cg02706653</t>
  </si>
  <si>
    <t>cg02718002</t>
  </si>
  <si>
    <t>cg02718825</t>
  </si>
  <si>
    <t>cg02725313</t>
  </si>
  <si>
    <t>cg02726814</t>
  </si>
  <si>
    <t>cg02729805</t>
  </si>
  <si>
    <t>cg02732653</t>
  </si>
  <si>
    <t>cg02738255</t>
  </si>
  <si>
    <t>cg02744249</t>
  </si>
  <si>
    <t>cg02751731</t>
  </si>
  <si>
    <t>cg02757696</t>
  </si>
  <si>
    <t>cg02765859</t>
  </si>
  <si>
    <t>cg02767841</t>
  </si>
  <si>
    <t>cg02774086</t>
  </si>
  <si>
    <t>cg02779535</t>
  </si>
  <si>
    <t>cg02795691</t>
  </si>
  <si>
    <t>cg02796390</t>
  </si>
  <si>
    <t>cg02810773</t>
  </si>
  <si>
    <t>cg02815102</t>
  </si>
  <si>
    <t>cg02828104</t>
  </si>
  <si>
    <t>cg02829680</t>
  </si>
  <si>
    <t>cg02838589</t>
  </si>
  <si>
    <t>cg02839622</t>
  </si>
  <si>
    <t>cg02844985</t>
  </si>
  <si>
    <t>cg02849754</t>
  </si>
  <si>
    <t>cg02850391</t>
  </si>
  <si>
    <t>cg02858288</t>
  </si>
  <si>
    <t>cg02864875</t>
  </si>
  <si>
    <t>cg02866149</t>
  </si>
  <si>
    <t>cg02866152</t>
  </si>
  <si>
    <t>cg02867123</t>
  </si>
  <si>
    <t>cg02872693</t>
  </si>
  <si>
    <t>cg02888894</t>
  </si>
  <si>
    <t>cg02893482</t>
  </si>
  <si>
    <t>cg02894226</t>
  </si>
  <si>
    <t>cg02895725</t>
  </si>
  <si>
    <t>cg02898206</t>
  </si>
  <si>
    <t>cg02898293</t>
  </si>
  <si>
    <t>cg02898994</t>
  </si>
  <si>
    <t>cg02902946</t>
  </si>
  <si>
    <t>cg02907768</t>
  </si>
  <si>
    <t>cg02918224</t>
  </si>
  <si>
    <t>cg02930951</t>
  </si>
  <si>
    <t>cg02942008</t>
  </si>
  <si>
    <t>cg02957488</t>
  </si>
  <si>
    <t>cg02961978</t>
  </si>
  <si>
    <t>cg02969038</t>
  </si>
  <si>
    <t>cg02970425</t>
  </si>
  <si>
    <t>cg02973993</t>
  </si>
  <si>
    <t>cg02977157</t>
  </si>
  <si>
    <t>cg02978729</t>
  </si>
  <si>
    <t>cg02979819</t>
  </si>
  <si>
    <t>cg02979923</t>
  </si>
  <si>
    <t>cg02988117</t>
  </si>
  <si>
    <t>cg02988798</t>
  </si>
  <si>
    <t>cg02990033</t>
  </si>
  <si>
    <t>cg02990474</t>
  </si>
  <si>
    <t>cg02991238</t>
  </si>
  <si>
    <t>cg02991469</t>
  </si>
  <si>
    <t>cg02999146</t>
  </si>
  <si>
    <t>cg03001863</t>
  </si>
  <si>
    <t>cg03010274</t>
  </si>
  <si>
    <t>cg03021377</t>
  </si>
  <si>
    <t>cg03027037</t>
  </si>
  <si>
    <t>cg03030267</t>
  </si>
  <si>
    <t>cg03033543</t>
  </si>
  <si>
    <t>cg03033975</t>
  </si>
  <si>
    <t>cg03036997</t>
  </si>
  <si>
    <t>cg03037969</t>
  </si>
  <si>
    <t>cg03044178</t>
  </si>
  <si>
    <t>cg03044302</t>
  </si>
  <si>
    <t>cg03044376</t>
  </si>
  <si>
    <t>cg03051836</t>
  </si>
  <si>
    <t>cg03053750</t>
  </si>
  <si>
    <t>cg03056465</t>
  </si>
  <si>
    <t>cg03059174</t>
  </si>
  <si>
    <t>cg03059921</t>
  </si>
  <si>
    <t>cg03061677</t>
  </si>
  <si>
    <t>cg03065311</t>
  </si>
  <si>
    <t>cg03070977</t>
  </si>
  <si>
    <t>cg03071102</t>
  </si>
  <si>
    <t>cg03076771</t>
  </si>
  <si>
    <t>cg03077073</t>
  </si>
  <si>
    <t>cg03077621</t>
  </si>
  <si>
    <t>cg03078972</t>
  </si>
  <si>
    <t>cg03082779</t>
  </si>
  <si>
    <t>cg03087372</t>
  </si>
  <si>
    <t>cg03088990</t>
  </si>
  <si>
    <t>cg03098629</t>
  </si>
  <si>
    <t>cg03102500</t>
  </si>
  <si>
    <t>cg03102788</t>
  </si>
  <si>
    <t>cg03105222</t>
  </si>
  <si>
    <t>cg03112877</t>
  </si>
  <si>
    <t>cg03115886</t>
  </si>
  <si>
    <t>cg03117005</t>
  </si>
  <si>
    <t>cg03128590</t>
  </si>
  <si>
    <t>cg03133868</t>
  </si>
  <si>
    <t>cg03144560</t>
  </si>
  <si>
    <t>cg03145994</t>
  </si>
  <si>
    <t>cg03149454</t>
  </si>
  <si>
    <t>cg03154513</t>
  </si>
  <si>
    <t>cg03154931</t>
  </si>
  <si>
    <t>cg03157591</t>
  </si>
  <si>
    <t>cg03162092</t>
  </si>
  <si>
    <t>cg03165807</t>
  </si>
  <si>
    <t>cg03168008</t>
  </si>
  <si>
    <t>cg03168614</t>
  </si>
  <si>
    <t>cg03172947</t>
  </si>
  <si>
    <t>cg03184011</t>
  </si>
  <si>
    <t>cg03196440</t>
  </si>
  <si>
    <t>cg03199926</t>
  </si>
  <si>
    <t>cg03199996</t>
  </si>
  <si>
    <t>cg03206537</t>
  </si>
  <si>
    <t>cg03207868</t>
  </si>
  <si>
    <t>cg03209384</t>
  </si>
  <si>
    <t>cg03216529</t>
  </si>
  <si>
    <t>cg03218374</t>
  </si>
  <si>
    <t>cg03223949</t>
  </si>
  <si>
    <t>cg03226872</t>
  </si>
  <si>
    <t>cg03227128</t>
  </si>
  <si>
    <t>cg03227940</t>
  </si>
  <si>
    <t>cg03228312</t>
  </si>
  <si>
    <t>cg03229638</t>
  </si>
  <si>
    <t>cg03230852</t>
  </si>
  <si>
    <t>cg03243506</t>
  </si>
  <si>
    <t>cg03247322</t>
  </si>
  <si>
    <t>cg03252977</t>
  </si>
  <si>
    <t>cg03268463</t>
  </si>
  <si>
    <t>cg03279206</t>
  </si>
  <si>
    <t>cg03287299</t>
  </si>
  <si>
    <t>cg03299990</t>
  </si>
  <si>
    <t>cg03302135</t>
  </si>
  <si>
    <t>cg03305034</t>
  </si>
  <si>
    <t>cg03319752</t>
  </si>
  <si>
    <t>cg03321508</t>
  </si>
  <si>
    <t>cg03330516</t>
  </si>
  <si>
    <t>cg03331263</t>
  </si>
  <si>
    <t>cg03332122</t>
  </si>
  <si>
    <t>cg03339910</t>
  </si>
  <si>
    <t>cg03340715</t>
  </si>
  <si>
    <t>cg03342008</t>
  </si>
  <si>
    <t>cg03344105</t>
  </si>
  <si>
    <t>cg03355524</t>
  </si>
  <si>
    <t>cg03356734</t>
  </si>
  <si>
    <t>cg03359095</t>
  </si>
  <si>
    <t>cg03361585</t>
  </si>
  <si>
    <t>cg03363012</t>
  </si>
  <si>
    <t>cg03364727</t>
  </si>
  <si>
    <t>cg03369308</t>
  </si>
  <si>
    <t>cg03373781</t>
  </si>
  <si>
    <t>cg03383941</t>
  </si>
  <si>
    <t>cg03387930</t>
  </si>
  <si>
    <t>cg03403719</t>
  </si>
  <si>
    <t>cg03408077</t>
  </si>
  <si>
    <t>cg03416521</t>
  </si>
  <si>
    <t>cg03425412</t>
  </si>
  <si>
    <t>cg03431903</t>
  </si>
  <si>
    <t>cg03434886</t>
  </si>
  <si>
    <t>cg03450096</t>
  </si>
  <si>
    <t>cg03461296</t>
  </si>
  <si>
    <t>cg03472888</t>
  </si>
  <si>
    <t>cg03481465</t>
  </si>
  <si>
    <t>cg03495011</t>
  </si>
  <si>
    <t>cg03501095</t>
  </si>
  <si>
    <t>cg03501387</t>
  </si>
  <si>
    <t>cg03511041</t>
  </si>
  <si>
    <t>cg03512414</t>
  </si>
  <si>
    <t>cg03513363</t>
  </si>
  <si>
    <t>cg03521468</t>
  </si>
  <si>
    <t>cg03522403</t>
  </si>
  <si>
    <t>cg03524627</t>
  </si>
  <si>
    <t>cg03524630</t>
  </si>
  <si>
    <t>cg03526160</t>
  </si>
  <si>
    <t>cg03529184</t>
  </si>
  <si>
    <t>cg03532879</t>
  </si>
  <si>
    <t>cg03539340</t>
  </si>
  <si>
    <t>cg03539903</t>
  </si>
  <si>
    <t>cg03542938</t>
  </si>
  <si>
    <t>cg03547757</t>
  </si>
  <si>
    <t>cg03547924</t>
  </si>
  <si>
    <t>cg03549412</t>
  </si>
  <si>
    <t>cg03549563</t>
  </si>
  <si>
    <t>cg03552151</t>
  </si>
  <si>
    <t>cg03554406</t>
  </si>
  <si>
    <t>cg03563630</t>
  </si>
  <si>
    <t>cg03567760</t>
  </si>
  <si>
    <t>cg03568675</t>
  </si>
  <si>
    <t>cg03572913</t>
  </si>
  <si>
    <t>cg03573446</t>
  </si>
  <si>
    <t>cg03575387</t>
  </si>
  <si>
    <t>cg03577601</t>
  </si>
  <si>
    <t>cg03578153</t>
  </si>
  <si>
    <t>cg03585974</t>
  </si>
  <si>
    <t>cg03590031</t>
  </si>
  <si>
    <t>cg03605404</t>
  </si>
  <si>
    <t>cg03623378</t>
  </si>
  <si>
    <t>cg03624135</t>
  </si>
  <si>
    <t>cg03640203</t>
  </si>
  <si>
    <t>cg03641251</t>
  </si>
  <si>
    <t>cg03650851</t>
  </si>
  <si>
    <t>cg03658707</t>
  </si>
  <si>
    <t>cg03678098</t>
  </si>
  <si>
    <t>cg03682073</t>
  </si>
  <si>
    <t>cg03695613</t>
  </si>
  <si>
    <t>cg03700308</t>
  </si>
  <si>
    <t>cg03710860</t>
  </si>
  <si>
    <t>cg03711125</t>
  </si>
  <si>
    <t>cg03726785</t>
  </si>
  <si>
    <t>cg03733207</t>
  </si>
  <si>
    <t>cg03733979</t>
  </si>
  <si>
    <t>cg03733992</t>
  </si>
  <si>
    <t>cg03738208</t>
  </si>
  <si>
    <t>cg03738669</t>
  </si>
  <si>
    <t>cg03745414</t>
  </si>
  <si>
    <t>cg03758021</t>
  </si>
  <si>
    <t>cg03774988</t>
  </si>
  <si>
    <t>cg03776827</t>
  </si>
  <si>
    <t>cg03779097</t>
  </si>
  <si>
    <t>cg03781315</t>
  </si>
  <si>
    <t>cg03792653</t>
  </si>
  <si>
    <t>cg03805019</t>
  </si>
  <si>
    <t>cg03812067</t>
  </si>
  <si>
    <t>cg03816593</t>
  </si>
  <si>
    <t>cg03819011</t>
  </si>
  <si>
    <t>cg03839625</t>
  </si>
  <si>
    <t>cg03840472</t>
  </si>
  <si>
    <t>cg03842063</t>
  </si>
  <si>
    <t>cg03842737</t>
  </si>
  <si>
    <t>cg03843031</t>
  </si>
  <si>
    <t>cg03855954</t>
  </si>
  <si>
    <t>cg03860013</t>
  </si>
  <si>
    <t>cg03861115</t>
  </si>
  <si>
    <t>cg03861347</t>
  </si>
  <si>
    <t>cg03861532</t>
  </si>
  <si>
    <t>cg03862380</t>
  </si>
  <si>
    <t>cg03862854</t>
  </si>
  <si>
    <t>cg03874229</t>
  </si>
  <si>
    <t>cg03887724</t>
  </si>
  <si>
    <t>cg03894068</t>
  </si>
  <si>
    <t>cg03897156</t>
  </si>
  <si>
    <t>cg03900072</t>
  </si>
  <si>
    <t>cg03901958</t>
  </si>
  <si>
    <t>cg03904042</t>
  </si>
  <si>
    <t>cg03912614</t>
  </si>
  <si>
    <t>cg03920442</t>
  </si>
  <si>
    <t>cg03926833</t>
  </si>
  <si>
    <t>cg03927131</t>
  </si>
  <si>
    <t>cg03933490</t>
  </si>
  <si>
    <t>cg03940688</t>
  </si>
  <si>
    <t>cg03945807</t>
  </si>
  <si>
    <t>cg03951132</t>
  </si>
  <si>
    <t>cg03960424</t>
  </si>
  <si>
    <t>cg03969725</t>
  </si>
  <si>
    <t>cg03980408</t>
  </si>
  <si>
    <t>cg03998476</t>
  </si>
  <si>
    <t>cg03999872</t>
  </si>
  <si>
    <t>cg04003920</t>
  </si>
  <si>
    <t>cg04007858</t>
  </si>
  <si>
    <t>cg04013159</t>
  </si>
  <si>
    <t>cg04019914</t>
  </si>
  <si>
    <t>cg04022137</t>
  </si>
  <si>
    <t>cg04025889</t>
  </si>
  <si>
    <t>cg04027612</t>
  </si>
  <si>
    <t>cg04029933</t>
  </si>
  <si>
    <t>cg04038019</t>
  </si>
  <si>
    <t>cg04043642</t>
  </si>
  <si>
    <t>cg04049240</t>
  </si>
  <si>
    <t>cg04052808</t>
  </si>
  <si>
    <t>cg04068564</t>
  </si>
  <si>
    <t>cg04068601</t>
  </si>
  <si>
    <t>cg04070427</t>
  </si>
  <si>
    <t>cg04070839</t>
  </si>
  <si>
    <t>cg04071118</t>
  </si>
  <si>
    <t>cg04074650</t>
  </si>
  <si>
    <t>cg04078896</t>
  </si>
  <si>
    <t>cg04083776</t>
  </si>
  <si>
    <t>cg04086771</t>
  </si>
  <si>
    <t>cg04088624</t>
  </si>
  <si>
    <t>cg04090022</t>
  </si>
  <si>
    <t>cg04107773</t>
  </si>
  <si>
    <t>cg04109382</t>
  </si>
  <si>
    <t>cg04109822</t>
  </si>
  <si>
    <t>cg04115418</t>
  </si>
  <si>
    <t>cg04117372</t>
  </si>
  <si>
    <t>cg04117460</t>
  </si>
  <si>
    <t>cg04119538</t>
  </si>
  <si>
    <t>cg04123385</t>
  </si>
  <si>
    <t>cg04130572</t>
  </si>
  <si>
    <t>cg04133097</t>
  </si>
  <si>
    <t>cg04137594</t>
  </si>
  <si>
    <t>cg04139300</t>
  </si>
  <si>
    <t>cg04145601</t>
  </si>
  <si>
    <t>cg04146405</t>
  </si>
  <si>
    <t>cg04172079</t>
  </si>
  <si>
    <t>cg04174986</t>
  </si>
  <si>
    <t>cg04179482</t>
  </si>
  <si>
    <t>cg04179940</t>
  </si>
  <si>
    <t>cg04209315</t>
  </si>
  <si>
    <t>cg04226366</t>
  </si>
  <si>
    <t>cg04240200</t>
  </si>
  <si>
    <t>cg04241444</t>
  </si>
  <si>
    <t>cg04242132</t>
  </si>
  <si>
    <t>cg04265210</t>
  </si>
  <si>
    <t>cg04265332</t>
  </si>
  <si>
    <t>cg04265407</t>
  </si>
  <si>
    <t>cg04267184</t>
  </si>
  <si>
    <t>cg04267284</t>
  </si>
  <si>
    <t>cg04270048</t>
  </si>
  <si>
    <t>cg04271991</t>
  </si>
  <si>
    <t>cg04275707</t>
  </si>
  <si>
    <t>cg04278197</t>
  </si>
  <si>
    <t>cg04281261</t>
  </si>
  <si>
    <t>cg04291946</t>
  </si>
  <si>
    <t>cg04292830</t>
  </si>
  <si>
    <t>cg04294388</t>
  </si>
  <si>
    <t>cg04294952</t>
  </si>
  <si>
    <t>cg04296434</t>
  </si>
  <si>
    <t>cg04299389</t>
  </si>
  <si>
    <t>cg04306926</t>
  </si>
  <si>
    <t>cg04323785</t>
  </si>
  <si>
    <t>cg04337278</t>
  </si>
  <si>
    <t>cg04343045</t>
  </si>
  <si>
    <t>cg04343361</t>
  </si>
  <si>
    <t>cg04343690</t>
  </si>
  <si>
    <t>cg04350066</t>
  </si>
  <si>
    <t>cg04350249</t>
  </si>
  <si>
    <t>cg04354077</t>
  </si>
  <si>
    <t>cg04355401</t>
  </si>
  <si>
    <t>cg04359004</t>
  </si>
  <si>
    <t>cg04360210</t>
  </si>
  <si>
    <t>cg04368257</t>
  </si>
  <si>
    <t>cg04368843</t>
  </si>
  <si>
    <t>cg04369341</t>
  </si>
  <si>
    <t>cg04377618</t>
  </si>
  <si>
    <t>cg04378518</t>
  </si>
  <si>
    <t>cg04379041</t>
  </si>
  <si>
    <t>cg04381249</t>
  </si>
  <si>
    <t>cg04382250</t>
  </si>
  <si>
    <t>cg04395306</t>
  </si>
  <si>
    <t>cg04402891</t>
  </si>
  <si>
    <t>cg04403809</t>
  </si>
  <si>
    <t>cg04406863</t>
  </si>
  <si>
    <t>cg04407137</t>
  </si>
  <si>
    <t>cg04420889</t>
  </si>
  <si>
    <t>cg04425997</t>
  </si>
  <si>
    <t>cg04435241</t>
  </si>
  <si>
    <t>cg04441987</t>
  </si>
  <si>
    <t>cg04442417</t>
  </si>
  <si>
    <t>cg04446876</t>
  </si>
  <si>
    <t>cg04448487</t>
  </si>
  <si>
    <t>cg04457481</t>
  </si>
  <si>
    <t>cg04459030</t>
  </si>
  <si>
    <t>cg04461586</t>
  </si>
  <si>
    <t>cg04469873</t>
  </si>
  <si>
    <t>cg04474326</t>
  </si>
  <si>
    <t>cg04485850</t>
  </si>
  <si>
    <t>cg04504205</t>
  </si>
  <si>
    <t>cg04505348</t>
  </si>
  <si>
    <t>cg04506202</t>
  </si>
  <si>
    <t>cg04506546</t>
  </si>
  <si>
    <t>cg04517374</t>
  </si>
  <si>
    <t>cg04522915</t>
  </si>
  <si>
    <t>cg04530852</t>
  </si>
  <si>
    <t>cg04539957</t>
  </si>
  <si>
    <t>cg04541293</t>
  </si>
  <si>
    <t>cg04543233</t>
  </si>
  <si>
    <t>cg04543319</t>
  </si>
  <si>
    <t>cg04548376</t>
  </si>
  <si>
    <t>cg04555287</t>
  </si>
  <si>
    <t>cg04558158</t>
  </si>
  <si>
    <t>cg04560741</t>
  </si>
  <si>
    <t>cg04575427</t>
  </si>
  <si>
    <t>cg04584700</t>
  </si>
  <si>
    <t>cg04588514</t>
  </si>
  <si>
    <t>cg04592969</t>
  </si>
  <si>
    <t>cg04596539</t>
  </si>
  <si>
    <t>cg04605816</t>
  </si>
  <si>
    <t>cg04606210</t>
  </si>
  <si>
    <t>cg04611203</t>
  </si>
  <si>
    <t>cg04613791</t>
  </si>
  <si>
    <t>cg04617001</t>
  </si>
  <si>
    <t>cg04626878</t>
  </si>
  <si>
    <t>cg04628369</t>
  </si>
  <si>
    <t>cg04629133</t>
  </si>
  <si>
    <t>cg04630273</t>
  </si>
  <si>
    <t>cg04630848</t>
  </si>
  <si>
    <t>cg04632997</t>
  </si>
  <si>
    <t>cg04638374</t>
  </si>
  <si>
    <t>cg04640913</t>
  </si>
  <si>
    <t>cg04650271</t>
  </si>
  <si>
    <t>cg04656101</t>
  </si>
  <si>
    <t>cg04656451</t>
  </si>
  <si>
    <t>cg04660147</t>
  </si>
  <si>
    <t>cg04670359</t>
  </si>
  <si>
    <t>cg04672750</t>
  </si>
  <si>
    <t>cg04675475</t>
  </si>
  <si>
    <t>cg04678219</t>
  </si>
  <si>
    <t>cg04685632</t>
  </si>
  <si>
    <t>cg04692942</t>
  </si>
  <si>
    <t>cg04694744</t>
  </si>
  <si>
    <t>cg04703912</t>
  </si>
  <si>
    <t>cg04722382</t>
  </si>
  <si>
    <t>cg04724434</t>
  </si>
  <si>
    <t>cg04726661</t>
  </si>
  <si>
    <t>cg04730850</t>
  </si>
  <si>
    <t>cg04731988</t>
  </si>
  <si>
    <t>cg04741821</t>
  </si>
  <si>
    <t>cg04750536</t>
  </si>
  <si>
    <t>cg04752263</t>
  </si>
  <si>
    <t>cg04753107</t>
  </si>
  <si>
    <t>cg04753561</t>
  </si>
  <si>
    <t>cg04759756</t>
  </si>
  <si>
    <t>cg04772457</t>
  </si>
  <si>
    <t>cg04773827</t>
  </si>
  <si>
    <t>cg04774229</t>
  </si>
  <si>
    <t>cg04774711</t>
  </si>
  <si>
    <t>cg04779428</t>
  </si>
  <si>
    <t>cg04780380</t>
  </si>
  <si>
    <t>cg04787786</t>
  </si>
  <si>
    <t>cg04802826</t>
  </si>
  <si>
    <t>cg04803921</t>
  </si>
  <si>
    <t>cg04810287</t>
  </si>
  <si>
    <t>cg04815707</t>
  </si>
  <si>
    <t>cg04820254</t>
  </si>
  <si>
    <t>cg04820387</t>
  </si>
  <si>
    <t>cg04823921</t>
  </si>
  <si>
    <t>cg04834666</t>
  </si>
  <si>
    <t>cg04834749</t>
  </si>
  <si>
    <t>cg04847172</t>
  </si>
  <si>
    <t>cg04854343</t>
  </si>
  <si>
    <t>cg04865264</t>
  </si>
  <si>
    <t>cg04872612</t>
  </si>
  <si>
    <t>cg04898124</t>
  </si>
  <si>
    <t>cg04917472</t>
  </si>
  <si>
    <t>cg04922320</t>
  </si>
  <si>
    <t>cg04942547</t>
  </si>
  <si>
    <t>cg04945608</t>
  </si>
  <si>
    <t>cg04956806</t>
  </si>
  <si>
    <t>cg04958658</t>
  </si>
  <si>
    <t>cg04958882</t>
  </si>
  <si>
    <t>cg04961101</t>
  </si>
  <si>
    <t>cg04964333</t>
  </si>
  <si>
    <t>cg04964562</t>
  </si>
  <si>
    <t>cg04969203</t>
  </si>
  <si>
    <t>cg04969764</t>
  </si>
  <si>
    <t>cg04972979</t>
  </si>
  <si>
    <t>cg04974899</t>
  </si>
  <si>
    <t>cg04981010</t>
  </si>
  <si>
    <t>cg04981166</t>
  </si>
  <si>
    <t>cg04988273</t>
  </si>
  <si>
    <t>cg04995536</t>
  </si>
  <si>
    <t>cg04998696</t>
  </si>
  <si>
    <t>cg05007126</t>
  </si>
  <si>
    <t>cg05017821</t>
  </si>
  <si>
    <t>cg05018034</t>
  </si>
  <si>
    <t>cg05021312</t>
  </si>
  <si>
    <t>cg05026540</t>
  </si>
  <si>
    <t>cg05045383</t>
  </si>
  <si>
    <t>cg05054149</t>
  </si>
  <si>
    <t>cg05060427</t>
  </si>
  <si>
    <t>cg05071493</t>
  </si>
  <si>
    <t>cg05073843</t>
  </si>
  <si>
    <t>cg05075454</t>
  </si>
  <si>
    <t>cg05077865</t>
  </si>
  <si>
    <t>cg05081497</t>
  </si>
  <si>
    <t>cg05093113</t>
  </si>
  <si>
    <t>cg05110133</t>
  </si>
  <si>
    <t>cg05114898</t>
  </si>
  <si>
    <t>cg05136169</t>
  </si>
  <si>
    <t>cg05139523</t>
  </si>
  <si>
    <t>cg05152503</t>
  </si>
  <si>
    <t>cg05165064</t>
  </si>
  <si>
    <t>cg05165559</t>
  </si>
  <si>
    <t>cg05170697</t>
  </si>
  <si>
    <t>cg05178316</t>
  </si>
  <si>
    <t>cg05188448</t>
  </si>
  <si>
    <t>cg05193435</t>
  </si>
  <si>
    <t>cg05195247</t>
  </si>
  <si>
    <t>cg05196101</t>
  </si>
  <si>
    <t>cg05199362</t>
  </si>
  <si>
    <t>cg05203206</t>
  </si>
  <si>
    <t>cg05207870</t>
  </si>
  <si>
    <t>cg05212138</t>
  </si>
  <si>
    <t>cg05220534</t>
  </si>
  <si>
    <t>cg05220630</t>
  </si>
  <si>
    <t>cg05227131</t>
  </si>
  <si>
    <t>cg05237820</t>
  </si>
  <si>
    <t>cg05246315</t>
  </si>
  <si>
    <t>cg05269040</t>
  </si>
  <si>
    <t>cg05274680</t>
  </si>
  <si>
    <t>cg05276137</t>
  </si>
  <si>
    <t>cg05279707</t>
  </si>
  <si>
    <t>cg05282437</t>
  </si>
  <si>
    <t>cg05283538</t>
  </si>
  <si>
    <t>cg05287314</t>
  </si>
  <si>
    <t>cg05289394</t>
  </si>
  <si>
    <t>cg05296700</t>
  </si>
  <si>
    <t>cg05300942</t>
  </si>
  <si>
    <t>cg05303999</t>
  </si>
  <si>
    <t>cg05320183</t>
  </si>
  <si>
    <t>cg05320259</t>
  </si>
  <si>
    <t>cg05324368</t>
  </si>
  <si>
    <t>cg05325193</t>
  </si>
  <si>
    <t>cg05325480</t>
  </si>
  <si>
    <t>cg05327260</t>
  </si>
  <si>
    <t>cg05327967</t>
  </si>
  <si>
    <t>cg05331472</t>
  </si>
  <si>
    <t>cg05332869</t>
  </si>
  <si>
    <t>cg05343548</t>
  </si>
  <si>
    <t>cg05348535</t>
  </si>
  <si>
    <t>cg05348770</t>
  </si>
  <si>
    <t>cg05355067</t>
  </si>
  <si>
    <t>cg05357717</t>
  </si>
  <si>
    <t>cg05358404</t>
  </si>
  <si>
    <t>cg05359207</t>
  </si>
  <si>
    <t>cg05372265</t>
  </si>
  <si>
    <t>cg05373875</t>
  </si>
  <si>
    <t>cg05374756</t>
  </si>
  <si>
    <t>cg05378861</t>
  </si>
  <si>
    <t>cg05381692</t>
  </si>
  <si>
    <t>cg05381729</t>
  </si>
  <si>
    <t>cg05383584</t>
  </si>
  <si>
    <t>cg05399553</t>
  </si>
  <si>
    <t>cg05403071</t>
  </si>
  <si>
    <t>cg05403817</t>
  </si>
  <si>
    <t>cg05417517</t>
  </si>
  <si>
    <t>cg05447186</t>
  </si>
  <si>
    <t>cg05451974</t>
  </si>
  <si>
    <t>cg05457514</t>
  </si>
  <si>
    <t>cg05484788</t>
  </si>
  <si>
    <t>cg05533119</t>
  </si>
  <si>
    <t>cg05573182</t>
  </si>
  <si>
    <t>cg05586622</t>
  </si>
  <si>
    <t>cg05628702</t>
  </si>
  <si>
    <t>cg05643964</t>
  </si>
  <si>
    <t>cg05650568</t>
  </si>
  <si>
    <t>cg05668372</t>
  </si>
  <si>
    <t>cg05674199</t>
  </si>
  <si>
    <t>cg05682094</t>
  </si>
  <si>
    <t>cg05709782</t>
  </si>
  <si>
    <t>cg05713474</t>
  </si>
  <si>
    <t>cg05741483</t>
  </si>
  <si>
    <t>cg05745445</t>
  </si>
  <si>
    <t>cg05753799</t>
  </si>
  <si>
    <t>cg05756622</t>
  </si>
  <si>
    <t>cg05779219</t>
  </si>
  <si>
    <t>cg05793020</t>
  </si>
  <si>
    <t>cg05817845</t>
  </si>
  <si>
    <t>cg05820491</t>
  </si>
  <si>
    <t>cg05822633</t>
  </si>
  <si>
    <t>cg05824225</t>
  </si>
  <si>
    <t>cg05824387</t>
  </si>
  <si>
    <t>cg05826607</t>
  </si>
  <si>
    <t>cg05828781</t>
  </si>
  <si>
    <t>cg05832377</t>
  </si>
  <si>
    <t>cg05844798</t>
  </si>
  <si>
    <t>cg05846716</t>
  </si>
  <si>
    <t>cg05851042</t>
  </si>
  <si>
    <t>cg05852409</t>
  </si>
  <si>
    <t>cg05855068</t>
  </si>
  <si>
    <t>cg05857825</t>
  </si>
  <si>
    <t>cg05860190</t>
  </si>
  <si>
    <t>cg05876826</t>
  </si>
  <si>
    <t>cg05890898</t>
  </si>
  <si>
    <t>cg05898333</t>
  </si>
  <si>
    <t>cg05908371</t>
  </si>
  <si>
    <t>cg05927579</t>
  </si>
  <si>
    <t>cg05929574</t>
  </si>
  <si>
    <t>cg05932936</t>
  </si>
  <si>
    <t>cg05936441</t>
  </si>
  <si>
    <t>cg05945314</t>
  </si>
  <si>
    <t>cg05955436</t>
  </si>
  <si>
    <t>cg05961802</t>
  </si>
  <si>
    <t>cg05971521</t>
  </si>
  <si>
    <t>cg05972934</t>
  </si>
  <si>
    <t>cg05985324</t>
  </si>
  <si>
    <t>cg05992185</t>
  </si>
  <si>
    <t>cg06011073</t>
  </si>
  <si>
    <t>cg06019865</t>
  </si>
  <si>
    <t>cg06021552</t>
  </si>
  <si>
    <t>cg06039171</t>
  </si>
  <si>
    <t>cg06041278</t>
  </si>
  <si>
    <t>cg06042550</t>
  </si>
  <si>
    <t>cg06048153</t>
  </si>
  <si>
    <t>cg06049791</t>
  </si>
  <si>
    <t>cg06057885</t>
  </si>
  <si>
    <t>cg06057946</t>
  </si>
  <si>
    <t>cg06064964</t>
  </si>
  <si>
    <t>cg06065549</t>
  </si>
  <si>
    <t>cg06082906</t>
  </si>
  <si>
    <t>cg06083669</t>
  </si>
  <si>
    <t>cg06097592</t>
  </si>
  <si>
    <t>cg06100238</t>
  </si>
  <si>
    <t>cg06126829</t>
  </si>
  <si>
    <t>cg06132069</t>
  </si>
  <si>
    <t>cg06133908</t>
  </si>
  <si>
    <t>cg06143362</t>
  </si>
  <si>
    <t>cg06151165</t>
  </si>
  <si>
    <t>cg06154311</t>
  </si>
  <si>
    <t>cg06163215</t>
  </si>
  <si>
    <t>cg06175927</t>
  </si>
  <si>
    <t>cg06182261</t>
  </si>
  <si>
    <t>cg06187356</t>
  </si>
  <si>
    <t>cg06187750</t>
  </si>
  <si>
    <t>cg06193004</t>
  </si>
  <si>
    <t>cg06217245</t>
  </si>
  <si>
    <t>cg06218285</t>
  </si>
  <si>
    <t>cg06228507</t>
  </si>
  <si>
    <t>cg06231372</t>
  </si>
  <si>
    <t>cg06231962</t>
  </si>
  <si>
    <t>cg06235351</t>
  </si>
  <si>
    <t>cg06235575</t>
  </si>
  <si>
    <t>cg06244927</t>
  </si>
  <si>
    <t>cg06251395</t>
  </si>
  <si>
    <t>cg06255227</t>
  </si>
  <si>
    <t>cg06257798</t>
  </si>
  <si>
    <t>cg06258936</t>
  </si>
  <si>
    <t>cg06260159</t>
  </si>
  <si>
    <t>cg06261066</t>
  </si>
  <si>
    <t>cg06264183</t>
  </si>
  <si>
    <t>cg06281278</t>
  </si>
  <si>
    <t>cg06288351</t>
  </si>
  <si>
    <t>cg06291107</t>
  </si>
  <si>
    <t>cg06295590</t>
  </si>
  <si>
    <t>cg06301550</t>
  </si>
  <si>
    <t>cg06309063</t>
  </si>
  <si>
    <t>cg06311934</t>
  </si>
  <si>
    <t>cg06313775</t>
  </si>
  <si>
    <t>cg06326428</t>
  </si>
  <si>
    <t>cg06335889</t>
  </si>
  <si>
    <t>cg06340367</t>
  </si>
  <si>
    <t>cg06347896</t>
  </si>
  <si>
    <t>cg06348423</t>
  </si>
  <si>
    <t>cg06355010</t>
  </si>
  <si>
    <t>cg06363034</t>
  </si>
  <si>
    <t>cg06365177</t>
  </si>
  <si>
    <t>cg06365303</t>
  </si>
  <si>
    <t>cg06369624</t>
  </si>
  <si>
    <t>cg06371836</t>
  </si>
  <si>
    <t>cg06385087</t>
  </si>
  <si>
    <t>cg06390653</t>
  </si>
  <si>
    <t>cg06401138</t>
  </si>
  <si>
    <t>cg06404662</t>
  </si>
  <si>
    <t>cg06407053</t>
  </si>
  <si>
    <t>cg06407634</t>
  </si>
  <si>
    <t>cg06410694</t>
  </si>
  <si>
    <t>cg06421707</t>
  </si>
  <si>
    <t>cg06425556</t>
  </si>
  <si>
    <t>cg06425727</t>
  </si>
  <si>
    <t>cg06425868</t>
  </si>
  <si>
    <t>cg06446163</t>
  </si>
  <si>
    <t>cg06449334</t>
  </si>
  <si>
    <t>cg06449863</t>
  </si>
  <si>
    <t>cg06457011</t>
  </si>
  <si>
    <t>cg06470251</t>
  </si>
  <si>
    <t>cg06473773</t>
  </si>
  <si>
    <t>cg06474274</t>
  </si>
  <si>
    <t>cg06477069</t>
  </si>
  <si>
    <t>cg06479426</t>
  </si>
  <si>
    <t>cg06486451</t>
  </si>
  <si>
    <t>cg06488666</t>
  </si>
  <si>
    <t>cg06489008</t>
  </si>
  <si>
    <t>cg06493829</t>
  </si>
  <si>
    <t>cg06499892</t>
  </si>
  <si>
    <t>cg06517360</t>
  </si>
  <si>
    <t>cg06519111</t>
  </si>
  <si>
    <t>cg06521030</t>
  </si>
  <si>
    <t>cg06527124</t>
  </si>
  <si>
    <t>cg06534752</t>
  </si>
  <si>
    <t>cg06538141</t>
  </si>
  <si>
    <t>cg06539804</t>
  </si>
  <si>
    <t>cg06544113</t>
  </si>
  <si>
    <t>cg06550340</t>
  </si>
  <si>
    <t>cg06571407</t>
  </si>
  <si>
    <t>cg06575425</t>
  </si>
  <si>
    <t>cg06576732</t>
  </si>
  <si>
    <t>cg06577241</t>
  </si>
  <si>
    <t>cg06583813</t>
  </si>
  <si>
    <t>cg06586775</t>
  </si>
  <si>
    <t>cg06590074</t>
  </si>
  <si>
    <t>cg06590120</t>
  </si>
  <si>
    <t>cg06600331</t>
  </si>
  <si>
    <t>cg06604199</t>
  </si>
  <si>
    <t>cg06605158</t>
  </si>
  <si>
    <t>cg06624291</t>
  </si>
  <si>
    <t>cg06630799</t>
  </si>
  <si>
    <t>cg06653796</t>
  </si>
  <si>
    <t>cg06654901</t>
  </si>
  <si>
    <t>cg06660530</t>
  </si>
  <si>
    <t>cg06661994</t>
  </si>
  <si>
    <t>cg06665391</t>
  </si>
  <si>
    <t>cg06672560</t>
  </si>
  <si>
    <t>cg06686226</t>
  </si>
  <si>
    <t>cg06688875</t>
  </si>
  <si>
    <t>cg06719602</t>
  </si>
  <si>
    <t>cg06721796</t>
  </si>
  <si>
    <t>cg06722503</t>
  </si>
  <si>
    <t>cg06723459</t>
  </si>
  <si>
    <t>cg06728272</t>
  </si>
  <si>
    <t>cg06733470</t>
  </si>
  <si>
    <t>cg06739520</t>
  </si>
  <si>
    <t>cg06756315</t>
  </si>
  <si>
    <t>cg06769708</t>
  </si>
  <si>
    <t>cg06777472</t>
  </si>
  <si>
    <t>cg06795741</t>
  </si>
  <si>
    <t>cg06796271</t>
  </si>
  <si>
    <t>cg06801658</t>
  </si>
  <si>
    <t>cg06806461</t>
  </si>
  <si>
    <t>cg06813782</t>
  </si>
  <si>
    <t>cg06814048</t>
  </si>
  <si>
    <t>cg06824795</t>
  </si>
  <si>
    <t>cg06838394</t>
  </si>
  <si>
    <t>cg06856687</t>
  </si>
  <si>
    <t>cg06856720</t>
  </si>
  <si>
    <t>cg06868622</t>
  </si>
  <si>
    <t>cg06873027</t>
  </si>
  <si>
    <t>cg06877224</t>
  </si>
  <si>
    <t>cg06882971</t>
  </si>
  <si>
    <t>cg06889272</t>
  </si>
  <si>
    <t>cg06893362</t>
  </si>
  <si>
    <t>cg06900404</t>
  </si>
  <si>
    <t>cg06901759</t>
  </si>
  <si>
    <t>cg06903656</t>
  </si>
  <si>
    <t>cg06908862</t>
  </si>
  <si>
    <t>cg06908895</t>
  </si>
  <si>
    <t>cg06913219</t>
  </si>
  <si>
    <t>cg06919203</t>
  </si>
  <si>
    <t>cg06926735</t>
  </si>
  <si>
    <t>cg06939920</t>
  </si>
  <si>
    <t>cg06942450</t>
  </si>
  <si>
    <t>cg06950567</t>
  </si>
  <si>
    <t>cg06956295</t>
  </si>
  <si>
    <t>cg06976395</t>
  </si>
  <si>
    <t>cg06982272</t>
  </si>
  <si>
    <t>cg06985868</t>
  </si>
  <si>
    <t>cg06986543</t>
  </si>
  <si>
    <t>cg07000438</t>
  </si>
  <si>
    <t>cg07003360</t>
  </si>
  <si>
    <t>cg07006673</t>
  </si>
  <si>
    <t>cg07008386</t>
  </si>
  <si>
    <t>cg07019386</t>
  </si>
  <si>
    <t>cg07028675</t>
  </si>
  <si>
    <t>cg07030373</t>
  </si>
  <si>
    <t>cg07032439</t>
  </si>
  <si>
    <t>cg07042104</t>
  </si>
  <si>
    <t>cg07046101</t>
  </si>
  <si>
    <t>cg07050493</t>
  </si>
  <si>
    <t>cg07060233</t>
  </si>
  <si>
    <t>cg07063463</t>
  </si>
  <si>
    <t>cg07064406</t>
  </si>
  <si>
    <t>cg07071379</t>
  </si>
  <si>
    <t>cg07072140</t>
  </si>
  <si>
    <t>cg07086295</t>
  </si>
  <si>
    <t>cg07087859</t>
  </si>
  <si>
    <t>cg07090569</t>
  </si>
  <si>
    <t>cg07091779</t>
  </si>
  <si>
    <t>cg07133741</t>
  </si>
  <si>
    <t>cg07141033</t>
  </si>
  <si>
    <t>cg07141452</t>
  </si>
  <si>
    <t>cg07143805</t>
  </si>
  <si>
    <t>cg07151236</t>
  </si>
  <si>
    <t>cg07153826</t>
  </si>
  <si>
    <t>cg07155318</t>
  </si>
  <si>
    <t>cg07161615</t>
  </si>
  <si>
    <t>cg07170231</t>
  </si>
  <si>
    <t>cg07177408</t>
  </si>
  <si>
    <t>cg07185584</t>
  </si>
  <si>
    <t>cg07191594</t>
  </si>
  <si>
    <t>cg07198552</t>
  </si>
  <si>
    <t>cg07199827</t>
  </si>
  <si>
    <t>cg07209686</t>
  </si>
  <si>
    <t>cg07210840</t>
  </si>
  <si>
    <t>cg07236812</t>
  </si>
  <si>
    <t>cg07241457</t>
  </si>
  <si>
    <t>cg07247419</t>
  </si>
  <si>
    <t>cg07255664</t>
  </si>
  <si>
    <t>cg07258627</t>
  </si>
  <si>
    <t>cg07269819</t>
  </si>
  <si>
    <t>cg07284407</t>
  </si>
  <si>
    <t>cg07294624</t>
  </si>
  <si>
    <t>cg07294870</t>
  </si>
  <si>
    <t>cg07309942</t>
  </si>
  <si>
    <t>cg07323055</t>
  </si>
  <si>
    <t>cg07328115</t>
  </si>
  <si>
    <t>cg07341624</t>
  </si>
  <si>
    <t>cg07341934</t>
  </si>
  <si>
    <t>cg07355551</t>
  </si>
  <si>
    <t>cg07357256</t>
  </si>
  <si>
    <t>cg07364906</t>
  </si>
  <si>
    <t>cg07379251</t>
  </si>
  <si>
    <t>cg07387591</t>
  </si>
  <si>
    <t>cg07400741</t>
  </si>
  <si>
    <t>cg07405362</t>
  </si>
  <si>
    <t>cg07405370</t>
  </si>
  <si>
    <t>cg07405563</t>
  </si>
  <si>
    <t>cg07410571</t>
  </si>
  <si>
    <t>cg07414492</t>
  </si>
  <si>
    <t>cg07430237</t>
  </si>
  <si>
    <t>cg07434253</t>
  </si>
  <si>
    <t>cg07434855</t>
  </si>
  <si>
    <t>cg07436864</t>
  </si>
  <si>
    <t>cg07439609</t>
  </si>
  <si>
    <t>cg07444323</t>
  </si>
  <si>
    <t>cg07447854</t>
  </si>
  <si>
    <t>cg07464217</t>
  </si>
  <si>
    <t>cg07465602</t>
  </si>
  <si>
    <t>cg07472511</t>
  </si>
  <si>
    <t>cg07473985</t>
  </si>
  <si>
    <t>cg07474022</t>
  </si>
  <si>
    <t>cg07506055</t>
  </si>
  <si>
    <t>cg07507493</t>
  </si>
  <si>
    <t>cg07511259</t>
  </si>
  <si>
    <t>cg07514594</t>
  </si>
  <si>
    <t>cg07516946</t>
  </si>
  <si>
    <t>cg07545457</t>
  </si>
  <si>
    <t>cg07547549</t>
  </si>
  <si>
    <t>cg07549715</t>
  </si>
  <si>
    <t>cg07552707</t>
  </si>
  <si>
    <t>cg07555437</t>
  </si>
  <si>
    <t>cg07556261</t>
  </si>
  <si>
    <t>cg07560408</t>
  </si>
  <si>
    <t>cg07560932</t>
  </si>
  <si>
    <t>cg07567308</t>
  </si>
  <si>
    <t>cg07571344</t>
  </si>
  <si>
    <t>cg07572341</t>
  </si>
  <si>
    <t>cg07577824</t>
  </si>
  <si>
    <t>cg07585928</t>
  </si>
  <si>
    <t>cg07588216</t>
  </si>
  <si>
    <t>cg07589968</t>
  </si>
  <si>
    <t>cg07597892</t>
  </si>
  <si>
    <t>cg07607355</t>
  </si>
  <si>
    <t>cg07609788</t>
  </si>
  <si>
    <t>cg07611334</t>
  </si>
  <si>
    <t>cg07612655</t>
  </si>
  <si>
    <t>cg07612821</t>
  </si>
  <si>
    <t>cg07613588</t>
  </si>
  <si>
    <t>cg07617814</t>
  </si>
  <si>
    <t>cg07620230</t>
  </si>
  <si>
    <t>cg07630532</t>
  </si>
  <si>
    <t>cg07635106</t>
  </si>
  <si>
    <t>cg07640959</t>
  </si>
  <si>
    <t>cg07649744</t>
  </si>
  <si>
    <t>cg07655119</t>
  </si>
  <si>
    <t>cg07668993</t>
  </si>
  <si>
    <t>cg07673181</t>
  </si>
  <si>
    <t>cg07674238</t>
  </si>
  <si>
    <t>cg07678583</t>
  </si>
  <si>
    <t>cg07683873</t>
  </si>
  <si>
    <t>cg07684169</t>
  </si>
  <si>
    <t>cg07691004</t>
  </si>
  <si>
    <t>cg07695604</t>
  </si>
  <si>
    <t>cg07700249</t>
  </si>
  <si>
    <t>cg07702509</t>
  </si>
  <si>
    <t>cg07703277</t>
  </si>
  <si>
    <t>cg07704824</t>
  </si>
  <si>
    <t>cg07707641</t>
  </si>
  <si>
    <t>cg07719737</t>
  </si>
  <si>
    <t>cg07722360</t>
  </si>
  <si>
    <t>cg07727233</t>
  </si>
  <si>
    <t>cg07727594</t>
  </si>
  <si>
    <t>cg07733918</t>
  </si>
  <si>
    <t>cg07741474</t>
  </si>
  <si>
    <t>cg07763967</t>
  </si>
  <si>
    <t>cg07773800</t>
  </si>
  <si>
    <t>cg07781736</t>
  </si>
  <si>
    <t>cg07789225</t>
  </si>
  <si>
    <t>cg07796062</t>
  </si>
  <si>
    <t>cg07797805</t>
  </si>
  <si>
    <t>cg07799106</t>
  </si>
  <si>
    <t>cg07799577</t>
  </si>
  <si>
    <t>cg07803006</t>
  </si>
  <si>
    <t>cg07803218</t>
  </si>
  <si>
    <t>cg07809909</t>
  </si>
  <si>
    <t>cg07823452</t>
  </si>
  <si>
    <t>cg07824914</t>
  </si>
  <si>
    <t>cg07827435</t>
  </si>
  <si>
    <t>cg07833342</t>
  </si>
  <si>
    <t>cg07869907</t>
  </si>
  <si>
    <t>cg07870370</t>
  </si>
  <si>
    <t>cg07882648</t>
  </si>
  <si>
    <t>cg07884474</t>
  </si>
  <si>
    <t>cg07889201</t>
  </si>
  <si>
    <t>cg07893801</t>
  </si>
  <si>
    <t>cg07895504</t>
  </si>
  <si>
    <t>cg07901003</t>
  </si>
  <si>
    <t>cg07906484</t>
  </si>
  <si>
    <t>cg07912689</t>
  </si>
  <si>
    <t>cg07914822</t>
  </si>
  <si>
    <t>cg07931024</t>
  </si>
  <si>
    <t>cg07938252</t>
  </si>
  <si>
    <t>cg07941567</t>
  </si>
  <si>
    <t>cg07953890</t>
  </si>
  <si>
    <t>cg07955828</t>
  </si>
  <si>
    <t>cg07957953</t>
  </si>
  <si>
    <t>cg07963563</t>
  </si>
  <si>
    <t>cg07970734</t>
  </si>
  <si>
    <t>cg07979348</t>
  </si>
  <si>
    <t>cg07980854</t>
  </si>
  <si>
    <t>cg07982740</t>
  </si>
  <si>
    <t>cg07989985</t>
  </si>
  <si>
    <t>cg07991288</t>
  </si>
  <si>
    <t>cg07994622</t>
  </si>
  <si>
    <t>cg07995091</t>
  </si>
  <si>
    <t>cg07996558</t>
  </si>
  <si>
    <t>cg08003077</t>
  </si>
  <si>
    <t>cg08009116</t>
  </si>
  <si>
    <t>cg08013274</t>
  </si>
  <si>
    <t>cg08013810</t>
  </si>
  <si>
    <t>cg08015883</t>
  </si>
  <si>
    <t>cg08021508</t>
  </si>
  <si>
    <t>cg08038219</t>
  </si>
  <si>
    <t>cg08038409</t>
  </si>
  <si>
    <t>cg08040448</t>
  </si>
  <si>
    <t>cg08042538</t>
  </si>
  <si>
    <t>cg08045932</t>
  </si>
  <si>
    <t>cg08050464</t>
  </si>
  <si>
    <t>cg08054217</t>
  </si>
  <si>
    <t>cg08056390</t>
  </si>
  <si>
    <t>cg08058894</t>
  </si>
  <si>
    <t>cg08062713</t>
  </si>
  <si>
    <t>cg08063745</t>
  </si>
  <si>
    <t>cg08073986</t>
  </si>
  <si>
    <t>cg08074820</t>
  </si>
  <si>
    <t>cg08079693</t>
  </si>
  <si>
    <t>cg08093055</t>
  </si>
  <si>
    <t>cg08093619</t>
  </si>
  <si>
    <t>cg08108289</t>
  </si>
  <si>
    <t>cg08115833</t>
  </si>
  <si>
    <t>cg08118581</t>
  </si>
  <si>
    <t>cg08137888</t>
  </si>
  <si>
    <t>cg08160253</t>
  </si>
  <si>
    <t>cg08162572</t>
  </si>
  <si>
    <t>cg08178815</t>
  </si>
  <si>
    <t>cg08179771</t>
  </si>
  <si>
    <t>cg08201421</t>
  </si>
  <si>
    <t>cg08205361</t>
  </si>
  <si>
    <t>cg08213619</t>
  </si>
  <si>
    <t>cg08216131</t>
  </si>
  <si>
    <t>cg08225889</t>
  </si>
  <si>
    <t>cg08238211</t>
  </si>
  <si>
    <t>cg08243465</t>
  </si>
  <si>
    <t>cg08244522</t>
  </si>
  <si>
    <t>cg08246859</t>
  </si>
  <si>
    <t>cg08254089</t>
  </si>
  <si>
    <t>cg08258867</t>
  </si>
  <si>
    <t>cg08263991</t>
  </si>
  <si>
    <t>cg08277899</t>
  </si>
  <si>
    <t>cg08290845</t>
  </si>
  <si>
    <t>cg08291098</t>
  </si>
  <si>
    <t>cg08304608</t>
  </si>
  <si>
    <t>cg08314996</t>
  </si>
  <si>
    <t>cg08329236</t>
  </si>
  <si>
    <t>cg08329597</t>
  </si>
  <si>
    <t>cg08330217</t>
  </si>
  <si>
    <t>cg08340755</t>
  </si>
  <si>
    <t>cg08342023</t>
  </si>
  <si>
    <t>cg08345614</t>
  </si>
  <si>
    <t>cg08346127</t>
  </si>
  <si>
    <t>cg08351331</t>
  </si>
  <si>
    <t>cg08371391</t>
  </si>
  <si>
    <t>cg08389814</t>
  </si>
  <si>
    <t>cg08390729</t>
  </si>
  <si>
    <t>cg08402873</t>
  </si>
  <si>
    <t>cg08423054</t>
  </si>
  <si>
    <t>cg08424491</t>
  </si>
  <si>
    <t>cg08428707</t>
  </si>
  <si>
    <t>cg08432509</t>
  </si>
  <si>
    <t>cg08436467</t>
  </si>
  <si>
    <t>cg08440266</t>
  </si>
  <si>
    <t>cg08443357</t>
  </si>
  <si>
    <t>cg08453968</t>
  </si>
  <si>
    <t>cg08463758</t>
  </si>
  <si>
    <t>cg08478871</t>
  </si>
  <si>
    <t>cg08495126</t>
  </si>
  <si>
    <t>cg08502534</t>
  </si>
  <si>
    <t>cg08508227</t>
  </si>
  <si>
    <t>cg08511818</t>
  </si>
  <si>
    <t>cg08516212</t>
  </si>
  <si>
    <t>cg08525481</t>
  </si>
  <si>
    <t>cg08533242</t>
  </si>
  <si>
    <t>cg08533364</t>
  </si>
  <si>
    <t>cg08533934</t>
  </si>
  <si>
    <t>cg08535373</t>
  </si>
  <si>
    <t>cg08545593</t>
  </si>
  <si>
    <t>cg08553950</t>
  </si>
  <si>
    <t>cg08554061</t>
  </si>
  <si>
    <t>cg08554554</t>
  </si>
  <si>
    <t>cg08556090</t>
  </si>
  <si>
    <t>cg08567517</t>
  </si>
  <si>
    <t>cg08567760</t>
  </si>
  <si>
    <t>cg08568736</t>
  </si>
  <si>
    <t>cg08575399</t>
  </si>
  <si>
    <t>cg08579011</t>
  </si>
  <si>
    <t>cg08580545</t>
  </si>
  <si>
    <t>cg08582485</t>
  </si>
  <si>
    <t>cg08582720</t>
  </si>
  <si>
    <t>cg08583859</t>
  </si>
  <si>
    <t>cg08587504</t>
  </si>
  <si>
    <t>cg08589418</t>
  </si>
  <si>
    <t>cg08601574</t>
  </si>
  <si>
    <t>cg08611491</t>
  </si>
  <si>
    <t>cg08617346</t>
  </si>
  <si>
    <t>cg08623947</t>
  </si>
  <si>
    <t>cg08624249</t>
  </si>
  <si>
    <t>cg08635403</t>
  </si>
  <si>
    <t>cg08642068</t>
  </si>
  <si>
    <t>cg08648041</t>
  </si>
  <si>
    <t>cg08653747</t>
  </si>
  <si>
    <t>cg08659621</t>
  </si>
  <si>
    <t>cg08661693</t>
  </si>
  <si>
    <t>cg08665359</t>
  </si>
  <si>
    <t>cg08667545</t>
  </si>
  <si>
    <t>cg08668772</t>
  </si>
  <si>
    <t>cg08676721</t>
  </si>
  <si>
    <t>cg08678429</t>
  </si>
  <si>
    <t>cg08685909</t>
  </si>
  <si>
    <t>cg08692688</t>
  </si>
  <si>
    <t>cg08696494</t>
  </si>
  <si>
    <t>cg08708079</t>
  </si>
  <si>
    <t>cg08713365</t>
  </si>
  <si>
    <t>cg08723131</t>
  </si>
  <si>
    <t>cg08736638</t>
  </si>
  <si>
    <t>cg08737296</t>
  </si>
  <si>
    <t>cg08743392</t>
  </si>
  <si>
    <t>cg08755224</t>
  </si>
  <si>
    <t>cg08770869</t>
  </si>
  <si>
    <t>cg08801329</t>
  </si>
  <si>
    <t>cg08830853</t>
  </si>
  <si>
    <t>cg08876934</t>
  </si>
  <si>
    <t>cg08878177</t>
  </si>
  <si>
    <t>cg08880538</t>
  </si>
  <si>
    <t>cg08888491</t>
  </si>
  <si>
    <t>cg08899632</t>
  </si>
  <si>
    <t>cg08912400</t>
  </si>
  <si>
    <t>cg08921126</t>
  </si>
  <si>
    <t>cg08941457</t>
  </si>
  <si>
    <t>cg08949924</t>
  </si>
  <si>
    <t>cg08964435</t>
  </si>
  <si>
    <t>cg08964912</t>
  </si>
  <si>
    <t>cg08966023</t>
  </si>
  <si>
    <t>cg08977611</t>
  </si>
  <si>
    <t>cg08994982</t>
  </si>
  <si>
    <t>cg08997444</t>
  </si>
  <si>
    <t>cg08999124</t>
  </si>
  <si>
    <t>cg09005679</t>
  </si>
  <si>
    <t>cg09009130</t>
  </si>
  <si>
    <t>cg09015232</t>
  </si>
  <si>
    <t>cg09027725</t>
  </si>
  <si>
    <t>cg09028132</t>
  </si>
  <si>
    <t>cg09030830</t>
  </si>
  <si>
    <t>cg09039664</t>
  </si>
  <si>
    <t>cg09044785</t>
  </si>
  <si>
    <t>cg09048500</t>
  </si>
  <si>
    <t>cg09051966</t>
  </si>
  <si>
    <t>cg09062397</t>
  </si>
  <si>
    <t>cg09063661</t>
  </si>
  <si>
    <t>cg09063835</t>
  </si>
  <si>
    <t>cg09065199</t>
  </si>
  <si>
    <t>cg09071239</t>
  </si>
  <si>
    <t>cg09072870</t>
  </si>
  <si>
    <t>cg09073838</t>
  </si>
  <si>
    <t>cg09083579</t>
  </si>
  <si>
    <t>cg09085823</t>
  </si>
  <si>
    <t>cg09088834</t>
  </si>
  <si>
    <t>cg09092525</t>
  </si>
  <si>
    <t>cg09113613</t>
  </si>
  <si>
    <t>cg09117405</t>
  </si>
  <si>
    <t>cg09119967</t>
  </si>
  <si>
    <t>cg09122683</t>
  </si>
  <si>
    <t>cg09127015</t>
  </si>
  <si>
    <t>cg09149842</t>
  </si>
  <si>
    <t>cg09153897</t>
  </si>
  <si>
    <t>cg09158909</t>
  </si>
  <si>
    <t>cg09160216</t>
  </si>
  <si>
    <t>cg09165842</t>
  </si>
  <si>
    <t>cg09179691</t>
  </si>
  <si>
    <t>cg09184429</t>
  </si>
  <si>
    <t>cg09189354</t>
  </si>
  <si>
    <t>cg09191335</t>
  </si>
  <si>
    <t>cg09191485</t>
  </si>
  <si>
    <t>cg09203029</t>
  </si>
  <si>
    <t>cg09210315</t>
  </si>
  <si>
    <t>cg09227119</t>
  </si>
  <si>
    <t>cg09241885</t>
  </si>
  <si>
    <t>cg09260441</t>
  </si>
  <si>
    <t>cg09272948</t>
  </si>
  <si>
    <t>cg09273716</t>
  </si>
  <si>
    <t>cg09274988</t>
  </si>
  <si>
    <t>cg09276978</t>
  </si>
  <si>
    <t>cg09282338</t>
  </si>
  <si>
    <t>cg09287434</t>
  </si>
  <si>
    <t>cg09289335</t>
  </si>
  <si>
    <t>cg09297463</t>
  </si>
  <si>
    <t>cg09306675</t>
  </si>
  <si>
    <t>cg09310185</t>
  </si>
  <si>
    <t>cg09316543</t>
  </si>
  <si>
    <t>cg09328228</t>
  </si>
  <si>
    <t>cg09333580</t>
  </si>
  <si>
    <t>cg09337208</t>
  </si>
  <si>
    <t>cg09337391</t>
  </si>
  <si>
    <t>cg09344281</t>
  </si>
  <si>
    <t>cg09351449</t>
  </si>
  <si>
    <t>cg09369136</t>
  </si>
  <si>
    <t>cg09373025</t>
  </si>
  <si>
    <t>cg09378691</t>
  </si>
  <si>
    <t>cg09425898</t>
  </si>
  <si>
    <t>cg09458237</t>
  </si>
  <si>
    <t>cg09462575</t>
  </si>
  <si>
    <t>cg09465142</t>
  </si>
  <si>
    <t>cg09467487</t>
  </si>
  <si>
    <t>cg09486567</t>
  </si>
  <si>
    <t>cg09500328</t>
  </si>
  <si>
    <t>cg09501372</t>
  </si>
  <si>
    <t>cg09513276</t>
  </si>
  <si>
    <t>cg09521809</t>
  </si>
  <si>
    <t>cg09523339</t>
  </si>
  <si>
    <t>cg09537533</t>
  </si>
  <si>
    <t>cg09539538</t>
  </si>
  <si>
    <t>cg09560912</t>
  </si>
  <si>
    <t>cg09568061</t>
  </si>
  <si>
    <t>cg09572195</t>
  </si>
  <si>
    <t>cg09575314</t>
  </si>
  <si>
    <t>cg09576415</t>
  </si>
  <si>
    <t>cg09576649</t>
  </si>
  <si>
    <t>cg09577115</t>
  </si>
  <si>
    <t>cg09577651</t>
  </si>
  <si>
    <t>cg09581581</t>
  </si>
  <si>
    <t>cg09583957</t>
  </si>
  <si>
    <t>cg09594475</t>
  </si>
  <si>
    <t>cg09598225</t>
  </si>
  <si>
    <t>cg09598285</t>
  </si>
  <si>
    <t>cg09604203</t>
  </si>
  <si>
    <t>cg09606034</t>
  </si>
  <si>
    <t>cg09607548</t>
  </si>
  <si>
    <t>cg09618904</t>
  </si>
  <si>
    <t>cg09620491</t>
  </si>
  <si>
    <t>cg09622203</t>
  </si>
  <si>
    <t>cg09624942</t>
  </si>
  <si>
    <t>cg09628707</t>
  </si>
  <si>
    <t>cg09631192</t>
  </si>
  <si>
    <t>cg09645475</t>
  </si>
  <si>
    <t>cg09646754</t>
  </si>
  <si>
    <t>cg09649495</t>
  </si>
  <si>
    <t>cg09650180</t>
  </si>
  <si>
    <t>cg09655559</t>
  </si>
  <si>
    <t>cg09659400</t>
  </si>
  <si>
    <t>cg09662034</t>
  </si>
  <si>
    <t>cg09663111</t>
  </si>
  <si>
    <t>cg09675069</t>
  </si>
  <si>
    <t>cg09676129</t>
  </si>
  <si>
    <t>cg09687966</t>
  </si>
  <si>
    <t>cg09690659</t>
  </si>
  <si>
    <t>cg09694610</t>
  </si>
  <si>
    <t>cg09696044</t>
  </si>
  <si>
    <t>cg09704054</t>
  </si>
  <si>
    <t>cg09713225</t>
  </si>
  <si>
    <t>cg09716545</t>
  </si>
  <si>
    <t>cg09722420</t>
  </si>
  <si>
    <t>cg09725195</t>
  </si>
  <si>
    <t>cg09725939</t>
  </si>
  <si>
    <t>cg09727692</t>
  </si>
  <si>
    <t>cg09730170</t>
  </si>
  <si>
    <t>cg09732036</t>
  </si>
  <si>
    <t>cg09736934</t>
  </si>
  <si>
    <t>cg09738143</t>
  </si>
  <si>
    <t>cg09742177</t>
  </si>
  <si>
    <t>cg09760574</t>
  </si>
  <si>
    <t>cg09775533</t>
  </si>
  <si>
    <t>cg09801828</t>
  </si>
  <si>
    <t>cg09820277</t>
  </si>
  <si>
    <t>cg09828625</t>
  </si>
  <si>
    <t>cg09828641</t>
  </si>
  <si>
    <t>cg09831553</t>
  </si>
  <si>
    <t>cg09835408</t>
  </si>
  <si>
    <t>cg09835867</t>
  </si>
  <si>
    <t>cg09844573</t>
  </si>
  <si>
    <t>cg09864990</t>
  </si>
  <si>
    <t>cg09868035</t>
  </si>
  <si>
    <t>cg09870200</t>
  </si>
  <si>
    <t>cg09874776</t>
  </si>
  <si>
    <t>cg09882647</t>
  </si>
  <si>
    <t>cg09886755</t>
  </si>
  <si>
    <t>cg09889165</t>
  </si>
  <si>
    <t>cg09890246</t>
  </si>
  <si>
    <t>cg09891106</t>
  </si>
  <si>
    <t>cg09900436</t>
  </si>
  <si>
    <t>cg09906458</t>
  </si>
  <si>
    <t>cg09914742</t>
  </si>
  <si>
    <t>cg09921555</t>
  </si>
  <si>
    <t>cg09923671</t>
  </si>
  <si>
    <t>cg09926892</t>
  </si>
  <si>
    <t>cg09943716</t>
  </si>
  <si>
    <t>cg09947261</t>
  </si>
  <si>
    <t>cg09968709</t>
  </si>
  <si>
    <t>cg09971811</t>
  </si>
  <si>
    <t>cg09993814</t>
  </si>
  <si>
    <t>cg09994435</t>
  </si>
  <si>
    <t>cg10003443</t>
  </si>
  <si>
    <t>cg10003549</t>
  </si>
  <si>
    <t>cg10011623</t>
  </si>
  <si>
    <t>cg10015829</t>
  </si>
  <si>
    <t>cg10018632</t>
  </si>
  <si>
    <t>cg10019507</t>
  </si>
  <si>
    <t>cg10027760</t>
  </si>
  <si>
    <t>cg10035303</t>
  </si>
  <si>
    <t>cg10038901</t>
  </si>
  <si>
    <t>cg10058920</t>
  </si>
  <si>
    <t>cg10064079</t>
  </si>
  <si>
    <t>cg10067304</t>
  </si>
  <si>
    <t>cg10071275</t>
  </si>
  <si>
    <t>cg10073706</t>
  </si>
  <si>
    <t>cg10087092</t>
  </si>
  <si>
    <t>cg10099364</t>
  </si>
  <si>
    <t>cg10107786</t>
  </si>
  <si>
    <t>cg10109215</t>
  </si>
  <si>
    <t>cg10110953</t>
  </si>
  <si>
    <t>cg10118435</t>
  </si>
  <si>
    <t>cg10120040</t>
  </si>
  <si>
    <t>cg10150176</t>
  </si>
  <si>
    <t>cg10156552</t>
  </si>
  <si>
    <t>cg10156714</t>
  </si>
  <si>
    <t>cg10167508</t>
  </si>
  <si>
    <t>cg10170269</t>
  </si>
  <si>
    <t>cg10180650</t>
  </si>
  <si>
    <t>cg10185099</t>
  </si>
  <si>
    <t>cg10187707</t>
  </si>
  <si>
    <t>cg10201192</t>
  </si>
  <si>
    <t>cg10206397</t>
  </si>
  <si>
    <t>cg10215507</t>
  </si>
  <si>
    <t>cg10216615</t>
  </si>
  <si>
    <t>cg10225362</t>
  </si>
  <si>
    <t>cg10232735</t>
  </si>
  <si>
    <t>cg10234952</t>
  </si>
  <si>
    <t>cg10247878</t>
  </si>
  <si>
    <t>cg10249285</t>
  </si>
  <si>
    <t>cg10258966</t>
  </si>
  <si>
    <t>cg10264692</t>
  </si>
  <si>
    <t>cg10267724</t>
  </si>
  <si>
    <t>cg10271717</t>
  </si>
  <si>
    <t>cg10275180</t>
  </si>
  <si>
    <t>cg10285525</t>
  </si>
  <si>
    <t>cg10304516</t>
  </si>
  <si>
    <t>cg10305299</t>
  </si>
  <si>
    <t>cg10308682</t>
  </si>
  <si>
    <t>cg10309886</t>
  </si>
  <si>
    <t>cg10314572</t>
  </si>
  <si>
    <t>cg10322504</t>
  </si>
  <si>
    <t>cg10329468</t>
  </si>
  <si>
    <t>cg10336935</t>
  </si>
  <si>
    <t>cg10339152</t>
  </si>
  <si>
    <t>cg10348322</t>
  </si>
  <si>
    <t>cg10356284</t>
  </si>
  <si>
    <t>cg10365312</t>
  </si>
  <si>
    <t>cg10378804</t>
  </si>
  <si>
    <t>cg10379687</t>
  </si>
  <si>
    <t>cg10380709</t>
  </si>
  <si>
    <t>cg10399899</t>
  </si>
  <si>
    <t>cg10425970</t>
  </si>
  <si>
    <t>cg10431651</t>
  </si>
  <si>
    <t>cg10459054</t>
  </si>
  <si>
    <t>cg10499901</t>
  </si>
  <si>
    <t>cg10500512</t>
  </si>
  <si>
    <t>cg10505785</t>
  </si>
  <si>
    <t>cg10505873</t>
  </si>
  <si>
    <t>cg10516975</t>
  </si>
  <si>
    <t>cg10529930</t>
  </si>
  <si>
    <t>cg10536803</t>
  </si>
  <si>
    <t>cg10546626</t>
  </si>
  <si>
    <t>cg10549227</t>
  </si>
  <si>
    <t>cg10553238</t>
  </si>
  <si>
    <t>cg10553415</t>
  </si>
  <si>
    <t>cg10559432</t>
  </si>
  <si>
    <t>cg10566581</t>
  </si>
  <si>
    <t>cg10573932</t>
  </si>
  <si>
    <t>cg10578007</t>
  </si>
  <si>
    <t>cg10583392</t>
  </si>
  <si>
    <t>cg10589813</t>
  </si>
  <si>
    <t>cg10599900</t>
  </si>
  <si>
    <t>cg10600730</t>
  </si>
  <si>
    <t>cg10601171</t>
  </si>
  <si>
    <t>cg10605520</t>
  </si>
  <si>
    <t>cg10616337</t>
  </si>
  <si>
    <t>cg10623853</t>
  </si>
  <si>
    <t>cg10624105</t>
  </si>
  <si>
    <t>cg10625705</t>
  </si>
  <si>
    <t>cg10626556</t>
  </si>
  <si>
    <t>cg10629004</t>
  </si>
  <si>
    <t>cg10631582</t>
  </si>
  <si>
    <t>cg10637995</t>
  </si>
  <si>
    <t>cg10649494</t>
  </si>
  <si>
    <t>cg10655041</t>
  </si>
  <si>
    <t>cg10668414</t>
  </si>
  <si>
    <t>cg10684940</t>
  </si>
  <si>
    <t>cg10709461</t>
  </si>
  <si>
    <t>cg10713137</t>
  </si>
  <si>
    <t>cg10723075</t>
  </si>
  <si>
    <t>cg10729531</t>
  </si>
  <si>
    <t>cg10729641</t>
  </si>
  <si>
    <t>cg10737118</t>
  </si>
  <si>
    <t>cg10743062</t>
  </si>
  <si>
    <t>cg10748765</t>
  </si>
  <si>
    <t>cg10750658</t>
  </si>
  <si>
    <t>cg10754505</t>
  </si>
  <si>
    <t>cg10760339</t>
  </si>
  <si>
    <t>cg10768318</t>
  </si>
  <si>
    <t>cg10789151</t>
  </si>
  <si>
    <t>cg10789749</t>
  </si>
  <si>
    <t>cg10791342</t>
  </si>
  <si>
    <t>cg10795509</t>
  </si>
  <si>
    <t>cg10797920</t>
  </si>
  <si>
    <t>cg10804363</t>
  </si>
  <si>
    <t>cg10811502</t>
  </si>
  <si>
    <t>cg10812811</t>
  </si>
  <si>
    <t>cg10817045</t>
  </si>
  <si>
    <t>cg10822421</t>
  </si>
  <si>
    <t>cg10823707</t>
  </si>
  <si>
    <t>cg10841673</t>
  </si>
  <si>
    <t>cg10850080</t>
  </si>
  <si>
    <t>cg10863075</t>
  </si>
  <si>
    <t>cg10866856</t>
  </si>
  <si>
    <t>cg10876928</t>
  </si>
  <si>
    <t>cg10886678</t>
  </si>
  <si>
    <t>cg10922264</t>
  </si>
  <si>
    <t>cg10925433</t>
  </si>
  <si>
    <t>cg10947561</t>
  </si>
  <si>
    <t>cg10959428</t>
  </si>
  <si>
    <t>cg10968554</t>
  </si>
  <si>
    <t>cg10968815</t>
  </si>
  <si>
    <t>cg10987882</t>
  </si>
  <si>
    <t>cg10991681</t>
  </si>
  <si>
    <t>cg10996143</t>
  </si>
  <si>
    <t>cg11002986</t>
  </si>
  <si>
    <t>cg11004890</t>
  </si>
  <si>
    <t>cg11015356</t>
  </si>
  <si>
    <t>cg11024180</t>
  </si>
  <si>
    <t>cg11032070</t>
  </si>
  <si>
    <t>cg11035100</t>
  </si>
  <si>
    <t>cg11037424</t>
  </si>
  <si>
    <t>cg11041264</t>
  </si>
  <si>
    <t>cg11058696</t>
  </si>
  <si>
    <t>cg11060393</t>
  </si>
  <si>
    <t>cg11061975</t>
  </si>
  <si>
    <t>cg11065015</t>
  </si>
  <si>
    <t>cg11076994</t>
  </si>
  <si>
    <t>cg11080404</t>
  </si>
  <si>
    <t>cg11086066</t>
  </si>
  <si>
    <t>cg11087660</t>
  </si>
  <si>
    <t>cg11087772</t>
  </si>
  <si>
    <t>cg11094122</t>
  </si>
  <si>
    <t>cg11095632</t>
  </si>
  <si>
    <t>cg11096441</t>
  </si>
  <si>
    <t>cg11113534</t>
  </si>
  <si>
    <t>cg11131811</t>
  </si>
  <si>
    <t>cg11133013</t>
  </si>
  <si>
    <t>cg11133732</t>
  </si>
  <si>
    <t>cg11134653</t>
  </si>
  <si>
    <t>cg11154879</t>
  </si>
  <si>
    <t>cg11155090</t>
  </si>
  <si>
    <t>cg11162385</t>
  </si>
  <si>
    <t>cg11173131</t>
  </si>
  <si>
    <t>cg11188443</t>
  </si>
  <si>
    <t>cg11191337</t>
  </si>
  <si>
    <t>cg11195933</t>
  </si>
  <si>
    <t>cg11210813</t>
  </si>
  <si>
    <t>cg11220245</t>
  </si>
  <si>
    <t>cg11223315</t>
  </si>
  <si>
    <t>cg11231913</t>
  </si>
  <si>
    <t>cg11239316</t>
  </si>
  <si>
    <t>cg11245384</t>
  </si>
  <si>
    <t>cg11251113</t>
  </si>
  <si>
    <t>cg11263351</t>
  </si>
  <si>
    <t>cg11266407</t>
  </si>
  <si>
    <t>cg11267810</t>
  </si>
  <si>
    <t>cg11274778</t>
  </si>
  <si>
    <t>cg11277126</t>
  </si>
  <si>
    <t>cg11279163</t>
  </si>
  <si>
    <t>cg11281845</t>
  </si>
  <si>
    <t>cg11295724</t>
  </si>
  <si>
    <t>cg11300174</t>
  </si>
  <si>
    <t>cg11305937</t>
  </si>
  <si>
    <t>cg11319389</t>
  </si>
  <si>
    <t>cg11320144</t>
  </si>
  <si>
    <t>cg11320187</t>
  </si>
  <si>
    <t>cg11328022</t>
  </si>
  <si>
    <t>cg11350680</t>
  </si>
  <si>
    <t>cg11356451</t>
  </si>
  <si>
    <t>cg11357538</t>
  </si>
  <si>
    <t>cg11360718</t>
  </si>
  <si>
    <t>cg11363483</t>
  </si>
  <si>
    <t>cg11366015</t>
  </si>
  <si>
    <t>cg11367633</t>
  </si>
  <si>
    <t>cg11368502</t>
  </si>
  <si>
    <t>cg11369148</t>
  </si>
  <si>
    <t>cg11375072</t>
  </si>
  <si>
    <t>cg11398517</t>
  </si>
  <si>
    <t>cg11399589</t>
  </si>
  <si>
    <t>cg11410920</t>
  </si>
  <si>
    <t>cg11411922</t>
  </si>
  <si>
    <t>cg11415288</t>
  </si>
  <si>
    <t>cg11420768</t>
  </si>
  <si>
    <t>cg11421182</t>
  </si>
  <si>
    <t>cg11423687</t>
  </si>
  <si>
    <t>cg11436113</t>
  </si>
  <si>
    <t>cg11438986</t>
  </si>
  <si>
    <t>cg11443786</t>
  </si>
  <si>
    <t>cg11444684</t>
  </si>
  <si>
    <t>cg11447040</t>
  </si>
  <si>
    <t>cg11449039</t>
  </si>
  <si>
    <t>cg11449935</t>
  </si>
  <si>
    <t>cg11453079</t>
  </si>
  <si>
    <t>cg11453190</t>
  </si>
  <si>
    <t>cg11454415</t>
  </si>
  <si>
    <t>cg11465371</t>
  </si>
  <si>
    <t>cg11507343</t>
  </si>
  <si>
    <t>cg11521799</t>
  </si>
  <si>
    <t>cg11534242</t>
  </si>
  <si>
    <t>cg11551419</t>
  </si>
  <si>
    <t>cg11574758</t>
  </si>
  <si>
    <t>cg11577716</t>
  </si>
  <si>
    <t>cg11588889</t>
  </si>
  <si>
    <t>cg11595749</t>
  </si>
  <si>
    <t>cg11599505</t>
  </si>
  <si>
    <t>cg11607196</t>
  </si>
  <si>
    <t>cg11608285</t>
  </si>
  <si>
    <t>cg11614585</t>
  </si>
  <si>
    <t>cg11617816</t>
  </si>
  <si>
    <t>cg11618057</t>
  </si>
  <si>
    <t>cg11626007</t>
  </si>
  <si>
    <t>cg11631707</t>
  </si>
  <si>
    <t>cg11632679</t>
  </si>
  <si>
    <t>cg11647719</t>
  </si>
  <si>
    <t>cg11649825</t>
  </si>
  <si>
    <t>cg11651285</t>
  </si>
  <si>
    <t>cg11652597</t>
  </si>
  <si>
    <t>cg11654413</t>
  </si>
  <si>
    <t>cg11657817</t>
  </si>
  <si>
    <t>cg11669839</t>
  </si>
  <si>
    <t>cg11670519</t>
  </si>
  <si>
    <t>cg11679298</t>
  </si>
  <si>
    <t>cg11681959</t>
  </si>
  <si>
    <t>cg11682508</t>
  </si>
  <si>
    <t>cg11685223</t>
  </si>
  <si>
    <t>cg11694634</t>
  </si>
  <si>
    <t>cg11704513</t>
  </si>
  <si>
    <t>cg11705931</t>
  </si>
  <si>
    <t>cg11706241</t>
  </si>
  <si>
    <t>cg11726250</t>
  </si>
  <si>
    <t>cg11731821</t>
  </si>
  <si>
    <t>cg11740927</t>
  </si>
  <si>
    <t>cg11746287</t>
  </si>
  <si>
    <t>cg11758132</t>
  </si>
  <si>
    <t>cg11769163</t>
  </si>
  <si>
    <t>cg11769476</t>
  </si>
  <si>
    <t>cg11779113</t>
  </si>
  <si>
    <t>cg11783356</t>
  </si>
  <si>
    <t>cg11784305</t>
  </si>
  <si>
    <t>cg11797130</t>
  </si>
  <si>
    <t>cg11798857</t>
  </si>
  <si>
    <t>cg11800608</t>
  </si>
  <si>
    <t>cg11801374</t>
  </si>
  <si>
    <t>cg11808514</t>
  </si>
  <si>
    <t>cg11813064</t>
  </si>
  <si>
    <t>cg11822659</t>
  </si>
  <si>
    <t>cg11822876</t>
  </si>
  <si>
    <t>cg11839291</t>
  </si>
  <si>
    <t>cg11841529</t>
  </si>
  <si>
    <t>cg11850311</t>
  </si>
  <si>
    <t>cg11853697</t>
  </si>
  <si>
    <t>cg11861491</t>
  </si>
  <si>
    <t>cg11861654</t>
  </si>
  <si>
    <t>cg11864402</t>
  </si>
  <si>
    <t>cg11868041</t>
  </si>
  <si>
    <t>cg11868728</t>
  </si>
  <si>
    <t>cg11885471</t>
  </si>
  <si>
    <t>cg11887355</t>
  </si>
  <si>
    <t>cg11901715</t>
  </si>
  <si>
    <t>cg11920519</t>
  </si>
  <si>
    <t>cg11922086</t>
  </si>
  <si>
    <t>cg11931762</t>
  </si>
  <si>
    <t>cg11934819</t>
  </si>
  <si>
    <t>cg11939450</t>
  </si>
  <si>
    <t>cg11942541</t>
  </si>
  <si>
    <t>cg11945905</t>
  </si>
  <si>
    <t>cg11948874</t>
  </si>
  <si>
    <t>cg11953868</t>
  </si>
  <si>
    <t>cg11958449</t>
  </si>
  <si>
    <t>cg11962201</t>
  </si>
  <si>
    <t>cg11962310</t>
  </si>
  <si>
    <t>cg11969493</t>
  </si>
  <si>
    <t>cg11971771</t>
  </si>
  <si>
    <t>cg11978387</t>
  </si>
  <si>
    <t>cg11979959</t>
  </si>
  <si>
    <t>cg11988036</t>
  </si>
  <si>
    <t>cg11988722</t>
  </si>
  <si>
    <t>cg12002882</t>
  </si>
  <si>
    <t>cg12003921</t>
  </si>
  <si>
    <t>cg12007828</t>
  </si>
  <si>
    <t>cg12017805</t>
  </si>
  <si>
    <t>cg12028646</t>
  </si>
  <si>
    <t>cg12032027</t>
  </si>
  <si>
    <t>cg12033822</t>
  </si>
  <si>
    <t>cg12039664</t>
  </si>
  <si>
    <t>cg12054318</t>
  </si>
  <si>
    <t>cg12062639</t>
  </si>
  <si>
    <t>cg12063359</t>
  </si>
  <si>
    <t>cg12064459</t>
  </si>
  <si>
    <t>cg12073594</t>
  </si>
  <si>
    <t>cg12075659</t>
  </si>
  <si>
    <t>cg12084392</t>
  </si>
  <si>
    <t>cg12093180</t>
  </si>
  <si>
    <t>cg12099051</t>
  </si>
  <si>
    <t>cg12099952</t>
  </si>
  <si>
    <t>cg12104266</t>
  </si>
  <si>
    <t>cg12109968</t>
  </si>
  <si>
    <t>cg12112556</t>
  </si>
  <si>
    <t>cg12113932</t>
  </si>
  <si>
    <t>cg12117660</t>
  </si>
  <si>
    <t>cg12122241</t>
  </si>
  <si>
    <t>cg12128876</t>
  </si>
  <si>
    <t>cg12131279</t>
  </si>
  <si>
    <t>cg12144304</t>
  </si>
  <si>
    <t>cg12153542</t>
  </si>
  <si>
    <t>cg12161192</t>
  </si>
  <si>
    <t>cg12173392</t>
  </si>
  <si>
    <t>cg12177539</t>
  </si>
  <si>
    <t>cg12179011</t>
  </si>
  <si>
    <t>cg12204262</t>
  </si>
  <si>
    <t>cg12207022</t>
  </si>
  <si>
    <t>cg12243633</t>
  </si>
  <si>
    <t>cg12255554</t>
  </si>
  <si>
    <t>cg12277278</t>
  </si>
  <si>
    <t>cg12283398</t>
  </si>
  <si>
    <t>cg12298241</t>
  </si>
  <si>
    <t>cg12302830</t>
  </si>
  <si>
    <t>cg12303084</t>
  </si>
  <si>
    <t>cg12305870</t>
  </si>
  <si>
    <t>cg12307818</t>
  </si>
  <si>
    <t>cg12310562</t>
  </si>
  <si>
    <t>cg12321149</t>
  </si>
  <si>
    <t>cg12322852</t>
  </si>
  <si>
    <t>cg12338552</t>
  </si>
  <si>
    <t>cg12347444</t>
  </si>
  <si>
    <t>cg12352038</t>
  </si>
  <si>
    <t>cg12356107</t>
  </si>
  <si>
    <t>cg12362077</t>
  </si>
  <si>
    <t>cg12372477</t>
  </si>
  <si>
    <t>cg12379775</t>
  </si>
  <si>
    <t>cg12389461</t>
  </si>
  <si>
    <t>cg12399224</t>
  </si>
  <si>
    <t>cg12406628</t>
  </si>
  <si>
    <t>cg12408295</t>
  </si>
  <si>
    <t>cg12413156</t>
  </si>
  <si>
    <t>cg12428326</t>
  </si>
  <si>
    <t>cg12431699</t>
  </si>
  <si>
    <t>cg12432980</t>
  </si>
  <si>
    <t>cg12437024</t>
  </si>
  <si>
    <t>cg12451099</t>
  </si>
  <si>
    <t>cg12453539</t>
  </si>
  <si>
    <t>cg12458970</t>
  </si>
  <si>
    <t>cg12459923</t>
  </si>
  <si>
    <t>cg12462720</t>
  </si>
  <si>
    <t>cg12463199</t>
  </si>
  <si>
    <t>cg12473036</t>
  </si>
  <si>
    <t>cg12473257</t>
  </si>
  <si>
    <t>cg12481283</t>
  </si>
  <si>
    <t>cg12485727</t>
  </si>
  <si>
    <t>cg12492027</t>
  </si>
  <si>
    <t>cg12493107</t>
  </si>
  <si>
    <t>cg12502929</t>
  </si>
  <si>
    <t>cg12504877</t>
  </si>
  <si>
    <t>cg12517061</t>
  </si>
  <si>
    <t>cg12522898</t>
  </si>
  <si>
    <t>cg12530017</t>
  </si>
  <si>
    <t>cg12530254</t>
  </si>
  <si>
    <t>cg12537613</t>
  </si>
  <si>
    <t>cg12550312</t>
  </si>
  <si>
    <t>cg12551567</t>
  </si>
  <si>
    <t>cg12556134</t>
  </si>
  <si>
    <t>cg12569089</t>
  </si>
  <si>
    <t>cg12573482</t>
  </si>
  <si>
    <t>cg12579300</t>
  </si>
  <si>
    <t>cg12587930</t>
  </si>
  <si>
    <t>cg12587960</t>
  </si>
  <si>
    <t>cg12589387</t>
  </si>
  <si>
    <t>cg12589798</t>
  </si>
  <si>
    <t>cg12605341</t>
  </si>
  <si>
    <t>cg12626377</t>
  </si>
  <si>
    <t>cg12628879</t>
  </si>
  <si>
    <t>cg12633911</t>
  </si>
  <si>
    <t>cg12637057</t>
  </si>
  <si>
    <t>cg12645220</t>
  </si>
  <si>
    <t>cg12649683</t>
  </si>
  <si>
    <t>cg12654032</t>
  </si>
  <si>
    <t>cg12659370</t>
  </si>
  <si>
    <t>cg12659740</t>
  </si>
  <si>
    <t>cg12670073</t>
  </si>
  <si>
    <t>cg12680822</t>
  </si>
  <si>
    <t>cg12681499</t>
  </si>
  <si>
    <t>cg12683120</t>
  </si>
  <si>
    <t>cg12683410</t>
  </si>
  <si>
    <t>cg12683730</t>
  </si>
  <si>
    <t>cg12687767</t>
  </si>
  <si>
    <t>cg12688320</t>
  </si>
  <si>
    <t>cg12694440</t>
  </si>
  <si>
    <t>cg12699865</t>
  </si>
  <si>
    <t>cg12710480</t>
  </si>
  <si>
    <t>cg12713040</t>
  </si>
  <si>
    <t>cg12717612</t>
  </si>
  <si>
    <t>cg12728621</t>
  </si>
  <si>
    <t>cg12730202</t>
  </si>
  <si>
    <t>cg12731671</t>
  </si>
  <si>
    <t>cg12737228</t>
  </si>
  <si>
    <t>cg12740512</t>
  </si>
  <si>
    <t>cg12740857</t>
  </si>
  <si>
    <t>cg12742799</t>
  </si>
  <si>
    <t>cg12751644</t>
  </si>
  <si>
    <t>cg12755477</t>
  </si>
  <si>
    <t>cg12758625</t>
  </si>
  <si>
    <t>cg12760968</t>
  </si>
  <si>
    <t>cg12762862</t>
  </si>
  <si>
    <t>cg12767834</t>
  </si>
  <si>
    <t>cg12785689</t>
  </si>
  <si>
    <t>cg12786015</t>
  </si>
  <si>
    <t>cg12787405</t>
  </si>
  <si>
    <t>cg12797879</t>
  </si>
  <si>
    <t>cg12798097</t>
  </si>
  <si>
    <t>cg12800962</t>
  </si>
  <si>
    <t>cg12803091</t>
  </si>
  <si>
    <t>cg12807924</t>
  </si>
  <si>
    <t>cg12813792</t>
  </si>
  <si>
    <t>cg12821724</t>
  </si>
  <si>
    <t>cg12828073</t>
  </si>
  <si>
    <t>cg12831034</t>
  </si>
  <si>
    <t>cg12831086</t>
  </si>
  <si>
    <t>cg12831866</t>
  </si>
  <si>
    <t>cg12840850</t>
  </si>
  <si>
    <t>cg12847584</t>
  </si>
  <si>
    <t>cg12851514</t>
  </si>
  <si>
    <t>cg12862537</t>
  </si>
  <si>
    <t>cg12871000</t>
  </si>
  <si>
    <t>cg12873919</t>
  </si>
  <si>
    <t>cg12882276</t>
  </si>
  <si>
    <t>cg12889133</t>
  </si>
  <si>
    <t>cg12901215</t>
  </si>
  <si>
    <t>cg12902062</t>
  </si>
  <si>
    <t>cg12910561</t>
  </si>
  <si>
    <t>cg12910641</t>
  </si>
  <si>
    <t>cg12916872</t>
  </si>
  <si>
    <t>cg12928471</t>
  </si>
  <si>
    <t>cg12929700</t>
  </si>
  <si>
    <t>cg12930251</t>
  </si>
  <si>
    <t>cg12935937</t>
  </si>
  <si>
    <t>cg12940420</t>
  </si>
  <si>
    <t>cg12940522</t>
  </si>
  <si>
    <t>cg12955252</t>
  </si>
  <si>
    <t>cg12959622</t>
  </si>
  <si>
    <t>cg12963529</t>
  </si>
  <si>
    <t>cg12969178</t>
  </si>
  <si>
    <t>cg12969998</t>
  </si>
  <si>
    <t>cg12982440</t>
  </si>
  <si>
    <t>cg12983285</t>
  </si>
  <si>
    <t>cg12986726</t>
  </si>
  <si>
    <t>cg12987910</t>
  </si>
  <si>
    <t>cg12992443</t>
  </si>
  <si>
    <t>cg13040021</t>
  </si>
  <si>
    <t>cg13046524</t>
  </si>
  <si>
    <t>cg13061637</t>
  </si>
  <si>
    <t>cg13070573</t>
  </si>
  <si>
    <t>cg13079333</t>
  </si>
  <si>
    <t>cg13087314</t>
  </si>
  <si>
    <t>cg13101865</t>
  </si>
  <si>
    <t>cg13108646</t>
  </si>
  <si>
    <t>cg13126643</t>
  </si>
  <si>
    <t>cg13127741</t>
  </si>
  <si>
    <t>cg13130025</t>
  </si>
  <si>
    <t>cg13136677</t>
  </si>
  <si>
    <t>cg13145462</t>
  </si>
  <si>
    <t>cg13146813</t>
  </si>
  <si>
    <t>cg13148544</t>
  </si>
  <si>
    <t>cg13150306</t>
  </si>
  <si>
    <t>cg13150855</t>
  </si>
  <si>
    <t>cg13162609</t>
  </si>
  <si>
    <t>cg13166577</t>
  </si>
  <si>
    <t>cg13168820</t>
  </si>
  <si>
    <t>cg13188011</t>
  </si>
  <si>
    <t>cg13193179</t>
  </si>
  <si>
    <t>cg13197551</t>
  </si>
  <si>
    <t>cg13210512</t>
  </si>
  <si>
    <t>cg13218906</t>
  </si>
  <si>
    <t>cg13219108</t>
  </si>
  <si>
    <t>cg13226290</t>
  </si>
  <si>
    <t>cg13236659</t>
  </si>
  <si>
    <t>cg13239301</t>
  </si>
  <si>
    <t>cg13240311</t>
  </si>
  <si>
    <t>cg13242871</t>
  </si>
  <si>
    <t>cg13251669</t>
  </si>
  <si>
    <t>cg13253800</t>
  </si>
  <si>
    <t>cg13264941</t>
  </si>
  <si>
    <t>cg13271228</t>
  </si>
  <si>
    <t>cg13272108</t>
  </si>
  <si>
    <t>cg13279927</t>
  </si>
  <si>
    <t>cg13287312</t>
  </si>
  <si>
    <t>cg13290149</t>
  </si>
  <si>
    <t>cg13293885</t>
  </si>
  <si>
    <t>cg13299780</t>
  </si>
  <si>
    <t>cg13303952</t>
  </si>
  <si>
    <t>cg13308187</t>
  </si>
  <si>
    <t>cg13309628</t>
  </si>
  <si>
    <t>cg13313384</t>
  </si>
  <si>
    <t>cg13324128</t>
  </si>
  <si>
    <t>cg13331741</t>
  </si>
  <si>
    <t>cg13334949</t>
  </si>
  <si>
    <t>cg13341864</t>
  </si>
  <si>
    <t>cg13347296</t>
  </si>
  <si>
    <t>cg13356474</t>
  </si>
  <si>
    <t>cg13361665</t>
  </si>
  <si>
    <t>cg13368786</t>
  </si>
  <si>
    <t>cg13374901</t>
  </si>
  <si>
    <t>cg13389876</t>
  </si>
  <si>
    <t>cg13399741</t>
  </si>
  <si>
    <t>cg13399773</t>
  </si>
  <si>
    <t>cg13403462</t>
  </si>
  <si>
    <t>cg13405782</t>
  </si>
  <si>
    <t>cg13410002</t>
  </si>
  <si>
    <t>cg13417632</t>
  </si>
  <si>
    <t>cg13419814</t>
  </si>
  <si>
    <t>cg13441691</t>
  </si>
  <si>
    <t>cg13443844</t>
  </si>
  <si>
    <t>cg13463522</t>
  </si>
  <si>
    <t>cg13466253</t>
  </si>
  <si>
    <t>cg13477774</t>
  </si>
  <si>
    <t>cg13492856</t>
  </si>
  <si>
    <t>cg13497285</t>
  </si>
  <si>
    <t>cg13514050</t>
  </si>
  <si>
    <t>cg13514778</t>
  </si>
  <si>
    <t>cg13519536</t>
  </si>
  <si>
    <t>cg13525458</t>
  </si>
  <si>
    <t>cg13541788</t>
  </si>
  <si>
    <t>cg13544006</t>
  </si>
  <si>
    <t>cg13546223</t>
  </si>
  <si>
    <t>cg13551814</t>
  </si>
  <si>
    <t>cg13555287</t>
  </si>
  <si>
    <t>cg13556663</t>
  </si>
  <si>
    <t>cg13570585</t>
  </si>
  <si>
    <t>cg13583705</t>
  </si>
  <si>
    <t>cg13588354</t>
  </si>
  <si>
    <t>cg13590979</t>
  </si>
  <si>
    <t>cg13591710</t>
  </si>
  <si>
    <t>cg13592599</t>
  </si>
  <si>
    <t>cg13604649</t>
  </si>
  <si>
    <t>cg13607179</t>
  </si>
  <si>
    <t>cg13610455</t>
  </si>
  <si>
    <t>cg13626624</t>
  </si>
  <si>
    <t>cg13629270</t>
  </si>
  <si>
    <t>cg13630574</t>
  </si>
  <si>
    <t>cg13635516</t>
  </si>
  <si>
    <t>cg13639341</t>
  </si>
  <si>
    <t>cg13643506</t>
  </si>
  <si>
    <t>cg13648651</t>
  </si>
  <si>
    <t>cg13659138</t>
  </si>
  <si>
    <t>cg13668823</t>
  </si>
  <si>
    <t>cg13674218</t>
  </si>
  <si>
    <t>cg13681935</t>
  </si>
  <si>
    <t>cg13683550</t>
  </si>
  <si>
    <t>cg13690179</t>
  </si>
  <si>
    <t>cg13698778</t>
  </si>
  <si>
    <t>cg13699808</t>
  </si>
  <si>
    <t>cg13701249</t>
  </si>
  <si>
    <t>cg13705949</t>
  </si>
  <si>
    <t>cg13711950</t>
  </si>
  <si>
    <t>cg13729887</t>
  </si>
  <si>
    <t>cg13733708</t>
  </si>
  <si>
    <t>cg13735863</t>
  </si>
  <si>
    <t>cg13740771</t>
  </si>
  <si>
    <t>cg13743789</t>
  </si>
  <si>
    <t>cg13749063</t>
  </si>
  <si>
    <t>cg13753515</t>
  </si>
  <si>
    <t>cg13756273</t>
  </si>
  <si>
    <t>cg13759513</t>
  </si>
  <si>
    <t>cg13760683</t>
  </si>
  <si>
    <t>cg13763724</t>
  </si>
  <si>
    <t>cg13770153</t>
  </si>
  <si>
    <t>cg13778709</t>
  </si>
  <si>
    <t>cg13789523</t>
  </si>
  <si>
    <t>cg13791092</t>
  </si>
  <si>
    <t>cg13795264</t>
  </si>
  <si>
    <t>cg13811423</t>
  </si>
  <si>
    <t>cg13844474</t>
  </si>
  <si>
    <t>cg13861908</t>
  </si>
  <si>
    <t>cg13869899</t>
  </si>
  <si>
    <t>cg13872307</t>
  </si>
  <si>
    <t>cg13875518</t>
  </si>
  <si>
    <t>cg13888886</t>
  </si>
  <si>
    <t>cg13891021</t>
  </si>
  <si>
    <t>cg13901453</t>
  </si>
  <si>
    <t>cg13904667</t>
  </si>
  <si>
    <t>cg13904968</t>
  </si>
  <si>
    <t>cg13909949</t>
  </si>
  <si>
    <t>cg13915754</t>
  </si>
  <si>
    <t>cg13931559</t>
  </si>
  <si>
    <t>cg13932768</t>
  </si>
  <si>
    <t>cg13933409</t>
  </si>
  <si>
    <t>cg13950362</t>
  </si>
  <si>
    <t>cg13958625</t>
  </si>
  <si>
    <t>cg13974790</t>
  </si>
  <si>
    <t>cg13981425</t>
  </si>
  <si>
    <t>cg13989999</t>
  </si>
  <si>
    <t>cg14002754</t>
  </si>
  <si>
    <t>cg14003143</t>
  </si>
  <si>
    <t>cg14007090</t>
  </si>
  <si>
    <t>cg14010015</t>
  </si>
  <si>
    <t>cg14019464</t>
  </si>
  <si>
    <t>cg14029169</t>
  </si>
  <si>
    <t>cg14030719</t>
  </si>
  <si>
    <t>cg14031414</t>
  </si>
  <si>
    <t>cg14040722</t>
  </si>
  <si>
    <t>cg14042504</t>
  </si>
  <si>
    <t>cg14049295</t>
  </si>
  <si>
    <t>cg14051886</t>
  </si>
  <si>
    <t>cg14073986</t>
  </si>
  <si>
    <t>cg14078678</t>
  </si>
  <si>
    <t>cg14083397</t>
  </si>
  <si>
    <t>cg14089692</t>
  </si>
  <si>
    <t>cg14095843</t>
  </si>
  <si>
    <t>cg14102676</t>
  </si>
  <si>
    <t>cg14124376</t>
  </si>
  <si>
    <t>cg14157042</t>
  </si>
  <si>
    <t>cg14159818</t>
  </si>
  <si>
    <t>cg14159894</t>
  </si>
  <si>
    <t>cg14160849</t>
  </si>
  <si>
    <t>cg14165142</t>
  </si>
  <si>
    <t>cg14168983</t>
  </si>
  <si>
    <t>cg14173599</t>
  </si>
  <si>
    <t>cg14176797</t>
  </si>
  <si>
    <t>cg14181391</t>
  </si>
  <si>
    <t>cg14196998</t>
  </si>
  <si>
    <t>cg14199187</t>
  </si>
  <si>
    <t>cg14200979</t>
  </si>
  <si>
    <t>cg14212198</t>
  </si>
  <si>
    <t>cg14212634</t>
  </si>
  <si>
    <t>cg14215077</t>
  </si>
  <si>
    <t>cg14219812</t>
  </si>
  <si>
    <t>cg14228788</t>
  </si>
  <si>
    <t>cg14236389</t>
  </si>
  <si>
    <t>cg14246204</t>
  </si>
  <si>
    <t>cg14251267</t>
  </si>
  <si>
    <t>cg14263969</t>
  </si>
  <si>
    <t>cg14264994</t>
  </si>
  <si>
    <t>cg14271690</t>
  </si>
  <si>
    <t>cg14281535</t>
  </si>
  <si>
    <t>cg14286048</t>
  </si>
  <si>
    <t>cg14287869</t>
  </si>
  <si>
    <t>cg14290705</t>
  </si>
  <si>
    <t>cg14296147</t>
  </si>
  <si>
    <t>cg14296766</t>
  </si>
  <si>
    <t>cg14301118</t>
  </si>
  <si>
    <t>cg14304515</t>
  </si>
  <si>
    <t>cg14320358</t>
  </si>
  <si>
    <t>cg14326260</t>
  </si>
  <si>
    <t>cg14328669</t>
  </si>
  <si>
    <t>cg14329026</t>
  </si>
  <si>
    <t>cg14353508</t>
  </si>
  <si>
    <t>cg14355134</t>
  </si>
  <si>
    <t>cg14374842</t>
  </si>
  <si>
    <t>cg14378039</t>
  </si>
  <si>
    <t>cg14384685</t>
  </si>
  <si>
    <t>cg14396214</t>
  </si>
  <si>
    <t>cg14408738</t>
  </si>
  <si>
    <t>cg14413533</t>
  </si>
  <si>
    <t>cg14424111</t>
  </si>
  <si>
    <t>cg14424538</t>
  </si>
  <si>
    <t>cg14433847</t>
  </si>
  <si>
    <t>cg14436426</t>
  </si>
  <si>
    <t>cg14448104</t>
  </si>
  <si>
    <t>cg14451701</t>
  </si>
  <si>
    <t>cg14468202</t>
  </si>
  <si>
    <t>cg14468280</t>
  </si>
  <si>
    <t>cg14469070</t>
  </si>
  <si>
    <t>cg14474561</t>
  </si>
  <si>
    <t>cg14482474</t>
  </si>
  <si>
    <t>cg14495732</t>
  </si>
  <si>
    <t>cg14505174</t>
  </si>
  <si>
    <t>cg14510641</t>
  </si>
  <si>
    <t>cg14517502</t>
  </si>
  <si>
    <t>cg14536096</t>
  </si>
  <si>
    <t>cg14543998</t>
  </si>
  <si>
    <t>cg14546153</t>
  </si>
  <si>
    <t>cg14574088</t>
  </si>
  <si>
    <t>cg14581886</t>
  </si>
  <si>
    <t>cg14582983</t>
  </si>
  <si>
    <t>cg14583183</t>
  </si>
  <si>
    <t>cg14588259</t>
  </si>
  <si>
    <t>cg14589480</t>
  </si>
  <si>
    <t>cg14594876</t>
  </si>
  <si>
    <t>cg14595562</t>
  </si>
  <si>
    <t>cg14597908</t>
  </si>
  <si>
    <t>cg14600090</t>
  </si>
  <si>
    <t>cg14601357</t>
  </si>
  <si>
    <t>cg14606116</t>
  </si>
  <si>
    <t>cg14609407</t>
  </si>
  <si>
    <t>cg14613594</t>
  </si>
  <si>
    <t>cg14613878</t>
  </si>
  <si>
    <t>cg14614377</t>
  </si>
  <si>
    <t>cg14621701</t>
  </si>
  <si>
    <t>cg14630601</t>
  </si>
  <si>
    <t>cg14658149</t>
  </si>
  <si>
    <t>cg14660776</t>
  </si>
  <si>
    <t>cg14666411</t>
  </si>
  <si>
    <t>cg14686919</t>
  </si>
  <si>
    <t>cg14695804</t>
  </si>
  <si>
    <t>cg14699013</t>
  </si>
  <si>
    <t>cg14724471</t>
  </si>
  <si>
    <t>cg14732789</t>
  </si>
  <si>
    <t>cg14736210</t>
  </si>
  <si>
    <t>cg14741141</t>
  </si>
  <si>
    <t>cg14743710</t>
  </si>
  <si>
    <t>cg14745622</t>
  </si>
  <si>
    <t>cg14750543</t>
  </si>
  <si>
    <t>cg14752227</t>
  </si>
  <si>
    <t>cg14758556</t>
  </si>
  <si>
    <t>cg14759366</t>
  </si>
  <si>
    <t>cg14768558</t>
  </si>
  <si>
    <t>cg14780914</t>
  </si>
  <si>
    <t>cg14796739</t>
  </si>
  <si>
    <t>cg14801864</t>
  </si>
  <si>
    <t>cg14804187</t>
  </si>
  <si>
    <t>cg14806773</t>
  </si>
  <si>
    <t>cg14810385</t>
  </si>
  <si>
    <t>cg14816917</t>
  </si>
  <si>
    <t>cg14817765</t>
  </si>
  <si>
    <t>cg14823109</t>
  </si>
  <si>
    <t>cg14830915</t>
  </si>
  <si>
    <t>cg14831174</t>
  </si>
  <si>
    <t>cg14834078</t>
  </si>
  <si>
    <t>cg14839404</t>
  </si>
  <si>
    <t>cg14845020</t>
  </si>
  <si>
    <t>cg14855292</t>
  </si>
  <si>
    <t>cg14858551</t>
  </si>
  <si>
    <t>cg14862171</t>
  </si>
  <si>
    <t>cg14862395</t>
  </si>
  <si>
    <t>cg14866117</t>
  </si>
  <si>
    <t>cg14869992</t>
  </si>
  <si>
    <t>cg14871138</t>
  </si>
  <si>
    <t>cg14877226</t>
  </si>
  <si>
    <t>cg14880655</t>
  </si>
  <si>
    <t>cg14884373</t>
  </si>
  <si>
    <t>cg14898639</t>
  </si>
  <si>
    <t>cg14905105</t>
  </si>
  <si>
    <t>cg14909376</t>
  </si>
  <si>
    <t>cg14909620</t>
  </si>
  <si>
    <t>cg14921437</t>
  </si>
  <si>
    <t>cg14921939</t>
  </si>
  <si>
    <t>cg14928293</t>
  </si>
  <si>
    <t>cg14928764</t>
  </si>
  <si>
    <t>cg14929153</t>
  </si>
  <si>
    <t>cg14943539</t>
  </si>
  <si>
    <t>cg14944362</t>
  </si>
  <si>
    <t>cg14945578</t>
  </si>
  <si>
    <t>cg14950044</t>
  </si>
  <si>
    <t>cg14959908</t>
  </si>
  <si>
    <t>cg14961750</t>
  </si>
  <si>
    <t>cg14966074</t>
  </si>
  <si>
    <t>cg14977069</t>
  </si>
  <si>
    <t>cg14977365</t>
  </si>
  <si>
    <t>cg14985220</t>
  </si>
  <si>
    <t>cg14991345</t>
  </si>
  <si>
    <t>cg14997048</t>
  </si>
  <si>
    <t>cg14998790</t>
  </si>
  <si>
    <t>cg15001687</t>
  </si>
  <si>
    <t>cg15016079</t>
  </si>
  <si>
    <t>cg15028514</t>
  </si>
  <si>
    <t>cg15032001</t>
  </si>
  <si>
    <t>cg15032960</t>
  </si>
  <si>
    <t>cg15055060</t>
  </si>
  <si>
    <t>cg15056412</t>
  </si>
  <si>
    <t>cg15069551</t>
  </si>
  <si>
    <t>cg15085128</t>
  </si>
  <si>
    <t>cg15086142</t>
  </si>
  <si>
    <t>cg15090834</t>
  </si>
  <si>
    <t>cg15099490</t>
  </si>
  <si>
    <t>cg15107861</t>
  </si>
  <si>
    <t>cg15108699</t>
  </si>
  <si>
    <t>cg15112783</t>
  </si>
  <si>
    <t>cg15114440</t>
  </si>
  <si>
    <t>cg15122013</t>
  </si>
  <si>
    <t>cg15123011</t>
  </si>
  <si>
    <t>cg15127733</t>
  </si>
  <si>
    <t>cg15131258</t>
  </si>
  <si>
    <t>cg15133734</t>
  </si>
  <si>
    <t>cg15151293</t>
  </si>
  <si>
    <t>cg15152362</t>
  </si>
  <si>
    <t>cg15184797</t>
  </si>
  <si>
    <t>cg15189567</t>
  </si>
  <si>
    <t>cg15204740</t>
  </si>
  <si>
    <t>cg15210427</t>
  </si>
  <si>
    <t>cg15212421</t>
  </si>
  <si>
    <t>cg15223275</t>
  </si>
  <si>
    <t>cg15229481</t>
  </si>
  <si>
    <t>cg15239904</t>
  </si>
  <si>
    <t>cg15271461</t>
  </si>
  <si>
    <t>cg15272467</t>
  </si>
  <si>
    <t>cg15273280</t>
  </si>
  <si>
    <t>cg15276500</t>
  </si>
  <si>
    <t>cg15287594</t>
  </si>
  <si>
    <t>cg15298358</t>
  </si>
  <si>
    <t>cg15310506</t>
  </si>
  <si>
    <t>cg15310873</t>
  </si>
  <si>
    <t>cg15344410</t>
  </si>
  <si>
    <t>cg15349424</t>
  </si>
  <si>
    <t>cg15380358</t>
  </si>
  <si>
    <t>cg15388309</t>
  </si>
  <si>
    <t>cg15409939</t>
  </si>
  <si>
    <t>cg15419274</t>
  </si>
  <si>
    <t>cg15428904</t>
  </si>
  <si>
    <t>cg15433056</t>
  </si>
  <si>
    <t>cg15441369</t>
  </si>
  <si>
    <t>cg15461413</t>
  </si>
  <si>
    <t>cg15466702</t>
  </si>
  <si>
    <t>cg15471501</t>
  </si>
  <si>
    <t>cg15473473</t>
  </si>
  <si>
    <t>cg15485560</t>
  </si>
  <si>
    <t>cg15488794</t>
  </si>
  <si>
    <t>cg15494458</t>
  </si>
  <si>
    <t>cg15497834</t>
  </si>
  <si>
    <t>cg15534366</t>
  </si>
  <si>
    <t>cg15535174</t>
  </si>
  <si>
    <t>cg15537254</t>
  </si>
  <si>
    <t>cg15549231</t>
  </si>
  <si>
    <t>cg15556943</t>
  </si>
  <si>
    <t>cg15560495</t>
  </si>
  <si>
    <t>cg15566619</t>
  </si>
  <si>
    <t>cg15567340</t>
  </si>
  <si>
    <t>cg15569451</t>
  </si>
  <si>
    <t>cg15570432</t>
  </si>
  <si>
    <t>cg15579370</t>
  </si>
  <si>
    <t>cg15580043</t>
  </si>
  <si>
    <t>cg15588266</t>
  </si>
  <si>
    <t>cg15601681</t>
  </si>
  <si>
    <t>cg15607618</t>
  </si>
  <si>
    <t>cg15613982</t>
  </si>
  <si>
    <t>cg15615135</t>
  </si>
  <si>
    <t>cg15615350</t>
  </si>
  <si>
    <t>cg15624634</t>
  </si>
  <si>
    <t>cg15626003</t>
  </si>
  <si>
    <t>cg15627277</t>
  </si>
  <si>
    <t>cg15636879</t>
  </si>
  <si>
    <t>cg15638170</t>
  </si>
  <si>
    <t>cg15645079</t>
  </si>
  <si>
    <t>cg15645491</t>
  </si>
  <si>
    <t>cg15651928</t>
  </si>
  <si>
    <t>cg15663484</t>
  </si>
  <si>
    <t>cg15667931</t>
  </si>
  <si>
    <t>cg15677825</t>
  </si>
  <si>
    <t>cg15680020</t>
  </si>
  <si>
    <t>cg15688070</t>
  </si>
  <si>
    <t>cg15692360</t>
  </si>
  <si>
    <t>cg15698171</t>
  </si>
  <si>
    <t>cg15722679</t>
  </si>
  <si>
    <t>cg15730121</t>
  </si>
  <si>
    <t>cg15730213</t>
  </si>
  <si>
    <t>cg15733055</t>
  </si>
  <si>
    <t>cg15739758</t>
  </si>
  <si>
    <t>cg15745894</t>
  </si>
  <si>
    <t>cg15749748</t>
  </si>
  <si>
    <t>cg15799353</t>
  </si>
  <si>
    <t>cg15803483</t>
  </si>
  <si>
    <t>cg15815375</t>
  </si>
  <si>
    <t>cg15815827</t>
  </si>
  <si>
    <t>cg15818557</t>
  </si>
  <si>
    <t>cg15821319</t>
  </si>
  <si>
    <t>cg15821605</t>
  </si>
  <si>
    <t>cg15824741</t>
  </si>
  <si>
    <t>cg15833447</t>
  </si>
  <si>
    <t>cg15838320</t>
  </si>
  <si>
    <t>cg15842722</t>
  </si>
  <si>
    <t>cg15844596</t>
  </si>
  <si>
    <t>cg15851418</t>
  </si>
  <si>
    <t>cg15855336</t>
  </si>
  <si>
    <t>cg15864184</t>
  </si>
  <si>
    <t>cg15867944</t>
  </si>
  <si>
    <t>cg15873959</t>
  </si>
  <si>
    <t>cg15874092</t>
  </si>
  <si>
    <t>cg15874649</t>
  </si>
  <si>
    <t>cg15910230</t>
  </si>
  <si>
    <t>cg15925107</t>
  </si>
  <si>
    <t>cg15993674</t>
  </si>
  <si>
    <t>cg16016641</t>
  </si>
  <si>
    <t>cg16045662</t>
  </si>
  <si>
    <t>cg16046951</t>
  </si>
  <si>
    <t>cg16098981</t>
  </si>
  <si>
    <t>cg16116973</t>
  </si>
  <si>
    <t>cg16117166</t>
  </si>
  <si>
    <t>cg16117472</t>
  </si>
  <si>
    <t>cg16119522</t>
  </si>
  <si>
    <t>cg16121136</t>
  </si>
  <si>
    <t>cg16121462</t>
  </si>
  <si>
    <t>cg16125816</t>
  </si>
  <si>
    <t>cg16137772</t>
  </si>
  <si>
    <t>cg16144843</t>
  </si>
  <si>
    <t>cg16150381</t>
  </si>
  <si>
    <t>cg16162122</t>
  </si>
  <si>
    <t>cg16165797</t>
  </si>
  <si>
    <t>cg16173067</t>
  </si>
  <si>
    <t>cg16178526</t>
  </si>
  <si>
    <t>cg16178855</t>
  </si>
  <si>
    <t>cg16180531</t>
  </si>
  <si>
    <t>cg16186051</t>
  </si>
  <si>
    <t>cg16200844</t>
  </si>
  <si>
    <t>cg16201146</t>
  </si>
  <si>
    <t>cg16201210</t>
  </si>
  <si>
    <t>cg16205854</t>
  </si>
  <si>
    <t>cg16206191</t>
  </si>
  <si>
    <t>cg16206836</t>
  </si>
  <si>
    <t>cg16208206</t>
  </si>
  <si>
    <t>cg16208271</t>
  </si>
  <si>
    <t>cg16209860</t>
  </si>
  <si>
    <t>cg16210447</t>
  </si>
  <si>
    <t>cg16212341</t>
  </si>
  <si>
    <t>cg16221969</t>
  </si>
  <si>
    <t>cg16239906</t>
  </si>
  <si>
    <t>cg16261823</t>
  </si>
  <si>
    <t>cg16265348</t>
  </si>
  <si>
    <t>cg16271437</t>
  </si>
  <si>
    <t>cg16284742</t>
  </si>
  <si>
    <t>cg16291589</t>
  </si>
  <si>
    <t>cg16303096</t>
  </si>
  <si>
    <t>cg16312552</t>
  </si>
  <si>
    <t>cg16315619</t>
  </si>
  <si>
    <t>cg16320910</t>
  </si>
  <si>
    <t>cg16321524</t>
  </si>
  <si>
    <t>cg16325421</t>
  </si>
  <si>
    <t>cg16326902</t>
  </si>
  <si>
    <t>cg16329897</t>
  </si>
  <si>
    <t>cg16332224</t>
  </si>
  <si>
    <t>cg16342777</t>
  </si>
  <si>
    <t>cg16352321</t>
  </si>
  <si>
    <t>cg16353413</t>
  </si>
  <si>
    <t>cg16354802</t>
  </si>
  <si>
    <t>cg16376234</t>
  </si>
  <si>
    <t>cg16389474</t>
  </si>
  <si>
    <t>cg16390060</t>
  </si>
  <si>
    <t>cg16405768</t>
  </si>
  <si>
    <t>cg16408771</t>
  </si>
  <si>
    <t>cg16410413</t>
  </si>
  <si>
    <t>cg16426670</t>
  </si>
  <si>
    <t>cg16427967</t>
  </si>
  <si>
    <t>cg16430535</t>
  </si>
  <si>
    <t>cg16435860</t>
  </si>
  <si>
    <t>cg16443667</t>
  </si>
  <si>
    <t>cg16448223</t>
  </si>
  <si>
    <t>cg16461246</t>
  </si>
  <si>
    <t>cg16471362</t>
  </si>
  <si>
    <t>cg16484842</t>
  </si>
  <si>
    <t>cg16496526</t>
  </si>
  <si>
    <t>cg16497942</t>
  </si>
  <si>
    <t>cg16499956</t>
  </si>
  <si>
    <t>cg16502866</t>
  </si>
  <si>
    <t>cg16510440</t>
  </si>
  <si>
    <t>cg16522053</t>
  </si>
  <si>
    <t>cg16536918</t>
  </si>
  <si>
    <t>cg16549153</t>
  </si>
  <si>
    <t>cg16557355</t>
  </si>
  <si>
    <t>cg16560811</t>
  </si>
  <si>
    <t>cg16564824</t>
  </si>
  <si>
    <t>cg16565696</t>
  </si>
  <si>
    <t>cg16568472</t>
  </si>
  <si>
    <t>cg16570019</t>
  </si>
  <si>
    <t>cg16597728</t>
  </si>
  <si>
    <t>cg16626405</t>
  </si>
  <si>
    <t>cg16632346</t>
  </si>
  <si>
    <t>cg16649052</t>
  </si>
  <si>
    <t>cg16658346</t>
  </si>
  <si>
    <t>cg16666964</t>
  </si>
  <si>
    <t>cg16676952</t>
  </si>
  <si>
    <t>cg16679386</t>
  </si>
  <si>
    <t>cg16681830</t>
  </si>
  <si>
    <t>cg16682926</t>
  </si>
  <si>
    <t>cg16690286</t>
  </si>
  <si>
    <t>cg16704590</t>
  </si>
  <si>
    <t>cg16709385</t>
  </si>
  <si>
    <t>cg16712828</t>
  </si>
  <si>
    <t>cg16736954</t>
  </si>
  <si>
    <t>cg16737409</t>
  </si>
  <si>
    <t>cg16744250</t>
  </si>
  <si>
    <t>cg16744314</t>
  </si>
  <si>
    <t>cg16744856</t>
  </si>
  <si>
    <t>cg16744973</t>
  </si>
  <si>
    <t>cg16746938</t>
  </si>
  <si>
    <t>cg16755542</t>
  </si>
  <si>
    <t>cg16756662</t>
  </si>
  <si>
    <t>cg16757724</t>
  </si>
  <si>
    <t>cg16762308</t>
  </si>
  <si>
    <t>cg16763089</t>
  </si>
  <si>
    <t>cg16773803</t>
  </si>
  <si>
    <t>cg16781189</t>
  </si>
  <si>
    <t>cg16786007</t>
  </si>
  <si>
    <t>cg16803707</t>
  </si>
  <si>
    <t>cg16805068</t>
  </si>
  <si>
    <t>cg16809280</t>
  </si>
  <si>
    <t>cg16812606</t>
  </si>
  <si>
    <t>cg16814978</t>
  </si>
  <si>
    <t>cg16824584</t>
  </si>
  <si>
    <t>cg16829462</t>
  </si>
  <si>
    <t>cg16831623</t>
  </si>
  <si>
    <t>cg16831894</t>
  </si>
  <si>
    <t>cg16836224</t>
  </si>
  <si>
    <t>cg16839413</t>
  </si>
  <si>
    <t>cg16847695</t>
  </si>
  <si>
    <t>cg16848154</t>
  </si>
  <si>
    <t>cg16870098</t>
  </si>
  <si>
    <t>cg16876236</t>
  </si>
  <si>
    <t>cg16902190</t>
  </si>
  <si>
    <t>cg16922340</t>
  </si>
  <si>
    <t>cg16926526</t>
  </si>
  <si>
    <t>cg16928869</t>
  </si>
  <si>
    <t>cg16931068</t>
  </si>
  <si>
    <t>cg16936581</t>
  </si>
  <si>
    <t>cg16958860</t>
  </si>
  <si>
    <t>cg16959758</t>
  </si>
  <si>
    <t>cg16970323</t>
  </si>
  <si>
    <t>cg16971889</t>
  </si>
  <si>
    <t>cg16998537</t>
  </si>
  <si>
    <t>cg17003395</t>
  </si>
  <si>
    <t>cg17003607</t>
  </si>
  <si>
    <t>cg17029168</t>
  </si>
  <si>
    <t>cg17037355</t>
  </si>
  <si>
    <t>cg17038577</t>
  </si>
  <si>
    <t>cg17042683</t>
  </si>
  <si>
    <t>cg17049013</t>
  </si>
  <si>
    <t>cg17049328</t>
  </si>
  <si>
    <t>cg17054285</t>
  </si>
  <si>
    <t>cg17055717</t>
  </si>
  <si>
    <t>cg17062171</t>
  </si>
  <si>
    <t>cg17081218</t>
  </si>
  <si>
    <t>cg17083925</t>
  </si>
  <si>
    <t>cg17091610</t>
  </si>
  <si>
    <t>cg17098965</t>
  </si>
  <si>
    <t>cg17103269</t>
  </si>
  <si>
    <t>cg17104026</t>
  </si>
  <si>
    <t>cg17111669</t>
  </si>
  <si>
    <t>cg17113158</t>
  </si>
  <si>
    <t>cg17129400</t>
  </si>
  <si>
    <t>cg17130481</t>
  </si>
  <si>
    <t>cg17133224</t>
  </si>
  <si>
    <t>cg17135722</t>
  </si>
  <si>
    <t>cg17153082</t>
  </si>
  <si>
    <t>cg17156227</t>
  </si>
  <si>
    <t>cg17156534</t>
  </si>
  <si>
    <t>cg17158750</t>
  </si>
  <si>
    <t>cg17162578</t>
  </si>
  <si>
    <t>cg17181362</t>
  </si>
  <si>
    <t>cg17213352</t>
  </si>
  <si>
    <t>cg17217996</t>
  </si>
  <si>
    <t>cg17226399</t>
  </si>
  <si>
    <t>cg17237881</t>
  </si>
  <si>
    <t>cg17246810</t>
  </si>
  <si>
    <t>cg17255214</t>
  </si>
  <si>
    <t>cg17262492</t>
  </si>
  <si>
    <t>cg17267710</t>
  </si>
  <si>
    <t>cg17271585</t>
  </si>
  <si>
    <t>cg17278057</t>
  </si>
  <si>
    <t>cg17286326</t>
  </si>
  <si>
    <t>cg17294081</t>
  </si>
  <si>
    <t>cg17296441</t>
  </si>
  <si>
    <t>cg17306740</t>
  </si>
  <si>
    <t>cg17334845</t>
  </si>
  <si>
    <t>cg17349406</t>
  </si>
  <si>
    <t>cg17351116</t>
  </si>
  <si>
    <t>cg17358530</t>
  </si>
  <si>
    <t>cg17368808</t>
  </si>
  <si>
    <t>cg17371014</t>
  </si>
  <si>
    <t>cg17379886</t>
  </si>
  <si>
    <t>cg17386991</t>
  </si>
  <si>
    <t>cg17398227</t>
  </si>
  <si>
    <t>cg17398677</t>
  </si>
  <si>
    <t>cg17401106</t>
  </si>
  <si>
    <t>cg17409313</t>
  </si>
  <si>
    <t>cg17409393</t>
  </si>
  <si>
    <t>cg17412248</t>
  </si>
  <si>
    <t>cg17414107</t>
  </si>
  <si>
    <t>cg17417496</t>
  </si>
  <si>
    <t>cg17418055</t>
  </si>
  <si>
    <t>cg17432135</t>
  </si>
  <si>
    <t>cg17434643</t>
  </si>
  <si>
    <t>cg17437852</t>
  </si>
  <si>
    <t>cg17445913</t>
  </si>
  <si>
    <t>cg17447867</t>
  </si>
  <si>
    <t>cg17463527</t>
  </si>
  <si>
    <t>cg17466795</t>
  </si>
  <si>
    <t>cg17474524</t>
  </si>
  <si>
    <t>cg17475857</t>
  </si>
  <si>
    <t>cg17482740</t>
  </si>
  <si>
    <t>cg17485530</t>
  </si>
  <si>
    <t>cg17507897</t>
  </si>
  <si>
    <t>cg17510278</t>
  </si>
  <si>
    <t>cg17512522</t>
  </si>
  <si>
    <t>cg17523124</t>
  </si>
  <si>
    <t>cg17543539</t>
  </si>
  <si>
    <t>cg17550582</t>
  </si>
  <si>
    <t>cg17566560</t>
  </si>
  <si>
    <t>cg17572903</t>
  </si>
  <si>
    <t>cg17586860</t>
  </si>
  <si>
    <t>cg17588713</t>
  </si>
  <si>
    <t>cg17593958</t>
  </si>
  <si>
    <t>cg17602168</t>
  </si>
  <si>
    <t>cg17607114</t>
  </si>
  <si>
    <t>cg17607545</t>
  </si>
  <si>
    <t>cg17610790</t>
  </si>
  <si>
    <t>cg17616099</t>
  </si>
  <si>
    <t>cg17618872</t>
  </si>
  <si>
    <t>cg17620199</t>
  </si>
  <si>
    <t>cg17621966</t>
  </si>
  <si>
    <t>cg17631429</t>
  </si>
  <si>
    <t>cg17637379</t>
  </si>
  <si>
    <t>cg17643662</t>
  </si>
  <si>
    <t>cg17647667</t>
  </si>
  <si>
    <t>cg17650057</t>
  </si>
  <si>
    <t>cg17650274</t>
  </si>
  <si>
    <t>cg17658244</t>
  </si>
  <si>
    <t>cg17658854</t>
  </si>
  <si>
    <t>cg17661220</t>
  </si>
  <si>
    <t>cg17665883</t>
  </si>
  <si>
    <t>cg17675882</t>
  </si>
  <si>
    <t>cg17687040</t>
  </si>
  <si>
    <t>cg17692403</t>
  </si>
  <si>
    <t>cg17696756</t>
  </si>
  <si>
    <t>cg17696847</t>
  </si>
  <si>
    <t>cg17697105</t>
  </si>
  <si>
    <t>cg17702164</t>
  </si>
  <si>
    <t>cg17722747</t>
  </si>
  <si>
    <t>cg17729667</t>
  </si>
  <si>
    <t>cg17737621</t>
  </si>
  <si>
    <t>cg17739841</t>
  </si>
  <si>
    <t>cg17747171</t>
  </si>
  <si>
    <t>cg17757281</t>
  </si>
  <si>
    <t>cg17758363</t>
  </si>
  <si>
    <t>cg17758721</t>
  </si>
  <si>
    <t>cg17759093</t>
  </si>
  <si>
    <t>cg17774058</t>
  </si>
  <si>
    <t>cg17775003</t>
  </si>
  <si>
    <t>cg17775490</t>
  </si>
  <si>
    <t>cg17779707</t>
  </si>
  <si>
    <t>cg17780565</t>
  </si>
  <si>
    <t>cg17794650</t>
  </si>
  <si>
    <t>cg17799760</t>
  </si>
  <si>
    <t>cg17801864</t>
  </si>
  <si>
    <t>cg17809895</t>
  </si>
  <si>
    <t>cg17810944</t>
  </si>
  <si>
    <t>cg17814028</t>
  </si>
  <si>
    <t>cg17820025</t>
  </si>
  <si>
    <t>cg17832991</t>
  </si>
  <si>
    <t>cg17835207</t>
  </si>
  <si>
    <t>cg17841572</t>
  </si>
  <si>
    <t>cg17857870</t>
  </si>
  <si>
    <t>cg17868287</t>
  </si>
  <si>
    <t>cg17871793</t>
  </si>
  <si>
    <t>cg17879478</t>
  </si>
  <si>
    <t>cg17884294</t>
  </si>
  <si>
    <t>cg17886546</t>
  </si>
  <si>
    <t>cg17890298</t>
  </si>
  <si>
    <t>cg17891968</t>
  </si>
  <si>
    <t>cg17894293</t>
  </si>
  <si>
    <t>cg17896229</t>
  </si>
  <si>
    <t>cg17908846</t>
  </si>
  <si>
    <t>cg17920479</t>
  </si>
  <si>
    <t>cg17924366</t>
  </si>
  <si>
    <t>cg17928268</t>
  </si>
  <si>
    <t>cg17928895</t>
  </si>
  <si>
    <t>cg17935875</t>
  </si>
  <si>
    <t>cg17942328</t>
  </si>
  <si>
    <t>cg17952468</t>
  </si>
  <si>
    <t>cg17956259</t>
  </si>
  <si>
    <t>cg17964981</t>
  </si>
  <si>
    <t>cg17971649</t>
  </si>
  <si>
    <t>cg17974012</t>
  </si>
  <si>
    <t>cg17976205</t>
  </si>
  <si>
    <t>cg17978103</t>
  </si>
  <si>
    <t>cg17978727</t>
  </si>
  <si>
    <t>cg17993657</t>
  </si>
  <si>
    <t>cg18034859</t>
  </si>
  <si>
    <t>cg18038749</t>
  </si>
  <si>
    <t>cg18039133</t>
  </si>
  <si>
    <t>cg18056097</t>
  </si>
  <si>
    <t>cg18062064</t>
  </si>
  <si>
    <t>cg18062140</t>
  </si>
  <si>
    <t>cg18076430</t>
  </si>
  <si>
    <t>cg18078177</t>
  </si>
  <si>
    <t>cg18079128</t>
  </si>
  <si>
    <t>cg18082240</t>
  </si>
  <si>
    <t>cg18103043</t>
  </si>
  <si>
    <t>cg18124201</t>
  </si>
  <si>
    <t>cg18133477</t>
  </si>
  <si>
    <t>cg18141888</t>
  </si>
  <si>
    <t>cg18155883</t>
  </si>
  <si>
    <t>cg18156793</t>
  </si>
  <si>
    <t>cg18164281</t>
  </si>
  <si>
    <t>cg18178432</t>
  </si>
  <si>
    <t>cg18184975</t>
  </si>
  <si>
    <t>cg18185971</t>
  </si>
  <si>
    <t>cg18215705</t>
  </si>
  <si>
    <t>cg18217136</t>
  </si>
  <si>
    <t>cg18223379</t>
  </si>
  <si>
    <t>cg18223947</t>
  </si>
  <si>
    <t>cg18239253</t>
  </si>
  <si>
    <t>cg18241647</t>
  </si>
  <si>
    <t>cg18244708</t>
  </si>
  <si>
    <t>cg18245281</t>
  </si>
  <si>
    <t>cg18259290</t>
  </si>
  <si>
    <t>cg18271707</t>
  </si>
  <si>
    <t>cg18285544</t>
  </si>
  <si>
    <t>cg18291941</t>
  </si>
  <si>
    <t>cg18303892</t>
  </si>
  <si>
    <t>cg18321495</t>
  </si>
  <si>
    <t>cg18322516</t>
  </si>
  <si>
    <t>cg18331004</t>
  </si>
  <si>
    <t>cg18374948</t>
  </si>
  <si>
    <t>cg18376773</t>
  </si>
  <si>
    <t>cg18390495</t>
  </si>
  <si>
    <t>cg18394120</t>
  </si>
  <si>
    <t>cg18394527</t>
  </si>
  <si>
    <t>cg18396157</t>
  </si>
  <si>
    <t>cg18396459</t>
  </si>
  <si>
    <t>cg18422795</t>
  </si>
  <si>
    <t>cg18426506</t>
  </si>
  <si>
    <t>cg18431123</t>
  </si>
  <si>
    <t>cg18433380</t>
  </si>
  <si>
    <t>cg18435870</t>
  </si>
  <si>
    <t>cg18448695</t>
  </si>
  <si>
    <t>cg18453174</t>
  </si>
  <si>
    <t>cg18456942</t>
  </si>
  <si>
    <t>cg18457773</t>
  </si>
  <si>
    <t>cg18458730</t>
  </si>
  <si>
    <t>cg18459154</t>
  </si>
  <si>
    <t>cg18463417</t>
  </si>
  <si>
    <t>cg18468842</t>
  </si>
  <si>
    <t>cg18483289</t>
  </si>
  <si>
    <t>cg18486630</t>
  </si>
  <si>
    <t>cg18488623</t>
  </si>
  <si>
    <t>cg18493415</t>
  </si>
  <si>
    <t>cg18501211</t>
  </si>
  <si>
    <t>cg18519757</t>
  </si>
  <si>
    <t>cg18519834</t>
  </si>
  <si>
    <t>cg18522315</t>
  </si>
  <si>
    <t>cg18523477</t>
  </si>
  <si>
    <t>cg18549386</t>
  </si>
  <si>
    <t>cg18550846</t>
  </si>
  <si>
    <t>cg18551353</t>
  </si>
  <si>
    <t>cg18554868</t>
  </si>
  <si>
    <t>cg18557891</t>
  </si>
  <si>
    <t>cg18562935</t>
  </si>
  <si>
    <t>cg18563860</t>
  </si>
  <si>
    <t>cg18571156</t>
  </si>
  <si>
    <t>cg18589543</t>
  </si>
  <si>
    <t>cg18597991</t>
  </si>
  <si>
    <t>cg18606310</t>
  </si>
  <si>
    <t>cg18611245</t>
  </si>
  <si>
    <t>cg18619398</t>
  </si>
  <si>
    <t>cg18627496</t>
  </si>
  <si>
    <t>cg18635110</t>
  </si>
  <si>
    <t>cg18645150</t>
  </si>
  <si>
    <t>cg18651578</t>
  </si>
  <si>
    <t>cg18651900</t>
  </si>
  <si>
    <t>cg18660345</t>
  </si>
  <si>
    <t>cg18668449</t>
  </si>
  <si>
    <t>cg18687314</t>
  </si>
  <si>
    <t>cg18693412</t>
  </si>
  <si>
    <t>cg18710985</t>
  </si>
  <si>
    <t>cg18721089</t>
  </si>
  <si>
    <t>cg18725573</t>
  </si>
  <si>
    <t>cg18730744</t>
  </si>
  <si>
    <t>cg18736063</t>
  </si>
  <si>
    <t>cg18740175</t>
  </si>
  <si>
    <t>cg18753958</t>
  </si>
  <si>
    <t>cg18755855</t>
  </si>
  <si>
    <t>cg18777231</t>
  </si>
  <si>
    <t>cg18780167</t>
  </si>
  <si>
    <t>cg18787420</t>
  </si>
  <si>
    <t>cg18813881</t>
  </si>
  <si>
    <t>cg18815398</t>
  </si>
  <si>
    <t>cg18824043</t>
  </si>
  <si>
    <t>cg18826352</t>
  </si>
  <si>
    <t>cg18830118</t>
  </si>
  <si>
    <t>cg18846606</t>
  </si>
  <si>
    <t>cg18849279</t>
  </si>
  <si>
    <t>cg18852430</t>
  </si>
  <si>
    <t>cg18858517</t>
  </si>
  <si>
    <t>cg18862094</t>
  </si>
  <si>
    <t>cg18864882</t>
  </si>
  <si>
    <t>cg18866597</t>
  </si>
  <si>
    <t>cg18884368</t>
  </si>
  <si>
    <t>cg18887142</t>
  </si>
  <si>
    <t>cg18904194</t>
  </si>
  <si>
    <t>cg18917378</t>
  </si>
  <si>
    <t>cg18938204</t>
  </si>
  <si>
    <t>cg18942298</t>
  </si>
  <si>
    <t>cg18952506</t>
  </si>
  <si>
    <t>cg18956481</t>
  </si>
  <si>
    <t>cg18959748</t>
  </si>
  <si>
    <t>cg18969256</t>
  </si>
  <si>
    <t>cg18979491</t>
  </si>
  <si>
    <t>cg18981477</t>
  </si>
  <si>
    <t>cg18985280</t>
  </si>
  <si>
    <t>cg18997188</t>
  </si>
  <si>
    <t>cg18998003</t>
  </si>
  <si>
    <t>cg19024094</t>
  </si>
  <si>
    <t>cg19026124</t>
  </si>
  <si>
    <t>cg19033983</t>
  </si>
  <si>
    <t>cg19045535</t>
  </si>
  <si>
    <t>cg19054096</t>
  </si>
  <si>
    <t>cg19054241</t>
  </si>
  <si>
    <t>cg19057882</t>
  </si>
  <si>
    <t>cg19059861</t>
  </si>
  <si>
    <t>cg19082559</t>
  </si>
  <si>
    <t>cg19089985</t>
  </si>
  <si>
    <t>cg19097280</t>
  </si>
  <si>
    <t>cg19107469</t>
  </si>
  <si>
    <t>cg19110428</t>
  </si>
  <si>
    <t>cg19110982</t>
  </si>
  <si>
    <t>cg19118558</t>
  </si>
  <si>
    <t>cg19133883</t>
  </si>
  <si>
    <t>cg19138960</t>
  </si>
  <si>
    <t>cg19143950</t>
  </si>
  <si>
    <t>cg19145218</t>
  </si>
  <si>
    <t>cg19145398</t>
  </si>
  <si>
    <t>cg19157580</t>
  </si>
  <si>
    <t>cg19188359</t>
  </si>
  <si>
    <t>cg19197419</t>
  </si>
  <si>
    <t>cg19200140</t>
  </si>
  <si>
    <t>cg19214331</t>
  </si>
  <si>
    <t>cg19214629</t>
  </si>
  <si>
    <t>cg19221489</t>
  </si>
  <si>
    <t>cg19222525</t>
  </si>
  <si>
    <t>cg19237753</t>
  </si>
  <si>
    <t>cg19239041</t>
  </si>
  <si>
    <t>cg19241311</t>
  </si>
  <si>
    <t>cg19242268</t>
  </si>
  <si>
    <t>cg19245686</t>
  </si>
  <si>
    <t>cg19262130</t>
  </si>
  <si>
    <t>cg19265518</t>
  </si>
  <si>
    <t>cg19281238</t>
  </si>
  <si>
    <t>cg19284211</t>
  </si>
  <si>
    <t>cg19290962</t>
  </si>
  <si>
    <t>cg19296354</t>
  </si>
  <si>
    <t>cg19302555</t>
  </si>
  <si>
    <t>cg19310786</t>
  </si>
  <si>
    <t>cg19327615</t>
  </si>
  <si>
    <t>cg19331215</t>
  </si>
  <si>
    <t>cg19333980</t>
  </si>
  <si>
    <t>cg19343224</t>
  </si>
  <si>
    <t>cg19348676</t>
  </si>
  <si>
    <t>cg19370515</t>
  </si>
  <si>
    <t>cg19375981</t>
  </si>
  <si>
    <t>cg19379522</t>
  </si>
  <si>
    <t>cg19391247</t>
  </si>
  <si>
    <t>cg19404433</t>
  </si>
  <si>
    <t>cg19407392</t>
  </si>
  <si>
    <t>cg19408619</t>
  </si>
  <si>
    <t>cg19418123</t>
  </si>
  <si>
    <t>cg19424265</t>
  </si>
  <si>
    <t>cg19433118</t>
  </si>
  <si>
    <t>cg19433891</t>
  </si>
  <si>
    <t>cg19434221</t>
  </si>
  <si>
    <t>cg19444925</t>
  </si>
  <si>
    <t>cg19453059</t>
  </si>
  <si>
    <t>cg19459804</t>
  </si>
  <si>
    <t>cg19470701</t>
  </si>
  <si>
    <t>cg19472079</t>
  </si>
  <si>
    <t>cg19472656</t>
  </si>
  <si>
    <t>cg19480274</t>
  </si>
  <si>
    <t>cg19481439</t>
  </si>
  <si>
    <t>cg19537490</t>
  </si>
  <si>
    <t>cg19545472</t>
  </si>
  <si>
    <t>cg19554235</t>
  </si>
  <si>
    <t>cg19555116</t>
  </si>
  <si>
    <t>cg19560052</t>
  </si>
  <si>
    <t>cg19568834</t>
  </si>
  <si>
    <t>cg19569865</t>
  </si>
  <si>
    <t>cg19575804</t>
  </si>
  <si>
    <t>cg19577548</t>
  </si>
  <si>
    <t>cg19589727</t>
  </si>
  <si>
    <t>cg19603319</t>
  </si>
  <si>
    <t>cg19608003</t>
  </si>
  <si>
    <t>cg19609923</t>
  </si>
  <si>
    <t>cg19610126</t>
  </si>
  <si>
    <t>cg19614321</t>
  </si>
  <si>
    <t>cg19615295</t>
  </si>
  <si>
    <t>cg19632842</t>
  </si>
  <si>
    <t>cg19633808</t>
  </si>
  <si>
    <t>cg19647607</t>
  </si>
  <si>
    <t>cg19650416</t>
  </si>
  <si>
    <t>cg19672497</t>
  </si>
  <si>
    <t>cg19675084</t>
  </si>
  <si>
    <t>cg19685054</t>
  </si>
  <si>
    <t>cg19694200</t>
  </si>
  <si>
    <t>cg19702785</t>
  </si>
  <si>
    <t>cg19728874</t>
  </si>
  <si>
    <t>cg19728936</t>
  </si>
  <si>
    <t>cg19734148</t>
  </si>
  <si>
    <t>cg19745373</t>
  </si>
  <si>
    <t>cg19753867</t>
  </si>
  <si>
    <t>cg19768442</t>
  </si>
  <si>
    <t>cg19772907</t>
  </si>
  <si>
    <t>cg19782411</t>
  </si>
  <si>
    <t>cg19787906</t>
  </si>
  <si>
    <t>cg19788417</t>
  </si>
  <si>
    <t>cg19791606</t>
  </si>
  <si>
    <t>cg19794490</t>
  </si>
  <si>
    <t>cg19795788</t>
  </si>
  <si>
    <t>cg19803952</t>
  </si>
  <si>
    <t>cg19811118</t>
  </si>
  <si>
    <t>cg19814423</t>
  </si>
  <si>
    <t>cg19818312</t>
  </si>
  <si>
    <t>cg19832184</t>
  </si>
  <si>
    <t>cg19841423</t>
  </si>
  <si>
    <t>cg19871388</t>
  </si>
  <si>
    <t>cg19881481</t>
  </si>
  <si>
    <t>cg19882071</t>
  </si>
  <si>
    <t>cg19904057</t>
  </si>
  <si>
    <t>cg19924334</t>
  </si>
  <si>
    <t>cg19924438</t>
  </si>
  <si>
    <t>cg19927836</t>
  </si>
  <si>
    <t>cg19942298</t>
  </si>
  <si>
    <t>cg19960548</t>
  </si>
  <si>
    <t>cg19961522</t>
  </si>
  <si>
    <t>cg19970953</t>
  </si>
  <si>
    <t>cg19973758</t>
  </si>
  <si>
    <t>cg19975209</t>
  </si>
  <si>
    <t>cg19984742</t>
  </si>
  <si>
    <t>cg20003983</t>
  </si>
  <si>
    <t>cg20014441</t>
  </si>
  <si>
    <t>cg20018057</t>
  </si>
  <si>
    <t>cg20018344</t>
  </si>
  <si>
    <t>cg20019489</t>
  </si>
  <si>
    <t>cg20022869</t>
  </si>
  <si>
    <t>cg20024827</t>
  </si>
  <si>
    <t>cg20028291</t>
  </si>
  <si>
    <t>cg20042639</t>
  </si>
  <si>
    <t>cg20043466</t>
  </si>
  <si>
    <t>cg20063640</t>
  </si>
  <si>
    <t>cg20066627</t>
  </si>
  <si>
    <t>cg20066792</t>
  </si>
  <si>
    <t>cg20079898</t>
  </si>
  <si>
    <t>cg20081540</t>
  </si>
  <si>
    <t>cg20082547</t>
  </si>
  <si>
    <t>cg20091959</t>
  </si>
  <si>
    <t>cg20097276</t>
  </si>
  <si>
    <t>cg20102019</t>
  </si>
  <si>
    <t>cg20105087</t>
  </si>
  <si>
    <t>cg20116574</t>
  </si>
  <si>
    <t>cg20125028</t>
  </si>
  <si>
    <t>cg20129782</t>
  </si>
  <si>
    <t>cg20133923</t>
  </si>
  <si>
    <t>cg20150565</t>
  </si>
  <si>
    <t>cg20159775</t>
  </si>
  <si>
    <t>cg20169185</t>
  </si>
  <si>
    <t>cg20177522</t>
  </si>
  <si>
    <t>cg20189623</t>
  </si>
  <si>
    <t>cg20193771</t>
  </si>
  <si>
    <t>cg20208133</t>
  </si>
  <si>
    <t>cg20208990</t>
  </si>
  <si>
    <t>cg20210637</t>
  </si>
  <si>
    <t>cg20213508</t>
  </si>
  <si>
    <t>cg20217978</t>
  </si>
  <si>
    <t>cg20226253</t>
  </si>
  <si>
    <t>cg20239391</t>
  </si>
  <si>
    <t>cg20244340</t>
  </si>
  <si>
    <t>cg20245439</t>
  </si>
  <si>
    <t>cg20247326</t>
  </si>
  <si>
    <t>cg20261243</t>
  </si>
  <si>
    <t>cg20265805</t>
  </si>
  <si>
    <t>cg20274009</t>
  </si>
  <si>
    <t>cg20277905</t>
  </si>
  <si>
    <t>cg20278790</t>
  </si>
  <si>
    <t>cg20289911</t>
  </si>
  <si>
    <t>cg20295248</t>
  </si>
  <si>
    <t>cg20299254</t>
  </si>
  <si>
    <t>cg20305726</t>
  </si>
  <si>
    <t>cg20306032</t>
  </si>
  <si>
    <t>cg20311839</t>
  </si>
  <si>
    <t>cg20312687</t>
  </si>
  <si>
    <t>cg20316542</t>
  </si>
  <si>
    <t>cg20319775</t>
  </si>
  <si>
    <t>cg20346165</t>
  </si>
  <si>
    <t>cg20364050</t>
  </si>
  <si>
    <t>cg20371142</t>
  </si>
  <si>
    <t>cg20374928</t>
  </si>
  <si>
    <t>cg20391169</t>
  </si>
  <si>
    <t>cg20403016</t>
  </si>
  <si>
    <t>cg20417869</t>
  </si>
  <si>
    <t>cg20430807</t>
  </si>
  <si>
    <t>cg20432507</t>
  </si>
  <si>
    <t>cg20438277</t>
  </si>
  <si>
    <t>cg20442941</t>
  </si>
  <si>
    <t>cg20443635</t>
  </si>
  <si>
    <t>cg20452739</t>
  </si>
  <si>
    <t>cg20479054</t>
  </si>
  <si>
    <t>cg20479384</t>
  </si>
  <si>
    <t>cg20479660</t>
  </si>
  <si>
    <t>cg20482274</t>
  </si>
  <si>
    <t>cg20485165</t>
  </si>
  <si>
    <t>cg20487548</t>
  </si>
  <si>
    <t>cg20506460</t>
  </si>
  <si>
    <t>cg20512029</t>
  </si>
  <si>
    <t>cg20519581</t>
  </si>
  <si>
    <t>cg20520365</t>
  </si>
  <si>
    <t>cg20526435</t>
  </si>
  <si>
    <t>cg20526800</t>
  </si>
  <si>
    <t>cg20529070</t>
  </si>
  <si>
    <t>cg20539474</t>
  </si>
  <si>
    <t>cg20552282</t>
  </si>
  <si>
    <t>cg20553766</t>
  </si>
  <si>
    <t>cg20555922</t>
  </si>
  <si>
    <t>cg20559612</t>
  </si>
  <si>
    <t>cg20577102</t>
  </si>
  <si>
    <t>cg20577205</t>
  </si>
  <si>
    <t>cg20582984</t>
  </si>
  <si>
    <t>cg20593868</t>
  </si>
  <si>
    <t>cg20597143</t>
  </si>
  <si>
    <t>cg20598650</t>
  </si>
  <si>
    <t>cg20601276</t>
  </si>
  <si>
    <t>cg20605413</t>
  </si>
  <si>
    <t>cg20606255</t>
  </si>
  <si>
    <t>cg20618996</t>
  </si>
  <si>
    <t>cg20630943</t>
  </si>
  <si>
    <t>cg20642413</t>
  </si>
  <si>
    <t>cg20645040</t>
  </si>
  <si>
    <t>cg20648272</t>
  </si>
  <si>
    <t>cg20672708</t>
  </si>
  <si>
    <t>cg20672819</t>
  </si>
  <si>
    <t>cg20674635</t>
  </si>
  <si>
    <t>cg20679906</t>
  </si>
  <si>
    <t>cg20681068</t>
  </si>
  <si>
    <t>cg20702327</t>
  </si>
  <si>
    <t>cg20709530</t>
  </si>
  <si>
    <t>cg20716932</t>
  </si>
  <si>
    <t>cg20732137</t>
  </si>
  <si>
    <t>cg20738665</t>
  </si>
  <si>
    <t>cg20746807</t>
  </si>
  <si>
    <t>cg20752831</t>
  </si>
  <si>
    <t>cg20753780</t>
  </si>
  <si>
    <t>cg20754305</t>
  </si>
  <si>
    <t>cg20754700</t>
  </si>
  <si>
    <t>cg20759823</t>
  </si>
  <si>
    <t>cg20773023</t>
  </si>
  <si>
    <t>cg20774413</t>
  </si>
  <si>
    <t>cg20777315</t>
  </si>
  <si>
    <t>cg20784314</t>
  </si>
  <si>
    <t>cg20784785</t>
  </si>
  <si>
    <t>cg20799963</t>
  </si>
  <si>
    <t>cg20810198</t>
  </si>
  <si>
    <t>cg20810997</t>
  </si>
  <si>
    <t>cg20818253</t>
  </si>
  <si>
    <t>cg20822628</t>
  </si>
  <si>
    <t>cg20829404</t>
  </si>
  <si>
    <t>cg20832181</t>
  </si>
  <si>
    <t>cg20835555</t>
  </si>
  <si>
    <t>cg20861822</t>
  </si>
  <si>
    <t>cg20891842</t>
  </si>
  <si>
    <t>cg20895028</t>
  </si>
  <si>
    <t>cg20907471</t>
  </si>
  <si>
    <t>cg20910807</t>
  </si>
  <si>
    <t>cg20912978</t>
  </si>
  <si>
    <t>cg20918682</t>
  </si>
  <si>
    <t>cg20920419</t>
  </si>
  <si>
    <t>cg20924428</t>
  </si>
  <si>
    <t>cg20925482</t>
  </si>
  <si>
    <t>cg20925811</t>
  </si>
  <si>
    <t>cg20926651</t>
  </si>
  <si>
    <t>cg20933005</t>
  </si>
  <si>
    <t>cg20955836</t>
  </si>
  <si>
    <t>cg20969846</t>
  </si>
  <si>
    <t>cg20979703</t>
  </si>
  <si>
    <t>cg20979896</t>
  </si>
  <si>
    <t>cg20980879</t>
  </si>
  <si>
    <t>cg20993403</t>
  </si>
  <si>
    <t>cg21001667</t>
  </si>
  <si>
    <t>cg21003377</t>
  </si>
  <si>
    <t>cg21023001</t>
  </si>
  <si>
    <t>cg21023770</t>
  </si>
  <si>
    <t>cg21037604</t>
  </si>
  <si>
    <t>cg21038957</t>
  </si>
  <si>
    <t>cg21064449</t>
  </si>
  <si>
    <t>cg21065990</t>
  </si>
  <si>
    <t>cg21081369</t>
  </si>
  <si>
    <t>cg21090064</t>
  </si>
  <si>
    <t>cg21101386</t>
  </si>
  <si>
    <t>cg21132686</t>
  </si>
  <si>
    <t>cg21149983</t>
  </si>
  <si>
    <t>cg21160105</t>
  </si>
  <si>
    <t>cg21182903</t>
  </si>
  <si>
    <t>cg21183165</t>
  </si>
  <si>
    <t>cg21183502</t>
  </si>
  <si>
    <t>cg21207028</t>
  </si>
  <si>
    <t>cg21211263</t>
  </si>
  <si>
    <t>cg21212389</t>
  </si>
  <si>
    <t>cg21218093</t>
  </si>
  <si>
    <t>cg21219157</t>
  </si>
  <si>
    <t>cg21221377</t>
  </si>
  <si>
    <t>cg21231458</t>
  </si>
  <si>
    <t>cg21235334</t>
  </si>
  <si>
    <t>cg21245122</t>
  </si>
  <si>
    <t>cg21248287</t>
  </si>
  <si>
    <t>cg21263073</t>
  </si>
  <si>
    <t>cg21270074</t>
  </si>
  <si>
    <t>cg21275702</t>
  </si>
  <si>
    <t>cg21278103</t>
  </si>
  <si>
    <t>cg21287017</t>
  </si>
  <si>
    <t>cg21287883</t>
  </si>
  <si>
    <t>cg21293537</t>
  </si>
  <si>
    <t>cg21293933</t>
  </si>
  <si>
    <t>cg21305245</t>
  </si>
  <si>
    <t>cg21307155</t>
  </si>
  <si>
    <t>cg21310090</t>
  </si>
  <si>
    <t>cg21312383</t>
  </si>
  <si>
    <t>cg21318380</t>
  </si>
  <si>
    <t>cg21321815</t>
  </si>
  <si>
    <t>cg21324456</t>
  </si>
  <si>
    <t>cg21325232</t>
  </si>
  <si>
    <t>cg21331324</t>
  </si>
  <si>
    <t>cg21343919</t>
  </si>
  <si>
    <t>cg21350892</t>
  </si>
  <si>
    <t>cg21365364</t>
  </si>
  <si>
    <t>cg21367187</t>
  </si>
  <si>
    <t>cg21367256</t>
  </si>
  <si>
    <t>cg21375813</t>
  </si>
  <si>
    <t>cg21389265</t>
  </si>
  <si>
    <t>cg21391133</t>
  </si>
  <si>
    <t>cg21396537</t>
  </si>
  <si>
    <t>cg21406518</t>
  </si>
  <si>
    <t>cg21427119</t>
  </si>
  <si>
    <t>cg21427956</t>
  </si>
  <si>
    <t>cg21428348</t>
  </si>
  <si>
    <t>cg21433085</t>
  </si>
  <si>
    <t>cg21436751</t>
  </si>
  <si>
    <t>cg21439823</t>
  </si>
  <si>
    <t>cg21449843</t>
  </si>
  <si>
    <t>cg21451702</t>
  </si>
  <si>
    <t>cg21451869</t>
  </si>
  <si>
    <t>cg21454777</t>
  </si>
  <si>
    <t>cg21455437</t>
  </si>
  <si>
    <t>cg21457839</t>
  </si>
  <si>
    <t>cg21469854</t>
  </si>
  <si>
    <t>cg21484834</t>
  </si>
  <si>
    <t>cg21492942</t>
  </si>
  <si>
    <t>cg21497164</t>
  </si>
  <si>
    <t>cg21500133</t>
  </si>
  <si>
    <t>cg21509040</t>
  </si>
  <si>
    <t>cg21519900</t>
  </si>
  <si>
    <t>cg21545849</t>
  </si>
  <si>
    <t>cg21565575</t>
  </si>
  <si>
    <t>cg21570468</t>
  </si>
  <si>
    <t>cg21575706</t>
  </si>
  <si>
    <t>cg21581096</t>
  </si>
  <si>
    <t>cg21588305</t>
  </si>
  <si>
    <t>cg21601405</t>
  </si>
  <si>
    <t>cg21602257</t>
  </si>
  <si>
    <t>cg21609339</t>
  </si>
  <si>
    <t>cg21625881</t>
  </si>
  <si>
    <t>cg21627218</t>
  </si>
  <si>
    <t>cg21628553</t>
  </si>
  <si>
    <t>cg21642947</t>
  </si>
  <si>
    <t>cg21655931</t>
  </si>
  <si>
    <t>cg21680449</t>
  </si>
  <si>
    <t>cg21685427</t>
  </si>
  <si>
    <t>cg21687703</t>
  </si>
  <si>
    <t>cg21692246</t>
  </si>
  <si>
    <t>cg21722418</t>
  </si>
  <si>
    <t>cg21723559</t>
  </si>
  <si>
    <t>cg21727276</t>
  </si>
  <si>
    <t>cg21730019</t>
  </si>
  <si>
    <t>cg21733794</t>
  </si>
  <si>
    <t>cg21735345</t>
  </si>
  <si>
    <t>cg21735648</t>
  </si>
  <si>
    <t>cg21749538</t>
  </si>
  <si>
    <t>cg21753290</t>
  </si>
  <si>
    <t>cg21757774</t>
  </si>
  <si>
    <t>cg21762107</t>
  </si>
  <si>
    <t>cg21767402</t>
  </si>
  <si>
    <t>cg21772838</t>
  </si>
  <si>
    <t>cg21775445</t>
  </si>
  <si>
    <t>cg21777364</t>
  </si>
  <si>
    <t>cg21779904</t>
  </si>
  <si>
    <t>cg21781964</t>
  </si>
  <si>
    <t>cg21784274</t>
  </si>
  <si>
    <t>cg21787727</t>
  </si>
  <si>
    <t>cg21789392</t>
  </si>
  <si>
    <t>cg21802726</t>
  </si>
  <si>
    <t>cg21809160</t>
  </si>
  <si>
    <t>cg21817284</t>
  </si>
  <si>
    <t>cg21825397</t>
  </si>
  <si>
    <t>cg21828173</t>
  </si>
  <si>
    <t>cg21828517</t>
  </si>
  <si>
    <t>cg21830828</t>
  </si>
  <si>
    <t>cg21835643</t>
  </si>
  <si>
    <t>cg21838233</t>
  </si>
  <si>
    <t>cg21842689</t>
  </si>
  <si>
    <t>cg21844450</t>
  </si>
  <si>
    <t>cg21851693</t>
  </si>
  <si>
    <t>cg21857363</t>
  </si>
  <si>
    <t>cg21859623</t>
  </si>
  <si>
    <t>cg21863334</t>
  </si>
  <si>
    <t>cg21863878</t>
  </si>
  <si>
    <t>cg21878598</t>
  </si>
  <si>
    <t>cg21907993</t>
  </si>
  <si>
    <t>cg21923621</t>
  </si>
  <si>
    <t>cg21933928</t>
  </si>
  <si>
    <t>cg21944757</t>
  </si>
  <si>
    <t>cg21947858</t>
  </si>
  <si>
    <t>cg21957191</t>
  </si>
  <si>
    <t>cg21963535</t>
  </si>
  <si>
    <t>cg21981214</t>
  </si>
  <si>
    <t>cg21982660</t>
  </si>
  <si>
    <t>cg21983491</t>
  </si>
  <si>
    <t>cg21999591</t>
  </si>
  <si>
    <t>cg22013795</t>
  </si>
  <si>
    <t>cg22021786</t>
  </si>
  <si>
    <t>cg22037687</t>
  </si>
  <si>
    <t>cg22042908</t>
  </si>
  <si>
    <t>cg22047703</t>
  </si>
  <si>
    <t>cg22048683</t>
  </si>
  <si>
    <t>cg22052010</t>
  </si>
  <si>
    <t>cg22052056</t>
  </si>
  <si>
    <t>cg22057680</t>
  </si>
  <si>
    <t>cg22071194</t>
  </si>
  <si>
    <t>cg22071372</t>
  </si>
  <si>
    <t>cg22084611</t>
  </si>
  <si>
    <t>cg22096916</t>
  </si>
  <si>
    <t>cg22100821</t>
  </si>
  <si>
    <t>cg22100873</t>
  </si>
  <si>
    <t>cg22125922</t>
  </si>
  <si>
    <t>cg22136753</t>
  </si>
  <si>
    <t>cg22145559</t>
  </si>
  <si>
    <t>cg22147446</t>
  </si>
  <si>
    <t>cg22150051</t>
  </si>
  <si>
    <t>cg22167065</t>
  </si>
  <si>
    <t>cg22170801</t>
  </si>
  <si>
    <t>cg22185100</t>
  </si>
  <si>
    <t>cg22202490</t>
  </si>
  <si>
    <t>cg22212829</t>
  </si>
  <si>
    <t>cg22214889</t>
  </si>
  <si>
    <t>cg22232207</t>
  </si>
  <si>
    <t>cg22235936</t>
  </si>
  <si>
    <t>cg22238692</t>
  </si>
  <si>
    <t>cg22255095</t>
  </si>
  <si>
    <t>cg22262704</t>
  </si>
  <si>
    <t>cg22273939</t>
  </si>
  <si>
    <t>cg22276571</t>
  </si>
  <si>
    <t>cg22289434</t>
  </si>
  <si>
    <t>cg22290117</t>
  </si>
  <si>
    <t>cg22298487</t>
  </si>
  <si>
    <t>cg22300615</t>
  </si>
  <si>
    <t>cg22304612</t>
  </si>
  <si>
    <t>cg22316451</t>
  </si>
  <si>
    <t>cg22329265</t>
  </si>
  <si>
    <t>cg22331666</t>
  </si>
  <si>
    <t>cg22332321</t>
  </si>
  <si>
    <t>cg22333888</t>
  </si>
  <si>
    <t>cg22335872</t>
  </si>
  <si>
    <t>cg22367350</t>
  </si>
  <si>
    <t>cg22378853</t>
  </si>
  <si>
    <t>cg22410544</t>
  </si>
  <si>
    <t>cg22417879</t>
  </si>
  <si>
    <t>cg22421148</t>
  </si>
  <si>
    <t>cg22423984</t>
  </si>
  <si>
    <t>cg22426397</t>
  </si>
  <si>
    <t>cg22427598</t>
  </si>
  <si>
    <t>cg22433521</t>
  </si>
  <si>
    <t>cg22437284</t>
  </si>
  <si>
    <t>cg22442730</t>
  </si>
  <si>
    <t>cg22445940</t>
  </si>
  <si>
    <t>cg22449114</t>
  </si>
  <si>
    <t>cg22451887</t>
  </si>
  <si>
    <t>cg22452236</t>
  </si>
  <si>
    <t>cg22454564</t>
  </si>
  <si>
    <t>cg22457287</t>
  </si>
  <si>
    <t>cg22457903</t>
  </si>
  <si>
    <t>cg22464883</t>
  </si>
  <si>
    <t>cg22468075</t>
  </si>
  <si>
    <t>cg22476268</t>
  </si>
  <si>
    <t>cg22476269</t>
  </si>
  <si>
    <t>cg22478261</t>
  </si>
  <si>
    <t>cg22479299</t>
  </si>
  <si>
    <t>cg22490000</t>
  </si>
  <si>
    <t>cg22497460</t>
  </si>
  <si>
    <t>cg22506605</t>
  </si>
  <si>
    <t>cg22510412</t>
  </si>
  <si>
    <t>cg22556898</t>
  </si>
  <si>
    <t>cg22560317</t>
  </si>
  <si>
    <t>cg22561203</t>
  </si>
  <si>
    <t>cg22564949</t>
  </si>
  <si>
    <t>cg22579828</t>
  </si>
  <si>
    <t>cg22582721</t>
  </si>
  <si>
    <t>cg22583967</t>
  </si>
  <si>
    <t>cg22586405</t>
  </si>
  <si>
    <t>cg22588850</t>
  </si>
  <si>
    <t>cg22605822</t>
  </si>
  <si>
    <t>cg22655767</t>
  </si>
  <si>
    <t>cg22666223</t>
  </si>
  <si>
    <t>cg22682811</t>
  </si>
  <si>
    <t>cg22732672</t>
  </si>
  <si>
    <t>cg22735105</t>
  </si>
  <si>
    <t>cg22741626</t>
  </si>
  <si>
    <t>cg22744131</t>
  </si>
  <si>
    <t>cg22754206</t>
  </si>
  <si>
    <t>cg22763649</t>
  </si>
  <si>
    <t>cg22763739</t>
  </si>
  <si>
    <t>cg22763897</t>
  </si>
  <si>
    <t>cg22764390</t>
  </si>
  <si>
    <t>cg22775600</t>
  </si>
  <si>
    <t>cg22778957</t>
  </si>
  <si>
    <t>cg22789545</t>
  </si>
  <si>
    <t>cg22799917</t>
  </si>
  <si>
    <t>cg22818383</t>
  </si>
  <si>
    <t>cg22825230</t>
  </si>
  <si>
    <t>cg22832527</t>
  </si>
  <si>
    <t>cg22837767</t>
  </si>
  <si>
    <t>cg22843950</t>
  </si>
  <si>
    <t>cg22846611</t>
  </si>
  <si>
    <t>cg22849543</t>
  </si>
  <si>
    <t>cg22849953</t>
  </si>
  <si>
    <t>cg22852276</t>
  </si>
  <si>
    <t>cg22860367</t>
  </si>
  <si>
    <t>cg22865640</t>
  </si>
  <si>
    <t>cg22866937</t>
  </si>
  <si>
    <t>cg22869025</t>
  </si>
  <si>
    <t>cg22876894</t>
  </si>
  <si>
    <t>cg22885821</t>
  </si>
  <si>
    <t>cg22897353</t>
  </si>
  <si>
    <t>cg22907174</t>
  </si>
  <si>
    <t>cg22928762</t>
  </si>
  <si>
    <t>cg22930587</t>
  </si>
  <si>
    <t>cg22940152</t>
  </si>
  <si>
    <t>cg22946648</t>
  </si>
  <si>
    <t>cg22954265</t>
  </si>
  <si>
    <t>cg22958104</t>
  </si>
  <si>
    <t>cg22963777</t>
  </si>
  <si>
    <t>cg22985033</t>
  </si>
  <si>
    <t>cg22989919</t>
  </si>
  <si>
    <t>cg22990198</t>
  </si>
  <si>
    <t>cg22992591</t>
  </si>
  <si>
    <t>cg23002658</t>
  </si>
  <si>
    <t>cg23026920</t>
  </si>
  <si>
    <t>cg23033024</t>
  </si>
  <si>
    <t>cg23035419</t>
  </si>
  <si>
    <t>cg23052551</t>
  </si>
  <si>
    <t>cg23062096</t>
  </si>
  <si>
    <t>cg23065576</t>
  </si>
  <si>
    <t>cg23067959</t>
  </si>
  <si>
    <t>cg23073319</t>
  </si>
  <si>
    <t>cg23080667</t>
  </si>
  <si>
    <t>cg23085846</t>
  </si>
  <si>
    <t>cg23097006</t>
  </si>
  <si>
    <t>cg23100411</t>
  </si>
  <si>
    <t>cg23100428</t>
  </si>
  <si>
    <t>cg23101469</t>
  </si>
  <si>
    <t>cg23117727</t>
  </si>
  <si>
    <t>cg23118401</t>
  </si>
  <si>
    <t>cg23121587</t>
  </si>
  <si>
    <t>cg23134520</t>
  </si>
  <si>
    <t>cg23162441</t>
  </si>
  <si>
    <t>cg23169111</t>
  </si>
  <si>
    <t>cg23182836</t>
  </si>
  <si>
    <t>cg23197473</t>
  </si>
  <si>
    <t>cg23200841</t>
  </si>
  <si>
    <t>cg23202496</t>
  </si>
  <si>
    <t>cg23202545</t>
  </si>
  <si>
    <t>cg23206873</t>
  </si>
  <si>
    <t>cg23222573</t>
  </si>
  <si>
    <t>cg23228694</t>
  </si>
  <si>
    <t>cg23242649</t>
  </si>
  <si>
    <t>cg23249321</t>
  </si>
  <si>
    <t>cg23252815</t>
  </si>
  <si>
    <t>cg23253272</t>
  </si>
  <si>
    <t>cg23258585</t>
  </si>
  <si>
    <t>cg23262134</t>
  </si>
  <si>
    <t>cg23265096</t>
  </si>
  <si>
    <t>cg23265604</t>
  </si>
  <si>
    <t>cg23271318</t>
  </si>
  <si>
    <t>cg23278885</t>
  </si>
  <si>
    <t>cg23288521</t>
  </si>
  <si>
    <t>cg23289456</t>
  </si>
  <si>
    <t>cg23291865</t>
  </si>
  <si>
    <t>cg23293787</t>
  </si>
  <si>
    <t>cg23303369</t>
  </si>
  <si>
    <t>cg23316923</t>
  </si>
  <si>
    <t>cg23317859</t>
  </si>
  <si>
    <t>cg23320034</t>
  </si>
  <si>
    <t>cg23322432</t>
  </si>
  <si>
    <t>cg23334729</t>
  </si>
  <si>
    <t>cg23342691</t>
  </si>
  <si>
    <t>cg23352030</t>
  </si>
  <si>
    <t>cg23357198</t>
  </si>
  <si>
    <t>cg23362473</t>
  </si>
  <si>
    <t>cg23396732</t>
  </si>
  <si>
    <t>cg23409488</t>
  </si>
  <si>
    <t>cg23410129</t>
  </si>
  <si>
    <t>cg23414001</t>
  </si>
  <si>
    <t>cg23418591</t>
  </si>
  <si>
    <t>cg23433607</t>
  </si>
  <si>
    <t>cg23441641</t>
  </si>
  <si>
    <t>cg23455023</t>
  </si>
  <si>
    <t>cg23455897</t>
  </si>
  <si>
    <t>cg23458341</t>
  </si>
  <si>
    <t>cg23462052</t>
  </si>
  <si>
    <t>cg23463144</t>
  </si>
  <si>
    <t>cg23463467</t>
  </si>
  <si>
    <t>cg23466118</t>
  </si>
  <si>
    <t>cg23469025</t>
  </si>
  <si>
    <t>cg23473558</t>
  </si>
  <si>
    <t>cg23476802</t>
  </si>
  <si>
    <t>cg23481221</t>
  </si>
  <si>
    <t>cg23496571</t>
  </si>
  <si>
    <t>cg23498922</t>
  </si>
  <si>
    <t>cg23499631</t>
  </si>
  <si>
    <t>cg23501964</t>
  </si>
  <si>
    <t>cg23506077</t>
  </si>
  <si>
    <t>cg23518655</t>
  </si>
  <si>
    <t>cg23526960</t>
  </si>
  <si>
    <t>cg23530972</t>
  </si>
  <si>
    <t>cg23533139</t>
  </si>
  <si>
    <t>cg23534245</t>
  </si>
  <si>
    <t>cg23538717</t>
  </si>
  <si>
    <t>cg23546750</t>
  </si>
  <si>
    <t>cg23571474</t>
  </si>
  <si>
    <t>cg23575115</t>
  </si>
  <si>
    <t>cg23576260</t>
  </si>
  <si>
    <t>cg23580287</t>
  </si>
  <si>
    <t>cg23581541</t>
  </si>
  <si>
    <t>cg23594876</t>
  </si>
  <si>
    <t>cg23600944</t>
  </si>
  <si>
    <t>cg23607622</t>
  </si>
  <si>
    <t>cg23611945</t>
  </si>
  <si>
    <t>cg23622913</t>
  </si>
  <si>
    <t>cg23625870</t>
  </si>
  <si>
    <t>cg23626798</t>
  </si>
  <si>
    <t>cg23632237</t>
  </si>
  <si>
    <t>cg23632840</t>
  </si>
  <si>
    <t>cg23634322</t>
  </si>
  <si>
    <t>cg23635789</t>
  </si>
  <si>
    <t>cg23643330</t>
  </si>
  <si>
    <t>cg23648082</t>
  </si>
  <si>
    <t>cg23651728</t>
  </si>
  <si>
    <t>cg23653138</t>
  </si>
  <si>
    <t>cg23656380</t>
  </si>
  <si>
    <t>cg23657393</t>
  </si>
  <si>
    <t>cg23657409</t>
  </si>
  <si>
    <t>cg23662675</t>
  </si>
  <si>
    <t>cg23666170</t>
  </si>
  <si>
    <t>cg23666831</t>
  </si>
  <si>
    <t>cg23672395</t>
  </si>
  <si>
    <t>cg23676369</t>
  </si>
  <si>
    <t>cg23679724</t>
  </si>
  <si>
    <t>cg23681219</t>
  </si>
  <si>
    <t>cg23684807</t>
  </si>
  <si>
    <t>cg23687149</t>
  </si>
  <si>
    <t>cg23693200</t>
  </si>
  <si>
    <t>cg23693705</t>
  </si>
  <si>
    <t>cg23695133</t>
  </si>
  <si>
    <t>cg23698108</t>
  </si>
  <si>
    <t>cg23699918</t>
  </si>
  <si>
    <t>cg23700430</t>
  </si>
  <si>
    <t>cg23711059</t>
  </si>
  <si>
    <t>cg23713742</t>
  </si>
  <si>
    <t>cg23719322</t>
  </si>
  <si>
    <t>cg23731184</t>
  </si>
  <si>
    <t>cg23734815</t>
  </si>
  <si>
    <t>cg23740882</t>
  </si>
  <si>
    <t>cg23751724</t>
  </si>
  <si>
    <t>cg23752198</t>
  </si>
  <si>
    <t>cg23753201</t>
  </si>
  <si>
    <t>cg23757721</t>
  </si>
  <si>
    <t>cg23761264</t>
  </si>
  <si>
    <t>cg23765993</t>
  </si>
  <si>
    <t>cg23792592</t>
  </si>
  <si>
    <t>cg23813156</t>
  </si>
  <si>
    <t>cg23827284</t>
  </si>
  <si>
    <t>cg23827867</t>
  </si>
  <si>
    <t>cg23834525</t>
  </si>
  <si>
    <t>cg23834593</t>
  </si>
  <si>
    <t>cg23834711</t>
  </si>
  <si>
    <t>cg23848712</t>
  </si>
  <si>
    <t>cg23858706</t>
  </si>
  <si>
    <t>cg23865994</t>
  </si>
  <si>
    <t>cg23873448</t>
  </si>
  <si>
    <t>cg23884406</t>
  </si>
  <si>
    <t>cg23889010</t>
  </si>
  <si>
    <t>cg23899424</t>
  </si>
  <si>
    <t>cg23905944</t>
  </si>
  <si>
    <t>cg23907860</t>
  </si>
  <si>
    <t>cg23932378</t>
  </si>
  <si>
    <t>cg23973034</t>
  </si>
  <si>
    <t>cg23973801</t>
  </si>
  <si>
    <t>cg23998357</t>
  </si>
  <si>
    <t>cg24007254</t>
  </si>
  <si>
    <t>cg24012925</t>
  </si>
  <si>
    <t>cg24018841</t>
  </si>
  <si>
    <t>cg24023553</t>
  </si>
  <si>
    <t>cg24045498</t>
  </si>
  <si>
    <t>cg24045875</t>
  </si>
  <si>
    <t>cg24055703</t>
  </si>
  <si>
    <t>cg24056028</t>
  </si>
  <si>
    <t>cg24071177</t>
  </si>
  <si>
    <t>cg24076502</t>
  </si>
  <si>
    <t>cg24084358</t>
  </si>
  <si>
    <t>cg24086410</t>
  </si>
  <si>
    <t>cg24088408</t>
  </si>
  <si>
    <t>cg24101873</t>
  </si>
  <si>
    <t>cg24115032</t>
  </si>
  <si>
    <t>cg24121172</t>
  </si>
  <si>
    <t>cg24122922</t>
  </si>
  <si>
    <t>cg24125063</t>
  </si>
  <si>
    <t>cg24147187</t>
  </si>
  <si>
    <t>cg24149278</t>
  </si>
  <si>
    <t>cg24151423</t>
  </si>
  <si>
    <t>cg24154326</t>
  </si>
  <si>
    <t>cg24158546</t>
  </si>
  <si>
    <t>cg24170529</t>
  </si>
  <si>
    <t>cg24178500</t>
  </si>
  <si>
    <t>cg24182521</t>
  </si>
  <si>
    <t>cg24201129</t>
  </si>
  <si>
    <t>cg24202916</t>
  </si>
  <si>
    <t>cg24214471</t>
  </si>
  <si>
    <t>cg24216770</t>
  </si>
  <si>
    <t>cg24221633</t>
  </si>
  <si>
    <t>cg24235518</t>
  </si>
  <si>
    <t>cg24236591</t>
  </si>
  <si>
    <t>cg24237813</t>
  </si>
  <si>
    <t>cg24259291</t>
  </si>
  <si>
    <t>cg24270031</t>
  </si>
  <si>
    <t>cg24283270</t>
  </si>
  <si>
    <t>cg24288463</t>
  </si>
  <si>
    <t>cg24290010</t>
  </si>
  <si>
    <t>cg24291747</t>
  </si>
  <si>
    <t>cg24298175</t>
  </si>
  <si>
    <t>cg24298684</t>
  </si>
  <si>
    <t>cg24306573</t>
  </si>
  <si>
    <t>cg24308847</t>
  </si>
  <si>
    <t>cg24310959</t>
  </si>
  <si>
    <t>cg24311135</t>
  </si>
  <si>
    <t>cg24314026</t>
  </si>
  <si>
    <t>cg24329076</t>
  </si>
  <si>
    <t>cg24332577</t>
  </si>
  <si>
    <t>cg24337151</t>
  </si>
  <si>
    <t>cg24343973</t>
  </si>
  <si>
    <t>cg24345349</t>
  </si>
  <si>
    <t>cg24354818</t>
  </si>
  <si>
    <t>cg24364574</t>
  </si>
  <si>
    <t>cg24366087</t>
  </si>
  <si>
    <t>cg24380059</t>
  </si>
  <si>
    <t>cg24381960</t>
  </si>
  <si>
    <t>cg24384816</t>
  </si>
  <si>
    <t>cg24398258</t>
  </si>
  <si>
    <t>cg24403644</t>
  </si>
  <si>
    <t>cg24408656</t>
  </si>
  <si>
    <t>cg24423251</t>
  </si>
  <si>
    <t>cg24427947</t>
  </si>
  <si>
    <t>cg24428760</t>
  </si>
  <si>
    <t>cg24435024</t>
  </si>
  <si>
    <t>cg24437070</t>
  </si>
  <si>
    <t>cg24442290</t>
  </si>
  <si>
    <t>cg24446326</t>
  </si>
  <si>
    <t>cg24448231</t>
  </si>
  <si>
    <t>cg24455205</t>
  </si>
  <si>
    <t>cg24459397</t>
  </si>
  <si>
    <t>cg24464502</t>
  </si>
  <si>
    <t>cg24469152</t>
  </si>
  <si>
    <t>cg24469719</t>
  </si>
  <si>
    <t>cg24484138</t>
  </si>
  <si>
    <t>cg24488317</t>
  </si>
  <si>
    <t>cg24493068</t>
  </si>
  <si>
    <t>cg24496847</t>
  </si>
  <si>
    <t>cg24502342</t>
  </si>
  <si>
    <t>cg24504569</t>
  </si>
  <si>
    <t>cg24506237</t>
  </si>
  <si>
    <t>cg24507762</t>
  </si>
  <si>
    <t>cg24513045</t>
  </si>
  <si>
    <t>cg24516061</t>
  </si>
  <si>
    <t>cg24519157</t>
  </si>
  <si>
    <t>cg24524435</t>
  </si>
  <si>
    <t>cg24530616</t>
  </si>
  <si>
    <t>cg24548108</t>
  </si>
  <si>
    <t>cg24549085</t>
  </si>
  <si>
    <t>cg24562819</t>
  </si>
  <si>
    <t>cg24564503</t>
  </si>
  <si>
    <t>cg24568194</t>
  </si>
  <si>
    <t>cg24570912</t>
  </si>
  <si>
    <t>cg24580017</t>
  </si>
  <si>
    <t>cg24582168</t>
  </si>
  <si>
    <t>cg24587268</t>
  </si>
  <si>
    <t>cg24607140</t>
  </si>
  <si>
    <t>cg24615945</t>
  </si>
  <si>
    <t>cg24626310</t>
  </si>
  <si>
    <t>cg24629392</t>
  </si>
  <si>
    <t>cg24633656</t>
  </si>
  <si>
    <t>cg24641773</t>
  </si>
  <si>
    <t>cg24649332</t>
  </si>
  <si>
    <t>cg24651941</t>
  </si>
  <si>
    <t>cg24652271</t>
  </si>
  <si>
    <t>cg24655566</t>
  </si>
  <si>
    <t>cg24657473</t>
  </si>
  <si>
    <t>cg24657604</t>
  </si>
  <si>
    <t>cg24662867</t>
  </si>
  <si>
    <t>cg24669856</t>
  </si>
  <si>
    <t>cg24674220</t>
  </si>
  <si>
    <t>cg24674635</t>
  </si>
  <si>
    <t>cg24675094</t>
  </si>
  <si>
    <t>cg24687794</t>
  </si>
  <si>
    <t>cg24690715</t>
  </si>
  <si>
    <t>cg24691461</t>
  </si>
  <si>
    <t>cg24691792</t>
  </si>
  <si>
    <t>cg24712417</t>
  </si>
  <si>
    <t>cg24717964</t>
  </si>
  <si>
    <t>cg24722763</t>
  </si>
  <si>
    <t>cg24727024</t>
  </si>
  <si>
    <t>cg24727216</t>
  </si>
  <si>
    <t>cg24737324</t>
  </si>
  <si>
    <t>cg24738006</t>
  </si>
  <si>
    <t>cg24758452</t>
  </si>
  <si>
    <t>cg24762053</t>
  </si>
  <si>
    <t>cg24763243</t>
  </si>
  <si>
    <t>cg24765446</t>
  </si>
  <si>
    <t>cg24809299</t>
  </si>
  <si>
    <t>cg24813588</t>
  </si>
  <si>
    <t>cg24814628</t>
  </si>
  <si>
    <t>cg24818238</t>
  </si>
  <si>
    <t>cg24834740</t>
  </si>
  <si>
    <t>cg24845165</t>
  </si>
  <si>
    <t>cg24855818</t>
  </si>
  <si>
    <t>cg24866792</t>
  </si>
  <si>
    <t>cg24867524</t>
  </si>
  <si>
    <t>cg24885526</t>
  </si>
  <si>
    <t>cg24889744</t>
  </si>
  <si>
    <t>cg24890964</t>
  </si>
  <si>
    <t>cg24906992</t>
  </si>
  <si>
    <t>cg24917645</t>
  </si>
  <si>
    <t>cg24923311</t>
  </si>
  <si>
    <t>cg24936179</t>
  </si>
  <si>
    <t>cg24941681</t>
  </si>
  <si>
    <t>cg24952075</t>
  </si>
  <si>
    <t>cg24961795</t>
  </si>
  <si>
    <t>cg24966406</t>
  </si>
  <si>
    <t>cg24988036</t>
  </si>
  <si>
    <t>cg24989181</t>
  </si>
  <si>
    <t>cg24989417</t>
  </si>
  <si>
    <t>cg25003307</t>
  </si>
  <si>
    <t>cg25004071</t>
  </si>
  <si>
    <t>cg25040466</t>
  </si>
  <si>
    <t>cg25045098</t>
  </si>
  <si>
    <t>cg25069010</t>
  </si>
  <si>
    <t>cg25076959</t>
  </si>
  <si>
    <t>cg25083781</t>
  </si>
  <si>
    <t>cg25090051</t>
  </si>
  <si>
    <t>cg25094972</t>
  </si>
  <si>
    <t>cg25112747</t>
  </si>
  <si>
    <t>cg25119002</t>
  </si>
  <si>
    <t>cg25128583</t>
  </si>
  <si>
    <t>cg25143652</t>
  </si>
  <si>
    <t>cg25157850</t>
  </si>
  <si>
    <t>cg25162828</t>
  </si>
  <si>
    <t>cg25188071</t>
  </si>
  <si>
    <t>cg25191716</t>
  </si>
  <si>
    <t>cg25209132</t>
  </si>
  <si>
    <t>cg25221337</t>
  </si>
  <si>
    <t>cg25225756</t>
  </si>
  <si>
    <t>cg25229306</t>
  </si>
  <si>
    <t>cg25268451</t>
  </si>
  <si>
    <t>cg25271734</t>
  </si>
  <si>
    <t>cg25273860</t>
  </si>
  <si>
    <t>cg25291404</t>
  </si>
  <si>
    <t>cg25291653</t>
  </si>
  <si>
    <t>cg25300584</t>
  </si>
  <si>
    <t>cg25318971</t>
  </si>
  <si>
    <t>cg25321885</t>
  </si>
  <si>
    <t>cg25325636</t>
  </si>
  <si>
    <t>cg25326283</t>
  </si>
  <si>
    <t>cg25345102</t>
  </si>
  <si>
    <t>cg25353142</t>
  </si>
  <si>
    <t>cg25355482</t>
  </si>
  <si>
    <t>cg25362630</t>
  </si>
  <si>
    <t>cg25369185</t>
  </si>
  <si>
    <t>cg25373408</t>
  </si>
  <si>
    <t>cg25381563</t>
  </si>
  <si>
    <t>cg25384906</t>
  </si>
  <si>
    <t>cg25397382</t>
  </si>
  <si>
    <t>cg25401628</t>
  </si>
  <si>
    <t>cg25412387</t>
  </si>
  <si>
    <t>cg25415966</t>
  </si>
  <si>
    <t>cg25440671</t>
  </si>
  <si>
    <t>cg25449466</t>
  </si>
  <si>
    <t>cg25458147</t>
  </si>
  <si>
    <t>cg25472862</t>
  </si>
  <si>
    <t>cg25480132</t>
  </si>
  <si>
    <t>cg25484990</t>
  </si>
  <si>
    <t>cg25487650</t>
  </si>
  <si>
    <t>cg25501930</t>
  </si>
  <si>
    <t>cg25508217</t>
  </si>
  <si>
    <t>cg25513321</t>
  </si>
  <si>
    <t>cg25523633</t>
  </si>
  <si>
    <t>cg25531857</t>
  </si>
  <si>
    <t>cg25539392</t>
  </si>
  <si>
    <t>cg25541209</t>
  </si>
  <si>
    <t>cg25551168</t>
  </si>
  <si>
    <t>cg25554205</t>
  </si>
  <si>
    <t>cg25554935</t>
  </si>
  <si>
    <t>cg25559100</t>
  </si>
  <si>
    <t>cg25561939</t>
  </si>
  <si>
    <t>cg25570486</t>
  </si>
  <si>
    <t>cg25575984</t>
  </si>
  <si>
    <t>cg25578064</t>
  </si>
  <si>
    <t>cg25604043</t>
  </si>
  <si>
    <t>cg25630211</t>
  </si>
  <si>
    <t>cg25631940</t>
  </si>
  <si>
    <t>cg25652859</t>
  </si>
  <si>
    <t>cg25655593</t>
  </si>
  <si>
    <t>cg25718438</t>
  </si>
  <si>
    <t>cg25721806</t>
  </si>
  <si>
    <t>cg25727093</t>
  </si>
  <si>
    <t>cg25737664</t>
  </si>
  <si>
    <t>cg25748108</t>
  </si>
  <si>
    <t>cg25748764</t>
  </si>
  <si>
    <t>cg25750259</t>
  </si>
  <si>
    <t>cg25757149</t>
  </si>
  <si>
    <t>cg25761955</t>
  </si>
  <si>
    <t>cg25773267</t>
  </si>
  <si>
    <t>cg25779645</t>
  </si>
  <si>
    <t>cg25787377</t>
  </si>
  <si>
    <t>cg25799433</t>
  </si>
  <si>
    <t>cg25799864</t>
  </si>
  <si>
    <t>cg25799986</t>
  </si>
  <si>
    <t>cg25811820</t>
  </si>
  <si>
    <t>cg25813109</t>
  </si>
  <si>
    <t>cg25826526</t>
  </si>
  <si>
    <t>cg25828181</t>
  </si>
  <si>
    <t>cg25840824</t>
  </si>
  <si>
    <t>cg25854856</t>
  </si>
  <si>
    <t>cg25867056</t>
  </si>
  <si>
    <t>cg25877553</t>
  </si>
  <si>
    <t>cg25879745</t>
  </si>
  <si>
    <t>cg25882597</t>
  </si>
  <si>
    <t>cg25889634</t>
  </si>
  <si>
    <t>cg25894160</t>
  </si>
  <si>
    <t>cg25895913</t>
  </si>
  <si>
    <t>cg25903261</t>
  </si>
  <si>
    <t>cg25904964</t>
  </si>
  <si>
    <t>cg25946459</t>
  </si>
  <si>
    <t>cg25946540</t>
  </si>
  <si>
    <t>cg25956012</t>
  </si>
  <si>
    <t>cg25958766</t>
  </si>
  <si>
    <t>cg25959149</t>
  </si>
  <si>
    <t>cg25960834</t>
  </si>
  <si>
    <t>cg25962605</t>
  </si>
  <si>
    <t>cg25966128</t>
  </si>
  <si>
    <t>cg25970377</t>
  </si>
  <si>
    <t>cg25971823</t>
  </si>
  <si>
    <t>cg25974586</t>
  </si>
  <si>
    <t>cg25976621</t>
  </si>
  <si>
    <t>cg25993718</t>
  </si>
  <si>
    <t>cg26002474</t>
  </si>
  <si>
    <t>cg26009195</t>
  </si>
  <si>
    <t>cg26029902</t>
  </si>
  <si>
    <t>cg26032363</t>
  </si>
  <si>
    <t>cg26035837</t>
  </si>
  <si>
    <t>cg26036806</t>
  </si>
  <si>
    <t>cg26038708</t>
  </si>
  <si>
    <t>cg26040816</t>
  </si>
  <si>
    <t>cg26042725</t>
  </si>
  <si>
    <t>cg26046658</t>
  </si>
  <si>
    <t>cg26048101</t>
  </si>
  <si>
    <t>cg26054167</t>
  </si>
  <si>
    <t>cg26057840</t>
  </si>
  <si>
    <t>cg26060255</t>
  </si>
  <si>
    <t>cg26086948</t>
  </si>
  <si>
    <t>cg26097364</t>
  </si>
  <si>
    <t>cg26105214</t>
  </si>
  <si>
    <t>cg26111757</t>
  </si>
  <si>
    <t>cg26119894</t>
  </si>
  <si>
    <t>cg26130864</t>
  </si>
  <si>
    <t>cg26131194</t>
  </si>
  <si>
    <t>cg26132853</t>
  </si>
  <si>
    <t>cg26141336</t>
  </si>
  <si>
    <t>cg26143577</t>
  </si>
  <si>
    <t>cg26147335</t>
  </si>
  <si>
    <t>cg26165815</t>
  </si>
  <si>
    <t>cg26175343</t>
  </si>
  <si>
    <t>cg26186239</t>
  </si>
  <si>
    <t>cg26204638</t>
  </si>
  <si>
    <t>cg26206598</t>
  </si>
  <si>
    <t>cg26216876</t>
  </si>
  <si>
    <t>cg26220336</t>
  </si>
  <si>
    <t>cg26221280</t>
  </si>
  <si>
    <t>cg26226951</t>
  </si>
  <si>
    <t>cg26232005</t>
  </si>
  <si>
    <t>cg26246933</t>
  </si>
  <si>
    <t>cg26256104</t>
  </si>
  <si>
    <t>cg26267561</t>
  </si>
  <si>
    <t>cg26270879</t>
  </si>
  <si>
    <t>cg26272575</t>
  </si>
  <si>
    <t>cg26274892</t>
  </si>
  <si>
    <t>cg26281310</t>
  </si>
  <si>
    <t>cg26282655</t>
  </si>
  <si>
    <t>cg26286198</t>
  </si>
  <si>
    <t>cg26286956</t>
  </si>
  <si>
    <t>cg26287101</t>
  </si>
  <si>
    <t>cg26287609</t>
  </si>
  <si>
    <t>cg26306882</t>
  </si>
  <si>
    <t>cg26307882</t>
  </si>
  <si>
    <t>cg26334166</t>
  </si>
  <si>
    <t>cg26339180</t>
  </si>
  <si>
    <t>cg26342637</t>
  </si>
  <si>
    <t>cg26347851</t>
  </si>
  <si>
    <t>cg26384697</t>
  </si>
  <si>
    <t>cg26391674</t>
  </si>
  <si>
    <t>cg26404172</t>
  </si>
  <si>
    <t>cg26411441</t>
  </si>
  <si>
    <t>cg26429905</t>
  </si>
  <si>
    <t>cg26446827</t>
  </si>
  <si>
    <t>cg26453670</t>
  </si>
  <si>
    <t>cg26463200</t>
  </si>
  <si>
    <t>cg26472441</t>
  </si>
  <si>
    <t>cg26478215</t>
  </si>
  <si>
    <t>cg26482164</t>
  </si>
  <si>
    <t>cg26495179</t>
  </si>
  <si>
    <t>cg26495953</t>
  </si>
  <si>
    <t>cg26496204</t>
  </si>
  <si>
    <t>cg26516759</t>
  </si>
  <si>
    <t>cg26529344</t>
  </si>
  <si>
    <t>cg26534847</t>
  </si>
  <si>
    <t>cg26540515</t>
  </si>
  <si>
    <t>cg26548101</t>
  </si>
  <si>
    <t>cg26567359</t>
  </si>
  <si>
    <t>cg26571928</t>
  </si>
  <si>
    <t>cg26576937</t>
  </si>
  <si>
    <t>cg26577348</t>
  </si>
  <si>
    <t>cg26582803</t>
  </si>
  <si>
    <t>cg26596863</t>
  </si>
  <si>
    <t>cg26604799</t>
  </si>
  <si>
    <t>cg26615188</t>
  </si>
  <si>
    <t>cg26634132</t>
  </si>
  <si>
    <t>cg26645834</t>
  </si>
  <si>
    <t>cg26650480</t>
  </si>
  <si>
    <t>cg26665274</t>
  </si>
  <si>
    <t>cg26702116</t>
  </si>
  <si>
    <t>cg26728517</t>
  </si>
  <si>
    <t>cg26735503</t>
  </si>
  <si>
    <t>cg26736540</t>
  </si>
  <si>
    <t>cg26746469</t>
  </si>
  <si>
    <t>cg26748394</t>
  </si>
  <si>
    <t>cg26752655</t>
  </si>
  <si>
    <t>cg26760212</t>
  </si>
  <si>
    <t>cg26788916</t>
  </si>
  <si>
    <t>cg26794871</t>
  </si>
  <si>
    <t>cg26800832</t>
  </si>
  <si>
    <t>cg26806791</t>
  </si>
  <si>
    <t>cg26806924</t>
  </si>
  <si>
    <t>cg26812397</t>
  </si>
  <si>
    <t>cg26820641</t>
  </si>
  <si>
    <t>cg26821293</t>
  </si>
  <si>
    <t>cg26825412</t>
  </si>
  <si>
    <t>cg26826223</t>
  </si>
  <si>
    <t>cg26826852</t>
  </si>
  <si>
    <t>cg26827893</t>
  </si>
  <si>
    <t>cg26828689</t>
  </si>
  <si>
    <t>cg26836743</t>
  </si>
  <si>
    <t>cg26843008</t>
  </si>
  <si>
    <t>cg26848593</t>
  </si>
  <si>
    <t>cg26854096</t>
  </si>
  <si>
    <t>cg26856501</t>
  </si>
  <si>
    <t>cg26858409</t>
  </si>
  <si>
    <t>cg26863380</t>
  </si>
  <si>
    <t>cg26872089</t>
  </si>
  <si>
    <t>cg26873158</t>
  </si>
  <si>
    <t>cg26886257</t>
  </si>
  <si>
    <t>cg26912312</t>
  </si>
  <si>
    <t>cg26912636</t>
  </si>
  <si>
    <t>cg26917625</t>
  </si>
  <si>
    <t>cg26929161</t>
  </si>
  <si>
    <t>cg26955850</t>
  </si>
  <si>
    <t>cg27022535</t>
  </si>
  <si>
    <t>cg27027803</t>
  </si>
  <si>
    <t>cg27076781</t>
  </si>
  <si>
    <t>cg27103685</t>
  </si>
  <si>
    <t>cg27114120</t>
  </si>
  <si>
    <t>cg27133230</t>
  </si>
  <si>
    <t>cg27143370</t>
  </si>
  <si>
    <t>cg27144039</t>
  </si>
  <si>
    <t>cg27146036</t>
  </si>
  <si>
    <t>cg27150417</t>
  </si>
  <si>
    <t>cg27155954</t>
  </si>
  <si>
    <t>cg27158481</t>
  </si>
  <si>
    <t>cg27161973</t>
  </si>
  <si>
    <t>cg27172866</t>
  </si>
  <si>
    <t>cg27176129</t>
  </si>
  <si>
    <t>cg27194614</t>
  </si>
  <si>
    <t>cg27194921</t>
  </si>
  <si>
    <t>cg27204739</t>
  </si>
  <si>
    <t>cg27206421</t>
  </si>
  <si>
    <t>cg27207308</t>
  </si>
  <si>
    <t>cg27210657</t>
  </si>
  <si>
    <t>cg27212232</t>
  </si>
  <si>
    <t>cg27214774</t>
  </si>
  <si>
    <t>cg27221193</t>
  </si>
  <si>
    <t>cg27229100</t>
  </si>
  <si>
    <t>cg27239171</t>
  </si>
  <si>
    <t>cg27243180</t>
  </si>
  <si>
    <t>cg27250037</t>
  </si>
  <si>
    <t>cg27262488</t>
  </si>
  <si>
    <t>cg27270218</t>
  </si>
  <si>
    <t>cg27272402</t>
  </si>
  <si>
    <t>cg27278017</t>
  </si>
  <si>
    <t>cg27301249</t>
  </si>
  <si>
    <t>cg27308355</t>
  </si>
  <si>
    <t>cg27321439</t>
  </si>
  <si>
    <t>cg27337176</t>
  </si>
  <si>
    <t>cg27343325</t>
  </si>
  <si>
    <t>cg27343616</t>
  </si>
  <si>
    <t>cg27359678</t>
  </si>
  <si>
    <t>cg27365103</t>
  </si>
  <si>
    <t>cg27367554</t>
  </si>
  <si>
    <t>cg27370028</t>
  </si>
  <si>
    <t>cg27377213</t>
  </si>
  <si>
    <t>cg27382393</t>
  </si>
  <si>
    <t>cg27382790</t>
  </si>
  <si>
    <t>cg27385032</t>
  </si>
  <si>
    <t>cg27389684</t>
  </si>
  <si>
    <t>cg27390201</t>
  </si>
  <si>
    <t>cg27392956</t>
  </si>
  <si>
    <t>cg27395891</t>
  </si>
  <si>
    <t>cg27403628</t>
  </si>
  <si>
    <t>cg27404606</t>
  </si>
  <si>
    <t>cg27413508</t>
  </si>
  <si>
    <t>cg27416247</t>
  </si>
  <si>
    <t>cg27422678</t>
  </si>
  <si>
    <t>cg27423323</t>
  </si>
  <si>
    <t>cg27424675</t>
  </si>
  <si>
    <t>cg27431396</t>
  </si>
  <si>
    <t>cg27447053</t>
  </si>
  <si>
    <t>cg27447740</t>
  </si>
  <si>
    <t>cg27461254</t>
  </si>
  <si>
    <t>cg27467249</t>
  </si>
  <si>
    <t>cg27467787</t>
  </si>
  <si>
    <t>cg27475076</t>
  </si>
  <si>
    <t>cg27498669</t>
  </si>
  <si>
    <t>cg27500292</t>
  </si>
  <si>
    <t>cg27500575</t>
  </si>
  <si>
    <t>cg27500983</t>
  </si>
  <si>
    <t>cg27505587</t>
  </si>
  <si>
    <t>cg27507681</t>
  </si>
  <si>
    <t>cg27507713</t>
  </si>
  <si>
    <t>cg27523523</t>
  </si>
  <si>
    <t>cg27529037</t>
  </si>
  <si>
    <t>cg27530628</t>
  </si>
  <si>
    <t>cg27531587</t>
  </si>
  <si>
    <t>cg27552599</t>
  </si>
  <si>
    <t>cg27563985</t>
  </si>
  <si>
    <t>cg27564579</t>
  </si>
  <si>
    <t>cg27578977</t>
  </si>
  <si>
    <t>cg27580318</t>
  </si>
  <si>
    <t>cg27581965</t>
  </si>
  <si>
    <t>cg27583383</t>
  </si>
  <si>
    <t>cg27585822</t>
  </si>
  <si>
    <t>cg27589058</t>
  </si>
  <si>
    <t>cg27605858</t>
  </si>
  <si>
    <t>cg27609986</t>
  </si>
  <si>
    <t>cg27610561</t>
  </si>
  <si>
    <t>cg27621821</t>
  </si>
  <si>
    <t>cg27624319</t>
  </si>
  <si>
    <t>cg27628552</t>
  </si>
  <si>
    <t>cg27632471</t>
  </si>
  <si>
    <t>cg27633533</t>
  </si>
  <si>
    <t>cg27634724</t>
  </si>
  <si>
    <t>cg27635330</t>
  </si>
  <si>
    <t>cg27642771</t>
  </si>
  <si>
    <t>cg27643859</t>
  </si>
  <si>
    <t>cg27647852</t>
  </si>
  <si>
    <t>cg27661264</t>
  </si>
  <si>
    <t>cg27662169</t>
  </si>
  <si>
    <t>ch.20.16878662R</t>
  </si>
  <si>
    <t>ch.20.437154R</t>
  </si>
  <si>
    <t>ch.20.501606F</t>
  </si>
  <si>
    <t>ch.20.661824R</t>
  </si>
  <si>
    <t>ch.20.905431R</t>
  </si>
  <si>
    <t>ch.20.44558307R</t>
  </si>
  <si>
    <t>ch.20.983686F</t>
  </si>
  <si>
    <t>ch.20.1019750F</t>
  </si>
  <si>
    <t>ch.20.46106799F</t>
  </si>
  <si>
    <t>ch.20.54687769F</t>
  </si>
  <si>
    <t>ch.20.1437006F</t>
  </si>
  <si>
    <t>cg00002080</t>
  </si>
  <si>
    <t>cg00004533</t>
  </si>
  <si>
    <t>cg00009944</t>
  </si>
  <si>
    <t>cg00025591</t>
  </si>
  <si>
    <t>cg00026030</t>
  </si>
  <si>
    <t>cg00054173</t>
  </si>
  <si>
    <t>cg00054774</t>
  </si>
  <si>
    <t>cg00065302</t>
  </si>
  <si>
    <t>cg00082540</t>
  </si>
  <si>
    <t>cg00083685</t>
  </si>
  <si>
    <t>cg00085061</t>
  </si>
  <si>
    <t>cg00092711</t>
  </si>
  <si>
    <t>cg00097639</t>
  </si>
  <si>
    <t>cg00102726</t>
  </si>
  <si>
    <t>cg00106925</t>
  </si>
  <si>
    <t>cg00118229</t>
  </si>
  <si>
    <t>cg00118317</t>
  </si>
  <si>
    <t>cg00129785</t>
  </si>
  <si>
    <t>cg00146755</t>
  </si>
  <si>
    <t>cg00161791</t>
  </si>
  <si>
    <t>cg00164837</t>
  </si>
  <si>
    <t>cg00168694</t>
  </si>
  <si>
    <t>cg00171126</t>
  </si>
  <si>
    <t>cg00174743</t>
  </si>
  <si>
    <t>cg00176309</t>
  </si>
  <si>
    <t>cg00201670</t>
  </si>
  <si>
    <t>cg00222799</t>
  </si>
  <si>
    <t>cg00231945</t>
  </si>
  <si>
    <t>cg00289258</t>
  </si>
  <si>
    <t>cg00291213</t>
  </si>
  <si>
    <t>cg00293996</t>
  </si>
  <si>
    <t>cg00355325</t>
  </si>
  <si>
    <t>cg00359604</t>
  </si>
  <si>
    <t>cg00374688</t>
  </si>
  <si>
    <t>cg00375581</t>
  </si>
  <si>
    <t>cg00375829</t>
  </si>
  <si>
    <t>cg00376480</t>
  </si>
  <si>
    <t>cg00376979</t>
  </si>
  <si>
    <t>cg00377065</t>
  </si>
  <si>
    <t>cg00415642</t>
  </si>
  <si>
    <t>cg00421848</t>
  </si>
  <si>
    <t>cg00429107</t>
  </si>
  <si>
    <t>cg00472814</t>
  </si>
  <si>
    <t>cg00495713</t>
  </si>
  <si>
    <t>cg00499599</t>
  </si>
  <si>
    <t>cg00502028</t>
  </si>
  <si>
    <t>cg00516481</t>
  </si>
  <si>
    <t>cg00544557</t>
  </si>
  <si>
    <t>cg00546897</t>
  </si>
  <si>
    <t>cg00549412</t>
  </si>
  <si>
    <t>cg00551153</t>
  </si>
  <si>
    <t>cg00559560</t>
  </si>
  <si>
    <t>cg00570697</t>
  </si>
  <si>
    <t>cg00573248</t>
  </si>
  <si>
    <t>cg00577950</t>
  </si>
  <si>
    <t>cg00579960</t>
  </si>
  <si>
    <t>cg00606841</t>
  </si>
  <si>
    <t>cg00621029</t>
  </si>
  <si>
    <t>cg00622655</t>
  </si>
  <si>
    <t>cg00628697</t>
  </si>
  <si>
    <t>cg00662446</t>
  </si>
  <si>
    <t>cg00673191</t>
  </si>
  <si>
    <t>cg00681483</t>
  </si>
  <si>
    <t>cg00689211</t>
  </si>
  <si>
    <t>cg00695416</t>
  </si>
  <si>
    <t>cg00695854</t>
  </si>
  <si>
    <t>cg00696166</t>
  </si>
  <si>
    <t>cg00698204</t>
  </si>
  <si>
    <t>cg00702593</t>
  </si>
  <si>
    <t>cg00707688</t>
  </si>
  <si>
    <t>cg00710938</t>
  </si>
  <si>
    <t>cg00714531</t>
  </si>
  <si>
    <t>cg00717080</t>
  </si>
  <si>
    <t>cg00719072</t>
  </si>
  <si>
    <t>cg00733746</t>
  </si>
  <si>
    <t>cg00735080</t>
  </si>
  <si>
    <t>cg00739644</t>
  </si>
  <si>
    <t>cg00746308</t>
  </si>
  <si>
    <t>cg00751271</t>
  </si>
  <si>
    <t>cg00754430</t>
  </si>
  <si>
    <t>cg00764652</t>
  </si>
  <si>
    <t>cg00775094</t>
  </si>
  <si>
    <t>cg00785029</t>
  </si>
  <si>
    <t>cg00788012</t>
  </si>
  <si>
    <t>cg00791920</t>
  </si>
  <si>
    <t>cg00806296</t>
  </si>
  <si>
    <t>cg00815214</t>
  </si>
  <si>
    <t>cg00820922</t>
  </si>
  <si>
    <t>cg00824806</t>
  </si>
  <si>
    <t>cg00849853</t>
  </si>
  <si>
    <t>cg00850083</t>
  </si>
  <si>
    <t>cg00850552</t>
  </si>
  <si>
    <t>cg00895324</t>
  </si>
  <si>
    <t>cg00899365</t>
  </si>
  <si>
    <t>cg00929658</t>
  </si>
  <si>
    <t>cg00929871</t>
  </si>
  <si>
    <t>cg00935361</t>
  </si>
  <si>
    <t>cg00937175</t>
  </si>
  <si>
    <t>cg00947859</t>
  </si>
  <si>
    <t>cg00974464</t>
  </si>
  <si>
    <t>cg00989217</t>
  </si>
  <si>
    <t>cg01007374</t>
  </si>
  <si>
    <t>cg01015062</t>
  </si>
  <si>
    <t>cg01065599</t>
  </si>
  <si>
    <t>cg01071153</t>
  </si>
  <si>
    <t>cg01071534</t>
  </si>
  <si>
    <t>cg01074392</t>
  </si>
  <si>
    <t>cg01079651</t>
  </si>
  <si>
    <t>cg01082437</t>
  </si>
  <si>
    <t>cg01090834</t>
  </si>
  <si>
    <t>cg01109867</t>
  </si>
  <si>
    <t>cg01145544</t>
  </si>
  <si>
    <t>cg01152711</t>
  </si>
  <si>
    <t>cg01157146</t>
  </si>
  <si>
    <t>cg01162494</t>
  </si>
  <si>
    <t>cg01167274</t>
  </si>
  <si>
    <t>cg01176028</t>
  </si>
  <si>
    <t>cg01183122</t>
  </si>
  <si>
    <t>cg01193064</t>
  </si>
  <si>
    <t>cg01198024</t>
  </si>
  <si>
    <t>cg01209984</t>
  </si>
  <si>
    <t>cg01212562</t>
  </si>
  <si>
    <t>cg01240094</t>
  </si>
  <si>
    <t>cg01245595</t>
  </si>
  <si>
    <t>cg01256260</t>
  </si>
  <si>
    <t>cg01261013</t>
  </si>
  <si>
    <t>cg01262913</t>
  </si>
  <si>
    <t>cg01267908</t>
  </si>
  <si>
    <t>cg01268367</t>
  </si>
  <si>
    <t>cg01269344</t>
  </si>
  <si>
    <t>cg01274324</t>
  </si>
  <si>
    <t>cg01286133</t>
  </si>
  <si>
    <t>cg01300218</t>
  </si>
  <si>
    <t>cg01314574</t>
  </si>
  <si>
    <t>cg01321836</t>
  </si>
  <si>
    <t>cg01322405</t>
  </si>
  <si>
    <t>cg01330688</t>
  </si>
  <si>
    <t>cg01331461</t>
  </si>
  <si>
    <t>cg01337515</t>
  </si>
  <si>
    <t>cg01344060</t>
  </si>
  <si>
    <t>cg01344119</t>
  </si>
  <si>
    <t>cg01349489</t>
  </si>
  <si>
    <t>cg01351072</t>
  </si>
  <si>
    <t>cg01417226</t>
  </si>
  <si>
    <t>cg01419679</t>
  </si>
  <si>
    <t>cg01442565</t>
  </si>
  <si>
    <t>cg01444578</t>
  </si>
  <si>
    <t>cg01465641</t>
  </si>
  <si>
    <t>cg01487892</t>
  </si>
  <si>
    <t>cg01512084</t>
  </si>
  <si>
    <t>cg01519261</t>
  </si>
  <si>
    <t>cg01569601</t>
  </si>
  <si>
    <t>cg01573121</t>
  </si>
  <si>
    <t>cg01603980</t>
  </si>
  <si>
    <t>cg01612285</t>
  </si>
  <si>
    <t>cg01618535</t>
  </si>
  <si>
    <t>cg01619490</t>
  </si>
  <si>
    <t>cg01622416</t>
  </si>
  <si>
    <t>cg01644385</t>
  </si>
  <si>
    <t>cg01688776</t>
  </si>
  <si>
    <t>cg01706544</t>
  </si>
  <si>
    <t>cg01709871</t>
  </si>
  <si>
    <t>cg01772743</t>
  </si>
  <si>
    <t>cg01775274</t>
  </si>
  <si>
    <t>cg01779270</t>
  </si>
  <si>
    <t>cg01788910</t>
  </si>
  <si>
    <t>cg01817286</t>
  </si>
  <si>
    <t>cg01820192</t>
  </si>
  <si>
    <t>cg01840740</t>
  </si>
  <si>
    <t>cg01848115</t>
  </si>
  <si>
    <t>cg01853561</t>
  </si>
  <si>
    <t>cg01855674</t>
  </si>
  <si>
    <t>cg01881899</t>
  </si>
  <si>
    <t>cg01917669</t>
  </si>
  <si>
    <t>cg01920334</t>
  </si>
  <si>
    <t>cg01962969</t>
  </si>
  <si>
    <t>cg02002298</t>
  </si>
  <si>
    <t>cg02010760</t>
  </si>
  <si>
    <t>cg02017634</t>
  </si>
  <si>
    <t>cg02031187</t>
  </si>
  <si>
    <t>cg02045981</t>
  </si>
  <si>
    <t>cg02057463</t>
  </si>
  <si>
    <t>cg02079421</t>
  </si>
  <si>
    <t>cg02087289</t>
  </si>
  <si>
    <t>cg02100602</t>
  </si>
  <si>
    <t>cg02114786</t>
  </si>
  <si>
    <t>cg02115911</t>
  </si>
  <si>
    <t>cg02117924</t>
  </si>
  <si>
    <t>cg02124724</t>
  </si>
  <si>
    <t>cg02139827</t>
  </si>
  <si>
    <t>cg02194789</t>
  </si>
  <si>
    <t>cg02197542</t>
  </si>
  <si>
    <t>cg02238362</t>
  </si>
  <si>
    <t>cg02241241</t>
  </si>
  <si>
    <t>cg02253535</t>
  </si>
  <si>
    <t>cg02260098</t>
  </si>
  <si>
    <t>cg02315187</t>
  </si>
  <si>
    <t>cg02339298</t>
  </si>
  <si>
    <t>cg02348151</t>
  </si>
  <si>
    <t>cg02367930</t>
  </si>
  <si>
    <t>cg02370100</t>
  </si>
  <si>
    <t>cg02381521</t>
  </si>
  <si>
    <t>cg02412264</t>
  </si>
  <si>
    <t>cg02413040</t>
  </si>
  <si>
    <t>cg02417033</t>
  </si>
  <si>
    <t>cg02431704</t>
  </si>
  <si>
    <t>cg02458053</t>
  </si>
  <si>
    <t>cg02462195</t>
  </si>
  <si>
    <t>cg02493771</t>
  </si>
  <si>
    <t>cg02497290</t>
  </si>
  <si>
    <t>cg02507175</t>
  </si>
  <si>
    <t>cg02517232</t>
  </si>
  <si>
    <t>cg02519499</t>
  </si>
  <si>
    <t>cg02524754</t>
  </si>
  <si>
    <t>cg02532853</t>
  </si>
  <si>
    <t>cg02533993</t>
  </si>
  <si>
    <t>cg02541052</t>
  </si>
  <si>
    <t>cg02553516</t>
  </si>
  <si>
    <t>cg02556430</t>
  </si>
  <si>
    <t>cg02571448</t>
  </si>
  <si>
    <t>cg02586366</t>
  </si>
  <si>
    <t>cg02613803</t>
  </si>
  <si>
    <t>cg02628840</t>
  </si>
  <si>
    <t>cg02630129</t>
  </si>
  <si>
    <t>cg02635869</t>
  </si>
  <si>
    <t>cg02644491</t>
  </si>
  <si>
    <t>cg02651190</t>
  </si>
  <si>
    <t>cg02672220</t>
  </si>
  <si>
    <t>cg02677192</t>
  </si>
  <si>
    <t>cg02730156</t>
  </si>
  <si>
    <t>cg02736969</t>
  </si>
  <si>
    <t>cg02755978</t>
  </si>
  <si>
    <t>cg02767539</t>
  </si>
  <si>
    <t>cg02776659</t>
  </si>
  <si>
    <t>cg02791891</t>
  </si>
  <si>
    <t>cg02797195</t>
  </si>
  <si>
    <t>cg02836046</t>
  </si>
  <si>
    <t>cg02852754</t>
  </si>
  <si>
    <t>cg02855633</t>
  </si>
  <si>
    <t>cg02858449</t>
  </si>
  <si>
    <t>cg02892961</t>
  </si>
  <si>
    <t>cg02897005</t>
  </si>
  <si>
    <t>cg02901606</t>
  </si>
  <si>
    <t>cg02930687</t>
  </si>
  <si>
    <t>cg02949186</t>
  </si>
  <si>
    <t>cg02976054</t>
  </si>
  <si>
    <t>cg02984790</t>
  </si>
  <si>
    <t>cg03013554</t>
  </si>
  <si>
    <t>cg03017480</t>
  </si>
  <si>
    <t>cg03029616</t>
  </si>
  <si>
    <t>cg03033780</t>
  </si>
  <si>
    <t>cg03062881</t>
  </si>
  <si>
    <t>cg03067912</t>
  </si>
  <si>
    <t>cg03113271</t>
  </si>
  <si>
    <t>cg03122532</t>
  </si>
  <si>
    <t>cg03147815</t>
  </si>
  <si>
    <t>cg03150042</t>
  </si>
  <si>
    <t>cg03152428</t>
  </si>
  <si>
    <t>cg03167275</t>
  </si>
  <si>
    <t>cg03173479</t>
  </si>
  <si>
    <t>cg03202077</t>
  </si>
  <si>
    <t>cg03208198</t>
  </si>
  <si>
    <t>cg03232933</t>
  </si>
  <si>
    <t>cg03239638</t>
  </si>
  <si>
    <t>cg03240473</t>
  </si>
  <si>
    <t>cg03254566</t>
  </si>
  <si>
    <t>cg03255630</t>
  </si>
  <si>
    <t>cg03257916</t>
  </si>
  <si>
    <t>cg03267254</t>
  </si>
  <si>
    <t>cg03294207</t>
  </si>
  <si>
    <t>cg03299946</t>
  </si>
  <si>
    <t>cg03347927</t>
  </si>
  <si>
    <t>cg03364381</t>
  </si>
  <si>
    <t>cg03366992</t>
  </si>
  <si>
    <t>cg03382304</t>
  </si>
  <si>
    <t>cg03392571</t>
  </si>
  <si>
    <t>cg03431738</t>
  </si>
  <si>
    <t>cg03441713</t>
  </si>
  <si>
    <t>cg03515060</t>
  </si>
  <si>
    <t>cg03515098</t>
  </si>
  <si>
    <t>cg03531951</t>
  </si>
  <si>
    <t>cg03534481</t>
  </si>
  <si>
    <t>cg03535049</t>
  </si>
  <si>
    <t>cg03535831</t>
  </si>
  <si>
    <t>cg03539747</t>
  </si>
  <si>
    <t>cg03594100</t>
  </si>
  <si>
    <t>cg03599110</t>
  </si>
  <si>
    <t>cg03607728</t>
  </si>
  <si>
    <t>cg03622689</t>
  </si>
  <si>
    <t>cg03662217</t>
  </si>
  <si>
    <t>cg03663739</t>
  </si>
  <si>
    <t>cg03671660</t>
  </si>
  <si>
    <t>cg03692708</t>
  </si>
  <si>
    <t>cg03694415</t>
  </si>
  <si>
    <t>cg03696345</t>
  </si>
  <si>
    <t>cg03705621</t>
  </si>
  <si>
    <t>cg03721454</t>
  </si>
  <si>
    <t>cg03731862</t>
  </si>
  <si>
    <t>cg03732762</t>
  </si>
  <si>
    <t>cg03738656</t>
  </si>
  <si>
    <t>cg03741824</t>
  </si>
  <si>
    <t>cg03746929</t>
  </si>
  <si>
    <t>cg03770455</t>
  </si>
  <si>
    <t>cg03789498</t>
  </si>
  <si>
    <t>cg03803086</t>
  </si>
  <si>
    <t>cg03841560</t>
  </si>
  <si>
    <t>cg03866569</t>
  </si>
  <si>
    <t>cg03868220</t>
  </si>
  <si>
    <t>cg03872783</t>
  </si>
  <si>
    <t>cg03899654</t>
  </si>
  <si>
    <t>cg03909086</t>
  </si>
  <si>
    <t>cg03951121</t>
  </si>
  <si>
    <t>cg03953305</t>
  </si>
  <si>
    <t>cg03963049</t>
  </si>
  <si>
    <t>cg03966486</t>
  </si>
  <si>
    <t>cg03969025</t>
  </si>
  <si>
    <t>cg03993463</t>
  </si>
  <si>
    <t>cg03993743</t>
  </si>
  <si>
    <t>cg04047710</t>
  </si>
  <si>
    <t>cg04070987</t>
  </si>
  <si>
    <t>cg04078608</t>
  </si>
  <si>
    <t>cg04091837</t>
  </si>
  <si>
    <t>cg04095923</t>
  </si>
  <si>
    <t>cg04096368</t>
  </si>
  <si>
    <t>cg04097543</t>
  </si>
  <si>
    <t>cg04119593</t>
  </si>
  <si>
    <t>cg04123357</t>
  </si>
  <si>
    <t>cg04147621</t>
  </si>
  <si>
    <t>cg04172010</t>
  </si>
  <si>
    <t>cg04187708</t>
  </si>
  <si>
    <t>cg04204002</t>
  </si>
  <si>
    <t>cg04205653</t>
  </si>
  <si>
    <t>cg04207218</t>
  </si>
  <si>
    <t>cg04212846</t>
  </si>
  <si>
    <t>cg04217556</t>
  </si>
  <si>
    <t>cg04218030</t>
  </si>
  <si>
    <t>cg04222409</t>
  </si>
  <si>
    <t>cg04228935</t>
  </si>
  <si>
    <t>cg04236639</t>
  </si>
  <si>
    <t>cg04238737</t>
  </si>
  <si>
    <t>cg04289880</t>
  </si>
  <si>
    <t>cg04307902</t>
  </si>
  <si>
    <t>cg04314225</t>
  </si>
  <si>
    <t>cg04321224</t>
  </si>
  <si>
    <t>cg04340481</t>
  </si>
  <si>
    <t>cg04351905</t>
  </si>
  <si>
    <t>cg04357830</t>
  </si>
  <si>
    <t>cg04413147</t>
  </si>
  <si>
    <t>cg04443870</t>
  </si>
  <si>
    <t>cg04454259</t>
  </si>
  <si>
    <t>cg04456245</t>
  </si>
  <si>
    <t>cg04464940</t>
  </si>
  <si>
    <t>cg04478905</t>
  </si>
  <si>
    <t>cg04487008</t>
  </si>
  <si>
    <t>cg04493931</t>
  </si>
  <si>
    <t>cg04537185</t>
  </si>
  <si>
    <t>cg04553623</t>
  </si>
  <si>
    <t>cg04564515</t>
  </si>
  <si>
    <t>cg04576213</t>
  </si>
  <si>
    <t>cg04617640</t>
  </si>
  <si>
    <t>cg04631283</t>
  </si>
  <si>
    <t>cg04643920</t>
  </si>
  <si>
    <t>cg04648480</t>
  </si>
  <si>
    <t>cg04677846</t>
  </si>
  <si>
    <t>cg04713483</t>
  </si>
  <si>
    <t>cg04723534</t>
  </si>
  <si>
    <t>cg04737054</t>
  </si>
  <si>
    <t>cg04756127</t>
  </si>
  <si>
    <t>cg04760448</t>
  </si>
  <si>
    <t>cg04781339</t>
  </si>
  <si>
    <t>cg04790129</t>
  </si>
  <si>
    <t>cg04819337</t>
  </si>
  <si>
    <t>cg04821026</t>
  </si>
  <si>
    <t>cg04824511</t>
  </si>
  <si>
    <t>cg04828792</t>
  </si>
  <si>
    <t>cg04836472</t>
  </si>
  <si>
    <t>cg04837104</t>
  </si>
  <si>
    <t>cg04878385</t>
  </si>
  <si>
    <t>cg04895047</t>
  </si>
  <si>
    <t>cg04896620</t>
  </si>
  <si>
    <t>cg04955683</t>
  </si>
  <si>
    <t>cg04965987</t>
  </si>
  <si>
    <t>cg04983459</t>
  </si>
  <si>
    <t>cg05029838</t>
  </si>
  <si>
    <t>cg05030251</t>
  </si>
  <si>
    <t>cg05030553</t>
  </si>
  <si>
    <t>cg05056497</t>
  </si>
  <si>
    <t>cg05064078</t>
  </si>
  <si>
    <t>cg05086987</t>
  </si>
  <si>
    <t>cg05088515</t>
  </si>
  <si>
    <t>cg05096800</t>
  </si>
  <si>
    <t>cg05128498</t>
  </si>
  <si>
    <t>cg05129930</t>
  </si>
  <si>
    <t>cg05168609</t>
  </si>
  <si>
    <t>cg05183668</t>
  </si>
  <si>
    <t>cg05190098</t>
  </si>
  <si>
    <t>cg05194808</t>
  </si>
  <si>
    <t>cg05196905</t>
  </si>
  <si>
    <t>cg05274953</t>
  </si>
  <si>
    <t>cg05291773</t>
  </si>
  <si>
    <t>cg05297739</t>
  </si>
  <si>
    <t>cg05299847</t>
  </si>
  <si>
    <t>cg05314961</t>
  </si>
  <si>
    <t>cg05341904</t>
  </si>
  <si>
    <t>cg05349828</t>
  </si>
  <si>
    <t>cg05380982</t>
  </si>
  <si>
    <t>cg05399211</t>
  </si>
  <si>
    <t>cg05408521</t>
  </si>
  <si>
    <t>cg05409047</t>
  </si>
  <si>
    <t>cg05422396</t>
  </si>
  <si>
    <t>cg05434312</t>
  </si>
  <si>
    <t>cg05455234</t>
  </si>
  <si>
    <t>cg05481445</t>
  </si>
  <si>
    <t>cg05515488</t>
  </si>
  <si>
    <t>cg05521473</t>
  </si>
  <si>
    <t>cg05529899</t>
  </si>
  <si>
    <t>cg05533615</t>
  </si>
  <si>
    <t>cg05549611</t>
  </si>
  <si>
    <t>cg05595469</t>
  </si>
  <si>
    <t>cg05616999</t>
  </si>
  <si>
    <t>cg05639842</t>
  </si>
  <si>
    <t>cg05656374</t>
  </si>
  <si>
    <t>cg05663064</t>
  </si>
  <si>
    <t>cg05670717</t>
  </si>
  <si>
    <t>cg05686194</t>
  </si>
  <si>
    <t>cg05707788</t>
  </si>
  <si>
    <t>cg05717685</t>
  </si>
  <si>
    <t>cg05724110</t>
  </si>
  <si>
    <t>cg05732300</t>
  </si>
  <si>
    <t>cg05761539</t>
  </si>
  <si>
    <t>cg05762769</t>
  </si>
  <si>
    <t>cg05809947</t>
  </si>
  <si>
    <t>cg05830618</t>
  </si>
  <si>
    <t>cg05862338</t>
  </si>
  <si>
    <t>cg05896524</t>
  </si>
  <si>
    <t>cg05923101</t>
  </si>
  <si>
    <t>cg05929056</t>
  </si>
  <si>
    <t>cg05931989</t>
  </si>
  <si>
    <t>cg05949379</t>
  </si>
  <si>
    <t>cg05969018</t>
  </si>
  <si>
    <t>cg05973398</t>
  </si>
  <si>
    <t>cg05977990</t>
  </si>
  <si>
    <t>cg06000635</t>
  </si>
  <si>
    <t>cg06032349</t>
  </si>
  <si>
    <t>cg06068897</t>
  </si>
  <si>
    <t>cg06070592</t>
  </si>
  <si>
    <t>cg06076054</t>
  </si>
  <si>
    <t>cg06081517</t>
  </si>
  <si>
    <t>cg06091881</t>
  </si>
  <si>
    <t>cg06101661</t>
  </si>
  <si>
    <t>cg06112333</t>
  </si>
  <si>
    <t>cg06114765</t>
  </si>
  <si>
    <t>cg06118533</t>
  </si>
  <si>
    <t>cg06119162</t>
  </si>
  <si>
    <t>cg06121323</t>
  </si>
  <si>
    <t>cg06139893</t>
  </si>
  <si>
    <t>cg06165761</t>
  </si>
  <si>
    <t>cg06171420</t>
  </si>
  <si>
    <t>cg06174495</t>
  </si>
  <si>
    <t>cg06187584</t>
  </si>
  <si>
    <t>cg06212263</t>
  </si>
  <si>
    <t>cg06240465</t>
  </si>
  <si>
    <t>cg06279535</t>
  </si>
  <si>
    <t>cg06287548</t>
  </si>
  <si>
    <t>cg06343169</t>
  </si>
  <si>
    <t>cg06368184</t>
  </si>
  <si>
    <t>cg06402432</t>
  </si>
  <si>
    <t>cg06410273</t>
  </si>
  <si>
    <t>cg06415742</t>
  </si>
  <si>
    <t>cg06430509</t>
  </si>
  <si>
    <t>cg06430572</t>
  </si>
  <si>
    <t>cg06452779</t>
  </si>
  <si>
    <t>cg06464111</t>
  </si>
  <si>
    <t>cg06468521</t>
  </si>
  <si>
    <t>cg06468780</t>
  </si>
  <si>
    <t>cg06490113</t>
  </si>
  <si>
    <t>cg06496041</t>
  </si>
  <si>
    <t>cg06502510</t>
  </si>
  <si>
    <t>cg06515159</t>
  </si>
  <si>
    <t>cg06515562</t>
  </si>
  <si>
    <t>cg06525127</t>
  </si>
  <si>
    <t>cg06546183</t>
  </si>
  <si>
    <t>cg06555093</t>
  </si>
  <si>
    <t>cg06560309</t>
  </si>
  <si>
    <t>cg06570025</t>
  </si>
  <si>
    <t>cg06595162</t>
  </si>
  <si>
    <t>cg06618935</t>
  </si>
  <si>
    <t>cg06626786</t>
  </si>
  <si>
    <t>cg06661612</t>
  </si>
  <si>
    <t>cg06665221</t>
  </si>
  <si>
    <t>cg06689180</t>
  </si>
  <si>
    <t>cg06722792</t>
  </si>
  <si>
    <t>cg06728306</t>
  </si>
  <si>
    <t>cg06731865</t>
  </si>
  <si>
    <t>cg06735472</t>
  </si>
  <si>
    <t>cg06741996</t>
  </si>
  <si>
    <t>cg06745684</t>
  </si>
  <si>
    <t>cg06748315</t>
  </si>
  <si>
    <t>cg06758583</t>
  </si>
  <si>
    <t>cg06812844</t>
  </si>
  <si>
    <t>cg06815826</t>
  </si>
  <si>
    <t>cg06868026</t>
  </si>
  <si>
    <t>cg06929414</t>
  </si>
  <si>
    <t>cg06932455</t>
  </si>
  <si>
    <t>cg06958537</t>
  </si>
  <si>
    <t>cg06971761</t>
  </si>
  <si>
    <t>cg06978036</t>
  </si>
  <si>
    <t>cg07018760</t>
  </si>
  <si>
    <t>cg07034561</t>
  </si>
  <si>
    <t>cg07052251</t>
  </si>
  <si>
    <t>cg07073072</t>
  </si>
  <si>
    <t>cg07080808</t>
  </si>
  <si>
    <t>cg07083366</t>
  </si>
  <si>
    <t>cg07134627</t>
  </si>
  <si>
    <t>cg07177681</t>
  </si>
  <si>
    <t>cg07180182</t>
  </si>
  <si>
    <t>cg07183691</t>
  </si>
  <si>
    <t>cg07201215</t>
  </si>
  <si>
    <t>cg07249227</t>
  </si>
  <si>
    <t>cg07271473</t>
  </si>
  <si>
    <t>cg07273342</t>
  </si>
  <si>
    <t>cg07274314</t>
  </si>
  <si>
    <t>cg07274406</t>
  </si>
  <si>
    <t>cg07296260</t>
  </si>
  <si>
    <t>cg07328351</t>
  </si>
  <si>
    <t>cg07391141</t>
  </si>
  <si>
    <t>cg07462053</t>
  </si>
  <si>
    <t>cg07468397</t>
  </si>
  <si>
    <t>cg07493005</t>
  </si>
  <si>
    <t>cg07494518</t>
  </si>
  <si>
    <t>cg07500325</t>
  </si>
  <si>
    <t>cg07511459</t>
  </si>
  <si>
    <t>cg07518450</t>
  </si>
  <si>
    <t>cg07544102</t>
  </si>
  <si>
    <t>cg07566389</t>
  </si>
  <si>
    <t>cg07601542</t>
  </si>
  <si>
    <t>cg07608496</t>
  </si>
  <si>
    <t>cg07610822</t>
  </si>
  <si>
    <t>cg07615087</t>
  </si>
  <si>
    <t>cg07629165</t>
  </si>
  <si>
    <t>cg07658590</t>
  </si>
  <si>
    <t>cg07699312</t>
  </si>
  <si>
    <t>cg07772324</t>
  </si>
  <si>
    <t>cg07780114</t>
  </si>
  <si>
    <t>cg07781197</t>
  </si>
  <si>
    <t>cg07827943</t>
  </si>
  <si>
    <t>cg07844507</t>
  </si>
  <si>
    <t>cg07845895</t>
  </si>
  <si>
    <t>cg07854182</t>
  </si>
  <si>
    <t>cg07871532</t>
  </si>
  <si>
    <t>cg07910736</t>
  </si>
  <si>
    <t>cg07934732</t>
  </si>
  <si>
    <t>cg07946458</t>
  </si>
  <si>
    <t>cg07950000</t>
  </si>
  <si>
    <t>cg07964219</t>
  </si>
  <si>
    <t>cg07996352</t>
  </si>
  <si>
    <t>cg07999508</t>
  </si>
  <si>
    <t>cg08031958</t>
  </si>
  <si>
    <t>cg08041573</t>
  </si>
  <si>
    <t>cg08056957</t>
  </si>
  <si>
    <t>cg08064488</t>
  </si>
  <si>
    <t>cg08073507</t>
  </si>
  <si>
    <t>cg08089513</t>
  </si>
  <si>
    <t>cg08148418</t>
  </si>
  <si>
    <t>cg08152198</t>
  </si>
  <si>
    <t>cg08190291</t>
  </si>
  <si>
    <t>cg08209099</t>
  </si>
  <si>
    <t>cg08240860</t>
  </si>
  <si>
    <t>cg08247297</t>
  </si>
  <si>
    <t>cg08247806</t>
  </si>
  <si>
    <t>cg08264376</t>
  </si>
  <si>
    <t>cg08276542</t>
  </si>
  <si>
    <t>cg08291430</t>
  </si>
  <si>
    <t>cg08297082</t>
  </si>
  <si>
    <t>cg08302532</t>
  </si>
  <si>
    <t>cg08309251</t>
  </si>
  <si>
    <t>cg08309687</t>
  </si>
  <si>
    <t>cg08320524</t>
  </si>
  <si>
    <t>cg08363042</t>
  </si>
  <si>
    <t>cg08381918</t>
  </si>
  <si>
    <t>cg08385874</t>
  </si>
  <si>
    <t>cg08406714</t>
  </si>
  <si>
    <t>cg08416522</t>
  </si>
  <si>
    <t>cg08422803</t>
  </si>
  <si>
    <t>cg08435240</t>
  </si>
  <si>
    <t>cg08443845</t>
  </si>
  <si>
    <t>cg08450965</t>
  </si>
  <si>
    <t>cg08451325</t>
  </si>
  <si>
    <t>cg08461903</t>
  </si>
  <si>
    <t>cg08475518</t>
  </si>
  <si>
    <t>cg08493762</t>
  </si>
  <si>
    <t>cg08502703</t>
  </si>
  <si>
    <t>cg08511764</t>
  </si>
  <si>
    <t>cg08518507</t>
  </si>
  <si>
    <t>cg08521263</t>
  </si>
  <si>
    <t>cg08538752</t>
  </si>
  <si>
    <t>cg08599496</t>
  </si>
  <si>
    <t>cg08605965</t>
  </si>
  <si>
    <t>cg08624445</t>
  </si>
  <si>
    <t>cg08650934</t>
  </si>
  <si>
    <t>cg08655493</t>
  </si>
  <si>
    <t>cg08658318</t>
  </si>
  <si>
    <t>cg08701609</t>
  </si>
  <si>
    <t>cg08707771</t>
  </si>
  <si>
    <t>cg08727867</t>
  </si>
  <si>
    <t>cg08729135</t>
  </si>
  <si>
    <t>cg08729810</t>
  </si>
  <si>
    <t>cg08753227</t>
  </si>
  <si>
    <t>cg08764522</t>
  </si>
  <si>
    <t>cg08776014</t>
  </si>
  <si>
    <t>cg08781584</t>
  </si>
  <si>
    <t>cg08788819</t>
  </si>
  <si>
    <t>cg08843279</t>
  </si>
  <si>
    <t>cg08846592</t>
  </si>
  <si>
    <t>cg08851289</t>
  </si>
  <si>
    <t>cg08871016</t>
  </si>
  <si>
    <t>cg08888905</t>
  </si>
  <si>
    <t>cg08903333</t>
  </si>
  <si>
    <t>cg08919443</t>
  </si>
  <si>
    <t>cg08924203</t>
  </si>
  <si>
    <t>cg08949101</t>
  </si>
  <si>
    <t>cg08961621</t>
  </si>
  <si>
    <t>cg08976550</t>
  </si>
  <si>
    <t>cg08979041</t>
  </si>
  <si>
    <t>cg08989212</t>
  </si>
  <si>
    <t>cg09012734</t>
  </si>
  <si>
    <t>cg09037712</t>
  </si>
  <si>
    <t>cg09057885</t>
  </si>
  <si>
    <t>cg09112388</t>
  </si>
  <si>
    <t>cg09121378</t>
  </si>
  <si>
    <t>cg09128751</t>
  </si>
  <si>
    <t>cg09143663</t>
  </si>
  <si>
    <t>cg09149851</t>
  </si>
  <si>
    <t>cg09195550</t>
  </si>
  <si>
    <t>cg09195805</t>
  </si>
  <si>
    <t>cg09199698</t>
  </si>
  <si>
    <t>cg09208331</t>
  </si>
  <si>
    <t>cg09221269</t>
  </si>
  <si>
    <t>cg09247736</t>
  </si>
  <si>
    <t>cg09248148</t>
  </si>
  <si>
    <t>cg09254980</t>
  </si>
  <si>
    <t>cg09256510</t>
  </si>
  <si>
    <t>cg09274658</t>
  </si>
  <si>
    <t>cg09308387</t>
  </si>
  <si>
    <t>cg09316688</t>
  </si>
  <si>
    <t>cg09354050</t>
  </si>
  <si>
    <t>cg09371744</t>
  </si>
  <si>
    <t>cg09387528</t>
  </si>
  <si>
    <t>cg09408917</t>
  </si>
  <si>
    <t>cg09410308</t>
  </si>
  <si>
    <t>cg09413933</t>
  </si>
  <si>
    <t>cg09417038</t>
  </si>
  <si>
    <t>cg09428349</t>
  </si>
  <si>
    <t>cg09438382</t>
  </si>
  <si>
    <t>cg09440603</t>
  </si>
  <si>
    <t>cg09441337</t>
  </si>
  <si>
    <t>cg09516696</t>
  </si>
  <si>
    <t>cg09523086</t>
  </si>
  <si>
    <t>cg09538135</t>
  </si>
  <si>
    <t>cg09546172</t>
  </si>
  <si>
    <t>cg09546220</t>
  </si>
  <si>
    <t>cg09556952</t>
  </si>
  <si>
    <t>cg09612454</t>
  </si>
  <si>
    <t>cg09622447</t>
  </si>
  <si>
    <t>cg09629169</t>
  </si>
  <si>
    <t>cg09676390</t>
  </si>
  <si>
    <t>cg09693765</t>
  </si>
  <si>
    <t>cg09695260</t>
  </si>
  <si>
    <t>cg09702434</t>
  </si>
  <si>
    <t>cg09727148</t>
  </si>
  <si>
    <t>cg09795960</t>
  </si>
  <si>
    <t>cg09809950</t>
  </si>
  <si>
    <t>cg09828504</t>
  </si>
  <si>
    <t>cg09829580</t>
  </si>
  <si>
    <t>cg09831081</t>
  </si>
  <si>
    <t>cg09839092</t>
  </si>
  <si>
    <t>cg09849774</t>
  </si>
  <si>
    <t>cg09872009</t>
  </si>
  <si>
    <t>cg09884350</t>
  </si>
  <si>
    <t>cg09885409</t>
  </si>
  <si>
    <t>cg09908001</t>
  </si>
  <si>
    <t>cg09916030</t>
  </si>
  <si>
    <t>cg09916765</t>
  </si>
  <si>
    <t>cg09962824</t>
  </si>
  <si>
    <t>cg10019329</t>
  </si>
  <si>
    <t>cg10068301</t>
  </si>
  <si>
    <t>cg10074864</t>
  </si>
  <si>
    <t>cg10095801</t>
  </si>
  <si>
    <t>cg10095968</t>
  </si>
  <si>
    <t>cg10105244</t>
  </si>
  <si>
    <t>cg10105268</t>
  </si>
  <si>
    <t>cg10110367</t>
  </si>
  <si>
    <t>cg10192877</t>
  </si>
  <si>
    <t>cg10198932</t>
  </si>
  <si>
    <t>cg10204884</t>
  </si>
  <si>
    <t>cg10215919</t>
  </si>
  <si>
    <t>cg10217445</t>
  </si>
  <si>
    <t>cg10257895</t>
  </si>
  <si>
    <t>cg10268811</t>
  </si>
  <si>
    <t>cg10270055</t>
  </si>
  <si>
    <t>cg10272219</t>
  </si>
  <si>
    <t>cg10361589</t>
  </si>
  <si>
    <t>cg10364942</t>
  </si>
  <si>
    <t>cg10377299</t>
  </si>
  <si>
    <t>cg10381409</t>
  </si>
  <si>
    <t>cg10382494</t>
  </si>
  <si>
    <t>cg10394047</t>
  </si>
  <si>
    <t>cg10405333</t>
  </si>
  <si>
    <t>cg10406195</t>
  </si>
  <si>
    <t>cg10434947</t>
  </si>
  <si>
    <t>cg10439737</t>
  </si>
  <si>
    <t>cg10445315</t>
  </si>
  <si>
    <t>cg10446143</t>
  </si>
  <si>
    <t>cg10456990</t>
  </si>
  <si>
    <t>cg10464454</t>
  </si>
  <si>
    <t>cg10477409</t>
  </si>
  <si>
    <t>cg10477854</t>
  </si>
  <si>
    <t>cg10486505</t>
  </si>
  <si>
    <t>cg10490473</t>
  </si>
  <si>
    <t>cg10500362</t>
  </si>
  <si>
    <t>cg10507649</t>
  </si>
  <si>
    <t>cg10569414</t>
  </si>
  <si>
    <t>cg10572943</t>
  </si>
  <si>
    <t>cg10595913</t>
  </si>
  <si>
    <t>cg10599571</t>
  </si>
  <si>
    <t>cg10627354</t>
  </si>
  <si>
    <t>cg10636297</t>
  </si>
  <si>
    <t>cg10640371</t>
  </si>
  <si>
    <t>cg10672804</t>
  </si>
  <si>
    <t>cg10683055</t>
  </si>
  <si>
    <t>cg10690657</t>
  </si>
  <si>
    <t>cg10690747</t>
  </si>
  <si>
    <t>cg10706013</t>
  </si>
  <si>
    <t>cg10722799</t>
  </si>
  <si>
    <t>cg10809449</t>
  </si>
  <si>
    <t>cg10811880</t>
  </si>
  <si>
    <t>cg10814646</t>
  </si>
  <si>
    <t>cg10828127</t>
  </si>
  <si>
    <t>cg10829693</t>
  </si>
  <si>
    <t>cg10850930</t>
  </si>
  <si>
    <t>cg10865444</t>
  </si>
  <si>
    <t>cg10871721</t>
  </si>
  <si>
    <t>cg10873781</t>
  </si>
  <si>
    <t>cg10957180</t>
  </si>
  <si>
    <t>cg10982746</t>
  </si>
  <si>
    <t>cg11019462</t>
  </si>
  <si>
    <t>cg11022525</t>
  </si>
  <si>
    <t>cg11023456</t>
  </si>
  <si>
    <t>cg11029358</t>
  </si>
  <si>
    <t>cg11044273</t>
  </si>
  <si>
    <t>cg11056129</t>
  </si>
  <si>
    <t>cg11059343</t>
  </si>
  <si>
    <t>cg11064537</t>
  </si>
  <si>
    <t>cg11064558</t>
  </si>
  <si>
    <t>cg11071242</t>
  </si>
  <si>
    <t>cg11073104</t>
  </si>
  <si>
    <t>cg11099899</t>
  </si>
  <si>
    <t>cg11113589</t>
  </si>
  <si>
    <t>cg11128285</t>
  </si>
  <si>
    <t>cg11166823</t>
  </si>
  <si>
    <t>cg11189837</t>
  </si>
  <si>
    <t>cg11209957</t>
  </si>
  <si>
    <t>cg11215918</t>
  </si>
  <si>
    <t>cg11220732</t>
  </si>
  <si>
    <t>cg11267390</t>
  </si>
  <si>
    <t>cg11293610</t>
  </si>
  <si>
    <t>cg11304968</t>
  </si>
  <si>
    <t>cg11316868</t>
  </si>
  <si>
    <t>cg11321156</t>
  </si>
  <si>
    <t>cg11367297</t>
  </si>
  <si>
    <t>cg11375616</t>
  </si>
  <si>
    <t>cg11377984</t>
  </si>
  <si>
    <t>cg11397135</t>
  </si>
  <si>
    <t>cg11398623</t>
  </si>
  <si>
    <t>cg11399508</t>
  </si>
  <si>
    <t>cg11407345</t>
  </si>
  <si>
    <t>cg11410404</t>
  </si>
  <si>
    <t>cg11411127</t>
  </si>
  <si>
    <t>cg11414263</t>
  </si>
  <si>
    <t>cg11424525</t>
  </si>
  <si>
    <t>cg11429658</t>
  </si>
  <si>
    <t>cg11438134</t>
  </si>
  <si>
    <t>cg11441704</t>
  </si>
  <si>
    <t>cg11450766</t>
  </si>
  <si>
    <t>cg11460509</t>
  </si>
  <si>
    <t>cg11479877</t>
  </si>
  <si>
    <t>cg11500660</t>
  </si>
  <si>
    <t>cg11506205</t>
  </si>
  <si>
    <t>cg11511842</t>
  </si>
  <si>
    <t>cg11513641</t>
  </si>
  <si>
    <t>cg11555640</t>
  </si>
  <si>
    <t>cg11601115</t>
  </si>
  <si>
    <t>cg11630411</t>
  </si>
  <si>
    <t>cg11638347</t>
  </si>
  <si>
    <t>cg11651007</t>
  </si>
  <si>
    <t>cg11652095</t>
  </si>
  <si>
    <t>cg11664818</t>
  </si>
  <si>
    <t>cg11698180</t>
  </si>
  <si>
    <t>cg11706540</t>
  </si>
  <si>
    <t>cg11712386</t>
  </si>
  <si>
    <t>cg11759288</t>
  </si>
  <si>
    <t>cg11772764</t>
  </si>
  <si>
    <t>cg11774346</t>
  </si>
  <si>
    <t>cg11778840</t>
  </si>
  <si>
    <t>cg11793646</t>
  </si>
  <si>
    <t>cg11808885</t>
  </si>
  <si>
    <t>cg11819121</t>
  </si>
  <si>
    <t>cg11829416</t>
  </si>
  <si>
    <t>cg11846097</t>
  </si>
  <si>
    <t>cg11846141</t>
  </si>
  <si>
    <t>cg11852796</t>
  </si>
  <si>
    <t>cg11912202</t>
  </si>
  <si>
    <t>cg11943058</t>
  </si>
  <si>
    <t>cg11949606</t>
  </si>
  <si>
    <t>cg11950299</t>
  </si>
  <si>
    <t>cg11967727</t>
  </si>
  <si>
    <t>cg11985424</t>
  </si>
  <si>
    <t>cg12003230</t>
  </si>
  <si>
    <t>cg12012356</t>
  </si>
  <si>
    <t>cg12012871</t>
  </si>
  <si>
    <t>cg12015884</t>
  </si>
  <si>
    <t>cg12064626</t>
  </si>
  <si>
    <t>cg12077772</t>
  </si>
  <si>
    <t>cg12078031</t>
  </si>
  <si>
    <t>cg12079381</t>
  </si>
  <si>
    <t>cg12091376</t>
  </si>
  <si>
    <t>cg12092309</t>
  </si>
  <si>
    <t>cg12094552</t>
  </si>
  <si>
    <t>cg12111500</t>
  </si>
  <si>
    <t>cg12119133</t>
  </si>
  <si>
    <t>cg12135856</t>
  </si>
  <si>
    <t>cg12161534</t>
  </si>
  <si>
    <t>cg12162886</t>
  </si>
  <si>
    <t>cg12205591</t>
  </si>
  <si>
    <t>cg12244325</t>
  </si>
  <si>
    <t>cg12246165</t>
  </si>
  <si>
    <t>cg12249789</t>
  </si>
  <si>
    <t>cg12276203</t>
  </si>
  <si>
    <t>cg12298598</t>
  </si>
  <si>
    <t>cg12299303</t>
  </si>
  <si>
    <t>cg12300582</t>
  </si>
  <si>
    <t>cg12307092</t>
  </si>
  <si>
    <t>cg12329404</t>
  </si>
  <si>
    <t>cg12346967</t>
  </si>
  <si>
    <t>cg12352984</t>
  </si>
  <si>
    <t>cg12359279</t>
  </si>
  <si>
    <t>cg12363671</t>
  </si>
  <si>
    <t>cg12384236</t>
  </si>
  <si>
    <t>cg12409874</t>
  </si>
  <si>
    <t>cg12430776</t>
  </si>
  <si>
    <t>cg12444076</t>
  </si>
  <si>
    <t>cg12456510</t>
  </si>
  <si>
    <t>cg12457659</t>
  </si>
  <si>
    <t>cg12459059</t>
  </si>
  <si>
    <t>cg12466405</t>
  </si>
  <si>
    <t>cg12470092</t>
  </si>
  <si>
    <t>cg12476541</t>
  </si>
  <si>
    <t>cg12491966</t>
  </si>
  <si>
    <t>cg12492289</t>
  </si>
  <si>
    <t>cg12501220</t>
  </si>
  <si>
    <t>cg12516959</t>
  </si>
  <si>
    <t>cg12549411</t>
  </si>
  <si>
    <t>cg12564962</t>
  </si>
  <si>
    <t>cg12575313</t>
  </si>
  <si>
    <t>cg12602426</t>
  </si>
  <si>
    <t>cg12659494</t>
  </si>
  <si>
    <t>cg12683515</t>
  </si>
  <si>
    <t>cg12703219</t>
  </si>
  <si>
    <t>cg12734954</t>
  </si>
  <si>
    <t>cg12743978</t>
  </si>
  <si>
    <t>cg12746557</t>
  </si>
  <si>
    <t>cg12792526</t>
  </si>
  <si>
    <t>cg12814032</t>
  </si>
  <si>
    <t>cg12818493</t>
  </si>
  <si>
    <t>cg12826791</t>
  </si>
  <si>
    <t>cg12843033</t>
  </si>
  <si>
    <t>cg12922931</t>
  </si>
  <si>
    <t>cg12935478</t>
  </si>
  <si>
    <t>cg12947009</t>
  </si>
  <si>
    <t>cg12955277</t>
  </si>
  <si>
    <t>cg13015908</t>
  </si>
  <si>
    <t>cg13033054</t>
  </si>
  <si>
    <t>cg13043815</t>
  </si>
  <si>
    <t>cg13049432</t>
  </si>
  <si>
    <t>cg13056247</t>
  </si>
  <si>
    <t>cg13062913</t>
  </si>
  <si>
    <t>cg13066630</t>
  </si>
  <si>
    <t>cg13071345</t>
  </si>
  <si>
    <t>cg13079762</t>
  </si>
  <si>
    <t>cg13095416</t>
  </si>
  <si>
    <t>cg13125364</t>
  </si>
  <si>
    <t>cg13128052</t>
  </si>
  <si>
    <t>cg13136556</t>
  </si>
  <si>
    <t>cg13146379</t>
  </si>
  <si>
    <t>cg13169373</t>
  </si>
  <si>
    <t>cg13180224</t>
  </si>
  <si>
    <t>cg13180920</t>
  </si>
  <si>
    <t>cg13223565</t>
  </si>
  <si>
    <t>cg13235816</t>
  </si>
  <si>
    <t>cg13242092</t>
  </si>
  <si>
    <t>cg13265003</t>
  </si>
  <si>
    <t>cg13271076</t>
  </si>
  <si>
    <t>cg13319664</t>
  </si>
  <si>
    <t>cg13460409</t>
  </si>
  <si>
    <t>cg13464401</t>
  </si>
  <si>
    <t>cg13486354</t>
  </si>
  <si>
    <t>cg13489049</t>
  </si>
  <si>
    <t>cg13489127</t>
  </si>
  <si>
    <t>cg13507964</t>
  </si>
  <si>
    <t>cg13520715</t>
  </si>
  <si>
    <t>cg13521048</t>
  </si>
  <si>
    <t>cg13524919</t>
  </si>
  <si>
    <t>cg13552650</t>
  </si>
  <si>
    <t>cg13578652</t>
  </si>
  <si>
    <t>cg13593597</t>
  </si>
  <si>
    <t>cg13599649</t>
  </si>
  <si>
    <t>cg13601496</t>
  </si>
  <si>
    <t>cg13604150</t>
  </si>
  <si>
    <t>cg13617248</t>
  </si>
  <si>
    <t>cg13617782</t>
  </si>
  <si>
    <t>cg13637731</t>
  </si>
  <si>
    <t>cg13657446</t>
  </si>
  <si>
    <t>cg13662262</t>
  </si>
  <si>
    <t>cg13663738</t>
  </si>
  <si>
    <t>cg13666417</t>
  </si>
  <si>
    <t>cg13689342</t>
  </si>
  <si>
    <t>cg13695906</t>
  </si>
  <si>
    <t>cg13786429</t>
  </si>
  <si>
    <t>cg13792279</t>
  </si>
  <si>
    <t>cg13812223</t>
  </si>
  <si>
    <t>cg13821571</t>
  </si>
  <si>
    <t>cg13826749</t>
  </si>
  <si>
    <t>cg13842237</t>
  </si>
  <si>
    <t>cg13854874</t>
  </si>
  <si>
    <t>cg13879523</t>
  </si>
  <si>
    <t>cg13896842</t>
  </si>
  <si>
    <t>cg13910377</t>
  </si>
  <si>
    <t>cg13955647</t>
  </si>
  <si>
    <t>cg13971502</t>
  </si>
  <si>
    <t>cg14049741</t>
  </si>
  <si>
    <t>cg14058699</t>
  </si>
  <si>
    <t>cg14065109</t>
  </si>
  <si>
    <t>cg14081667</t>
  </si>
  <si>
    <t>cg14110008</t>
  </si>
  <si>
    <t>cg14112356</t>
  </si>
  <si>
    <t>cg14127954</t>
  </si>
  <si>
    <t>cg14136086</t>
  </si>
  <si>
    <t>cg14148108</t>
  </si>
  <si>
    <t>cg14171527</t>
  </si>
  <si>
    <t>cg14179796</t>
  </si>
  <si>
    <t>cg14179806</t>
  </si>
  <si>
    <t>cg14185626</t>
  </si>
  <si>
    <t>cg14192782</t>
  </si>
  <si>
    <t>cg14204791</t>
  </si>
  <si>
    <t>cg14209522</t>
  </si>
  <si>
    <t>cg14219562</t>
  </si>
  <si>
    <t>cg14220272</t>
  </si>
  <si>
    <t>cg14233374</t>
  </si>
  <si>
    <t>cg14260218</t>
  </si>
  <si>
    <t>cg14283447</t>
  </si>
  <si>
    <t>cg14288673</t>
  </si>
  <si>
    <t>cg14326747</t>
  </si>
  <si>
    <t>cg14328685</t>
  </si>
  <si>
    <t>cg14333338</t>
  </si>
  <si>
    <t>cg14356919</t>
  </si>
  <si>
    <t>cg14365143</t>
  </si>
  <si>
    <t>cg14374401</t>
  </si>
  <si>
    <t>cg14374829</t>
  </si>
  <si>
    <t>cg14380517</t>
  </si>
  <si>
    <t>cg14386999</t>
  </si>
  <si>
    <t>cg14411929</t>
  </si>
  <si>
    <t>cg14413354</t>
  </si>
  <si>
    <t>cg14442408</t>
  </si>
  <si>
    <t>cg14507658</t>
  </si>
  <si>
    <t>cg14526825</t>
  </si>
  <si>
    <t>cg14562076</t>
  </si>
  <si>
    <t>cg14562523</t>
  </si>
  <si>
    <t>cg14579678</t>
  </si>
  <si>
    <t>cg14581803</t>
  </si>
  <si>
    <t>cg14583871</t>
  </si>
  <si>
    <t>cg14598877</t>
  </si>
  <si>
    <t>cg14606328</t>
  </si>
  <si>
    <t>cg14607407</t>
  </si>
  <si>
    <t>cg14627538</t>
  </si>
  <si>
    <t>cg14627805</t>
  </si>
  <si>
    <t>cg14638315</t>
  </si>
  <si>
    <t>cg14640712</t>
  </si>
  <si>
    <t>cg14641018</t>
  </si>
  <si>
    <t>cg14641757</t>
  </si>
  <si>
    <t>cg14652629</t>
  </si>
  <si>
    <t>cg14674253</t>
  </si>
  <si>
    <t>cg14694746</t>
  </si>
  <si>
    <t>cg14730102</t>
  </si>
  <si>
    <t>cg14740657</t>
  </si>
  <si>
    <t>cg14743055</t>
  </si>
  <si>
    <t>cg14789911</t>
  </si>
  <si>
    <t>cg14843731</t>
  </si>
  <si>
    <t>cg14843922</t>
  </si>
  <si>
    <t>cg14845410</t>
  </si>
  <si>
    <t>cg14865585</t>
  </si>
  <si>
    <t>cg14897025</t>
  </si>
  <si>
    <t>cg14899046</t>
  </si>
  <si>
    <t>cg14900388</t>
  </si>
  <si>
    <t>cg14909842</t>
  </si>
  <si>
    <t>cg14911223</t>
  </si>
  <si>
    <t>cg14920503</t>
  </si>
  <si>
    <t>cg14920911</t>
  </si>
  <si>
    <t>cg14960827</t>
  </si>
  <si>
    <t>cg15021280</t>
  </si>
  <si>
    <t>cg15094912</t>
  </si>
  <si>
    <t>cg15125868</t>
  </si>
  <si>
    <t>cg15140798</t>
  </si>
  <si>
    <t>cg15143447</t>
  </si>
  <si>
    <t>cg15168892</t>
  </si>
  <si>
    <t>cg15169265</t>
  </si>
  <si>
    <t>cg15237494</t>
  </si>
  <si>
    <t>cg15242225</t>
  </si>
  <si>
    <t>cg15266021</t>
  </si>
  <si>
    <t>cg15274684</t>
  </si>
  <si>
    <t>cg15295166</t>
  </si>
  <si>
    <t>cg15300856</t>
  </si>
  <si>
    <t>cg15310162</t>
  </si>
  <si>
    <t>cg15313403</t>
  </si>
  <si>
    <t>cg15316949</t>
  </si>
  <si>
    <t>cg15318007</t>
  </si>
  <si>
    <t>cg15321195</t>
  </si>
  <si>
    <t>cg15372721</t>
  </si>
  <si>
    <t>cg15382669</t>
  </si>
  <si>
    <t>cg15384108</t>
  </si>
  <si>
    <t>cg15408640</t>
  </si>
  <si>
    <t>cg15447829</t>
  </si>
  <si>
    <t>cg15463387</t>
  </si>
  <si>
    <t>cg15471946</t>
  </si>
  <si>
    <t>cg15475977</t>
  </si>
  <si>
    <t>cg15485792</t>
  </si>
  <si>
    <t>cg15536230</t>
  </si>
  <si>
    <t>cg15555019</t>
  </si>
  <si>
    <t>cg15555709</t>
  </si>
  <si>
    <t>cg15571330</t>
  </si>
  <si>
    <t>cg15635600</t>
  </si>
  <si>
    <t>cg15636792</t>
  </si>
  <si>
    <t>cg15665376</t>
  </si>
  <si>
    <t>cg15683970</t>
  </si>
  <si>
    <t>cg15687973</t>
  </si>
  <si>
    <t>cg15719339</t>
  </si>
  <si>
    <t>cg15750546</t>
  </si>
  <si>
    <t>cg15765398</t>
  </si>
  <si>
    <t>cg15769689</t>
  </si>
  <si>
    <t>cg15811719</t>
  </si>
  <si>
    <t>cg15842400</t>
  </si>
  <si>
    <t>cg15844419</t>
  </si>
  <si>
    <t>cg15881486</t>
  </si>
  <si>
    <t>cg15884510</t>
  </si>
  <si>
    <t>cg15889424</t>
  </si>
  <si>
    <t>cg15892280</t>
  </si>
  <si>
    <t>cg15893253</t>
  </si>
  <si>
    <t>cg15920739</t>
  </si>
  <si>
    <t>cg15921089</t>
  </si>
  <si>
    <t>cg15955655</t>
  </si>
  <si>
    <t>cg15991975</t>
  </si>
  <si>
    <t>cg16007019</t>
  </si>
  <si>
    <t>cg16008273</t>
  </si>
  <si>
    <t>cg16020279</t>
  </si>
  <si>
    <t>cg16021182</t>
  </si>
  <si>
    <t>cg16043082</t>
  </si>
  <si>
    <t>cg16068812</t>
  </si>
  <si>
    <t>cg16071082</t>
  </si>
  <si>
    <t>cg16084872</t>
  </si>
  <si>
    <t>cg16087633</t>
  </si>
  <si>
    <t>cg16088116</t>
  </si>
  <si>
    <t>cg16134430</t>
  </si>
  <si>
    <t>cg16149943</t>
  </si>
  <si>
    <t>cg16158296</t>
  </si>
  <si>
    <t>cg16190478</t>
  </si>
  <si>
    <t>cg16193765</t>
  </si>
  <si>
    <t>cg16246713</t>
  </si>
  <si>
    <t>cg16266918</t>
  </si>
  <si>
    <t>cg16334524</t>
  </si>
  <si>
    <t>cg16345647</t>
  </si>
  <si>
    <t>cg16358576</t>
  </si>
  <si>
    <t>cg16361649</t>
  </si>
  <si>
    <t>cg16362786</t>
  </si>
  <si>
    <t>cg16365807</t>
  </si>
  <si>
    <t>cg16367085</t>
  </si>
  <si>
    <t>cg16369235</t>
  </si>
  <si>
    <t>cg16376461</t>
  </si>
  <si>
    <t>cg16417831</t>
  </si>
  <si>
    <t>cg16424439</t>
  </si>
  <si>
    <t>cg16431978</t>
  </si>
  <si>
    <t>cg16452651</t>
  </si>
  <si>
    <t>cg16497718</t>
  </si>
  <si>
    <t>cg16501323</t>
  </si>
  <si>
    <t>cg16502686</t>
  </si>
  <si>
    <t>cg16508002</t>
  </si>
  <si>
    <t>cg16546864</t>
  </si>
  <si>
    <t>cg16591003</t>
  </si>
  <si>
    <t>cg16615040</t>
  </si>
  <si>
    <t>cg16631083</t>
  </si>
  <si>
    <t>cg16698781</t>
  </si>
  <si>
    <t>cg16706690</t>
  </si>
  <si>
    <t>cg16712472</t>
  </si>
  <si>
    <t>cg16713743</t>
  </si>
  <si>
    <t>cg16733400</t>
  </si>
  <si>
    <t>cg16734191</t>
  </si>
  <si>
    <t>cg16751754</t>
  </si>
  <si>
    <t>cg16756527</t>
  </si>
  <si>
    <t>cg16803817</t>
  </si>
  <si>
    <t>cg16812893</t>
  </si>
  <si>
    <t>cg16826753</t>
  </si>
  <si>
    <t>cg16831361</t>
  </si>
  <si>
    <t>cg16881730</t>
  </si>
  <si>
    <t>cg16886987</t>
  </si>
  <si>
    <t>cg16892681</t>
  </si>
  <si>
    <t>cg16942644</t>
  </si>
  <si>
    <t>cg16971641</t>
  </si>
  <si>
    <t>cg16974257</t>
  </si>
  <si>
    <t>cg17014436</t>
  </si>
  <si>
    <t>cg17014849</t>
  </si>
  <si>
    <t>cg17026162</t>
  </si>
  <si>
    <t>cg17039369</t>
  </si>
  <si>
    <t>cg17114692</t>
  </si>
  <si>
    <t>cg17122157</t>
  </si>
  <si>
    <t>cg17131262</t>
  </si>
  <si>
    <t>cg17218342</t>
  </si>
  <si>
    <t>cg17220512</t>
  </si>
  <si>
    <t>cg17243364</t>
  </si>
  <si>
    <t>cg17261675</t>
  </si>
  <si>
    <t>cg17263823</t>
  </si>
  <si>
    <t>cg17301644</t>
  </si>
  <si>
    <t>cg17339910</t>
  </si>
  <si>
    <t>cg17344813</t>
  </si>
  <si>
    <t>cg17353057</t>
  </si>
  <si>
    <t>cg17375083</t>
  </si>
  <si>
    <t>cg17383940</t>
  </si>
  <si>
    <t>cg17400229</t>
  </si>
  <si>
    <t>cg17406359</t>
  </si>
  <si>
    <t>cg17449254</t>
  </si>
  <si>
    <t>cg17475987</t>
  </si>
  <si>
    <t>cg17506742</t>
  </si>
  <si>
    <t>cg17526396</t>
  </si>
  <si>
    <t>cg17549853</t>
  </si>
  <si>
    <t>cg17562528</t>
  </si>
  <si>
    <t>cg17585066</t>
  </si>
  <si>
    <t>cg17611446</t>
  </si>
  <si>
    <t>cg17675604</t>
  </si>
  <si>
    <t>cg17727929</t>
  </si>
  <si>
    <t>cg17731209</t>
  </si>
  <si>
    <t>cg17752291</t>
  </si>
  <si>
    <t>cg17756483</t>
  </si>
  <si>
    <t>cg17803589</t>
  </si>
  <si>
    <t>cg17806069</t>
  </si>
  <si>
    <t>cg17832921</t>
  </si>
  <si>
    <t>cg17843722</t>
  </si>
  <si>
    <t>cg17870909</t>
  </si>
  <si>
    <t>cg17885723</t>
  </si>
  <si>
    <t>cg17903229</t>
  </si>
  <si>
    <t>cg17943175</t>
  </si>
  <si>
    <t>cg17969117</t>
  </si>
  <si>
    <t>cg17970078</t>
  </si>
  <si>
    <t>cg17976294</t>
  </si>
  <si>
    <t>cg18001427</t>
  </si>
  <si>
    <t>cg18012089</t>
  </si>
  <si>
    <t>cg18027946</t>
  </si>
  <si>
    <t>cg18035534</t>
  </si>
  <si>
    <t>cg18039963</t>
  </si>
  <si>
    <t>cg18042632</t>
  </si>
  <si>
    <t>cg18043104</t>
  </si>
  <si>
    <t>cg18069493</t>
  </si>
  <si>
    <t>cg18073115</t>
  </si>
  <si>
    <t>cg18112794</t>
  </si>
  <si>
    <t>cg18120111</t>
  </si>
  <si>
    <t>cg18128969</t>
  </si>
  <si>
    <t>cg18133531</t>
  </si>
  <si>
    <t>cg18151030</t>
  </si>
  <si>
    <t>cg18151642</t>
  </si>
  <si>
    <t>cg18156003</t>
  </si>
  <si>
    <t>cg18175606</t>
  </si>
  <si>
    <t>cg18192155</t>
  </si>
  <si>
    <t>cg18217706</t>
  </si>
  <si>
    <t>cg18220632</t>
  </si>
  <si>
    <t>cg18319984</t>
  </si>
  <si>
    <t>cg18322321</t>
  </si>
  <si>
    <t>cg18342814</t>
  </si>
  <si>
    <t>cg18353345</t>
  </si>
  <si>
    <t>cg18374181</t>
  </si>
  <si>
    <t>cg18380783</t>
  </si>
  <si>
    <t>cg18413706</t>
  </si>
  <si>
    <t>cg18440523</t>
  </si>
  <si>
    <t>cg18460830</t>
  </si>
  <si>
    <t>cg18466173</t>
  </si>
  <si>
    <t>cg18469506</t>
  </si>
  <si>
    <t>cg18474885</t>
  </si>
  <si>
    <t>cg18478353</t>
  </si>
  <si>
    <t>cg18492126</t>
  </si>
  <si>
    <t>cg18559568</t>
  </si>
  <si>
    <t>cg18562714</t>
  </si>
  <si>
    <t>cg18565216</t>
  </si>
  <si>
    <t>cg18587518</t>
  </si>
  <si>
    <t>cg18593945</t>
  </si>
  <si>
    <t>cg18594551</t>
  </si>
  <si>
    <t>cg18597421</t>
  </si>
  <si>
    <t>cg18610930</t>
  </si>
  <si>
    <t>cg18638180</t>
  </si>
  <si>
    <t>cg18663307</t>
  </si>
  <si>
    <t>cg18665023</t>
  </si>
  <si>
    <t>cg18689691</t>
  </si>
  <si>
    <t>cg18703541</t>
  </si>
  <si>
    <t>cg18729973</t>
  </si>
  <si>
    <t>cg18749043</t>
  </si>
  <si>
    <t>cg18749097</t>
  </si>
  <si>
    <t>cg18767088</t>
  </si>
  <si>
    <t>cg18774545</t>
  </si>
  <si>
    <t>cg18779060</t>
  </si>
  <si>
    <t>cg18829411</t>
  </si>
  <si>
    <t>cg18841894</t>
  </si>
  <si>
    <t>cg18862975</t>
  </si>
  <si>
    <t>cg18876487</t>
  </si>
  <si>
    <t>cg18879389</t>
  </si>
  <si>
    <t>cg18963171</t>
  </si>
  <si>
    <t>cg18971529</t>
  </si>
  <si>
    <t>cg18975948</t>
  </si>
  <si>
    <t>cg19011752</t>
  </si>
  <si>
    <t>cg19057779</t>
  </si>
  <si>
    <t>cg19074198</t>
  </si>
  <si>
    <t>cg19139193</t>
  </si>
  <si>
    <t>cg19191594</t>
  </si>
  <si>
    <t>cg19193931</t>
  </si>
  <si>
    <t>cg19240178</t>
  </si>
  <si>
    <t>cg19247032</t>
  </si>
  <si>
    <t>cg19313408</t>
  </si>
  <si>
    <t>cg19318330</t>
  </si>
  <si>
    <t>cg19320275</t>
  </si>
  <si>
    <t>cg19344545</t>
  </si>
  <si>
    <t>cg19378039</t>
  </si>
  <si>
    <t>cg19389075</t>
  </si>
  <si>
    <t>cg19452276</t>
  </si>
  <si>
    <t>cg19459600</t>
  </si>
  <si>
    <t>cg19477942</t>
  </si>
  <si>
    <t>cg19517912</t>
  </si>
  <si>
    <t>cg19521832</t>
  </si>
  <si>
    <t>cg19523085</t>
  </si>
  <si>
    <t>cg19546875</t>
  </si>
  <si>
    <t>cg19556343</t>
  </si>
  <si>
    <t>cg19626016</t>
  </si>
  <si>
    <t>cg19678828</t>
  </si>
  <si>
    <t>cg19683410</t>
  </si>
  <si>
    <t>cg19714241</t>
  </si>
  <si>
    <t>cg19724043</t>
  </si>
  <si>
    <t>cg19747745</t>
  </si>
  <si>
    <t>cg19764539</t>
  </si>
  <si>
    <t>cg19766460</t>
  </si>
  <si>
    <t>cg19769982</t>
  </si>
  <si>
    <t>cg19793640</t>
  </si>
  <si>
    <t>cg19807612</t>
  </si>
  <si>
    <t>cg19832832</t>
  </si>
  <si>
    <t>cg19835478</t>
  </si>
  <si>
    <t>cg19836199</t>
  </si>
  <si>
    <t>cg19850420</t>
  </si>
  <si>
    <t>cg19880185</t>
  </si>
  <si>
    <t>cg19897188</t>
  </si>
  <si>
    <t>cg19904322</t>
  </si>
  <si>
    <t>cg19948014</t>
  </si>
  <si>
    <t>cg19949530</t>
  </si>
  <si>
    <t>cg19973121</t>
  </si>
  <si>
    <t>cg19974120</t>
  </si>
  <si>
    <t>cg20042731</t>
  </si>
  <si>
    <t>cg20059425</t>
  </si>
  <si>
    <t>cg20191913</t>
  </si>
  <si>
    <t>cg20198819</t>
  </si>
  <si>
    <t>cg20206277</t>
  </si>
  <si>
    <t>cg20210647</t>
  </si>
  <si>
    <t>cg20252850</t>
  </si>
  <si>
    <t>cg20269359</t>
  </si>
  <si>
    <t>cg20343048</t>
  </si>
  <si>
    <t>cg20357416</t>
  </si>
  <si>
    <t>cg20410173</t>
  </si>
  <si>
    <t>cg20423977</t>
  </si>
  <si>
    <t>cg20434300</t>
  </si>
  <si>
    <t>cg20448791</t>
  </si>
  <si>
    <t>cg20451718</t>
  </si>
  <si>
    <t>cg20451722</t>
  </si>
  <si>
    <t>cg20466045</t>
  </si>
  <si>
    <t>cg20466382</t>
  </si>
  <si>
    <t>cg20488657</t>
  </si>
  <si>
    <t>cg20517099</t>
  </si>
  <si>
    <t>cg20556503</t>
  </si>
  <si>
    <t>cg20557069</t>
  </si>
  <si>
    <t>cg20558328</t>
  </si>
  <si>
    <t>cg20576597</t>
  </si>
  <si>
    <t>cg20588285</t>
  </si>
  <si>
    <t>cg20598634</t>
  </si>
  <si>
    <t>cg20644453</t>
  </si>
  <si>
    <t>cg20727124</t>
  </si>
  <si>
    <t>cg20729316</t>
  </si>
  <si>
    <t>cg20733761</t>
  </si>
  <si>
    <t>cg20755309</t>
  </si>
  <si>
    <t>cg20755721</t>
  </si>
  <si>
    <t>cg20756600</t>
  </si>
  <si>
    <t>cg20762729</t>
  </si>
  <si>
    <t>cg20817150</t>
  </si>
  <si>
    <t>cg20857253</t>
  </si>
  <si>
    <t>cg20954971</t>
  </si>
  <si>
    <t>cg20966660</t>
  </si>
  <si>
    <t>cg20997320</t>
  </si>
  <si>
    <t>cg21000999</t>
  </si>
  <si>
    <t>cg21024405</t>
  </si>
  <si>
    <t>cg21032292</t>
  </si>
  <si>
    <t>cg21039874</t>
  </si>
  <si>
    <t>cg21042970</t>
  </si>
  <si>
    <t>cg21072629</t>
  </si>
  <si>
    <t>cg21081878</t>
  </si>
  <si>
    <t>cg21088514</t>
  </si>
  <si>
    <t>cg21094465</t>
  </si>
  <si>
    <t>cg21100167</t>
  </si>
  <si>
    <t>cg21105493</t>
  </si>
  <si>
    <t>cg21120609</t>
  </si>
  <si>
    <t>cg21120664</t>
  </si>
  <si>
    <t>cg21130374</t>
  </si>
  <si>
    <t>cg21141445</t>
  </si>
  <si>
    <t>cg21152177</t>
  </si>
  <si>
    <t>cg21160372</t>
  </si>
  <si>
    <t>cg21203420</t>
  </si>
  <si>
    <t>cg21217129</t>
  </si>
  <si>
    <t>cg21230535</t>
  </si>
  <si>
    <t>cg21234538</t>
  </si>
  <si>
    <t>cg21241823</t>
  </si>
  <si>
    <t>cg21258596</t>
  </si>
  <si>
    <t>cg21279603</t>
  </si>
  <si>
    <t>cg21291385</t>
  </si>
  <si>
    <t>cg21297395</t>
  </si>
  <si>
    <t>cg21305068</t>
  </si>
  <si>
    <t>cg21310499</t>
  </si>
  <si>
    <t>cg21358438</t>
  </si>
  <si>
    <t>cg21380842</t>
  </si>
  <si>
    <t>cg21386992</t>
  </si>
  <si>
    <t>cg21390801</t>
  </si>
  <si>
    <t>cg21422672</t>
  </si>
  <si>
    <t>cg21422770</t>
  </si>
  <si>
    <t>cg21438602</t>
  </si>
  <si>
    <t>cg21536969</t>
  </si>
  <si>
    <t>cg21549285</t>
  </si>
  <si>
    <t>cg21549497</t>
  </si>
  <si>
    <t>cg21569006</t>
  </si>
  <si>
    <t>cg21606168</t>
  </si>
  <si>
    <t>cg21616420</t>
  </si>
  <si>
    <t>cg21643128</t>
  </si>
  <si>
    <t>cg21655830</t>
  </si>
  <si>
    <t>cg21705505</t>
  </si>
  <si>
    <t>cg21708468</t>
  </si>
  <si>
    <t>cg21740452</t>
  </si>
  <si>
    <t>cg21800075</t>
  </si>
  <si>
    <t>cg21816539</t>
  </si>
  <si>
    <t>cg21845373</t>
  </si>
  <si>
    <t>cg21870229</t>
  </si>
  <si>
    <t>cg21913632</t>
  </si>
  <si>
    <t>cg21935742</t>
  </si>
  <si>
    <t>cg21947116</t>
  </si>
  <si>
    <t>cg21968796</t>
  </si>
  <si>
    <t>cg21970261</t>
  </si>
  <si>
    <t>cg22038359</t>
  </si>
  <si>
    <t>cg22102703</t>
  </si>
  <si>
    <t>cg22109464</t>
  </si>
  <si>
    <t>cg22139500</t>
  </si>
  <si>
    <t>cg22142012</t>
  </si>
  <si>
    <t>cg22152328</t>
  </si>
  <si>
    <t>cg22217449</t>
  </si>
  <si>
    <t>cg22226852</t>
  </si>
  <si>
    <t>cg22228116</t>
  </si>
  <si>
    <t>cg22256816</t>
  </si>
  <si>
    <t>cg22274813</t>
  </si>
  <si>
    <t>cg22289831</t>
  </si>
  <si>
    <t>cg22314643</t>
  </si>
  <si>
    <t>cg22315903</t>
  </si>
  <si>
    <t>cg22390337</t>
  </si>
  <si>
    <t>cg22407574</t>
  </si>
  <si>
    <t>cg22438247</t>
  </si>
  <si>
    <t>cg22439241</t>
  </si>
  <si>
    <t>cg22495068</t>
  </si>
  <si>
    <t>cg22522509</t>
  </si>
  <si>
    <t>cg22526555</t>
  </si>
  <si>
    <t>cg22544673</t>
  </si>
  <si>
    <t>cg22545618</t>
  </si>
  <si>
    <t>cg22593533</t>
  </si>
  <si>
    <t>cg22599036</t>
  </si>
  <si>
    <t>cg22599236</t>
  </si>
  <si>
    <t>cg22613969</t>
  </si>
  <si>
    <t>cg22633049</t>
  </si>
  <si>
    <t>cg22633722</t>
  </si>
  <si>
    <t>cg22643217</t>
  </si>
  <si>
    <t>cg22644012</t>
  </si>
  <si>
    <t>cg22654137</t>
  </si>
  <si>
    <t>cg22698744</t>
  </si>
  <si>
    <t>cg22702814</t>
  </si>
  <si>
    <t>cg22703724</t>
  </si>
  <si>
    <t>cg22726155</t>
  </si>
  <si>
    <t>cg22727932</t>
  </si>
  <si>
    <t>cg22730042</t>
  </si>
  <si>
    <t>cg22738646</t>
  </si>
  <si>
    <t>cg22778903</t>
  </si>
  <si>
    <t>cg22841856</t>
  </si>
  <si>
    <t>cg22851299</t>
  </si>
  <si>
    <t>cg22856279</t>
  </si>
  <si>
    <t>cg22859847</t>
  </si>
  <si>
    <t>cg22866426</t>
  </si>
  <si>
    <t>cg22920954</t>
  </si>
  <si>
    <t>cg22937788</t>
  </si>
  <si>
    <t>cg22941178</t>
  </si>
  <si>
    <t>cg22942384</t>
  </si>
  <si>
    <t>cg22973115</t>
  </si>
  <si>
    <t>cg22978915</t>
  </si>
  <si>
    <t>cg22982528</t>
  </si>
  <si>
    <t>cg22990871</t>
  </si>
  <si>
    <t>cg22991148</t>
  </si>
  <si>
    <t>cg22991943</t>
  </si>
  <si>
    <t>cg23034373</t>
  </si>
  <si>
    <t>cg23036852</t>
  </si>
  <si>
    <t>cg23060618</t>
  </si>
  <si>
    <t>cg23089840</t>
  </si>
  <si>
    <t>cg23110422</t>
  </si>
  <si>
    <t>cg23125898</t>
  </si>
  <si>
    <t>cg23163200</t>
  </si>
  <si>
    <t>cg23246706</t>
  </si>
  <si>
    <t>cg23250540</t>
  </si>
  <si>
    <t>cg23272214</t>
  </si>
  <si>
    <t>cg23284323</t>
  </si>
  <si>
    <t>cg23297972</t>
  </si>
  <si>
    <t>cg23309947</t>
  </si>
  <si>
    <t>cg23312431</t>
  </si>
  <si>
    <t>cg23322242</t>
  </si>
  <si>
    <t>cg23336810</t>
  </si>
  <si>
    <t>cg23355126</t>
  </si>
  <si>
    <t>cg23361608</t>
  </si>
  <si>
    <t>cg23409835</t>
  </si>
  <si>
    <t>cg23416788</t>
  </si>
  <si>
    <t>cg23434074</t>
  </si>
  <si>
    <t>cg23473904</t>
  </si>
  <si>
    <t>cg23474190</t>
  </si>
  <si>
    <t>cg23475371</t>
  </si>
  <si>
    <t>cg23508786</t>
  </si>
  <si>
    <t>cg23512275</t>
  </si>
  <si>
    <t>cg23513504</t>
  </si>
  <si>
    <t>cg23553008</t>
  </si>
  <si>
    <t>cg23564309</t>
  </si>
  <si>
    <t>cg23628684</t>
  </si>
  <si>
    <t>cg23653443</t>
  </si>
  <si>
    <t>cg23656110</t>
  </si>
  <si>
    <t>cg23658739</t>
  </si>
  <si>
    <t>cg23668190</t>
  </si>
  <si>
    <t>cg23683703</t>
  </si>
  <si>
    <t>cg23690077</t>
  </si>
  <si>
    <t>cg23702614</t>
  </si>
  <si>
    <t>cg23703089</t>
  </si>
  <si>
    <t>cg23707091</t>
  </si>
  <si>
    <t>cg23732182</t>
  </si>
  <si>
    <t>cg23733608</t>
  </si>
  <si>
    <t>cg23736024</t>
  </si>
  <si>
    <t>cg23743830</t>
  </si>
  <si>
    <t>cg23757365</t>
  </si>
  <si>
    <t>cg23772557</t>
  </si>
  <si>
    <t>cg23794133</t>
  </si>
  <si>
    <t>cg23795234</t>
  </si>
  <si>
    <t>cg23846400</t>
  </si>
  <si>
    <t>cg23896164</t>
  </si>
  <si>
    <t>cg23908228</t>
  </si>
  <si>
    <t>cg23909013</t>
  </si>
  <si>
    <t>cg23929809</t>
  </si>
  <si>
    <t>cg23931796</t>
  </si>
  <si>
    <t>cg23933759</t>
  </si>
  <si>
    <t>cg23986671</t>
  </si>
  <si>
    <t>cg24048650</t>
  </si>
  <si>
    <t>cg24057615</t>
  </si>
  <si>
    <t>cg24082440</t>
  </si>
  <si>
    <t>cg24127869</t>
  </si>
  <si>
    <t>cg24140939</t>
  </si>
  <si>
    <t>cg24167037</t>
  </si>
  <si>
    <t>cg24195686</t>
  </si>
  <si>
    <t>cg24196240</t>
  </si>
  <si>
    <t>cg24230696</t>
  </si>
  <si>
    <t>cg24252343</t>
  </si>
  <si>
    <t>cg24282826</t>
  </si>
  <si>
    <t>cg24338411</t>
  </si>
  <si>
    <t>cg24341911</t>
  </si>
  <si>
    <t>cg24354581</t>
  </si>
  <si>
    <t>cg24358603</t>
  </si>
  <si>
    <t>cg24359868</t>
  </si>
  <si>
    <t>cg24372256</t>
  </si>
  <si>
    <t>cg24389599</t>
  </si>
  <si>
    <t>cg24421865</t>
  </si>
  <si>
    <t>cg24444839</t>
  </si>
  <si>
    <t>cg24448167</t>
  </si>
  <si>
    <t>cg24459147</t>
  </si>
  <si>
    <t>cg24479382</t>
  </si>
  <si>
    <t>cg24483767</t>
  </si>
  <si>
    <t>cg24496978</t>
  </si>
  <si>
    <t>cg24517460</t>
  </si>
  <si>
    <t>cg24523456</t>
  </si>
  <si>
    <t>cg24536394</t>
  </si>
  <si>
    <t>cg24548817</t>
  </si>
  <si>
    <t>cg24552660</t>
  </si>
  <si>
    <t>cg24559983</t>
  </si>
  <si>
    <t>cg24568646</t>
  </si>
  <si>
    <t>cg24577220</t>
  </si>
  <si>
    <t>cg24620508</t>
  </si>
  <si>
    <t>cg24640676</t>
  </si>
  <si>
    <t>cg24707889</t>
  </si>
  <si>
    <t>cg24710671</t>
  </si>
  <si>
    <t>cg24794906</t>
  </si>
  <si>
    <t>cg24815934</t>
  </si>
  <si>
    <t>cg24816512</t>
  </si>
  <si>
    <t>cg24847572</t>
  </si>
  <si>
    <t>cg24850445</t>
  </si>
  <si>
    <t>cg24865779</t>
  </si>
  <si>
    <t>cg24875593</t>
  </si>
  <si>
    <t>cg24877093</t>
  </si>
  <si>
    <t>cg24929181</t>
  </si>
  <si>
    <t>cg24937995</t>
  </si>
  <si>
    <t>cg24968283</t>
  </si>
  <si>
    <t>cg24973205</t>
  </si>
  <si>
    <t>cg24982179</t>
  </si>
  <si>
    <t>cg24997006</t>
  </si>
  <si>
    <t>cg25020459</t>
  </si>
  <si>
    <t>cg25032603</t>
  </si>
  <si>
    <t>cg25046584</t>
  </si>
  <si>
    <t>cg25048564</t>
  </si>
  <si>
    <t>cg25049844</t>
  </si>
  <si>
    <t>cg25073614</t>
  </si>
  <si>
    <t>cg25115941</t>
  </si>
  <si>
    <t>cg25127392</t>
  </si>
  <si>
    <t>cg25149677</t>
  </si>
  <si>
    <t>cg25174409</t>
  </si>
  <si>
    <t>cg25178749</t>
  </si>
  <si>
    <t>cg25211403</t>
  </si>
  <si>
    <t>cg25259296</t>
  </si>
  <si>
    <t>cg25297255</t>
  </si>
  <si>
    <t>cg25315503</t>
  </si>
  <si>
    <t>cg25316428</t>
  </si>
  <si>
    <t>cg25322086</t>
  </si>
  <si>
    <t>cg25322642</t>
  </si>
  <si>
    <t>cg25356086</t>
  </si>
  <si>
    <t>cg25360059</t>
  </si>
  <si>
    <t>cg25385366</t>
  </si>
  <si>
    <t>cg25390243</t>
  </si>
  <si>
    <t>cg25410746</t>
  </si>
  <si>
    <t>cg25421566</t>
  </si>
  <si>
    <t>cg25445612</t>
  </si>
  <si>
    <t>cg25487008</t>
  </si>
  <si>
    <t>cg25488749</t>
  </si>
  <si>
    <t>cg25491402</t>
  </si>
  <si>
    <t>cg25504217</t>
  </si>
  <si>
    <t>cg25539589</t>
  </si>
  <si>
    <t>cg25541412</t>
  </si>
  <si>
    <t>cg25587200</t>
  </si>
  <si>
    <t>cg25615529</t>
  </si>
  <si>
    <t>cg25647683</t>
  </si>
  <si>
    <t>cg25661973</t>
  </si>
  <si>
    <t>cg25691239</t>
  </si>
  <si>
    <t>cg25692739</t>
  </si>
  <si>
    <t>cg25726128</t>
  </si>
  <si>
    <t>cg25737836</t>
  </si>
  <si>
    <t>cg25791888</t>
  </si>
  <si>
    <t>cg25811737</t>
  </si>
  <si>
    <t>cg25823142</t>
  </si>
  <si>
    <t>cg25866059</t>
  </si>
  <si>
    <t>cg25872982</t>
  </si>
  <si>
    <t>cg25906419</t>
  </si>
  <si>
    <t>cg25920512</t>
  </si>
  <si>
    <t>cg25944130</t>
  </si>
  <si>
    <t>cg26048478</t>
  </si>
  <si>
    <t>cg26060835</t>
  </si>
  <si>
    <t>cg26080567</t>
  </si>
  <si>
    <t>cg26106921</t>
  </si>
  <si>
    <t>cg26110991</t>
  </si>
  <si>
    <t>cg26118698</t>
  </si>
  <si>
    <t>cg26128046</t>
  </si>
  <si>
    <t>cg26136285</t>
  </si>
  <si>
    <t>cg26141228</t>
  </si>
  <si>
    <t>cg26144070</t>
  </si>
  <si>
    <t>cg26144207</t>
  </si>
  <si>
    <t>cg26146900</t>
  </si>
  <si>
    <t>cg26153885</t>
  </si>
  <si>
    <t>cg26235187</t>
  </si>
  <si>
    <t>cg26237628</t>
  </si>
  <si>
    <t>cg26276572</t>
  </si>
  <si>
    <t>cg26289880</t>
  </si>
  <si>
    <t>cg26309060</t>
  </si>
  <si>
    <t>cg26312951</t>
  </si>
  <si>
    <t>cg26315964</t>
  </si>
  <si>
    <t>cg26390598</t>
  </si>
  <si>
    <t>cg26398867</t>
  </si>
  <si>
    <t>cg26405583</t>
  </si>
  <si>
    <t>cg26405759</t>
  </si>
  <si>
    <t>cg26405835</t>
  </si>
  <si>
    <t>cg26420795</t>
  </si>
  <si>
    <t>cg26504229</t>
  </si>
  <si>
    <t>cg26519745</t>
  </si>
  <si>
    <t>cg26565975</t>
  </si>
  <si>
    <t>cg26606789</t>
  </si>
  <si>
    <t>cg26616156</t>
  </si>
  <si>
    <t>cg26629188</t>
  </si>
  <si>
    <t>cg26632776</t>
  </si>
  <si>
    <t>cg26648185</t>
  </si>
  <si>
    <t>cg26666978</t>
  </si>
  <si>
    <t>cg26689799</t>
  </si>
  <si>
    <t>cg26697654</t>
  </si>
  <si>
    <t>cg26709720</t>
  </si>
  <si>
    <t>cg26710963</t>
  </si>
  <si>
    <t>cg26720125</t>
  </si>
  <si>
    <t>cg26722225</t>
  </si>
  <si>
    <t>cg26738114</t>
  </si>
  <si>
    <t>cg26741373</t>
  </si>
  <si>
    <t>cg26765260</t>
  </si>
  <si>
    <t>cg26883837</t>
  </si>
  <si>
    <t>cg26921657</t>
  </si>
  <si>
    <t>cg26958236</t>
  </si>
  <si>
    <t>cg26977737</t>
  </si>
  <si>
    <t>cg27019201</t>
  </si>
  <si>
    <t>cg27024932</t>
  </si>
  <si>
    <t>cg27037013</t>
  </si>
  <si>
    <t>cg27063255</t>
  </si>
  <si>
    <t>cg27071517</t>
  </si>
  <si>
    <t>cg27103348</t>
  </si>
  <si>
    <t>cg27108998</t>
  </si>
  <si>
    <t>cg27144884</t>
  </si>
  <si>
    <t>cg27159583</t>
  </si>
  <si>
    <t>cg27160952</t>
  </si>
  <si>
    <t>cg27164381</t>
  </si>
  <si>
    <t>cg27168131</t>
  </si>
  <si>
    <t>cg27232166</t>
  </si>
  <si>
    <t>cg27243685</t>
  </si>
  <si>
    <t>cg27248980</t>
  </si>
  <si>
    <t>cg27251694</t>
  </si>
  <si>
    <t>cg27256292</t>
  </si>
  <si>
    <t>cg27263386</t>
  </si>
  <si>
    <t>cg27280904</t>
  </si>
  <si>
    <t>cg27289267</t>
  </si>
  <si>
    <t>cg27315077</t>
  </si>
  <si>
    <t>cg27376287</t>
  </si>
  <si>
    <t>cg27405706</t>
  </si>
  <si>
    <t>cg27449258</t>
  </si>
  <si>
    <t>cg27462210</t>
  </si>
  <si>
    <t>cg27469991</t>
  </si>
  <si>
    <t>cg27471246</t>
  </si>
  <si>
    <t>cg27477277</t>
  </si>
  <si>
    <t>cg27544190</t>
  </si>
  <si>
    <t>cg27648095</t>
  </si>
  <si>
    <t>ch.21.17404405R</t>
  </si>
  <si>
    <t>ch.21.19455351R</t>
  </si>
  <si>
    <t>ch.21.20879148R</t>
  </si>
  <si>
    <t>ch.21.28584518R</t>
  </si>
  <si>
    <t>ch.21.408866F</t>
  </si>
  <si>
    <t>ch.21.36723363F</t>
  </si>
  <si>
    <t>ch.21.39853023F</t>
  </si>
  <si>
    <t>ch.21.39866785R</t>
  </si>
  <si>
    <t>ch.21.664518F</t>
  </si>
  <si>
    <t>ch.21.43742285F</t>
  </si>
  <si>
    <t>ch.21.788740F</t>
  </si>
  <si>
    <t>cg00004192</t>
  </si>
  <si>
    <t>cg00014104</t>
  </si>
  <si>
    <t>cg00021762</t>
  </si>
  <si>
    <t>cg00034755</t>
  </si>
  <si>
    <t>cg00040590</t>
  </si>
  <si>
    <t>cg00045748</t>
  </si>
  <si>
    <t>cg00047287</t>
  </si>
  <si>
    <t>cg00047815</t>
  </si>
  <si>
    <t>cg00051704</t>
  </si>
  <si>
    <t>cg00057476</t>
  </si>
  <si>
    <t>cg00058879</t>
  </si>
  <si>
    <t>cg00059424</t>
  </si>
  <si>
    <t>cg00062282</t>
  </si>
  <si>
    <t>cg00071137</t>
  </si>
  <si>
    <t>cg00077838</t>
  </si>
  <si>
    <t>cg00082897</t>
  </si>
  <si>
    <t>cg00083659</t>
  </si>
  <si>
    <t>cg00089100</t>
  </si>
  <si>
    <t>cg00090674</t>
  </si>
  <si>
    <t>cg00097550</t>
  </si>
  <si>
    <t>cg00099240</t>
  </si>
  <si>
    <t>cg00106609</t>
  </si>
  <si>
    <t>cg00107490</t>
  </si>
  <si>
    <t>cg00127150</t>
  </si>
  <si>
    <t>cg00130778</t>
  </si>
  <si>
    <t>cg00131758</t>
  </si>
  <si>
    <t>cg00134415</t>
  </si>
  <si>
    <t>cg00147509</t>
  </si>
  <si>
    <t>cg00156001</t>
  </si>
  <si>
    <t>cg00159439</t>
  </si>
  <si>
    <t>cg00159442</t>
  </si>
  <si>
    <t>cg00164189</t>
  </si>
  <si>
    <t>cg00164898</t>
  </si>
  <si>
    <t>cg00166741</t>
  </si>
  <si>
    <t>cg00167763</t>
  </si>
  <si>
    <t>cg00167958</t>
  </si>
  <si>
    <t>cg00179921</t>
  </si>
  <si>
    <t>cg00182256</t>
  </si>
  <si>
    <t>cg00184884</t>
  </si>
  <si>
    <t>cg00187327</t>
  </si>
  <si>
    <t>cg00189176</t>
  </si>
  <si>
    <t>cg00189989</t>
  </si>
  <si>
    <t>cg00191625</t>
  </si>
  <si>
    <t>cg00204782</t>
  </si>
  <si>
    <t>cg00209066</t>
  </si>
  <si>
    <t>cg00209484</t>
  </si>
  <si>
    <t>cg00210133</t>
  </si>
  <si>
    <t>cg00218103</t>
  </si>
  <si>
    <t>cg00218945</t>
  </si>
  <si>
    <t>cg00222175</t>
  </si>
  <si>
    <t>cg00223715</t>
  </si>
  <si>
    <t>cg00227156</t>
  </si>
  <si>
    <t>cg00229809</t>
  </si>
  <si>
    <t>cg00236924</t>
  </si>
  <si>
    <t>cg00238182</t>
  </si>
  <si>
    <t>cg00243272</t>
  </si>
  <si>
    <t>cg00253346</t>
  </si>
  <si>
    <t>cg00253398</t>
  </si>
  <si>
    <t>cg00256281</t>
  </si>
  <si>
    <t>cg00264208</t>
  </si>
  <si>
    <t>cg00265788</t>
  </si>
  <si>
    <t>cg00267013</t>
  </si>
  <si>
    <t>cg00276389</t>
  </si>
  <si>
    <t>cg00279778</t>
  </si>
  <si>
    <t>cg00280270</t>
  </si>
  <si>
    <t>cg00280814</t>
  </si>
  <si>
    <t>cg00281467</t>
  </si>
  <si>
    <t>cg00283524</t>
  </si>
  <si>
    <t>cg00284328</t>
  </si>
  <si>
    <t>cg00291051</t>
  </si>
  <si>
    <t>cg00292662</t>
  </si>
  <si>
    <t>cg00298405</t>
  </si>
  <si>
    <t>cg00305281</t>
  </si>
  <si>
    <t>cg00308159</t>
  </si>
  <si>
    <t>cg00319157</t>
  </si>
  <si>
    <t>cg00320749</t>
  </si>
  <si>
    <t>cg00322201</t>
  </si>
  <si>
    <t>cg00323501</t>
  </si>
  <si>
    <t>cg00323916</t>
  </si>
  <si>
    <t>cg00332021</t>
  </si>
  <si>
    <t>cg00332575</t>
  </si>
  <si>
    <t>cg00334274</t>
  </si>
  <si>
    <t>cg00334863</t>
  </si>
  <si>
    <t>cg00335892</t>
  </si>
  <si>
    <t>cg00341732</t>
  </si>
  <si>
    <t>cg00344801</t>
  </si>
  <si>
    <t>cg00347775</t>
  </si>
  <si>
    <t>cg00350247</t>
  </si>
  <si>
    <t>cg00352043</t>
  </si>
  <si>
    <t>cg00365963</t>
  </si>
  <si>
    <t>cg00365989</t>
  </si>
  <si>
    <t>cg00369357</t>
  </si>
  <si>
    <t>cg00373397</t>
  </si>
  <si>
    <t>cg00378158</t>
  </si>
  <si>
    <t>cg00384653</t>
  </si>
  <si>
    <t>cg00391229</t>
  </si>
  <si>
    <t>cg00395296</t>
  </si>
  <si>
    <t>cg00395632</t>
  </si>
  <si>
    <t>cg00395825</t>
  </si>
  <si>
    <t>cg00400085</t>
  </si>
  <si>
    <t>cg00400964</t>
  </si>
  <si>
    <t>cg00410034</t>
  </si>
  <si>
    <t>cg00415497</t>
  </si>
  <si>
    <t>cg00419702</t>
  </si>
  <si>
    <t>cg00420879</t>
  </si>
  <si>
    <t>cg00430484</t>
  </si>
  <si>
    <t>cg00436051</t>
  </si>
  <si>
    <t>cg00444884</t>
  </si>
  <si>
    <t>cg00449189</t>
  </si>
  <si>
    <t>cg00456888</t>
  </si>
  <si>
    <t>cg00460457</t>
  </si>
  <si>
    <t>cg00488514</t>
  </si>
  <si>
    <t>cg00500400</t>
  </si>
  <si>
    <t>cg00500457</t>
  </si>
  <si>
    <t>cg00500507</t>
  </si>
  <si>
    <t>cg00501356</t>
  </si>
  <si>
    <t>cg00504285</t>
  </si>
  <si>
    <t>cg00508499</t>
  </si>
  <si>
    <t>cg00514241</t>
  </si>
  <si>
    <t>cg00518989</t>
  </si>
  <si>
    <t>cg00520380</t>
  </si>
  <si>
    <t>cg00524912</t>
  </si>
  <si>
    <t>cg00528793</t>
  </si>
  <si>
    <t>cg00534362</t>
  </si>
  <si>
    <t>cg00536366</t>
  </si>
  <si>
    <t>cg00539347</t>
  </si>
  <si>
    <t>cg00541089</t>
  </si>
  <si>
    <t>cg00541544</t>
  </si>
  <si>
    <t>cg00542638</t>
  </si>
  <si>
    <t>cg00543869</t>
  </si>
  <si>
    <t>cg00543991</t>
  </si>
  <si>
    <t>cg00549798</t>
  </si>
  <si>
    <t>cg00550928</t>
  </si>
  <si>
    <t>cg00550955</t>
  </si>
  <si>
    <t>cg00552318</t>
  </si>
  <si>
    <t>cg00555036</t>
  </si>
  <si>
    <t>cg00562151</t>
  </si>
  <si>
    <t>cg00563487</t>
  </si>
  <si>
    <t>cg00565075</t>
  </si>
  <si>
    <t>cg00573338</t>
  </si>
  <si>
    <t>cg00577588</t>
  </si>
  <si>
    <t>cg00579481</t>
  </si>
  <si>
    <t>cg00580022</t>
  </si>
  <si>
    <t>cg00585572</t>
  </si>
  <si>
    <t>cg00587342</t>
  </si>
  <si>
    <t>cg00592411</t>
  </si>
  <si>
    <t>cg00599410</t>
  </si>
  <si>
    <t>cg00601162</t>
  </si>
  <si>
    <t>cg00604193</t>
  </si>
  <si>
    <t>cg00607058</t>
  </si>
  <si>
    <t>cg00618450</t>
  </si>
  <si>
    <t>cg00619097</t>
  </si>
  <si>
    <t>cg00619188</t>
  </si>
  <si>
    <t>cg00627846</t>
  </si>
  <si>
    <t>cg00645731</t>
  </si>
  <si>
    <t>cg00647258</t>
  </si>
  <si>
    <t>cg00663519</t>
  </si>
  <si>
    <t>cg00664743</t>
  </si>
  <si>
    <t>cg00675878</t>
  </si>
  <si>
    <t>cg00682553</t>
  </si>
  <si>
    <t>cg00692279</t>
  </si>
  <si>
    <t>cg00711351</t>
  </si>
  <si>
    <t>cg00720629</t>
  </si>
  <si>
    <t>cg00721193</t>
  </si>
  <si>
    <t>cg00723041</t>
  </si>
  <si>
    <t>cg00723840</t>
  </si>
  <si>
    <t>cg00725138</t>
  </si>
  <si>
    <t>cg00727590</t>
  </si>
  <si>
    <t>cg00743803</t>
  </si>
  <si>
    <t>cg00747849</t>
  </si>
  <si>
    <t>cg00748432</t>
  </si>
  <si>
    <t>cg00751155</t>
  </si>
  <si>
    <t>cg00761973</t>
  </si>
  <si>
    <t>cg00769012</t>
  </si>
  <si>
    <t>cg00771653</t>
  </si>
  <si>
    <t>cg00788739</t>
  </si>
  <si>
    <t>cg00788760</t>
  </si>
  <si>
    <t>cg00793954</t>
  </si>
  <si>
    <t>cg00794963</t>
  </si>
  <si>
    <t>cg00799144</t>
  </si>
  <si>
    <t>cg00801034</t>
  </si>
  <si>
    <t>cg00811132</t>
  </si>
  <si>
    <t>cg00819949</t>
  </si>
  <si>
    <t>cg00831466</t>
  </si>
  <si>
    <t>cg00846400</t>
  </si>
  <si>
    <t>cg00860359</t>
  </si>
  <si>
    <t>cg00875636</t>
  </si>
  <si>
    <t>cg00876153</t>
  </si>
  <si>
    <t>cg00886856</t>
  </si>
  <si>
    <t>cg00907604</t>
  </si>
  <si>
    <t>cg00919591</t>
  </si>
  <si>
    <t>cg00921237</t>
  </si>
  <si>
    <t>cg00924855</t>
  </si>
  <si>
    <t>cg00926267</t>
  </si>
  <si>
    <t>cg00930606</t>
  </si>
  <si>
    <t>cg00932510</t>
  </si>
  <si>
    <t>cg00936699</t>
  </si>
  <si>
    <t>cg00939432</t>
  </si>
  <si>
    <t>cg00944541</t>
  </si>
  <si>
    <t>cg00946479</t>
  </si>
  <si>
    <t>cg00947744</t>
  </si>
  <si>
    <t>cg00952322</t>
  </si>
  <si>
    <t>cg00958311</t>
  </si>
  <si>
    <t>cg00959334</t>
  </si>
  <si>
    <t>cg00965154</t>
  </si>
  <si>
    <t>cg00966925</t>
  </si>
  <si>
    <t>cg00975979</t>
  </si>
  <si>
    <t>cg00981267</t>
  </si>
  <si>
    <t>cg00983520</t>
  </si>
  <si>
    <t>cg00984060</t>
  </si>
  <si>
    <t>cg00984370</t>
  </si>
  <si>
    <t>cg00985983</t>
  </si>
  <si>
    <t>cg00990587</t>
  </si>
  <si>
    <t>cg00990591</t>
  </si>
  <si>
    <t>cg00991546</t>
  </si>
  <si>
    <t>cg00996986</t>
  </si>
  <si>
    <t>cg01001791</t>
  </si>
  <si>
    <t>cg01002120</t>
  </si>
  <si>
    <t>cg01004966</t>
  </si>
  <si>
    <t>cg01021975</t>
  </si>
  <si>
    <t>cg01024141</t>
  </si>
  <si>
    <t>cg01027976</t>
  </si>
  <si>
    <t>cg01031670</t>
  </si>
  <si>
    <t>cg01037082</t>
  </si>
  <si>
    <t>cg01037703</t>
  </si>
  <si>
    <t>cg01038149</t>
  </si>
  <si>
    <t>cg01049775</t>
  </si>
  <si>
    <t>cg01052666</t>
  </si>
  <si>
    <t>cg01054241</t>
  </si>
  <si>
    <t>cg01055591</t>
  </si>
  <si>
    <t>cg01057705</t>
  </si>
  <si>
    <t>cg01061575</t>
  </si>
  <si>
    <t>cg01063425</t>
  </si>
  <si>
    <t>cg01065780</t>
  </si>
  <si>
    <t>cg01066936</t>
  </si>
  <si>
    <t>cg01072968</t>
  </si>
  <si>
    <t>cg01074795</t>
  </si>
  <si>
    <t>cg01080924</t>
  </si>
  <si>
    <t>cg01085328</t>
  </si>
  <si>
    <t>cg01089751</t>
  </si>
  <si>
    <t>cg01091698</t>
  </si>
  <si>
    <t>cg01099453</t>
  </si>
  <si>
    <t>cg01100330</t>
  </si>
  <si>
    <t>cg01103717</t>
  </si>
  <si>
    <t>cg01120527</t>
  </si>
  <si>
    <t>cg01124132</t>
  </si>
  <si>
    <t>cg01127300</t>
  </si>
  <si>
    <t>cg01130792</t>
  </si>
  <si>
    <t>cg01133262</t>
  </si>
  <si>
    <t>cg01138530</t>
  </si>
  <si>
    <t>cg01138652</t>
  </si>
  <si>
    <t>cg01145026</t>
  </si>
  <si>
    <t>cg01149940</t>
  </si>
  <si>
    <t>cg01151699</t>
  </si>
  <si>
    <t>cg01152936</t>
  </si>
  <si>
    <t>cg01153737</t>
  </si>
  <si>
    <t>cg01163848</t>
  </si>
  <si>
    <t>cg01164221</t>
  </si>
  <si>
    <t>cg01171362</t>
  </si>
  <si>
    <t>cg01188914</t>
  </si>
  <si>
    <t>cg01191286</t>
  </si>
  <si>
    <t>cg01194538</t>
  </si>
  <si>
    <t>cg01204844</t>
  </si>
  <si>
    <t>cg01206349</t>
  </si>
  <si>
    <t>cg01206472</t>
  </si>
  <si>
    <t>cg01209278</t>
  </si>
  <si>
    <t>cg01214458</t>
  </si>
  <si>
    <t>cg01215339</t>
  </si>
  <si>
    <t>cg01216108</t>
  </si>
  <si>
    <t>cg01217202</t>
  </si>
  <si>
    <t>cg01241007</t>
  </si>
  <si>
    <t>cg01242484</t>
  </si>
  <si>
    <t>cg01246855</t>
  </si>
  <si>
    <t>cg01249860</t>
  </si>
  <si>
    <t>cg01251835</t>
  </si>
  <si>
    <t>cg01259126</t>
  </si>
  <si>
    <t>cg01259871</t>
  </si>
  <si>
    <t>cg01260070</t>
  </si>
  <si>
    <t>cg01264106</t>
  </si>
  <si>
    <t>cg01266850</t>
  </si>
  <si>
    <t>cg01268859</t>
  </si>
  <si>
    <t>cg01274257</t>
  </si>
  <si>
    <t>cg01274916</t>
  </si>
  <si>
    <t>cg01277983</t>
  </si>
  <si>
    <t>cg01278720</t>
  </si>
  <si>
    <t>cg01280609</t>
  </si>
  <si>
    <t>cg01285652</t>
  </si>
  <si>
    <t>cg01285756</t>
  </si>
  <si>
    <t>cg01287605</t>
  </si>
  <si>
    <t>cg01288748</t>
  </si>
  <si>
    <t>cg01293532</t>
  </si>
  <si>
    <t>cg01297265</t>
  </si>
  <si>
    <t>cg01299854</t>
  </si>
  <si>
    <t>cg01305127</t>
  </si>
  <si>
    <t>cg01307115</t>
  </si>
  <si>
    <t>cg01324516</t>
  </si>
  <si>
    <t>cg01335087</t>
  </si>
  <si>
    <t>cg01335162</t>
  </si>
  <si>
    <t>cg01337931</t>
  </si>
  <si>
    <t>cg01346718</t>
  </si>
  <si>
    <t>cg01346767</t>
  </si>
  <si>
    <t>cg01350190</t>
  </si>
  <si>
    <t>cg01358513</t>
  </si>
  <si>
    <t>cg01360115</t>
  </si>
  <si>
    <t>cg01362605</t>
  </si>
  <si>
    <t>cg01369114</t>
  </si>
  <si>
    <t>cg01370805</t>
  </si>
  <si>
    <t>cg01373166</t>
  </si>
  <si>
    <t>cg01376469</t>
  </si>
  <si>
    <t>cg01381170</t>
  </si>
  <si>
    <t>cg01383955</t>
  </si>
  <si>
    <t>cg01403010</t>
  </si>
  <si>
    <t>cg01403811</t>
  </si>
  <si>
    <t>cg01404067</t>
  </si>
  <si>
    <t>cg01407797</t>
  </si>
  <si>
    <t>cg01414403</t>
  </si>
  <si>
    <t>cg01415562</t>
  </si>
  <si>
    <t>cg01419582</t>
  </si>
  <si>
    <t>cg01419881</t>
  </si>
  <si>
    <t>cg01441105</t>
  </si>
  <si>
    <t>cg01441777</t>
  </si>
  <si>
    <t>cg01441988</t>
  </si>
  <si>
    <t>cg01443426</t>
  </si>
  <si>
    <t>cg01453349</t>
  </si>
  <si>
    <t>cg01457654</t>
  </si>
  <si>
    <t>cg01458283</t>
  </si>
  <si>
    <t>cg01468868</t>
  </si>
  <si>
    <t>cg01474260</t>
  </si>
  <si>
    <t>cg01477908</t>
  </si>
  <si>
    <t>cg01497487</t>
  </si>
  <si>
    <t>cg01501760</t>
  </si>
  <si>
    <t>cg01502373</t>
  </si>
  <si>
    <t>cg01503706</t>
  </si>
  <si>
    <t>cg01505421</t>
  </si>
  <si>
    <t>cg01508548</t>
  </si>
  <si>
    <t>cg01509203</t>
  </si>
  <si>
    <t>cg01510218</t>
  </si>
  <si>
    <t>cg01515070</t>
  </si>
  <si>
    <t>cg01516033</t>
  </si>
  <si>
    <t>cg01519299</t>
  </si>
  <si>
    <t>cg01522296</t>
  </si>
  <si>
    <t>cg01527394</t>
  </si>
  <si>
    <t>cg01529201</t>
  </si>
  <si>
    <t>cg01529207</t>
  </si>
  <si>
    <t>cg01548456</t>
  </si>
  <si>
    <t>cg01550578</t>
  </si>
  <si>
    <t>cg01556979</t>
  </si>
  <si>
    <t>cg01558877</t>
  </si>
  <si>
    <t>cg01566584</t>
  </si>
  <si>
    <t>cg01568816</t>
  </si>
  <si>
    <t>cg01575652</t>
  </si>
  <si>
    <t>cg01576275</t>
  </si>
  <si>
    <t>cg01577731</t>
  </si>
  <si>
    <t>cg01582066</t>
  </si>
  <si>
    <t>cg01584939</t>
  </si>
  <si>
    <t>cg01585852</t>
  </si>
  <si>
    <t>cg01602479</t>
  </si>
  <si>
    <t>cg01603733</t>
  </si>
  <si>
    <t>cg01606998</t>
  </si>
  <si>
    <t>cg01612476</t>
  </si>
  <si>
    <t>cg01612629</t>
  </si>
  <si>
    <t>cg01613294</t>
  </si>
  <si>
    <t>cg01616356</t>
  </si>
  <si>
    <t>cg01621576</t>
  </si>
  <si>
    <t>cg01630479</t>
  </si>
  <si>
    <t>cg01631226</t>
  </si>
  <si>
    <t>cg01632825</t>
  </si>
  <si>
    <t>cg01633858</t>
  </si>
  <si>
    <t>cg01634745</t>
  </si>
  <si>
    <t>cg01637537</t>
  </si>
  <si>
    <t>cg01641620</t>
  </si>
  <si>
    <t>cg01653494</t>
  </si>
  <si>
    <t>cg01654566</t>
  </si>
  <si>
    <t>cg01665846</t>
  </si>
  <si>
    <t>cg01673783</t>
  </si>
  <si>
    <t>cg01678833</t>
  </si>
  <si>
    <t>cg01683215</t>
  </si>
  <si>
    <t>cg01695023</t>
  </si>
  <si>
    <t>cg01697163</t>
  </si>
  <si>
    <t>cg01704580</t>
  </si>
  <si>
    <t>cg01708387</t>
  </si>
  <si>
    <t>cg01716224</t>
  </si>
  <si>
    <t>cg01725872</t>
  </si>
  <si>
    <t>cg01726073</t>
  </si>
  <si>
    <t>cg01727346</t>
  </si>
  <si>
    <t>cg01730859</t>
  </si>
  <si>
    <t>cg01731685</t>
  </si>
  <si>
    <t>cg01746044</t>
  </si>
  <si>
    <t>cg01752978</t>
  </si>
  <si>
    <t>cg01756103</t>
  </si>
  <si>
    <t>cg01763709</t>
  </si>
  <si>
    <t>cg01763749</t>
  </si>
  <si>
    <t>cg01763884</t>
  </si>
  <si>
    <t>cg01769284</t>
  </si>
  <si>
    <t>cg01771256</t>
  </si>
  <si>
    <t>cg01773692</t>
  </si>
  <si>
    <t>cg01777170</t>
  </si>
  <si>
    <t>cg01788191</t>
  </si>
  <si>
    <t>cg01791232</t>
  </si>
  <si>
    <t>cg01794929</t>
  </si>
  <si>
    <t>cg01796641</t>
  </si>
  <si>
    <t>cg01800253</t>
  </si>
  <si>
    <t>cg01806921</t>
  </si>
  <si>
    <t>cg01809797</t>
  </si>
  <si>
    <t>cg01815090</t>
  </si>
  <si>
    <t>cg01817464</t>
  </si>
  <si>
    <t>cg01819405</t>
  </si>
  <si>
    <t>cg01820665</t>
  </si>
  <si>
    <t>cg01831805</t>
  </si>
  <si>
    <t>cg01835446</t>
  </si>
  <si>
    <t>cg01839850</t>
  </si>
  <si>
    <t>cg01840965</t>
  </si>
  <si>
    <t>cg01843058</t>
  </si>
  <si>
    <t>cg01844235</t>
  </si>
  <si>
    <t>cg01849789</t>
  </si>
  <si>
    <t>cg01851928</t>
  </si>
  <si>
    <t>cg01854588</t>
  </si>
  <si>
    <t>cg01866098</t>
  </si>
  <si>
    <t>cg01869067</t>
  </si>
  <si>
    <t>cg01875775</t>
  </si>
  <si>
    <t>cg01883777</t>
  </si>
  <si>
    <t>cg01891260</t>
  </si>
  <si>
    <t>cg01891711</t>
  </si>
  <si>
    <t>cg01892528</t>
  </si>
  <si>
    <t>cg01907106</t>
  </si>
  <si>
    <t>cg01912455</t>
  </si>
  <si>
    <t>cg01916685</t>
  </si>
  <si>
    <t>cg01920603</t>
  </si>
  <si>
    <t>cg01924481</t>
  </si>
  <si>
    <t>cg01928418</t>
  </si>
  <si>
    <t>cg01939444</t>
  </si>
  <si>
    <t>cg01959071</t>
  </si>
  <si>
    <t>cg01959435</t>
  </si>
  <si>
    <t>cg01966129</t>
  </si>
  <si>
    <t>cg01975714</t>
  </si>
  <si>
    <t>cg01985090</t>
  </si>
  <si>
    <t>cg01985990</t>
  </si>
  <si>
    <t>cg01989157</t>
  </si>
  <si>
    <t>cg01989611</t>
  </si>
  <si>
    <t>cg01995099</t>
  </si>
  <si>
    <t>cg01995821</t>
  </si>
  <si>
    <t>cg02004789</t>
  </si>
  <si>
    <t>cg02015800</t>
  </si>
  <si>
    <t>cg02031111</t>
  </si>
  <si>
    <t>cg02031597</t>
  </si>
  <si>
    <t>cg02031638</t>
  </si>
  <si>
    <t>cg02036077</t>
  </si>
  <si>
    <t>cg02038910</t>
  </si>
  <si>
    <t>cg02041885</t>
  </si>
  <si>
    <t>cg02042736</t>
  </si>
  <si>
    <t>cg02053339</t>
  </si>
  <si>
    <t>cg02065704</t>
  </si>
  <si>
    <t>cg02065750</t>
  </si>
  <si>
    <t>cg02065833</t>
  </si>
  <si>
    <t>cg02066590</t>
  </si>
  <si>
    <t>cg02066925</t>
  </si>
  <si>
    <t>cg02076598</t>
  </si>
  <si>
    <t>cg02079700</t>
  </si>
  <si>
    <t>cg02100011</t>
  </si>
  <si>
    <t>cg02107564</t>
  </si>
  <si>
    <t>cg02109793</t>
  </si>
  <si>
    <t>cg02111168</t>
  </si>
  <si>
    <t>cg02120463</t>
  </si>
  <si>
    <t>cg02145211</t>
  </si>
  <si>
    <t>cg02150231</t>
  </si>
  <si>
    <t>cg02152034</t>
  </si>
  <si>
    <t>cg02157633</t>
  </si>
  <si>
    <t>cg02161203</t>
  </si>
  <si>
    <t>cg02163266</t>
  </si>
  <si>
    <t>cg02165713</t>
  </si>
  <si>
    <t>cg02169692</t>
  </si>
  <si>
    <t>cg02179764</t>
  </si>
  <si>
    <t>cg02179982</t>
  </si>
  <si>
    <t>cg02181494</t>
  </si>
  <si>
    <t>cg02203484</t>
  </si>
  <si>
    <t>cg02203711</t>
  </si>
  <si>
    <t>cg02206108</t>
  </si>
  <si>
    <t>cg02209075</t>
  </si>
  <si>
    <t>cg02210038</t>
  </si>
  <si>
    <t>cg02214441</t>
  </si>
  <si>
    <t>cg02218200</t>
  </si>
  <si>
    <t>cg02225897</t>
  </si>
  <si>
    <t>cg02227453</t>
  </si>
  <si>
    <t>cg02231062</t>
  </si>
  <si>
    <t>cg02233213</t>
  </si>
  <si>
    <t>cg02233750</t>
  </si>
  <si>
    <t>cg02238178</t>
  </si>
  <si>
    <t>cg02241145</t>
  </si>
  <si>
    <t>cg02241891</t>
  </si>
  <si>
    <t>cg02242734</t>
  </si>
  <si>
    <t>cg02246229</t>
  </si>
  <si>
    <t>cg02247863</t>
  </si>
  <si>
    <t>cg02261346</t>
  </si>
  <si>
    <t>cg02264779</t>
  </si>
  <si>
    <t>cg02269571</t>
  </si>
  <si>
    <t>cg02274500</t>
  </si>
  <si>
    <t>cg02285386</t>
  </si>
  <si>
    <t>cg02288859</t>
  </si>
  <si>
    <t>cg02290617</t>
  </si>
  <si>
    <t>cg02292872</t>
  </si>
  <si>
    <t>cg02293044</t>
  </si>
  <si>
    <t>cg02296376</t>
  </si>
  <si>
    <t>cg02300818</t>
  </si>
  <si>
    <t>cg02301718</t>
  </si>
  <si>
    <t>cg02327103</t>
  </si>
  <si>
    <t>cg02344701</t>
  </si>
  <si>
    <t>cg02350211</t>
  </si>
  <si>
    <t>cg02350785</t>
  </si>
  <si>
    <t>cg02375178</t>
  </si>
  <si>
    <t>cg02375506</t>
  </si>
  <si>
    <t>cg02377915</t>
  </si>
  <si>
    <t>cg02380914</t>
  </si>
  <si>
    <t>cg02391526</t>
  </si>
  <si>
    <t>cg02400449</t>
  </si>
  <si>
    <t>cg02401149</t>
  </si>
  <si>
    <t>cg02401792</t>
  </si>
  <si>
    <t>cg02403294</t>
  </si>
  <si>
    <t>cg02403412</t>
  </si>
  <si>
    <t>cg02405329</t>
  </si>
  <si>
    <t>cg02412616</t>
  </si>
  <si>
    <t>cg02415431</t>
  </si>
  <si>
    <t>cg02417473</t>
  </si>
  <si>
    <t>cg02427042</t>
  </si>
  <si>
    <t>cg02447733</t>
  </si>
  <si>
    <t>cg02454750</t>
  </si>
  <si>
    <t>cg02455383</t>
  </si>
  <si>
    <t>cg02457501</t>
  </si>
  <si>
    <t>cg02471915</t>
  </si>
  <si>
    <t>cg02477448</t>
  </si>
  <si>
    <t>cg02478149</t>
  </si>
  <si>
    <t>cg02478836</t>
  </si>
  <si>
    <t>cg02481085</t>
  </si>
  <si>
    <t>cg02481714</t>
  </si>
  <si>
    <t>cg02482690</t>
  </si>
  <si>
    <t>cg02486545</t>
  </si>
  <si>
    <t>cg02491628</t>
  </si>
  <si>
    <t>cg02494781</t>
  </si>
  <si>
    <t>cg02499453</t>
  </si>
  <si>
    <t>cg02499678</t>
  </si>
  <si>
    <t>cg02516101</t>
  </si>
  <si>
    <t>cg02517524</t>
  </si>
  <si>
    <t>cg02524531</t>
  </si>
  <si>
    <t>cg02527346</t>
  </si>
  <si>
    <t>cg02527527</t>
  </si>
  <si>
    <t>cg02532700</t>
  </si>
  <si>
    <t>cg02539402</t>
  </si>
  <si>
    <t>cg02541592</t>
  </si>
  <si>
    <t>cg02552097</t>
  </si>
  <si>
    <t>cg02553039</t>
  </si>
  <si>
    <t>cg02556928</t>
  </si>
  <si>
    <t>cg02575078</t>
  </si>
  <si>
    <t>cg02580626</t>
  </si>
  <si>
    <t>cg02582669</t>
  </si>
  <si>
    <t>cg02583938</t>
  </si>
  <si>
    <t>cg02585931</t>
  </si>
  <si>
    <t>cg02589672</t>
  </si>
  <si>
    <t>cg02590292</t>
  </si>
  <si>
    <t>cg02597698</t>
  </si>
  <si>
    <t>cg02600349</t>
  </si>
  <si>
    <t>cg02601893</t>
  </si>
  <si>
    <t>cg02604522</t>
  </si>
  <si>
    <t>cg02610425</t>
  </si>
  <si>
    <t>cg02611031</t>
  </si>
  <si>
    <t>cg02629506</t>
  </si>
  <si>
    <t>cg02630122</t>
  </si>
  <si>
    <t>cg02642178</t>
  </si>
  <si>
    <t>cg02655711</t>
  </si>
  <si>
    <t>cg02687592</t>
  </si>
  <si>
    <t>cg02706110</t>
  </si>
  <si>
    <t>cg02713951</t>
  </si>
  <si>
    <t>cg02723302</t>
  </si>
  <si>
    <t>cg02724647</t>
  </si>
  <si>
    <t>cg02725334</t>
  </si>
  <si>
    <t>cg02725453</t>
  </si>
  <si>
    <t>cg02734208</t>
  </si>
  <si>
    <t>cg02749843</t>
  </si>
  <si>
    <t>cg02763671</t>
  </si>
  <si>
    <t>cg02770187</t>
  </si>
  <si>
    <t>cg02771464</t>
  </si>
  <si>
    <t>cg02772910</t>
  </si>
  <si>
    <t>cg02774160</t>
  </si>
  <si>
    <t>cg02776313</t>
  </si>
  <si>
    <t>cg02792538</t>
  </si>
  <si>
    <t>cg02801645</t>
  </si>
  <si>
    <t>cg02819010</t>
  </si>
  <si>
    <t>cg02843667</t>
  </si>
  <si>
    <t>cg02862454</t>
  </si>
  <si>
    <t>cg02869653</t>
  </si>
  <si>
    <t>cg02875953</t>
  </si>
  <si>
    <t>cg02879960</t>
  </si>
  <si>
    <t>cg02881369</t>
  </si>
  <si>
    <t>cg02882774</t>
  </si>
  <si>
    <t>cg02885464</t>
  </si>
  <si>
    <t>cg02885922</t>
  </si>
  <si>
    <t>cg02895051</t>
  </si>
  <si>
    <t>cg02906863</t>
  </si>
  <si>
    <t>cg02911509</t>
  </si>
  <si>
    <t>cg02912279</t>
  </si>
  <si>
    <t>cg02917246</t>
  </si>
  <si>
    <t>cg02917321</t>
  </si>
  <si>
    <t>cg02919572</t>
  </si>
  <si>
    <t>cg02919997</t>
  </si>
  <si>
    <t>cg02924370</t>
  </si>
  <si>
    <t>cg02927694</t>
  </si>
  <si>
    <t>cg02935298</t>
  </si>
  <si>
    <t>cg02948259</t>
  </si>
  <si>
    <t>cg02948624</t>
  </si>
  <si>
    <t>cg02949991</t>
  </si>
  <si>
    <t>cg02954284</t>
  </si>
  <si>
    <t>cg02964102</t>
  </si>
  <si>
    <t>cg02968276</t>
  </si>
  <si>
    <t>cg02978737</t>
  </si>
  <si>
    <t>cg02983813</t>
  </si>
  <si>
    <t>cg02986806</t>
  </si>
  <si>
    <t>cg02993533</t>
  </si>
  <si>
    <t>cg03005121</t>
  </si>
  <si>
    <t>cg03007034</t>
  </si>
  <si>
    <t>cg03007524</t>
  </si>
  <si>
    <t>cg03010792</t>
  </si>
  <si>
    <t>cg03012854</t>
  </si>
  <si>
    <t>cg03013276</t>
  </si>
  <si>
    <t>cg03014622</t>
  </si>
  <si>
    <t>cg03017264</t>
  </si>
  <si>
    <t>cg03023089</t>
  </si>
  <si>
    <t>cg03025148</t>
  </si>
  <si>
    <t>cg03035826</t>
  </si>
  <si>
    <t>cg03036452</t>
  </si>
  <si>
    <t>cg03043822</t>
  </si>
  <si>
    <t>cg03044735</t>
  </si>
  <si>
    <t>cg03052856</t>
  </si>
  <si>
    <t>cg03065202</t>
  </si>
  <si>
    <t>cg03072628</t>
  </si>
  <si>
    <t>cg03085088</t>
  </si>
  <si>
    <t>cg03088328</t>
  </si>
  <si>
    <t>cg03088955</t>
  </si>
  <si>
    <t>cg03092603</t>
  </si>
  <si>
    <t>cg03098375</t>
  </si>
  <si>
    <t>cg03113871</t>
  </si>
  <si>
    <t>cg03118854</t>
  </si>
  <si>
    <t>cg03125765</t>
  </si>
  <si>
    <t>cg03131358</t>
  </si>
  <si>
    <t>cg03149749</t>
  </si>
  <si>
    <t>cg03160045</t>
  </si>
  <si>
    <t>cg03166514</t>
  </si>
  <si>
    <t>cg03171478</t>
  </si>
  <si>
    <t>cg03175417</t>
  </si>
  <si>
    <t>cg03182874</t>
  </si>
  <si>
    <t>cg03187444</t>
  </si>
  <si>
    <t>cg03193168</t>
  </si>
  <si>
    <t>cg03196739</t>
  </si>
  <si>
    <t>cg03198372</t>
  </si>
  <si>
    <t>cg03211381</t>
  </si>
  <si>
    <t>cg03214697</t>
  </si>
  <si>
    <t>cg03220797</t>
  </si>
  <si>
    <t>cg03228516</t>
  </si>
  <si>
    <t>cg03228943</t>
  </si>
  <si>
    <t>cg03230757</t>
  </si>
  <si>
    <t>cg03231953</t>
  </si>
  <si>
    <t>cg03249573</t>
  </si>
  <si>
    <t>cg03259733</t>
  </si>
  <si>
    <t>cg03266200</t>
  </si>
  <si>
    <t>cg03270374</t>
  </si>
  <si>
    <t>cg03277496</t>
  </si>
  <si>
    <t>cg03290040</t>
  </si>
  <si>
    <t>cg03291548</t>
  </si>
  <si>
    <t>cg03297042</t>
  </si>
  <si>
    <t>cg03301332</t>
  </si>
  <si>
    <t>cg03308985</t>
  </si>
  <si>
    <t>cg03314604</t>
  </si>
  <si>
    <t>cg03318428</t>
  </si>
  <si>
    <t>cg03329500</t>
  </si>
  <si>
    <t>cg03335810</t>
  </si>
  <si>
    <t>cg03339016</t>
  </si>
  <si>
    <t>cg03342640</t>
  </si>
  <si>
    <t>cg03352409</t>
  </si>
  <si>
    <t>cg03352438</t>
  </si>
  <si>
    <t>cg03356833</t>
  </si>
  <si>
    <t>cg03359043</t>
  </si>
  <si>
    <t>cg03362871</t>
  </si>
  <si>
    <t>cg03373887</t>
  </si>
  <si>
    <t>cg03385582</t>
  </si>
  <si>
    <t>cg03388172</t>
  </si>
  <si>
    <t>cg03389133</t>
  </si>
  <si>
    <t>cg03402073</t>
  </si>
  <si>
    <t>cg03402435</t>
  </si>
  <si>
    <t>cg03403991</t>
  </si>
  <si>
    <t>cg03404815</t>
  </si>
  <si>
    <t>cg03407228</t>
  </si>
  <si>
    <t>cg03408122</t>
  </si>
  <si>
    <t>cg03409699</t>
  </si>
  <si>
    <t>cg03412618</t>
  </si>
  <si>
    <t>cg03419948</t>
  </si>
  <si>
    <t>cg03427564</t>
  </si>
  <si>
    <t>cg03428614</t>
  </si>
  <si>
    <t>cg03432618</t>
  </si>
  <si>
    <t>cg03433260</t>
  </si>
  <si>
    <t>cg03435264</t>
  </si>
  <si>
    <t>cg03437540</t>
  </si>
  <si>
    <t>cg03440540</t>
  </si>
  <si>
    <t>cg03442372</t>
  </si>
  <si>
    <t>cg03442977</t>
  </si>
  <si>
    <t>cg03452190</t>
  </si>
  <si>
    <t>cg03453572</t>
  </si>
  <si>
    <t>cg03454920</t>
  </si>
  <si>
    <t>cg03461287</t>
  </si>
  <si>
    <t>cg03463975</t>
  </si>
  <si>
    <t>cg03473046</t>
  </si>
  <si>
    <t>cg03477302</t>
  </si>
  <si>
    <t>cg03480308</t>
  </si>
  <si>
    <t>cg03500653</t>
  </si>
  <si>
    <t>cg03503975</t>
  </si>
  <si>
    <t>cg03506525</t>
  </si>
  <si>
    <t>cg03531177</t>
  </si>
  <si>
    <t>cg03531512</t>
  </si>
  <si>
    <t>cg03534205</t>
  </si>
  <si>
    <t>cg03536654</t>
  </si>
  <si>
    <t>cg03538221</t>
  </si>
  <si>
    <t>cg03538345</t>
  </si>
  <si>
    <t>cg03543648</t>
  </si>
  <si>
    <t>cg03549130</t>
  </si>
  <si>
    <t>cg03550506</t>
  </si>
  <si>
    <t>cg03550508</t>
  </si>
  <si>
    <t>cg03583524</t>
  </si>
  <si>
    <t>cg03598726</t>
  </si>
  <si>
    <t>cg03599338</t>
  </si>
  <si>
    <t>cg03614664</t>
  </si>
  <si>
    <t>cg03617345</t>
  </si>
  <si>
    <t>cg03619118</t>
  </si>
  <si>
    <t>cg03625627</t>
  </si>
  <si>
    <t>cg03635685</t>
  </si>
  <si>
    <t>cg03640568</t>
  </si>
  <si>
    <t>cg03641847</t>
  </si>
  <si>
    <t>cg03645851</t>
  </si>
  <si>
    <t>cg03660710</t>
  </si>
  <si>
    <t>cg03665785</t>
  </si>
  <si>
    <t>cg03672272</t>
  </si>
  <si>
    <t>cg03673688</t>
  </si>
  <si>
    <t>cg03677952</t>
  </si>
  <si>
    <t>cg03688400</t>
  </si>
  <si>
    <t>cg03717414</t>
  </si>
  <si>
    <t>cg03721641</t>
  </si>
  <si>
    <t>cg03724721</t>
  </si>
  <si>
    <t>cg03729889</t>
  </si>
  <si>
    <t>cg03733278</t>
  </si>
  <si>
    <t>cg03734026</t>
  </si>
  <si>
    <t>cg03741889</t>
  </si>
  <si>
    <t>cg03752018</t>
  </si>
  <si>
    <t>cg03763860</t>
  </si>
  <si>
    <t>cg03768513</t>
  </si>
  <si>
    <t>cg03774165</t>
  </si>
  <si>
    <t>cg03776042</t>
  </si>
  <si>
    <t>cg03804568</t>
  </si>
  <si>
    <t>cg03805410</t>
  </si>
  <si>
    <t>cg03814826</t>
  </si>
  <si>
    <t>cg03815917</t>
  </si>
  <si>
    <t>cg03816851</t>
  </si>
  <si>
    <t>cg03834031</t>
  </si>
  <si>
    <t>cg03851401</t>
  </si>
  <si>
    <t>cg03855656</t>
  </si>
  <si>
    <t>cg03856973</t>
  </si>
  <si>
    <t>cg03857553</t>
  </si>
  <si>
    <t>cg03863464</t>
  </si>
  <si>
    <t>cg03868770</t>
  </si>
  <si>
    <t>cg03883640</t>
  </si>
  <si>
    <t>cg03887534</t>
  </si>
  <si>
    <t>cg03909844</t>
  </si>
  <si>
    <t>cg03913271</t>
  </si>
  <si>
    <t>cg03927893</t>
  </si>
  <si>
    <t>cg03929205</t>
  </si>
  <si>
    <t>cg03930770</t>
  </si>
  <si>
    <t>cg03938598</t>
  </si>
  <si>
    <t>cg03941531</t>
  </si>
  <si>
    <t>cg03944122</t>
  </si>
  <si>
    <t>cg03954858</t>
  </si>
  <si>
    <t>cg03962200</t>
  </si>
  <si>
    <t>cg03966055</t>
  </si>
  <si>
    <t>cg03966094</t>
  </si>
  <si>
    <t>cg03970350</t>
  </si>
  <si>
    <t>cg03970899</t>
  </si>
  <si>
    <t>cg03972838</t>
  </si>
  <si>
    <t>cg03975235</t>
  </si>
  <si>
    <t>cg03976468</t>
  </si>
  <si>
    <t>cg03976788</t>
  </si>
  <si>
    <t>cg03979008</t>
  </si>
  <si>
    <t>cg03984375</t>
  </si>
  <si>
    <t>cg03988107</t>
  </si>
  <si>
    <t>cg03992976</t>
  </si>
  <si>
    <t>cg04002001</t>
  </si>
  <si>
    <t>cg04008438</t>
  </si>
  <si>
    <t>cg04014059</t>
  </si>
  <si>
    <t>cg04019164</t>
  </si>
  <si>
    <t>cg04021014</t>
  </si>
  <si>
    <t>cg04024164</t>
  </si>
  <si>
    <t>cg04030848</t>
  </si>
  <si>
    <t>cg04037044</t>
  </si>
  <si>
    <t>cg04038879</t>
  </si>
  <si>
    <t>cg04049203</t>
  </si>
  <si>
    <t>cg04054731</t>
  </si>
  <si>
    <t>cg04065108</t>
  </si>
  <si>
    <t>cg04077141</t>
  </si>
  <si>
    <t>cg04078118</t>
  </si>
  <si>
    <t>cg04085789</t>
  </si>
  <si>
    <t>cg04086087</t>
  </si>
  <si>
    <t>cg04089703</t>
  </si>
  <si>
    <t>cg04093079</t>
  </si>
  <si>
    <t>cg04101116</t>
  </si>
  <si>
    <t>cg04109460</t>
  </si>
  <si>
    <t>cg04110531</t>
  </si>
  <si>
    <t>cg04114544</t>
  </si>
  <si>
    <t>cg04115381</t>
  </si>
  <si>
    <t>cg04116657</t>
  </si>
  <si>
    <t>cg04125800</t>
  </si>
  <si>
    <t>cg04129736</t>
  </si>
  <si>
    <t>cg04134624</t>
  </si>
  <si>
    <t>cg04136484</t>
  </si>
  <si>
    <t>cg04149776</t>
  </si>
  <si>
    <t>cg04154583</t>
  </si>
  <si>
    <t>cg04158069</t>
  </si>
  <si>
    <t>cg04167842</t>
  </si>
  <si>
    <t>cg04169102</t>
  </si>
  <si>
    <t>cg04169403</t>
  </si>
  <si>
    <t>cg04179165</t>
  </si>
  <si>
    <t>cg04181153</t>
  </si>
  <si>
    <t>cg04185470</t>
  </si>
  <si>
    <t>cg04186249</t>
  </si>
  <si>
    <t>cg04189591</t>
  </si>
  <si>
    <t>cg04190002</t>
  </si>
  <si>
    <t>cg04191954</t>
  </si>
  <si>
    <t>cg04195684</t>
  </si>
  <si>
    <t>cg04197904</t>
  </si>
  <si>
    <t>cg04200524</t>
  </si>
  <si>
    <t>cg04206417</t>
  </si>
  <si>
    <t>cg04219287</t>
  </si>
  <si>
    <t>cg04223044</t>
  </si>
  <si>
    <t>cg04234412</t>
  </si>
  <si>
    <t>cg04237429</t>
  </si>
  <si>
    <t>cg04237918</t>
  </si>
  <si>
    <t>cg04240548</t>
  </si>
  <si>
    <t>cg04242655</t>
  </si>
  <si>
    <t>cg04242821</t>
  </si>
  <si>
    <t>cg04250930</t>
  </si>
  <si>
    <t>cg04270033</t>
  </si>
  <si>
    <t>cg04274916</t>
  </si>
  <si>
    <t>cg04277677</t>
  </si>
  <si>
    <t>cg04280480</t>
  </si>
  <si>
    <t>cg04282607</t>
  </si>
  <si>
    <t>cg04283938</t>
  </si>
  <si>
    <t>cg04300687</t>
  </si>
  <si>
    <t>cg04302775</t>
  </si>
  <si>
    <t>cg04304450</t>
  </si>
  <si>
    <t>cg04305228</t>
  </si>
  <si>
    <t>cg04305653</t>
  </si>
  <si>
    <t>cg04308882</t>
  </si>
  <si>
    <t>cg04314525</t>
  </si>
  <si>
    <t>cg04316770</t>
  </si>
  <si>
    <t>cg04321608</t>
  </si>
  <si>
    <t>cg04329382</t>
  </si>
  <si>
    <t>cg04332442</t>
  </si>
  <si>
    <t>cg04332545</t>
  </si>
  <si>
    <t>cg04337944</t>
  </si>
  <si>
    <t>cg04340553</t>
  </si>
  <si>
    <t>cg04350311</t>
  </si>
  <si>
    <t>cg04350355</t>
  </si>
  <si>
    <t>cg04350421</t>
  </si>
  <si>
    <t>cg04352088</t>
  </si>
  <si>
    <t>cg04361678</t>
  </si>
  <si>
    <t>cg04376820</t>
  </si>
  <si>
    <t>cg04377908</t>
  </si>
  <si>
    <t>cg04378107</t>
  </si>
  <si>
    <t>cg04382374</t>
  </si>
  <si>
    <t>cg04384398</t>
  </si>
  <si>
    <t>cg04386512</t>
  </si>
  <si>
    <t>cg04389328</t>
  </si>
  <si>
    <t>cg04398610</t>
  </si>
  <si>
    <t>cg04406762</t>
  </si>
  <si>
    <t>cg04416431</t>
  </si>
  <si>
    <t>cg04431254</t>
  </si>
  <si>
    <t>cg04431387</t>
  </si>
  <si>
    <t>cg04435377</t>
  </si>
  <si>
    <t>cg04445214</t>
  </si>
  <si>
    <t>cg04460557</t>
  </si>
  <si>
    <t>cg04461566</t>
  </si>
  <si>
    <t>cg04463638</t>
  </si>
  <si>
    <t>cg04467208</t>
  </si>
  <si>
    <t>cg04478606</t>
  </si>
  <si>
    <t>cg04485799</t>
  </si>
  <si>
    <t>cg04495386</t>
  </si>
  <si>
    <t>cg04498921</t>
  </si>
  <si>
    <t>cg04508312</t>
  </si>
  <si>
    <t>cg04520704</t>
  </si>
  <si>
    <t>cg04528632</t>
  </si>
  <si>
    <t>cg04533276</t>
  </si>
  <si>
    <t>cg04537394</t>
  </si>
  <si>
    <t>cg04537738</t>
  </si>
  <si>
    <t>cg04537900</t>
  </si>
  <si>
    <t>cg04540061</t>
  </si>
  <si>
    <t>cg04541607</t>
  </si>
  <si>
    <t>cg04548076</t>
  </si>
  <si>
    <t>cg04556646</t>
  </si>
  <si>
    <t>cg04560767</t>
  </si>
  <si>
    <t>cg04561937</t>
  </si>
  <si>
    <t>cg04583339</t>
  </si>
  <si>
    <t>cg04585452</t>
  </si>
  <si>
    <t>cg04586023</t>
  </si>
  <si>
    <t>cg04590323</t>
  </si>
  <si>
    <t>cg04607975</t>
  </si>
  <si>
    <t>cg04608146</t>
  </si>
  <si>
    <t>cg04619185</t>
  </si>
  <si>
    <t>cg04619710</t>
  </si>
  <si>
    <t>cg04620506</t>
  </si>
  <si>
    <t>cg04629951</t>
  </si>
  <si>
    <t>cg04630823</t>
  </si>
  <si>
    <t>cg04642170</t>
  </si>
  <si>
    <t>cg04644624</t>
  </si>
  <si>
    <t>cg04650641</t>
  </si>
  <si>
    <t>cg04670255</t>
  </si>
  <si>
    <t>cg04673446</t>
  </si>
  <si>
    <t>cg04679902</t>
  </si>
  <si>
    <t>cg04692156</t>
  </si>
  <si>
    <t>cg04695732</t>
  </si>
  <si>
    <t>cg04722059</t>
  </si>
  <si>
    <t>cg04728789</t>
  </si>
  <si>
    <t>cg04730365</t>
  </si>
  <si>
    <t>cg04755031</t>
  </si>
  <si>
    <t>cg04756597</t>
  </si>
  <si>
    <t>cg04768630</t>
  </si>
  <si>
    <t>cg04772797</t>
  </si>
  <si>
    <t>cg04776122</t>
  </si>
  <si>
    <t>cg04787750</t>
  </si>
  <si>
    <t>cg04800749</t>
  </si>
  <si>
    <t>cg04801716</t>
  </si>
  <si>
    <t>cg04815242</t>
  </si>
  <si>
    <t>cg04835613</t>
  </si>
  <si>
    <t>cg04839422</t>
  </si>
  <si>
    <t>cg04847817</t>
  </si>
  <si>
    <t>cg04856117</t>
  </si>
  <si>
    <t>cg04856872</t>
  </si>
  <si>
    <t>cg04861944</t>
  </si>
  <si>
    <t>cg04862324</t>
  </si>
  <si>
    <t>cg04865531</t>
  </si>
  <si>
    <t>cg04888874</t>
  </si>
  <si>
    <t>cg04891094</t>
  </si>
  <si>
    <t>cg04903116</t>
  </si>
  <si>
    <t>cg04910082</t>
  </si>
  <si>
    <t>cg04929173</t>
  </si>
  <si>
    <t>cg04930211</t>
  </si>
  <si>
    <t>cg04931184</t>
  </si>
  <si>
    <t>cg04951739</t>
  </si>
  <si>
    <t>cg04959572</t>
  </si>
  <si>
    <t>cg04976697</t>
  </si>
  <si>
    <t>cg04982781</t>
  </si>
  <si>
    <t>cg04986248</t>
  </si>
  <si>
    <t>cg04988048</t>
  </si>
  <si>
    <t>cg04990420</t>
  </si>
  <si>
    <t>cg05002837</t>
  </si>
  <si>
    <t>cg05003791</t>
  </si>
  <si>
    <t>cg05005577</t>
  </si>
  <si>
    <t>cg05006211</t>
  </si>
  <si>
    <t>cg05007163</t>
  </si>
  <si>
    <t>cg05010752</t>
  </si>
  <si>
    <t>cg05019307</t>
  </si>
  <si>
    <t>cg05023013</t>
  </si>
  <si>
    <t>cg05035620</t>
  </si>
  <si>
    <t>cg05036892</t>
  </si>
  <si>
    <t>cg05038367</t>
  </si>
  <si>
    <t>cg05046821</t>
  </si>
  <si>
    <t>cg05075268</t>
  </si>
  <si>
    <t>cg05080409</t>
  </si>
  <si>
    <t>cg05080787</t>
  </si>
  <si>
    <t>cg05080811</t>
  </si>
  <si>
    <t>cg05091724</t>
  </si>
  <si>
    <t>cg05109573</t>
  </si>
  <si>
    <t>cg05112224</t>
  </si>
  <si>
    <t>cg05114959</t>
  </si>
  <si>
    <t>cg05120501</t>
  </si>
  <si>
    <t>cg05128038</t>
  </si>
  <si>
    <t>cg05134847</t>
  </si>
  <si>
    <t>cg05136528</t>
  </si>
  <si>
    <t>cg05139924</t>
  </si>
  <si>
    <t>cg05146074</t>
  </si>
  <si>
    <t>cg05150697</t>
  </si>
  <si>
    <t>cg05153474</t>
  </si>
  <si>
    <t>cg05160261</t>
  </si>
  <si>
    <t>cg05166354</t>
  </si>
  <si>
    <t>cg05170921</t>
  </si>
  <si>
    <t>cg05207227</t>
  </si>
  <si>
    <t>cg05208878</t>
  </si>
  <si>
    <t>cg05226932</t>
  </si>
  <si>
    <t>cg05241025</t>
  </si>
  <si>
    <t>cg05248804</t>
  </si>
  <si>
    <t>cg05251389</t>
  </si>
  <si>
    <t>cg05254511</t>
  </si>
  <si>
    <t>cg05259765</t>
  </si>
  <si>
    <t>cg05260714</t>
  </si>
  <si>
    <t>cg05260966</t>
  </si>
  <si>
    <t>cg05278256</t>
  </si>
  <si>
    <t>cg05279387</t>
  </si>
  <si>
    <t>cg05282459</t>
  </si>
  <si>
    <t>cg05288033</t>
  </si>
  <si>
    <t>cg05288803</t>
  </si>
  <si>
    <t>cg05294016</t>
  </si>
  <si>
    <t>cg05298088</t>
  </si>
  <si>
    <t>cg05305400</t>
  </si>
  <si>
    <t>cg05333149</t>
  </si>
  <si>
    <t>cg05339076</t>
  </si>
  <si>
    <t>cg05352541</t>
  </si>
  <si>
    <t>cg05355311</t>
  </si>
  <si>
    <t>cg05365887</t>
  </si>
  <si>
    <t>cg05373339</t>
  </si>
  <si>
    <t>cg05385010</t>
  </si>
  <si>
    <t>cg05410259</t>
  </si>
  <si>
    <t>cg05424782</t>
  </si>
  <si>
    <t>cg05447556</t>
  </si>
  <si>
    <t>cg05450667</t>
  </si>
  <si>
    <t>cg05458609</t>
  </si>
  <si>
    <t>cg05460582</t>
  </si>
  <si>
    <t>cg05468064</t>
  </si>
  <si>
    <t>cg05468303</t>
  </si>
  <si>
    <t>cg05475172</t>
  </si>
  <si>
    <t>cg05475277</t>
  </si>
  <si>
    <t>cg05481243</t>
  </si>
  <si>
    <t>cg05483623</t>
  </si>
  <si>
    <t>cg05498726</t>
  </si>
  <si>
    <t>cg05499148</t>
  </si>
  <si>
    <t>cg05506566</t>
  </si>
  <si>
    <t>cg05508875</t>
  </si>
  <si>
    <t>cg05521619</t>
  </si>
  <si>
    <t>cg05523603</t>
  </si>
  <si>
    <t>cg05524152</t>
  </si>
  <si>
    <t>cg05531055</t>
  </si>
  <si>
    <t>cg05532594</t>
  </si>
  <si>
    <t>cg05535123</t>
  </si>
  <si>
    <t>cg05539509</t>
  </si>
  <si>
    <t>cg05541460</t>
  </si>
  <si>
    <t>cg05541634</t>
  </si>
  <si>
    <t>cg05543864</t>
  </si>
  <si>
    <t>cg05545910</t>
  </si>
  <si>
    <t>cg05546044</t>
  </si>
  <si>
    <t>cg05550339</t>
  </si>
  <si>
    <t>cg05565052</t>
  </si>
  <si>
    <t>cg05577434</t>
  </si>
  <si>
    <t>cg05580073</t>
  </si>
  <si>
    <t>cg05593780</t>
  </si>
  <si>
    <t>cg05602642</t>
  </si>
  <si>
    <t>cg05615487</t>
  </si>
  <si>
    <t>cg05618880</t>
  </si>
  <si>
    <t>cg05628436</t>
  </si>
  <si>
    <t>cg05658793</t>
  </si>
  <si>
    <t>cg05678976</t>
  </si>
  <si>
    <t>cg05684145</t>
  </si>
  <si>
    <t>cg05684501</t>
  </si>
  <si>
    <t>cg05685741</t>
  </si>
  <si>
    <t>cg05691152</t>
  </si>
  <si>
    <t>cg05691848</t>
  </si>
  <si>
    <t>cg05695327</t>
  </si>
  <si>
    <t>cg05698090</t>
  </si>
  <si>
    <t>cg05698107</t>
  </si>
  <si>
    <t>cg05708544</t>
  </si>
  <si>
    <t>cg05709923</t>
  </si>
  <si>
    <t>cg05718255</t>
  </si>
  <si>
    <t>cg05725452</t>
  </si>
  <si>
    <t>cg05726109</t>
  </si>
  <si>
    <t>cg05729745</t>
  </si>
  <si>
    <t>cg05732749</t>
  </si>
  <si>
    <t>cg05733457</t>
  </si>
  <si>
    <t>cg05736785</t>
  </si>
  <si>
    <t>cg05738585</t>
  </si>
  <si>
    <t>cg05738750</t>
  </si>
  <si>
    <t>cg05741055</t>
  </si>
  <si>
    <t>cg05752356</t>
  </si>
  <si>
    <t>cg05815196</t>
  </si>
  <si>
    <t>cg05816380</t>
  </si>
  <si>
    <t>cg05819205</t>
  </si>
  <si>
    <t>cg05843257</t>
  </si>
  <si>
    <t>cg05845357</t>
  </si>
  <si>
    <t>cg05851887</t>
  </si>
  <si>
    <t>cg05855065</t>
  </si>
  <si>
    <t>cg05856677</t>
  </si>
  <si>
    <t>cg05857758</t>
  </si>
  <si>
    <t>cg05859845</t>
  </si>
  <si>
    <t>cg05865670</t>
  </si>
  <si>
    <t>cg05871614</t>
  </si>
  <si>
    <t>cg05872129</t>
  </si>
  <si>
    <t>cg05877528</t>
  </si>
  <si>
    <t>cg05896465</t>
  </si>
  <si>
    <t>cg05903330</t>
  </si>
  <si>
    <t>cg05934090</t>
  </si>
  <si>
    <t>cg05940240</t>
  </si>
  <si>
    <t>cg05944207</t>
  </si>
  <si>
    <t>cg05946971</t>
  </si>
  <si>
    <t>cg05949181</t>
  </si>
  <si>
    <t>cg05976325</t>
  </si>
  <si>
    <t>cg05985522</t>
  </si>
  <si>
    <t>cg05988158</t>
  </si>
  <si>
    <t>cg05993834</t>
  </si>
  <si>
    <t>cg06002800</t>
  </si>
  <si>
    <t>cg06023066</t>
  </si>
  <si>
    <t>cg06034513</t>
  </si>
  <si>
    <t>cg06038397</t>
  </si>
  <si>
    <t>cg06050642</t>
  </si>
  <si>
    <t>cg06056169</t>
  </si>
  <si>
    <t>cg06057569</t>
  </si>
  <si>
    <t>cg06066601</t>
  </si>
  <si>
    <t>cg06067302</t>
  </si>
  <si>
    <t>cg06080712</t>
  </si>
  <si>
    <t>cg06088102</t>
  </si>
  <si>
    <t>cg06089934</t>
  </si>
  <si>
    <t>cg06132455</t>
  </si>
  <si>
    <t>cg06134567</t>
  </si>
  <si>
    <t>cg06144260</t>
  </si>
  <si>
    <t>cg06146614</t>
  </si>
  <si>
    <t>cg06148812</t>
  </si>
  <si>
    <t>cg06174407</t>
  </si>
  <si>
    <t>cg06190092</t>
  </si>
  <si>
    <t>cg06197043</t>
  </si>
  <si>
    <t>cg06206626</t>
  </si>
  <si>
    <t>cg06207852</t>
  </si>
  <si>
    <t>cg06215643</t>
  </si>
  <si>
    <t>cg06219577</t>
  </si>
  <si>
    <t>cg06228413</t>
  </si>
  <si>
    <t>cg06229674</t>
  </si>
  <si>
    <t>cg06230247</t>
  </si>
  <si>
    <t>cg06235224</t>
  </si>
  <si>
    <t>cg06235991</t>
  </si>
  <si>
    <t>cg06242728</t>
  </si>
  <si>
    <t>cg06246950</t>
  </si>
  <si>
    <t>cg06255037</t>
  </si>
  <si>
    <t>cg06260789</t>
  </si>
  <si>
    <t>cg06267718</t>
  </si>
  <si>
    <t>cg06272495</t>
  </si>
  <si>
    <t>cg06273376</t>
  </si>
  <si>
    <t>cg06293195</t>
  </si>
  <si>
    <t>cg06315607</t>
  </si>
  <si>
    <t>cg06320150</t>
  </si>
  <si>
    <t>cg06321962</t>
  </si>
  <si>
    <t>cg06340899</t>
  </si>
  <si>
    <t>cg06340942</t>
  </si>
  <si>
    <t>cg06342838</t>
  </si>
  <si>
    <t>cg06344211</t>
  </si>
  <si>
    <t>cg06345736</t>
  </si>
  <si>
    <t>cg06372718</t>
  </si>
  <si>
    <t>cg06381725</t>
  </si>
  <si>
    <t>cg06385766</t>
  </si>
  <si>
    <t>cg06398881</t>
  </si>
  <si>
    <t>cg06405090</t>
  </si>
  <si>
    <t>cg06421104</t>
  </si>
  <si>
    <t>cg06454380</t>
  </si>
  <si>
    <t>cg06458106</t>
  </si>
  <si>
    <t>cg06501716</t>
  </si>
  <si>
    <t>cg06513695</t>
  </si>
  <si>
    <t>cg06522491</t>
  </si>
  <si>
    <t>cg06523744</t>
  </si>
  <si>
    <t>cg06533430</t>
  </si>
  <si>
    <t>cg06534427</t>
  </si>
  <si>
    <t>cg06544464</t>
  </si>
  <si>
    <t>cg06561329</t>
  </si>
  <si>
    <t>cg06564500</t>
  </si>
  <si>
    <t>cg06575572</t>
  </si>
  <si>
    <t>cg06584224</t>
  </si>
  <si>
    <t>cg06594008</t>
  </si>
  <si>
    <t>cg06594770</t>
  </si>
  <si>
    <t>cg06621480</t>
  </si>
  <si>
    <t>cg06623197</t>
  </si>
  <si>
    <t>cg06623630</t>
  </si>
  <si>
    <t>cg06625062</t>
  </si>
  <si>
    <t>cg06629999</t>
  </si>
  <si>
    <t>cg06635946</t>
  </si>
  <si>
    <t>cg06636222</t>
  </si>
  <si>
    <t>cg06637550</t>
  </si>
  <si>
    <t>cg06639496</t>
  </si>
  <si>
    <t>cg06639701</t>
  </si>
  <si>
    <t>cg06644488</t>
  </si>
  <si>
    <t>cg06658625</t>
  </si>
  <si>
    <t>cg06660012</t>
  </si>
  <si>
    <t>cg06682383</t>
  </si>
  <si>
    <t>cg06687820</t>
  </si>
  <si>
    <t>cg06695663</t>
  </si>
  <si>
    <t>cg06696028</t>
  </si>
  <si>
    <t>cg06706550</t>
  </si>
  <si>
    <t>cg06709952</t>
  </si>
  <si>
    <t>cg06712541</t>
  </si>
  <si>
    <t>cg06720082</t>
  </si>
  <si>
    <t>cg06726231</t>
  </si>
  <si>
    <t>cg06729723</t>
  </si>
  <si>
    <t>cg06748147</t>
  </si>
  <si>
    <t>cg06751583</t>
  </si>
  <si>
    <t>cg06758407</t>
  </si>
  <si>
    <t>cg06761421</t>
  </si>
  <si>
    <t>cg06766034</t>
  </si>
  <si>
    <t>cg06782697</t>
  </si>
  <si>
    <t>cg06787004</t>
  </si>
  <si>
    <t>cg06787487</t>
  </si>
  <si>
    <t>cg06794209</t>
  </si>
  <si>
    <t>cg06797253</t>
  </si>
  <si>
    <t>cg06804815</t>
  </si>
  <si>
    <t>cg06814814</t>
  </si>
  <si>
    <t>cg06822947</t>
  </si>
  <si>
    <t>cg06830006</t>
  </si>
  <si>
    <t>cg06837067</t>
  </si>
  <si>
    <t>cg06842116</t>
  </si>
  <si>
    <t>cg06849477</t>
  </si>
  <si>
    <t>cg06850241</t>
  </si>
  <si>
    <t>cg06852076</t>
  </si>
  <si>
    <t>cg06861736</t>
  </si>
  <si>
    <t>cg06866938</t>
  </si>
  <si>
    <t>cg06873218</t>
  </si>
  <si>
    <t>cg06876311</t>
  </si>
  <si>
    <t>cg06889422</t>
  </si>
  <si>
    <t>cg06898214</t>
  </si>
  <si>
    <t>cg06927134</t>
  </si>
  <si>
    <t>cg06930252</t>
  </si>
  <si>
    <t>cg06935052</t>
  </si>
  <si>
    <t>cg06942142</t>
  </si>
  <si>
    <t>cg06942979</t>
  </si>
  <si>
    <t>cg06961233</t>
  </si>
  <si>
    <t>cg06961876</t>
  </si>
  <si>
    <t>cg06962746</t>
  </si>
  <si>
    <t>cg06964030</t>
  </si>
  <si>
    <t>cg06967304</t>
  </si>
  <si>
    <t>cg06969287</t>
  </si>
  <si>
    <t>cg06972695</t>
  </si>
  <si>
    <t>cg06976521</t>
  </si>
  <si>
    <t>cg06983527</t>
  </si>
  <si>
    <t>cg06991495</t>
  </si>
  <si>
    <t>cg07001072</t>
  </si>
  <si>
    <t>cg07005047</t>
  </si>
  <si>
    <t>cg07007530</t>
  </si>
  <si>
    <t>cg07009002</t>
  </si>
  <si>
    <t>cg07012999</t>
  </si>
  <si>
    <t>cg07044422</t>
  </si>
  <si>
    <t>cg07048516</t>
  </si>
  <si>
    <t>cg07054523</t>
  </si>
  <si>
    <t>cg07064364</t>
  </si>
  <si>
    <t>cg07068187</t>
  </si>
  <si>
    <t>cg07071881</t>
  </si>
  <si>
    <t>cg07079421</t>
  </si>
  <si>
    <t>cg07103675</t>
  </si>
  <si>
    <t>cg07126281</t>
  </si>
  <si>
    <t>cg07127410</t>
  </si>
  <si>
    <t>cg07133894</t>
  </si>
  <si>
    <t>cg07141002</t>
  </si>
  <si>
    <t>cg07143331</t>
  </si>
  <si>
    <t>cg07154950</t>
  </si>
  <si>
    <t>cg07159686</t>
  </si>
  <si>
    <t>cg07175554</t>
  </si>
  <si>
    <t>cg07186138</t>
  </si>
  <si>
    <t>cg07187268</t>
  </si>
  <si>
    <t>cg07195195</t>
  </si>
  <si>
    <t>cg07197642</t>
  </si>
  <si>
    <t>cg07221438</t>
  </si>
  <si>
    <t>cg07223632</t>
  </si>
  <si>
    <t>cg07226201</t>
  </si>
  <si>
    <t>cg07232241</t>
  </si>
  <si>
    <t>cg07236424</t>
  </si>
  <si>
    <t>cg07240086</t>
  </si>
  <si>
    <t>cg07252792</t>
  </si>
  <si>
    <t>cg07255019</t>
  </si>
  <si>
    <t>cg07260820</t>
  </si>
  <si>
    <t>cg07261517</t>
  </si>
  <si>
    <t>cg07262001</t>
  </si>
  <si>
    <t>cg07280182</t>
  </si>
  <si>
    <t>cg07284132</t>
  </si>
  <si>
    <t>cg07303829</t>
  </si>
  <si>
    <t>cg07305859</t>
  </si>
  <si>
    <t>cg07306604</t>
  </si>
  <si>
    <t>cg07311505</t>
  </si>
  <si>
    <t>cg07312716</t>
  </si>
  <si>
    <t>cg07313319</t>
  </si>
  <si>
    <t>cg07316313</t>
  </si>
  <si>
    <t>cg07322296</t>
  </si>
  <si>
    <t>cg07331806</t>
  </si>
  <si>
    <t>cg07344288</t>
  </si>
  <si>
    <t>cg07349890</t>
  </si>
  <si>
    <t>cg07350057</t>
  </si>
  <si>
    <t>cg07359545</t>
  </si>
  <si>
    <t>cg07372034</t>
  </si>
  <si>
    <t>cg07387570</t>
  </si>
  <si>
    <t>cg07397805</t>
  </si>
  <si>
    <t>cg07422042</t>
  </si>
  <si>
    <t>cg07433773</t>
  </si>
  <si>
    <t>cg07436224</t>
  </si>
  <si>
    <t>cg07443748</t>
  </si>
  <si>
    <t>cg07445112</t>
  </si>
  <si>
    <t>cg07446767</t>
  </si>
  <si>
    <t>cg07456180</t>
  </si>
  <si>
    <t>cg07462808</t>
  </si>
  <si>
    <t>cg07464578</t>
  </si>
  <si>
    <t>cg07466604</t>
  </si>
  <si>
    <t>cg07473201</t>
  </si>
  <si>
    <t>cg07475468</t>
  </si>
  <si>
    <t>cg07475973</t>
  </si>
  <si>
    <t>cg07494617</t>
  </si>
  <si>
    <t>cg07494691</t>
  </si>
  <si>
    <t>cg07495470</t>
  </si>
  <si>
    <t>cg07496687</t>
  </si>
  <si>
    <t>cg07498879</t>
  </si>
  <si>
    <t>cg07523470</t>
  </si>
  <si>
    <t>cg07524398</t>
  </si>
  <si>
    <t>cg07543823</t>
  </si>
  <si>
    <t>cg07546360</t>
  </si>
  <si>
    <t>cg07548257</t>
  </si>
  <si>
    <t>cg07557792</t>
  </si>
  <si>
    <t>cg07573342</t>
  </si>
  <si>
    <t>cg07579109</t>
  </si>
  <si>
    <t>cg07579946</t>
  </si>
  <si>
    <t>cg07584582</t>
  </si>
  <si>
    <t>cg07589677</t>
  </si>
  <si>
    <t>cg07593264</t>
  </si>
  <si>
    <t>cg07597874</t>
  </si>
  <si>
    <t>cg07597885</t>
  </si>
  <si>
    <t>cg07598035</t>
  </si>
  <si>
    <t>cg07601932</t>
  </si>
  <si>
    <t>cg07607704</t>
  </si>
  <si>
    <t>cg07614502</t>
  </si>
  <si>
    <t>cg07620854</t>
  </si>
  <si>
    <t>cg07621758</t>
  </si>
  <si>
    <t>cg07628580</t>
  </si>
  <si>
    <t>cg07639287</t>
  </si>
  <si>
    <t>cg07640117</t>
  </si>
  <si>
    <t>cg07656641</t>
  </si>
  <si>
    <t>cg07658383</t>
  </si>
  <si>
    <t>cg07660283</t>
  </si>
  <si>
    <t>cg07675687</t>
  </si>
  <si>
    <t>cg07675700</t>
  </si>
  <si>
    <t>cg07679679</t>
  </si>
  <si>
    <t>cg07713361</t>
  </si>
  <si>
    <t>cg07718808</t>
  </si>
  <si>
    <t>cg07721547</t>
  </si>
  <si>
    <t>cg07727425</t>
  </si>
  <si>
    <t>cg07727640</t>
  </si>
  <si>
    <t>cg07737104</t>
  </si>
  <si>
    <t>cg07745941</t>
  </si>
  <si>
    <t>cg07746282</t>
  </si>
  <si>
    <t>cg07746918</t>
  </si>
  <si>
    <t>cg07747553</t>
  </si>
  <si>
    <t>cg07751304</t>
  </si>
  <si>
    <t>cg07770652</t>
  </si>
  <si>
    <t>cg07775292</t>
  </si>
  <si>
    <t>cg07794300</t>
  </si>
  <si>
    <t>cg07800806</t>
  </si>
  <si>
    <t>cg07811498</t>
  </si>
  <si>
    <t>cg07819160</t>
  </si>
  <si>
    <t>cg07825414</t>
  </si>
  <si>
    <t>cg07826172</t>
  </si>
  <si>
    <t>cg07833209</t>
  </si>
  <si>
    <t>cg07837516</t>
  </si>
  <si>
    <t>cg07838680</t>
  </si>
  <si>
    <t>cg07849000</t>
  </si>
  <si>
    <t>cg07849823</t>
  </si>
  <si>
    <t>cg07849904</t>
  </si>
  <si>
    <t>cg07856761</t>
  </si>
  <si>
    <t>cg07858489</t>
  </si>
  <si>
    <t>cg07869795</t>
  </si>
  <si>
    <t>cg07879739</t>
  </si>
  <si>
    <t>cg07885834</t>
  </si>
  <si>
    <t>cg07887208</t>
  </si>
  <si>
    <t>cg07894162</t>
  </si>
  <si>
    <t>cg07895657</t>
  </si>
  <si>
    <t>cg07900958</t>
  </si>
  <si>
    <t>cg07917473</t>
  </si>
  <si>
    <t>cg07919145</t>
  </si>
  <si>
    <t>cg07929727</t>
  </si>
  <si>
    <t>cg07940593</t>
  </si>
  <si>
    <t>cg07959070</t>
  </si>
  <si>
    <t>cg07968613</t>
  </si>
  <si>
    <t>cg07969622</t>
  </si>
  <si>
    <t>cg07969918</t>
  </si>
  <si>
    <t>cg07970541</t>
  </si>
  <si>
    <t>cg07972488</t>
  </si>
  <si>
    <t>cg07986887</t>
  </si>
  <si>
    <t>cg07991675</t>
  </si>
  <si>
    <t>cg07993036</t>
  </si>
  <si>
    <t>cg07993507</t>
  </si>
  <si>
    <t>cg08017202</t>
  </si>
  <si>
    <t>cg08025954</t>
  </si>
  <si>
    <t>cg08040376</t>
  </si>
  <si>
    <t>cg08043042</t>
  </si>
  <si>
    <t>cg08048137</t>
  </si>
  <si>
    <t>cg08056211</t>
  </si>
  <si>
    <t>cg08057985</t>
  </si>
  <si>
    <t>cg08076102</t>
  </si>
  <si>
    <t>cg08079387</t>
  </si>
  <si>
    <t>cg08131204</t>
  </si>
  <si>
    <t>cg08137014</t>
  </si>
  <si>
    <t>cg08149253</t>
  </si>
  <si>
    <t>cg08149422</t>
  </si>
  <si>
    <t>cg08152263</t>
  </si>
  <si>
    <t>cg08155245</t>
  </si>
  <si>
    <t>cg08157579</t>
  </si>
  <si>
    <t>cg08158778</t>
  </si>
  <si>
    <t>cg08162327</t>
  </si>
  <si>
    <t>cg08173919</t>
  </si>
  <si>
    <t>cg08190175</t>
  </si>
  <si>
    <t>cg08205110</t>
  </si>
  <si>
    <t>cg08205655</t>
  </si>
  <si>
    <t>cg08215954</t>
  </si>
  <si>
    <t>cg08220243</t>
  </si>
  <si>
    <t>cg08221669</t>
  </si>
  <si>
    <t>cg08225986</t>
  </si>
  <si>
    <t>cg08228249</t>
  </si>
  <si>
    <t>cg08229530</t>
  </si>
  <si>
    <t>cg08234193</t>
  </si>
  <si>
    <t>cg08235057</t>
  </si>
  <si>
    <t>cg08241117</t>
  </si>
  <si>
    <t>cg08241514</t>
  </si>
  <si>
    <t>cg08242574</t>
  </si>
  <si>
    <t>cg08245789</t>
  </si>
  <si>
    <t>cg08263387</t>
  </si>
  <si>
    <t>cg08267588</t>
  </si>
  <si>
    <t>cg08270630</t>
  </si>
  <si>
    <t>cg08271031</t>
  </si>
  <si>
    <t>cg08293367</t>
  </si>
  <si>
    <t>cg08296191</t>
  </si>
  <si>
    <t>cg08328535</t>
  </si>
  <si>
    <t>cg08360274</t>
  </si>
  <si>
    <t>cg08378742</t>
  </si>
  <si>
    <t>cg08388184</t>
  </si>
  <si>
    <t>cg08390994</t>
  </si>
  <si>
    <t>cg08395140</t>
  </si>
  <si>
    <t>cg08404546</t>
  </si>
  <si>
    <t>cg08411536</t>
  </si>
  <si>
    <t>cg08415592</t>
  </si>
  <si>
    <t>cg08417728</t>
  </si>
  <si>
    <t>cg08420415</t>
  </si>
  <si>
    <t>cg08447200</t>
  </si>
  <si>
    <t>cg08449639</t>
  </si>
  <si>
    <t>cg08454563</t>
  </si>
  <si>
    <t>cg08458014</t>
  </si>
  <si>
    <t>cg08491467</t>
  </si>
  <si>
    <t>cg08495027</t>
  </si>
  <si>
    <t>cg08503964</t>
  </si>
  <si>
    <t>cg08505222</t>
  </si>
  <si>
    <t>cg08511772</t>
  </si>
  <si>
    <t>cg08513974</t>
  </si>
  <si>
    <t>cg08515285</t>
  </si>
  <si>
    <t>cg08519241</t>
  </si>
  <si>
    <t>cg08520148</t>
  </si>
  <si>
    <t>cg08527603</t>
  </si>
  <si>
    <t>cg08534256</t>
  </si>
  <si>
    <t>cg08548559</t>
  </si>
  <si>
    <t>cg08553539</t>
  </si>
  <si>
    <t>cg08557686</t>
  </si>
  <si>
    <t>cg08579858</t>
  </si>
  <si>
    <t>cg08591048</t>
  </si>
  <si>
    <t>cg08591859</t>
  </si>
  <si>
    <t>cg08594148</t>
  </si>
  <si>
    <t>cg08595438</t>
  </si>
  <si>
    <t>cg08599437</t>
  </si>
  <si>
    <t>cg08612539</t>
  </si>
  <si>
    <t>cg08615820</t>
  </si>
  <si>
    <t>cg08619048</t>
  </si>
  <si>
    <t>cg08627825</t>
  </si>
  <si>
    <t>cg08629647</t>
  </si>
  <si>
    <t>cg08645278</t>
  </si>
  <si>
    <t>cg08653184</t>
  </si>
  <si>
    <t>cg08665685</t>
  </si>
  <si>
    <t>cg08665930</t>
  </si>
  <si>
    <t>cg08672488</t>
  </si>
  <si>
    <t>cg08676001</t>
  </si>
  <si>
    <t>cg08680598</t>
  </si>
  <si>
    <t>cg08681519</t>
  </si>
  <si>
    <t>cg08686092</t>
  </si>
  <si>
    <t>cg08687751</t>
  </si>
  <si>
    <t>cg08692198</t>
  </si>
  <si>
    <t>cg08693206</t>
  </si>
  <si>
    <t>cg08695558</t>
  </si>
  <si>
    <t>cg08706141</t>
  </si>
  <si>
    <t>cg08709385</t>
  </si>
  <si>
    <t>cg08710911</t>
  </si>
  <si>
    <t>cg08715187</t>
  </si>
  <si>
    <t>cg08715837</t>
  </si>
  <si>
    <t>cg08724992</t>
  </si>
  <si>
    <t>cg08726342</t>
  </si>
  <si>
    <t>cg08727202</t>
  </si>
  <si>
    <t>cg08730070</t>
  </si>
  <si>
    <t>cg08741952</t>
  </si>
  <si>
    <t>cg08746164</t>
  </si>
  <si>
    <t>cg08753951</t>
  </si>
  <si>
    <t>cg08756272</t>
  </si>
  <si>
    <t>cg08759274</t>
  </si>
  <si>
    <t>cg08760753</t>
  </si>
  <si>
    <t>cg08773466</t>
  </si>
  <si>
    <t>cg08788246</t>
  </si>
  <si>
    <t>cg08796458</t>
  </si>
  <si>
    <t>cg08796741</t>
  </si>
  <si>
    <t>cg08800414</t>
  </si>
  <si>
    <t>cg08800893</t>
  </si>
  <si>
    <t>cg08805037</t>
  </si>
  <si>
    <t>cg08808123</t>
  </si>
  <si>
    <t>cg08812593</t>
  </si>
  <si>
    <t>cg08815672</t>
  </si>
  <si>
    <t>cg08820568</t>
  </si>
  <si>
    <t>cg08829877</t>
  </si>
  <si>
    <t>cg08831999</t>
  </si>
  <si>
    <t>cg08835221</t>
  </si>
  <si>
    <t>cg08837037</t>
  </si>
  <si>
    <t>cg08840496</t>
  </si>
  <si>
    <t>cg08843031</t>
  </si>
  <si>
    <t>cg08872721</t>
  </si>
  <si>
    <t>cg08878304</t>
  </si>
  <si>
    <t>cg08884854</t>
  </si>
  <si>
    <t>cg08890043</t>
  </si>
  <si>
    <t>cg08891605</t>
  </si>
  <si>
    <t>cg08909806</t>
  </si>
  <si>
    <t>cg08914271</t>
  </si>
  <si>
    <t>cg08957018</t>
  </si>
  <si>
    <t>cg08969198</t>
  </si>
  <si>
    <t>cg08988309</t>
  </si>
  <si>
    <t>cg08993236</t>
  </si>
  <si>
    <t>cg09008917</t>
  </si>
  <si>
    <t>cg09022808</t>
  </si>
  <si>
    <t>cg09033563</t>
  </si>
  <si>
    <t>cg09035736</t>
  </si>
  <si>
    <t>cg09043524</t>
  </si>
  <si>
    <t>cg09051904</t>
  </si>
  <si>
    <t>cg09052401</t>
  </si>
  <si>
    <t>cg09060275</t>
  </si>
  <si>
    <t>cg09063111</t>
  </si>
  <si>
    <t>cg09063977</t>
  </si>
  <si>
    <t>cg09069290</t>
  </si>
  <si>
    <t>cg09080522</t>
  </si>
  <si>
    <t>cg09084256</t>
  </si>
  <si>
    <t>cg09092174</t>
  </si>
  <si>
    <t>cg09095645</t>
  </si>
  <si>
    <t>cg09099653</t>
  </si>
  <si>
    <t>cg09103083</t>
  </si>
  <si>
    <t>cg09119017</t>
  </si>
  <si>
    <t>cg09135399</t>
  </si>
  <si>
    <t>cg09137533</t>
  </si>
  <si>
    <t>cg09142166</t>
  </si>
  <si>
    <t>cg09146183</t>
  </si>
  <si>
    <t>cg09147586</t>
  </si>
  <si>
    <t>cg09171672</t>
  </si>
  <si>
    <t>cg09173265</t>
  </si>
  <si>
    <t>cg09180877</t>
  </si>
  <si>
    <t>cg09189428</t>
  </si>
  <si>
    <t>cg09204618</t>
  </si>
  <si>
    <t>cg09224753</t>
  </si>
  <si>
    <t>cg09226288</t>
  </si>
  <si>
    <t>cg09232727</t>
  </si>
  <si>
    <t>cg09233980</t>
  </si>
  <si>
    <t>cg09240119</t>
  </si>
  <si>
    <t>cg09246833</t>
  </si>
  <si>
    <t>cg09247506</t>
  </si>
  <si>
    <t>cg09258082</t>
  </si>
  <si>
    <t>cg09266008</t>
  </si>
  <si>
    <t>cg09277566</t>
  </si>
  <si>
    <t>cg09282085</t>
  </si>
  <si>
    <t>cg09290175</t>
  </si>
  <si>
    <t>cg09297409</t>
  </si>
  <si>
    <t>cg09299381</t>
  </si>
  <si>
    <t>cg09312336</t>
  </si>
  <si>
    <t>cg09314149</t>
  </si>
  <si>
    <t>cg09315630</t>
  </si>
  <si>
    <t>cg09322432</t>
  </si>
  <si>
    <t>cg09327378</t>
  </si>
  <si>
    <t>cg09328012</t>
  </si>
  <si>
    <t>cg09331835</t>
  </si>
  <si>
    <t>cg09331956</t>
  </si>
  <si>
    <t>cg09341580</t>
  </si>
  <si>
    <t>cg09341796</t>
  </si>
  <si>
    <t>cg09343544</t>
  </si>
  <si>
    <t>cg09365259</t>
  </si>
  <si>
    <t>cg09367092</t>
  </si>
  <si>
    <t>cg09396892</t>
  </si>
  <si>
    <t>cg09416501</t>
  </si>
  <si>
    <t>cg09432376</t>
  </si>
  <si>
    <t>cg09441963</t>
  </si>
  <si>
    <t>cg09455239</t>
  </si>
  <si>
    <t>cg09457766</t>
  </si>
  <si>
    <t>cg09460229</t>
  </si>
  <si>
    <t>cg09461388</t>
  </si>
  <si>
    <t>cg09471204</t>
  </si>
  <si>
    <t>cg09473847</t>
  </si>
  <si>
    <t>cg09475932</t>
  </si>
  <si>
    <t>cg09476306</t>
  </si>
  <si>
    <t>cg09491104</t>
  </si>
  <si>
    <t>cg09506986</t>
  </si>
  <si>
    <t>cg09507608</t>
  </si>
  <si>
    <t>cg09531492</t>
  </si>
  <si>
    <t>cg09533305</t>
  </si>
  <si>
    <t>cg09544549</t>
  </si>
  <si>
    <t>cg09547053</t>
  </si>
  <si>
    <t>cg09560452</t>
  </si>
  <si>
    <t>cg09569869</t>
  </si>
  <si>
    <t>cg09569990</t>
  </si>
  <si>
    <t>cg09573761</t>
  </si>
  <si>
    <t>cg09576223</t>
  </si>
  <si>
    <t>cg09592456</t>
  </si>
  <si>
    <t>cg09598276</t>
  </si>
  <si>
    <t>cg09599259</t>
  </si>
  <si>
    <t>cg09604440</t>
  </si>
  <si>
    <t>cg09605111</t>
  </si>
  <si>
    <t>cg09610675</t>
  </si>
  <si>
    <t>cg09624565</t>
  </si>
  <si>
    <t>cg09633533</t>
  </si>
  <si>
    <t>cg09641215</t>
  </si>
  <si>
    <t>cg09641622</t>
  </si>
  <si>
    <t>cg09642749</t>
  </si>
  <si>
    <t>cg09645130</t>
  </si>
  <si>
    <t>cg09653692</t>
  </si>
  <si>
    <t>cg09664220</t>
  </si>
  <si>
    <t>cg09667013</t>
  </si>
  <si>
    <t>cg09680055</t>
  </si>
  <si>
    <t>cg09685568</t>
  </si>
  <si>
    <t>cg09686773</t>
  </si>
  <si>
    <t>cg09692492</t>
  </si>
  <si>
    <t>cg09738008</t>
  </si>
  <si>
    <t>cg09741298</t>
  </si>
  <si>
    <t>cg09744051</t>
  </si>
  <si>
    <t>cg09781936</t>
  </si>
  <si>
    <t>cg09783309</t>
  </si>
  <si>
    <t>cg09783874</t>
  </si>
  <si>
    <t>cg09784932</t>
  </si>
  <si>
    <t>cg09788239</t>
  </si>
  <si>
    <t>cg09826784</t>
  </si>
  <si>
    <t>cg09828012</t>
  </si>
  <si>
    <t>cg09828714</t>
  </si>
  <si>
    <t>cg09829176</t>
  </si>
  <si>
    <t>cg09835278</t>
  </si>
  <si>
    <t>cg09844317</t>
  </si>
  <si>
    <t>cg09850150</t>
  </si>
  <si>
    <t>cg09856467</t>
  </si>
  <si>
    <t>cg09861240</t>
  </si>
  <si>
    <t>cg09863066</t>
  </si>
  <si>
    <t>cg09869042</t>
  </si>
  <si>
    <t>cg09870137</t>
  </si>
  <si>
    <t>cg09870801</t>
  </si>
  <si>
    <t>cg09875523</t>
  </si>
  <si>
    <t>cg09876992</t>
  </si>
  <si>
    <t>cg09881503</t>
  </si>
  <si>
    <t>cg09881585</t>
  </si>
  <si>
    <t>cg09889680</t>
  </si>
  <si>
    <t>cg09893947</t>
  </si>
  <si>
    <t>cg09895653</t>
  </si>
  <si>
    <t>cg09896403</t>
  </si>
  <si>
    <t>cg09912512</t>
  </si>
  <si>
    <t>cg09928888</t>
  </si>
  <si>
    <t>cg09929856</t>
  </si>
  <si>
    <t>cg09937941</t>
  </si>
  <si>
    <t>cg09938462</t>
  </si>
  <si>
    <t>cg09940138</t>
  </si>
  <si>
    <t>cg09958090</t>
  </si>
  <si>
    <t>cg09976981</t>
  </si>
  <si>
    <t>cg09978077</t>
  </si>
  <si>
    <t>cg09978259</t>
  </si>
  <si>
    <t>cg09978533</t>
  </si>
  <si>
    <t>cg09982918</t>
  </si>
  <si>
    <t>cg09984479</t>
  </si>
  <si>
    <t>cg09993119</t>
  </si>
  <si>
    <t>cg10004574</t>
  </si>
  <si>
    <t>cg10007222</t>
  </si>
  <si>
    <t>cg10011239</t>
  </si>
  <si>
    <t>cg10011495</t>
  </si>
  <si>
    <t>cg10016348</t>
  </si>
  <si>
    <t>cg10024073</t>
  </si>
  <si>
    <t>cg10027934</t>
  </si>
  <si>
    <t>cg10030810</t>
  </si>
  <si>
    <t>cg10043058</t>
  </si>
  <si>
    <t>cg10047755</t>
  </si>
  <si>
    <t>cg10058885</t>
  </si>
  <si>
    <t>cg10077672</t>
  </si>
  <si>
    <t>cg10092689</t>
  </si>
  <si>
    <t>cg10097977</t>
  </si>
  <si>
    <t>cg10109146</t>
  </si>
  <si>
    <t>cg10114577</t>
  </si>
  <si>
    <t>cg10121508</t>
  </si>
  <si>
    <t>cg10131972</t>
  </si>
  <si>
    <t>cg10136216</t>
  </si>
  <si>
    <t>cg10138313</t>
  </si>
  <si>
    <t>cg10142237</t>
  </si>
  <si>
    <t>cg10150615</t>
  </si>
  <si>
    <t>cg10156042</t>
  </si>
  <si>
    <t>cg10169194</t>
  </si>
  <si>
    <t>cg10170495</t>
  </si>
  <si>
    <t>cg10184886</t>
  </si>
  <si>
    <t>cg10185013</t>
  </si>
  <si>
    <t>cg10186219</t>
  </si>
  <si>
    <t>cg10191799</t>
  </si>
  <si>
    <t>cg10201084</t>
  </si>
  <si>
    <t>cg10209441</t>
  </si>
  <si>
    <t>cg10211626</t>
  </si>
  <si>
    <t>cg10214827</t>
  </si>
  <si>
    <t>cg10226744</t>
  </si>
  <si>
    <t>cg10230519</t>
  </si>
  <si>
    <t>cg10237442</t>
  </si>
  <si>
    <t>cg10243227</t>
  </si>
  <si>
    <t>cg10243787</t>
  </si>
  <si>
    <t>cg10250355</t>
  </si>
  <si>
    <t>cg10257263</t>
  </si>
  <si>
    <t>cg10268711</t>
  </si>
  <si>
    <t>cg10269561</t>
  </si>
  <si>
    <t>cg10276465</t>
  </si>
  <si>
    <t>cg10288850</t>
  </si>
  <si>
    <t>cg10289926</t>
  </si>
  <si>
    <t>cg10296410</t>
  </si>
  <si>
    <t>cg10311833</t>
  </si>
  <si>
    <t>cg10316474</t>
  </si>
  <si>
    <t>cg10341513</t>
  </si>
  <si>
    <t>cg10348376</t>
  </si>
  <si>
    <t>cg10352237</t>
  </si>
  <si>
    <t>cg10400825</t>
  </si>
  <si>
    <t>cg10416593</t>
  </si>
  <si>
    <t>cg10423830</t>
  </si>
  <si>
    <t>cg10428516</t>
  </si>
  <si>
    <t>cg10460036</t>
  </si>
  <si>
    <t>cg10467217</t>
  </si>
  <si>
    <t>cg10470963</t>
  </si>
  <si>
    <t>cg10477088</t>
  </si>
  <si>
    <t>cg10480239</t>
  </si>
  <si>
    <t>cg10490064</t>
  </si>
  <si>
    <t>cg10494770</t>
  </si>
  <si>
    <t>cg10537193</t>
  </si>
  <si>
    <t>cg10546065</t>
  </si>
  <si>
    <t>cg10548254</t>
  </si>
  <si>
    <t>cg10559948</t>
  </si>
  <si>
    <t>cg10563131</t>
  </si>
  <si>
    <t>cg10564826</t>
  </si>
  <si>
    <t>cg10574851</t>
  </si>
  <si>
    <t>cg10575414</t>
  </si>
  <si>
    <t>cg10583647</t>
  </si>
  <si>
    <t>cg10585872</t>
  </si>
  <si>
    <t>cg10587741</t>
  </si>
  <si>
    <t>cg10599985</t>
  </si>
  <si>
    <t>cg10603235</t>
  </si>
  <si>
    <t>cg10603757</t>
  </si>
  <si>
    <t>cg10613381</t>
  </si>
  <si>
    <t>cg10625092</t>
  </si>
  <si>
    <t>cg10627301</t>
  </si>
  <si>
    <t>cg10632525</t>
  </si>
  <si>
    <t>cg10647101</t>
  </si>
  <si>
    <t>cg10648908</t>
  </si>
  <si>
    <t>cg10649156</t>
  </si>
  <si>
    <t>cg10650729</t>
  </si>
  <si>
    <t>cg10656485</t>
  </si>
  <si>
    <t>cg10662871</t>
  </si>
  <si>
    <t>cg10678937</t>
  </si>
  <si>
    <t>cg10694442</t>
  </si>
  <si>
    <t>cg10696302</t>
  </si>
  <si>
    <t>cg10698910</t>
  </si>
  <si>
    <t>cg10707110</t>
  </si>
  <si>
    <t>cg10710703</t>
  </si>
  <si>
    <t>cg10714773</t>
  </si>
  <si>
    <t>cg10724940</t>
  </si>
  <si>
    <t>cg10747785</t>
  </si>
  <si>
    <t>cg10756887</t>
  </si>
  <si>
    <t>cg10778862</t>
  </si>
  <si>
    <t>cg10785109</t>
  </si>
  <si>
    <t>cg10793758</t>
  </si>
  <si>
    <t>cg10799608</t>
  </si>
  <si>
    <t>cg10819733</t>
  </si>
  <si>
    <t>cg10820551</t>
  </si>
  <si>
    <t>cg10835365</t>
  </si>
  <si>
    <t>cg10838664</t>
  </si>
  <si>
    <t>cg10840135</t>
  </si>
  <si>
    <t>cg10846032</t>
  </si>
  <si>
    <t>cg10853533</t>
  </si>
  <si>
    <t>cg10876003</t>
  </si>
  <si>
    <t>cg10882179</t>
  </si>
  <si>
    <t>cg10895008</t>
  </si>
  <si>
    <t>cg10898989</t>
  </si>
  <si>
    <t>cg10912307</t>
  </si>
  <si>
    <t>cg10921709</t>
  </si>
  <si>
    <t>cg10927536</t>
  </si>
  <si>
    <t>cg10929024</t>
  </si>
  <si>
    <t>cg10952663</t>
  </si>
  <si>
    <t>cg10955164</t>
  </si>
  <si>
    <t>cg10956413</t>
  </si>
  <si>
    <t>cg10959773</t>
  </si>
  <si>
    <t>cg10976318</t>
  </si>
  <si>
    <t>cg10979846</t>
  </si>
  <si>
    <t>cg10980759</t>
  </si>
  <si>
    <t>cg10993769</t>
  </si>
  <si>
    <t>cg10998744</t>
  </si>
  <si>
    <t>cg11013355</t>
  </si>
  <si>
    <t>cg11033014</t>
  </si>
  <si>
    <t>cg11051022</t>
  </si>
  <si>
    <t>cg11061946</t>
  </si>
  <si>
    <t>cg11069317</t>
  </si>
  <si>
    <t>cg11070772</t>
  </si>
  <si>
    <t>cg11071146</t>
  </si>
  <si>
    <t>cg11076862</t>
  </si>
  <si>
    <t>cg11077631</t>
  </si>
  <si>
    <t>cg11081833</t>
  </si>
  <si>
    <t>cg11085282</t>
  </si>
  <si>
    <t>cg11086738</t>
  </si>
  <si>
    <t>cg11106331</t>
  </si>
  <si>
    <t>cg11157800</t>
  </si>
  <si>
    <t>cg11163555</t>
  </si>
  <si>
    <t>cg11165619</t>
  </si>
  <si>
    <t>cg11182965</t>
  </si>
  <si>
    <t>cg11187025</t>
  </si>
  <si>
    <t>cg11191653</t>
  </si>
  <si>
    <t>cg11201532</t>
  </si>
  <si>
    <t>cg11203927</t>
  </si>
  <si>
    <t>cg11204680</t>
  </si>
  <si>
    <t>cg11205006</t>
  </si>
  <si>
    <t>cg11206576</t>
  </si>
  <si>
    <t>cg11216777</t>
  </si>
  <si>
    <t>cg11217676</t>
  </si>
  <si>
    <t>cg11221132</t>
  </si>
  <si>
    <t>cg11229267</t>
  </si>
  <si>
    <t>cg11240425</t>
  </si>
  <si>
    <t>cg11247378</t>
  </si>
  <si>
    <t>cg11254192</t>
  </si>
  <si>
    <t>cg11257728</t>
  </si>
  <si>
    <t>cg11265916</t>
  </si>
  <si>
    <t>cg11270798</t>
  </si>
  <si>
    <t>cg11272475</t>
  </si>
  <si>
    <t>cg11274568</t>
  </si>
  <si>
    <t>cg11292385</t>
  </si>
  <si>
    <t>cg11306361</t>
  </si>
  <si>
    <t>cg11308649</t>
  </si>
  <si>
    <t>cg11312108</t>
  </si>
  <si>
    <t>cg11321298</t>
  </si>
  <si>
    <t>cg11337160</t>
  </si>
  <si>
    <t>cg11341438</t>
  </si>
  <si>
    <t>cg11344005</t>
  </si>
  <si>
    <t>cg11355601</t>
  </si>
  <si>
    <t>cg11368946</t>
  </si>
  <si>
    <t>cg11383208</t>
  </si>
  <si>
    <t>cg11409620</t>
  </si>
  <si>
    <t>cg11422861</t>
  </si>
  <si>
    <t>cg11430719</t>
  </si>
  <si>
    <t>cg11438552</t>
  </si>
  <si>
    <t>cg11442050</t>
  </si>
  <si>
    <t>cg11450827</t>
  </si>
  <si>
    <t>cg11459491</t>
  </si>
  <si>
    <t>cg11466131</t>
  </si>
  <si>
    <t>cg11475510</t>
  </si>
  <si>
    <t>cg11501374</t>
  </si>
  <si>
    <t>cg11503875</t>
  </si>
  <si>
    <t>cg11515115</t>
  </si>
  <si>
    <t>cg11523020</t>
  </si>
  <si>
    <t>cg11533712</t>
  </si>
  <si>
    <t>cg11534574</t>
  </si>
  <si>
    <t>cg11536612</t>
  </si>
  <si>
    <t>cg11549874</t>
  </si>
  <si>
    <t>cg11553066</t>
  </si>
  <si>
    <t>cg11558856</t>
  </si>
  <si>
    <t>cg11559967</t>
  </si>
  <si>
    <t>cg11571442</t>
  </si>
  <si>
    <t>cg11586832</t>
  </si>
  <si>
    <t>cg11594452</t>
  </si>
  <si>
    <t>cg11600511</t>
  </si>
  <si>
    <t>cg11635857</t>
  </si>
  <si>
    <t>cg11640569</t>
  </si>
  <si>
    <t>cg11654148</t>
  </si>
  <si>
    <t>cg11664544</t>
  </si>
  <si>
    <t>cg11665583</t>
  </si>
  <si>
    <t>cg11673244</t>
  </si>
  <si>
    <t>cg11674130</t>
  </si>
  <si>
    <t>cg11676382</t>
  </si>
  <si>
    <t>cg11679014</t>
  </si>
  <si>
    <t>cg11691093</t>
  </si>
  <si>
    <t>cg11732063</t>
  </si>
  <si>
    <t>cg11734703</t>
  </si>
  <si>
    <t>cg11744966</t>
  </si>
  <si>
    <t>cg11747897</t>
  </si>
  <si>
    <t>cg11753750</t>
  </si>
  <si>
    <t>cg11774381</t>
  </si>
  <si>
    <t>cg11777321</t>
  </si>
  <si>
    <t>cg11779973</t>
  </si>
  <si>
    <t>cg11782550</t>
  </si>
  <si>
    <t>cg11789534</t>
  </si>
  <si>
    <t>cg11789795</t>
  </si>
  <si>
    <t>cg11792483</t>
  </si>
  <si>
    <t>cg11792766</t>
  </si>
  <si>
    <t>cg11801110</t>
  </si>
  <si>
    <t>cg11803017</t>
  </si>
  <si>
    <t>cg11806605</t>
  </si>
  <si>
    <t>cg11808757</t>
  </si>
  <si>
    <t>cg11814655</t>
  </si>
  <si>
    <t>cg11826116</t>
  </si>
  <si>
    <t>cg11829870</t>
  </si>
  <si>
    <t>cg11835355</t>
  </si>
  <si>
    <t>cg11845050</t>
  </si>
  <si>
    <t>cg11854392</t>
  </si>
  <si>
    <t>cg11855664</t>
  </si>
  <si>
    <t>cg11860005</t>
  </si>
  <si>
    <t>cg11861308</t>
  </si>
  <si>
    <t>cg11867308</t>
  </si>
  <si>
    <t>cg11875119</t>
  </si>
  <si>
    <t>cg11876132</t>
  </si>
  <si>
    <t>cg11888151</t>
  </si>
  <si>
    <t>cg11896271</t>
  </si>
  <si>
    <t>cg11899005</t>
  </si>
  <si>
    <t>cg11905131</t>
  </si>
  <si>
    <t>cg11923724</t>
  </si>
  <si>
    <t>cg11941420</t>
  </si>
  <si>
    <t>cg11946336</t>
  </si>
  <si>
    <t>cg11953250</t>
  </si>
  <si>
    <t>cg11955845</t>
  </si>
  <si>
    <t>cg11956866</t>
  </si>
  <si>
    <t>cg11961231</t>
  </si>
  <si>
    <t>cg11968366</t>
  </si>
  <si>
    <t>cg11996741</t>
  </si>
  <si>
    <t>cg12003043</t>
  </si>
  <si>
    <t>cg12017894</t>
  </si>
  <si>
    <t>cg12020533</t>
  </si>
  <si>
    <t>cg12025310</t>
  </si>
  <si>
    <t>cg12033214</t>
  </si>
  <si>
    <t>cg12064195</t>
  </si>
  <si>
    <t>cg12078929</t>
  </si>
  <si>
    <t>cg12095547</t>
  </si>
  <si>
    <t>cg12107431</t>
  </si>
  <si>
    <t>cg12120326</t>
  </si>
  <si>
    <t>cg12130797</t>
  </si>
  <si>
    <t>cg12144689</t>
  </si>
  <si>
    <t>cg12151446</t>
  </si>
  <si>
    <t>cg12153292</t>
  </si>
  <si>
    <t>cg12167239</t>
  </si>
  <si>
    <t>cg12174465</t>
  </si>
  <si>
    <t>cg12188538</t>
  </si>
  <si>
    <t>cg12193277</t>
  </si>
  <si>
    <t>cg12196853</t>
  </si>
  <si>
    <t>cg12198176</t>
  </si>
  <si>
    <t>cg12228611</t>
  </si>
  <si>
    <t>cg12244647</t>
  </si>
  <si>
    <t>cg12249359</t>
  </si>
  <si>
    <t>cg12251779</t>
  </si>
  <si>
    <t>cg12254454</t>
  </si>
  <si>
    <t>cg12262698</t>
  </si>
  <si>
    <t>cg12271966</t>
  </si>
  <si>
    <t>cg12276768</t>
  </si>
  <si>
    <t>cg12277653</t>
  </si>
  <si>
    <t>cg12278179</t>
  </si>
  <si>
    <t>cg12279128</t>
  </si>
  <si>
    <t>cg12303610</t>
  </si>
  <si>
    <t>cg12311644</t>
  </si>
  <si>
    <t>cg12323503</t>
  </si>
  <si>
    <t>cg12330441</t>
  </si>
  <si>
    <t>cg12335447</t>
  </si>
  <si>
    <t>cg12339904</t>
  </si>
  <si>
    <t>cg12343881</t>
  </si>
  <si>
    <t>cg12353802</t>
  </si>
  <si>
    <t>cg12362629</t>
  </si>
  <si>
    <t>cg12366631</t>
  </si>
  <si>
    <t>cg12370326</t>
  </si>
  <si>
    <t>cg12371587</t>
  </si>
  <si>
    <t>cg12373771</t>
  </si>
  <si>
    <t>cg12379720</t>
  </si>
  <si>
    <t>cg12391945</t>
  </si>
  <si>
    <t>cg12393651</t>
  </si>
  <si>
    <t>cg12394529</t>
  </si>
  <si>
    <t>cg12400459</t>
  </si>
  <si>
    <t>cg12404590</t>
  </si>
  <si>
    <t>cg12406417</t>
  </si>
  <si>
    <t>cg12411858</t>
  </si>
  <si>
    <t>cg12429065</t>
  </si>
  <si>
    <t>cg12431879</t>
  </si>
  <si>
    <t>cg12439130</t>
  </si>
  <si>
    <t>cg12441967</t>
  </si>
  <si>
    <t>cg12449837</t>
  </si>
  <si>
    <t>cg12451153</t>
  </si>
  <si>
    <t>cg12453378</t>
  </si>
  <si>
    <t>cg12454595</t>
  </si>
  <si>
    <t>cg12464820</t>
  </si>
  <si>
    <t>cg12474881</t>
  </si>
  <si>
    <t>cg12478381</t>
  </si>
  <si>
    <t>cg12495889</t>
  </si>
  <si>
    <t>cg12500632</t>
  </si>
  <si>
    <t>cg12502079</t>
  </si>
  <si>
    <t>cg12504284</t>
  </si>
  <si>
    <t>cg12526025</t>
  </si>
  <si>
    <t>cg12528581</t>
  </si>
  <si>
    <t>cg12539917</t>
  </si>
  <si>
    <t>cg12543836</t>
  </si>
  <si>
    <t>cg12550055</t>
  </si>
  <si>
    <t>cg12555844</t>
  </si>
  <si>
    <t>cg12598364</t>
  </si>
  <si>
    <t>cg12619204</t>
  </si>
  <si>
    <t>cg12620111</t>
  </si>
  <si>
    <t>cg12624087</t>
  </si>
  <si>
    <t>cg12624747</t>
  </si>
  <si>
    <t>cg12624792</t>
  </si>
  <si>
    <t>cg12632097</t>
  </si>
  <si>
    <t>cg12638490</t>
  </si>
  <si>
    <t>cg12640822</t>
  </si>
  <si>
    <t>cg12649343</t>
  </si>
  <si>
    <t>cg12652953</t>
  </si>
  <si>
    <t>cg12670310</t>
  </si>
  <si>
    <t>cg12670943</t>
  </si>
  <si>
    <t>cg12679725</t>
  </si>
  <si>
    <t>cg12694261</t>
  </si>
  <si>
    <t>cg12700732</t>
  </si>
  <si>
    <t>cg12718832</t>
  </si>
  <si>
    <t>cg12722015</t>
  </si>
  <si>
    <t>cg12727018</t>
  </si>
  <si>
    <t>cg12727256</t>
  </si>
  <si>
    <t>cg12728461</t>
  </si>
  <si>
    <t>cg12728623</t>
  </si>
  <si>
    <t>cg12741639</t>
  </si>
  <si>
    <t>cg12743638</t>
  </si>
  <si>
    <t>cg12746016</t>
  </si>
  <si>
    <t>cg12778775</t>
  </si>
  <si>
    <t>cg12811084</t>
  </si>
  <si>
    <t>cg12821546</t>
  </si>
  <si>
    <t>cg12836136</t>
  </si>
  <si>
    <t>cg12836643</t>
  </si>
  <si>
    <t>cg12841860</t>
  </si>
  <si>
    <t>cg12845756</t>
  </si>
  <si>
    <t>cg12856612</t>
  </si>
  <si>
    <t>cg12868583</t>
  </si>
  <si>
    <t>cg12869362</t>
  </si>
  <si>
    <t>cg12872311</t>
  </si>
  <si>
    <t>cg12876009</t>
  </si>
  <si>
    <t>cg12877165</t>
  </si>
  <si>
    <t>cg12882713</t>
  </si>
  <si>
    <t>cg12888097</t>
  </si>
  <si>
    <t>cg12890467</t>
  </si>
  <si>
    <t>cg12894478</t>
  </si>
  <si>
    <t>cg12899201</t>
  </si>
  <si>
    <t>cg12907959</t>
  </si>
  <si>
    <t>cg12908107</t>
  </si>
  <si>
    <t>cg12912949</t>
  </si>
  <si>
    <t>cg12924408</t>
  </si>
  <si>
    <t>cg12926358</t>
  </si>
  <si>
    <t>cg12932195</t>
  </si>
  <si>
    <t>cg12932539</t>
  </si>
  <si>
    <t>cg12939818</t>
  </si>
  <si>
    <t>cg12961733</t>
  </si>
  <si>
    <t>cg12968540</t>
  </si>
  <si>
    <t>cg12974599</t>
  </si>
  <si>
    <t>cg12980353</t>
  </si>
  <si>
    <t>cg12983550</t>
  </si>
  <si>
    <t>cg12983971</t>
  </si>
  <si>
    <t>cg12986453</t>
  </si>
  <si>
    <t>cg12989498</t>
  </si>
  <si>
    <t>cg12990803</t>
  </si>
  <si>
    <t>cg13003054</t>
  </si>
  <si>
    <t>cg13020518</t>
  </si>
  <si>
    <t>cg13067816</t>
  </si>
  <si>
    <t>cg13092901</t>
  </si>
  <si>
    <t>cg13100671</t>
  </si>
  <si>
    <t>cg13110239</t>
  </si>
  <si>
    <t>cg13110334</t>
  </si>
  <si>
    <t>cg13114145</t>
  </si>
  <si>
    <t>cg13114497</t>
  </si>
  <si>
    <t>cg13116086</t>
  </si>
  <si>
    <t>cg13140106</t>
  </si>
  <si>
    <t>cg13140167</t>
  </si>
  <si>
    <t>cg13148076</t>
  </si>
  <si>
    <t>cg13151102</t>
  </si>
  <si>
    <t>cg13160331</t>
  </si>
  <si>
    <t>cg13165212</t>
  </si>
  <si>
    <t>cg13166171</t>
  </si>
  <si>
    <t>cg13167431</t>
  </si>
  <si>
    <t>cg13175282</t>
  </si>
  <si>
    <t>cg13190879</t>
  </si>
  <si>
    <t>cg13219509</t>
  </si>
  <si>
    <t>cg13226135</t>
  </si>
  <si>
    <t>cg13228442</t>
  </si>
  <si>
    <t>cg13232176</t>
  </si>
  <si>
    <t>cg13234406</t>
  </si>
  <si>
    <t>cg13240639</t>
  </si>
  <si>
    <t>cg13245431</t>
  </si>
  <si>
    <t>cg13253729</t>
  </si>
  <si>
    <t>cg13260758</t>
  </si>
  <si>
    <t>cg13269407</t>
  </si>
  <si>
    <t>cg13273972</t>
  </si>
  <si>
    <t>cg13286281</t>
  </si>
  <si>
    <t>cg13297398</t>
  </si>
  <si>
    <t>cg13298682</t>
  </si>
  <si>
    <t>cg13299548</t>
  </si>
  <si>
    <t>cg13341604</t>
  </si>
  <si>
    <t>cg13345299</t>
  </si>
  <si>
    <t>cg13346032</t>
  </si>
  <si>
    <t>cg13348246</t>
  </si>
  <si>
    <t>cg13351406</t>
  </si>
  <si>
    <t>cg13370427</t>
  </si>
  <si>
    <t>cg13370900</t>
  </si>
  <si>
    <t>cg13382596</t>
  </si>
  <si>
    <t>cg13382768</t>
  </si>
  <si>
    <t>cg13396080</t>
  </si>
  <si>
    <t>cg13405775</t>
  </si>
  <si>
    <t>cg13409704</t>
  </si>
  <si>
    <t>cg13428073</t>
  </si>
  <si>
    <t>cg13429423</t>
  </si>
  <si>
    <t>cg13435651</t>
  </si>
  <si>
    <t>cg13438834</t>
  </si>
  <si>
    <t>cg13458651</t>
  </si>
  <si>
    <t>cg13460740</t>
  </si>
  <si>
    <t>cg13462160</t>
  </si>
  <si>
    <t>cg13466481</t>
  </si>
  <si>
    <t>cg13472645</t>
  </si>
  <si>
    <t>cg13473117</t>
  </si>
  <si>
    <t>cg13474750</t>
  </si>
  <si>
    <t>cg13477510</t>
  </si>
  <si>
    <t>cg13481126</t>
  </si>
  <si>
    <t>cg13485420</t>
  </si>
  <si>
    <t>cg13497074</t>
  </si>
  <si>
    <t>cg13504714</t>
  </si>
  <si>
    <t>cg13523312</t>
  </si>
  <si>
    <t>cg13558199</t>
  </si>
  <si>
    <t>cg13570637</t>
  </si>
  <si>
    <t>cg13586696</t>
  </si>
  <si>
    <t>cg13595439</t>
  </si>
  <si>
    <t>cg13610108</t>
  </si>
  <si>
    <t>cg13619528</t>
  </si>
  <si>
    <t>cg13627197</t>
  </si>
  <si>
    <t>cg13639345</t>
  </si>
  <si>
    <t>cg13641189</t>
  </si>
  <si>
    <t>cg13644150</t>
  </si>
  <si>
    <t>cg13652373</t>
  </si>
  <si>
    <t>cg13657092</t>
  </si>
  <si>
    <t>cg13665714</t>
  </si>
  <si>
    <t>cg13671601</t>
  </si>
  <si>
    <t>cg13686042</t>
  </si>
  <si>
    <t>cg13698860</t>
  </si>
  <si>
    <t>cg13714749</t>
  </si>
  <si>
    <t>cg13720744</t>
  </si>
  <si>
    <t>cg13739442</t>
  </si>
  <si>
    <t>cg13743300</t>
  </si>
  <si>
    <t>cg13751645</t>
  </si>
  <si>
    <t>cg13755388</t>
  </si>
  <si>
    <t>cg13757640</t>
  </si>
  <si>
    <t>cg13760347</t>
  </si>
  <si>
    <t>cg13766329</t>
  </si>
  <si>
    <t>cg13767306</t>
  </si>
  <si>
    <t>cg13772700</t>
  </si>
  <si>
    <t>cg13773209</t>
  </si>
  <si>
    <t>cg13779687</t>
  </si>
  <si>
    <t>cg13780303</t>
  </si>
  <si>
    <t>cg13780602</t>
  </si>
  <si>
    <t>cg13785207</t>
  </si>
  <si>
    <t>cg13788301</t>
  </si>
  <si>
    <t>cg13788891</t>
  </si>
  <si>
    <t>cg13797031</t>
  </si>
  <si>
    <t>cg13797282</t>
  </si>
  <si>
    <t>cg13802192</t>
  </si>
  <si>
    <t>cg13810225</t>
  </si>
  <si>
    <t>cg13811469</t>
  </si>
  <si>
    <t>cg13824156</t>
  </si>
  <si>
    <t>cg13825083</t>
  </si>
  <si>
    <t>cg13861677</t>
  </si>
  <si>
    <t>cg13863076</t>
  </si>
  <si>
    <t>cg13868165</t>
  </si>
  <si>
    <t>cg13872278</t>
  </si>
  <si>
    <t>cg13885842</t>
  </si>
  <si>
    <t>cg13896476</t>
  </si>
  <si>
    <t>cg13897416</t>
  </si>
  <si>
    <t>cg13900031</t>
  </si>
  <si>
    <t>cg13934236</t>
  </si>
  <si>
    <t>cg13963658</t>
  </si>
  <si>
    <t>cg13974317</t>
  </si>
  <si>
    <t>cg13975303</t>
  </si>
  <si>
    <t>cg14013300</t>
  </si>
  <si>
    <t>cg14014225</t>
  </si>
  <si>
    <t>cg14015726</t>
  </si>
  <si>
    <t>cg14021555</t>
  </si>
  <si>
    <t>cg14022721</t>
  </si>
  <si>
    <t>cg14027297</t>
  </si>
  <si>
    <t>cg14028140</t>
  </si>
  <si>
    <t>cg14030055</t>
  </si>
  <si>
    <t>cg14031491</t>
  </si>
  <si>
    <t>cg14039649</t>
  </si>
  <si>
    <t>cg14043316</t>
  </si>
  <si>
    <t>cg14043774</t>
  </si>
  <si>
    <t>cg14049382</t>
  </si>
  <si>
    <t>cg14062468</t>
  </si>
  <si>
    <t>cg14072120</t>
  </si>
  <si>
    <t>cg14078309</t>
  </si>
  <si>
    <t>cg14083890</t>
  </si>
  <si>
    <t>cg14086922</t>
  </si>
  <si>
    <t>cg14090487</t>
  </si>
  <si>
    <t>cg14090926</t>
  </si>
  <si>
    <t>cg14095048</t>
  </si>
  <si>
    <t>cg14095321</t>
  </si>
  <si>
    <t>cg14114931</t>
  </si>
  <si>
    <t>cg14127659</t>
  </si>
  <si>
    <t>cg14153321</t>
  </si>
  <si>
    <t>cg14153771</t>
  </si>
  <si>
    <t>cg14162806</t>
  </si>
  <si>
    <t>cg14162929</t>
  </si>
  <si>
    <t>cg14162959</t>
  </si>
  <si>
    <t>cg14193886</t>
  </si>
  <si>
    <t>cg14194956</t>
  </si>
  <si>
    <t>cg14201606</t>
  </si>
  <si>
    <t>cg14201946</t>
  </si>
  <si>
    <t>cg14209618</t>
  </si>
  <si>
    <t>cg14239351</t>
  </si>
  <si>
    <t>cg14251596</t>
  </si>
  <si>
    <t>cg14263779</t>
  </si>
  <si>
    <t>cg14264901</t>
  </si>
  <si>
    <t>cg14271231</t>
  </si>
  <si>
    <t>cg14278345</t>
  </si>
  <si>
    <t>cg14284689</t>
  </si>
  <si>
    <t>cg14284925</t>
  </si>
  <si>
    <t>cg14293575</t>
  </si>
  <si>
    <t>cg14296049</t>
  </si>
  <si>
    <t>cg14297023</t>
  </si>
  <si>
    <t>cg14297029</t>
  </si>
  <si>
    <t>cg14300623</t>
  </si>
  <si>
    <t>cg14301048</t>
  </si>
  <si>
    <t>cg14306683</t>
  </si>
  <si>
    <t>cg14310162</t>
  </si>
  <si>
    <t>cg14316339</t>
  </si>
  <si>
    <t>cg14319657</t>
  </si>
  <si>
    <t>cg14326354</t>
  </si>
  <si>
    <t>cg14335069</t>
  </si>
  <si>
    <t>cg14336003</t>
  </si>
  <si>
    <t>cg14337900</t>
  </si>
  <si>
    <t>cg14350179</t>
  </si>
  <si>
    <t>cg14356187</t>
  </si>
  <si>
    <t>cg14360421</t>
  </si>
  <si>
    <t>cg14370507</t>
  </si>
  <si>
    <t>cg14372705</t>
  </si>
  <si>
    <t>cg14374974</t>
  </si>
  <si>
    <t>cg14378259</t>
  </si>
  <si>
    <t>cg14385557</t>
  </si>
  <si>
    <t>cg14387414</t>
  </si>
  <si>
    <t>cg14398464</t>
  </si>
  <si>
    <t>cg14400292</t>
  </si>
  <si>
    <t>cg14403574</t>
  </si>
  <si>
    <t>cg14403603</t>
  </si>
  <si>
    <t>cg14409507</t>
  </si>
  <si>
    <t>cg14414122</t>
  </si>
  <si>
    <t>cg14414316</t>
  </si>
  <si>
    <t>cg14415914</t>
  </si>
  <si>
    <t>cg14416575</t>
  </si>
  <si>
    <t>cg14420645</t>
  </si>
  <si>
    <t>cg14423417</t>
  </si>
  <si>
    <t>cg14452140</t>
  </si>
  <si>
    <t>cg14458815</t>
  </si>
  <si>
    <t>cg14458955</t>
  </si>
  <si>
    <t>cg14473016</t>
  </si>
  <si>
    <t>cg14499387</t>
  </si>
  <si>
    <t>cg14505256</t>
  </si>
  <si>
    <t>cg14511675</t>
  </si>
  <si>
    <t>cg14519350</t>
  </si>
  <si>
    <t>cg14543179</t>
  </si>
  <si>
    <t>cg14553765</t>
  </si>
  <si>
    <t>cg14561318</t>
  </si>
  <si>
    <t>cg14565783</t>
  </si>
  <si>
    <t>cg14570855</t>
  </si>
  <si>
    <t>cg14575355</t>
  </si>
  <si>
    <t>cg14588638</t>
  </si>
  <si>
    <t>cg14606067</t>
  </si>
  <si>
    <t>cg14625095</t>
  </si>
  <si>
    <t>cg14637317</t>
  </si>
  <si>
    <t>cg14647989</t>
  </si>
  <si>
    <t>cg14649272</t>
  </si>
  <si>
    <t>cg14679202</t>
  </si>
  <si>
    <t>cg14686297</t>
  </si>
  <si>
    <t>cg14692151</t>
  </si>
  <si>
    <t>cg14699765</t>
  </si>
  <si>
    <t>cg14701072</t>
  </si>
  <si>
    <t>cg14725803</t>
  </si>
  <si>
    <t>cg14727512</t>
  </si>
  <si>
    <t>cg14733672</t>
  </si>
  <si>
    <t>cg14736248</t>
  </si>
  <si>
    <t>cg14737704</t>
  </si>
  <si>
    <t>cg14742445</t>
  </si>
  <si>
    <t>cg14743748</t>
  </si>
  <si>
    <t>cg14752348</t>
  </si>
  <si>
    <t>cg14753691</t>
  </si>
  <si>
    <t>cg14757173</t>
  </si>
  <si>
    <t>cg14757543</t>
  </si>
  <si>
    <t>cg14761175</t>
  </si>
  <si>
    <t>cg14763763</t>
  </si>
  <si>
    <t>cg14771451</t>
  </si>
  <si>
    <t>cg14774086</t>
  </si>
  <si>
    <t>cg14780837</t>
  </si>
  <si>
    <t>cg14781778</t>
  </si>
  <si>
    <t>cg14785479</t>
  </si>
  <si>
    <t>cg14787483</t>
  </si>
  <si>
    <t>cg14816471</t>
  </si>
  <si>
    <t>cg14835962</t>
  </si>
  <si>
    <t>cg14837980</t>
  </si>
  <si>
    <t>cg14841838</t>
  </si>
  <si>
    <t>cg14844130</t>
  </si>
  <si>
    <t>cg14850181</t>
  </si>
  <si>
    <t>cg14854658</t>
  </si>
  <si>
    <t>cg14859088</t>
  </si>
  <si>
    <t>cg14861920</t>
  </si>
  <si>
    <t>cg14884931</t>
  </si>
  <si>
    <t>cg14902267</t>
  </si>
  <si>
    <t>cg14910055</t>
  </si>
  <si>
    <t>cg14910534</t>
  </si>
  <si>
    <t>cg14911204</t>
  </si>
  <si>
    <t>cg14921898</t>
  </si>
  <si>
    <t>cg14930633</t>
  </si>
  <si>
    <t>cg14937695</t>
  </si>
  <si>
    <t>cg14942952</t>
  </si>
  <si>
    <t>cg14950301</t>
  </si>
  <si>
    <t>cg14957214</t>
  </si>
  <si>
    <t>cg14966613</t>
  </si>
  <si>
    <t>cg14983728</t>
  </si>
  <si>
    <t>cg14984160</t>
  </si>
  <si>
    <t>cg14995562</t>
  </si>
  <si>
    <t>cg15004938</t>
  </si>
  <si>
    <t>cg15006681</t>
  </si>
  <si>
    <t>cg15006864</t>
  </si>
  <si>
    <t>cg15006866</t>
  </si>
  <si>
    <t>cg15006869</t>
  </si>
  <si>
    <t>cg15013830</t>
  </si>
  <si>
    <t>cg15018760</t>
  </si>
  <si>
    <t>cg15029138</t>
  </si>
  <si>
    <t>cg15031579</t>
  </si>
  <si>
    <t>cg15035133</t>
  </si>
  <si>
    <t>cg15043989</t>
  </si>
  <si>
    <t>cg15053322</t>
  </si>
  <si>
    <t>cg15061008</t>
  </si>
  <si>
    <t>cg15104484</t>
  </si>
  <si>
    <t>cg15130481</t>
  </si>
  <si>
    <t>cg15144773</t>
  </si>
  <si>
    <t>cg15145965</t>
  </si>
  <si>
    <t>cg15146966</t>
  </si>
  <si>
    <t>cg15149938</t>
  </si>
  <si>
    <t>cg15154002</t>
  </si>
  <si>
    <t>cg15157856</t>
  </si>
  <si>
    <t>cg15161225</t>
  </si>
  <si>
    <t>cg15162869</t>
  </si>
  <si>
    <t>cg15168995</t>
  </si>
  <si>
    <t>cg15169469</t>
  </si>
  <si>
    <t>cg15173428</t>
  </si>
  <si>
    <t>cg15175577</t>
  </si>
  <si>
    <t>cg15187790</t>
  </si>
  <si>
    <t>cg15196802</t>
  </si>
  <si>
    <t>cg15211390</t>
  </si>
  <si>
    <t>cg15212821</t>
  </si>
  <si>
    <t>cg15226135</t>
  </si>
  <si>
    <t>cg15226170</t>
  </si>
  <si>
    <t>cg15242630</t>
  </si>
  <si>
    <t>cg15245051</t>
  </si>
  <si>
    <t>cg15251408</t>
  </si>
  <si>
    <t>cg15255537</t>
  </si>
  <si>
    <t>cg15269226</t>
  </si>
  <si>
    <t>cg15275890</t>
  </si>
  <si>
    <t>cg15276956</t>
  </si>
  <si>
    <t>cg15284719</t>
  </si>
  <si>
    <t>cg15295963</t>
  </si>
  <si>
    <t>cg15303841</t>
  </si>
  <si>
    <t>cg15317817</t>
  </si>
  <si>
    <t>cg15331500</t>
  </si>
  <si>
    <t>cg15333769</t>
  </si>
  <si>
    <t>cg15349341</t>
  </si>
  <si>
    <t>cg15356226</t>
  </si>
  <si>
    <t>cg15362336</t>
  </si>
  <si>
    <t>cg15363607</t>
  </si>
  <si>
    <t>cg15367287</t>
  </si>
  <si>
    <t>cg15371526</t>
  </si>
  <si>
    <t>cg15381251</t>
  </si>
  <si>
    <t>cg15383276</t>
  </si>
  <si>
    <t>cg15402232</t>
  </si>
  <si>
    <t>cg15402626</t>
  </si>
  <si>
    <t>cg15425811</t>
  </si>
  <si>
    <t>cg15435996</t>
  </si>
  <si>
    <t>cg15437612</t>
  </si>
  <si>
    <t>cg15448245</t>
  </si>
  <si>
    <t>cg15461748</t>
  </si>
  <si>
    <t>cg15473335</t>
  </si>
  <si>
    <t>cg15475727</t>
  </si>
  <si>
    <t>cg15477600</t>
  </si>
  <si>
    <t>cg15498409</t>
  </si>
  <si>
    <t>cg15499799</t>
  </si>
  <si>
    <t>cg15502903</t>
  </si>
  <si>
    <t>cg15504662</t>
  </si>
  <si>
    <t>cg15507817</t>
  </si>
  <si>
    <t>cg15508776</t>
  </si>
  <si>
    <t>cg15550654</t>
  </si>
  <si>
    <t>cg15552239</t>
  </si>
  <si>
    <t>cg15572787</t>
  </si>
  <si>
    <t>cg15575339</t>
  </si>
  <si>
    <t>cg15594284</t>
  </si>
  <si>
    <t>cg15597984</t>
  </si>
  <si>
    <t>cg15602135</t>
  </si>
  <si>
    <t>cg15618137</t>
  </si>
  <si>
    <t>cg15630717</t>
  </si>
  <si>
    <t>cg15630759</t>
  </si>
  <si>
    <t>cg15641675</t>
  </si>
  <si>
    <t>cg15644389</t>
  </si>
  <si>
    <t>cg15653807</t>
  </si>
  <si>
    <t>cg15656623</t>
  </si>
  <si>
    <t>cg15665276</t>
  </si>
  <si>
    <t>cg15681737</t>
  </si>
  <si>
    <t>cg15702185</t>
  </si>
  <si>
    <t>cg15722603</t>
  </si>
  <si>
    <t>cg15727285</t>
  </si>
  <si>
    <t>cg15728692</t>
  </si>
  <si>
    <t>cg15756878</t>
  </si>
  <si>
    <t>cg15757507</t>
  </si>
  <si>
    <t>cg15764655</t>
  </si>
  <si>
    <t>cg15767901</t>
  </si>
  <si>
    <t>cg15774489</t>
  </si>
  <si>
    <t>cg15780888</t>
  </si>
  <si>
    <t>cg15789789</t>
  </si>
  <si>
    <t>cg15791438</t>
  </si>
  <si>
    <t>cg15797101</t>
  </si>
  <si>
    <t>cg15798050</t>
  </si>
  <si>
    <t>cg15800010</t>
  </si>
  <si>
    <t>cg15801967</t>
  </si>
  <si>
    <t>cg15818715</t>
  </si>
  <si>
    <t>cg15819171</t>
  </si>
  <si>
    <t>cg15823100</t>
  </si>
  <si>
    <t>cg15835852</t>
  </si>
  <si>
    <t>cg15837252</t>
  </si>
  <si>
    <t>cg15853374</t>
  </si>
  <si>
    <t>cg15861357</t>
  </si>
  <si>
    <t>cg15868105</t>
  </si>
  <si>
    <t>cg15879316</t>
  </si>
  <si>
    <t>cg15881727</t>
  </si>
  <si>
    <t>cg15907944</t>
  </si>
  <si>
    <t>cg15924457</t>
  </si>
  <si>
    <t>cg15926585</t>
  </si>
  <si>
    <t>cg15956753</t>
  </si>
  <si>
    <t>cg15970156</t>
  </si>
  <si>
    <t>cg15989594</t>
  </si>
  <si>
    <t>cg16000331</t>
  </si>
  <si>
    <t>cg16042149</t>
  </si>
  <si>
    <t>cg16042178</t>
  </si>
  <si>
    <t>cg16045423</t>
  </si>
  <si>
    <t>cg16048163</t>
  </si>
  <si>
    <t>cg16049367</t>
  </si>
  <si>
    <t>cg16066354</t>
  </si>
  <si>
    <t>cg16070444</t>
  </si>
  <si>
    <t>cg16076038</t>
  </si>
  <si>
    <t>cg16084133</t>
  </si>
  <si>
    <t>cg16085276</t>
  </si>
  <si>
    <t>cg16092390</t>
  </si>
  <si>
    <t>cg16096836</t>
  </si>
  <si>
    <t>cg16103159</t>
  </si>
  <si>
    <t>cg16108823</t>
  </si>
  <si>
    <t>cg16118003</t>
  </si>
  <si>
    <t>cg16121206</t>
  </si>
  <si>
    <t>cg16131534</t>
  </si>
  <si>
    <t>cg16132339</t>
  </si>
  <si>
    <t>cg16134515</t>
  </si>
  <si>
    <t>cg16138453</t>
  </si>
  <si>
    <t>cg16142952</t>
  </si>
  <si>
    <t>cg16154071</t>
  </si>
  <si>
    <t>cg16154810</t>
  </si>
  <si>
    <t>cg16155122</t>
  </si>
  <si>
    <t>cg16159491</t>
  </si>
  <si>
    <t>cg16166559</t>
  </si>
  <si>
    <t>cg16170490</t>
  </si>
  <si>
    <t>cg16172031</t>
  </si>
  <si>
    <t>cg16183924</t>
  </si>
  <si>
    <t>cg16184943</t>
  </si>
  <si>
    <t>cg16189954</t>
  </si>
  <si>
    <t>cg16195245</t>
  </si>
  <si>
    <t>cg16210088</t>
  </si>
  <si>
    <t>cg16219178</t>
  </si>
  <si>
    <t>cg16226261</t>
  </si>
  <si>
    <t>cg16230559</t>
  </si>
  <si>
    <t>cg16232674</t>
  </si>
  <si>
    <t>cg16238419</t>
  </si>
  <si>
    <t>cg16243558</t>
  </si>
  <si>
    <t>cg16259747</t>
  </si>
  <si>
    <t>cg16264966</t>
  </si>
  <si>
    <t>cg16293983</t>
  </si>
  <si>
    <t>cg16294310</t>
  </si>
  <si>
    <t>cg16296679</t>
  </si>
  <si>
    <t>cg16311410</t>
  </si>
  <si>
    <t>cg16326073</t>
  </si>
  <si>
    <t>cg16331674</t>
  </si>
  <si>
    <t>cg16333535</t>
  </si>
  <si>
    <t>cg16366355</t>
  </si>
  <si>
    <t>cg16366709</t>
  </si>
  <si>
    <t>cg16367989</t>
  </si>
  <si>
    <t>cg16369835</t>
  </si>
  <si>
    <t>cg16377162</t>
  </si>
  <si>
    <t>cg16386697</t>
  </si>
  <si>
    <t>cg16389078</t>
  </si>
  <si>
    <t>cg16390958</t>
  </si>
  <si>
    <t>cg16393873</t>
  </si>
  <si>
    <t>cg16410816</t>
  </si>
  <si>
    <t>cg16442715</t>
  </si>
  <si>
    <t>cg16451371</t>
  </si>
  <si>
    <t>cg16472542</t>
  </si>
  <si>
    <t>cg16474791</t>
  </si>
  <si>
    <t>cg16483867</t>
  </si>
  <si>
    <t>cg16519758</t>
  </si>
  <si>
    <t>cg16520652</t>
  </si>
  <si>
    <t>cg16535180</t>
  </si>
  <si>
    <t>cg16548746</t>
  </si>
  <si>
    <t>cg16549994</t>
  </si>
  <si>
    <t>cg16550446</t>
  </si>
  <si>
    <t>cg16556442</t>
  </si>
  <si>
    <t>cg16561487</t>
  </si>
  <si>
    <t>cg16576575</t>
  </si>
  <si>
    <t>cg16600996</t>
  </si>
  <si>
    <t>cg16602417</t>
  </si>
  <si>
    <t>cg16605942</t>
  </si>
  <si>
    <t>cg16609342</t>
  </si>
  <si>
    <t>cg16617543</t>
  </si>
  <si>
    <t>cg16626480</t>
  </si>
  <si>
    <t>cg16644494</t>
  </si>
  <si>
    <t>cg16677162</t>
  </si>
  <si>
    <t>cg16681820</t>
  </si>
  <si>
    <t>cg16683414</t>
  </si>
  <si>
    <t>cg16686900</t>
  </si>
  <si>
    <t>cg16702934</t>
  </si>
  <si>
    <t>cg16722536</t>
  </si>
  <si>
    <t>cg16747643</t>
  </si>
  <si>
    <t>cg16756998</t>
  </si>
  <si>
    <t>cg16760049</t>
  </si>
  <si>
    <t>cg16773741</t>
  </si>
  <si>
    <t>cg16775856</t>
  </si>
  <si>
    <t>cg16807241</t>
  </si>
  <si>
    <t>cg16824126</t>
  </si>
  <si>
    <t>cg16828576</t>
  </si>
  <si>
    <t>cg16830527</t>
  </si>
  <si>
    <t>cg16834011</t>
  </si>
  <si>
    <t>cg16836028</t>
  </si>
  <si>
    <t>cg16843718</t>
  </si>
  <si>
    <t>cg16845136</t>
  </si>
  <si>
    <t>cg16849201</t>
  </si>
  <si>
    <t>cg16860686</t>
  </si>
  <si>
    <t>cg16866941</t>
  </si>
  <si>
    <t>cg16880392</t>
  </si>
  <si>
    <t>cg16884295</t>
  </si>
  <si>
    <t>cg16886487</t>
  </si>
  <si>
    <t>cg16891104</t>
  </si>
  <si>
    <t>cg16919420</t>
  </si>
  <si>
    <t>cg16927796</t>
  </si>
  <si>
    <t>cg16932065</t>
  </si>
  <si>
    <t>cg16936001</t>
  </si>
  <si>
    <t>cg16945378</t>
  </si>
  <si>
    <t>cg16959972</t>
  </si>
  <si>
    <t>cg16971128</t>
  </si>
  <si>
    <t>cg16973406</t>
  </si>
  <si>
    <t>cg16977751</t>
  </si>
  <si>
    <t>cg16982658</t>
  </si>
  <si>
    <t>cg17009616</t>
  </si>
  <si>
    <t>cg17013166</t>
  </si>
  <si>
    <t>cg17014841</t>
  </si>
  <si>
    <t>cg17033378</t>
  </si>
  <si>
    <t>cg17035591</t>
  </si>
  <si>
    <t>cg17036492</t>
  </si>
  <si>
    <t>cg17040113</t>
  </si>
  <si>
    <t>cg17054640</t>
  </si>
  <si>
    <t>cg17054759</t>
  </si>
  <si>
    <t>cg17059564</t>
  </si>
  <si>
    <t>cg17064564</t>
  </si>
  <si>
    <t>cg17072519</t>
  </si>
  <si>
    <t>cg17074396</t>
  </si>
  <si>
    <t>cg17084653</t>
  </si>
  <si>
    <t>cg17086569</t>
  </si>
  <si>
    <t>cg17098449</t>
  </si>
  <si>
    <t>cg17119930</t>
  </si>
  <si>
    <t>cg17122244</t>
  </si>
  <si>
    <t>cg17128730</t>
  </si>
  <si>
    <t>cg17133446</t>
  </si>
  <si>
    <t>cg17143462</t>
  </si>
  <si>
    <t>cg17145402</t>
  </si>
  <si>
    <t>cg17152214</t>
  </si>
  <si>
    <t>cg17153426</t>
  </si>
  <si>
    <t>cg17157725</t>
  </si>
  <si>
    <t>cg17157894</t>
  </si>
  <si>
    <t>cg17163767</t>
  </si>
  <si>
    <t>cg17168172</t>
  </si>
  <si>
    <t>cg17169998</t>
  </si>
  <si>
    <t>cg17174023</t>
  </si>
  <si>
    <t>cg17174893</t>
  </si>
  <si>
    <t>cg17179881</t>
  </si>
  <si>
    <t>cg17182184</t>
  </si>
  <si>
    <t>cg17182870</t>
  </si>
  <si>
    <t>cg17193921</t>
  </si>
  <si>
    <t>cg17194270</t>
  </si>
  <si>
    <t>cg17209471</t>
  </si>
  <si>
    <t>cg17213870</t>
  </si>
  <si>
    <t>cg17217004</t>
  </si>
  <si>
    <t>cg17226917</t>
  </si>
  <si>
    <t>cg17246765</t>
  </si>
  <si>
    <t>cg17274080</t>
  </si>
  <si>
    <t>cg17274357</t>
  </si>
  <si>
    <t>cg17288310</t>
  </si>
  <si>
    <t>cg17309077</t>
  </si>
  <si>
    <t>cg17315604</t>
  </si>
  <si>
    <t>cg17326090</t>
  </si>
  <si>
    <t>cg17330496</t>
  </si>
  <si>
    <t>cg17338254</t>
  </si>
  <si>
    <t>cg17344340</t>
  </si>
  <si>
    <t>cg17345261</t>
  </si>
  <si>
    <t>cg17345985</t>
  </si>
  <si>
    <t>cg17367078</t>
  </si>
  <si>
    <t>cg17367605</t>
  </si>
  <si>
    <t>cg17380128</t>
  </si>
  <si>
    <t>cg17385662</t>
  </si>
  <si>
    <t>cg17397004</t>
  </si>
  <si>
    <t>cg17400381</t>
  </si>
  <si>
    <t>cg17401067</t>
  </si>
  <si>
    <t>cg17411190</t>
  </si>
  <si>
    <t>cg17461443</t>
  </si>
  <si>
    <t>cg17461666</t>
  </si>
  <si>
    <t>cg17468100</t>
  </si>
  <si>
    <t>cg17470095</t>
  </si>
  <si>
    <t>cg17471677</t>
  </si>
  <si>
    <t>cg17473398</t>
  </si>
  <si>
    <t>cg17476320</t>
  </si>
  <si>
    <t>cg17492891</t>
  </si>
  <si>
    <t>cg17504145</t>
  </si>
  <si>
    <t>cg17515744</t>
  </si>
  <si>
    <t>cg17522369</t>
  </si>
  <si>
    <t>cg17527673</t>
  </si>
  <si>
    <t>cg17531228</t>
  </si>
  <si>
    <t>cg17542751</t>
  </si>
  <si>
    <t>cg17546822</t>
  </si>
  <si>
    <t>cg17564844</t>
  </si>
  <si>
    <t>cg17566867</t>
  </si>
  <si>
    <t>cg17567700</t>
  </si>
  <si>
    <t>cg17568996</t>
  </si>
  <si>
    <t>cg17570939</t>
  </si>
  <si>
    <t>cg17583256</t>
  </si>
  <si>
    <t>cg17583390</t>
  </si>
  <si>
    <t>cg17586419</t>
  </si>
  <si>
    <t>cg17589449</t>
  </si>
  <si>
    <t>cg17603184</t>
  </si>
  <si>
    <t>cg17609330</t>
  </si>
  <si>
    <t>cg17610933</t>
  </si>
  <si>
    <t>cg17621580</t>
  </si>
  <si>
    <t>cg17623879</t>
  </si>
  <si>
    <t>cg17629264</t>
  </si>
  <si>
    <t>cg17632214</t>
  </si>
  <si>
    <t>cg17641876</t>
  </si>
  <si>
    <t>cg17647273</t>
  </si>
  <si>
    <t>cg17648213</t>
  </si>
  <si>
    <t>cg17654470</t>
  </si>
  <si>
    <t>cg17660026</t>
  </si>
  <si>
    <t>cg17662584</t>
  </si>
  <si>
    <t>cg17725019</t>
  </si>
  <si>
    <t>cg17733919</t>
  </si>
  <si>
    <t>cg17750043</t>
  </si>
  <si>
    <t>cg17757079</t>
  </si>
  <si>
    <t>cg17771394</t>
  </si>
  <si>
    <t>cg17783244</t>
  </si>
  <si>
    <t>cg17795059</t>
  </si>
  <si>
    <t>cg17802464</t>
  </si>
  <si>
    <t>cg17802949</t>
  </si>
  <si>
    <t>cg17809471</t>
  </si>
  <si>
    <t>cg17810098</t>
  </si>
  <si>
    <t>cg17833197</t>
  </si>
  <si>
    <t>cg17838402</t>
  </si>
  <si>
    <t>cg17838773</t>
  </si>
  <si>
    <t>cg17842189</t>
  </si>
  <si>
    <t>cg17851496</t>
  </si>
  <si>
    <t>cg17853833</t>
  </si>
  <si>
    <t>cg17854416</t>
  </si>
  <si>
    <t>cg17855101</t>
  </si>
  <si>
    <t>cg17857241</t>
  </si>
  <si>
    <t>cg17881637</t>
  </si>
  <si>
    <t>cg17892736</t>
  </si>
  <si>
    <t>cg17906007</t>
  </si>
  <si>
    <t>cg17908947</t>
  </si>
  <si>
    <t>cg17916520</t>
  </si>
  <si>
    <t>cg17929273</t>
  </si>
  <si>
    <t>cg17936846</t>
  </si>
  <si>
    <t>cg17939432</t>
  </si>
  <si>
    <t>cg17940740</t>
  </si>
  <si>
    <t>cg17941454</t>
  </si>
  <si>
    <t>cg17955599</t>
  </si>
  <si>
    <t>cg17959580</t>
  </si>
  <si>
    <t>cg17961378</t>
  </si>
  <si>
    <t>cg17965622</t>
  </si>
  <si>
    <t>cg17967224</t>
  </si>
  <si>
    <t>cg17971837</t>
  </si>
  <si>
    <t>cg17972162</t>
  </si>
  <si>
    <t>cg17988310</t>
  </si>
  <si>
    <t>cg17998530</t>
  </si>
  <si>
    <t>cg18003231</t>
  </si>
  <si>
    <t>cg18003795</t>
  </si>
  <si>
    <t>cg18005822</t>
  </si>
  <si>
    <t>cg18016195</t>
  </si>
  <si>
    <t>cg18036081</t>
  </si>
  <si>
    <t>cg18046299</t>
  </si>
  <si>
    <t>cg18053607</t>
  </si>
  <si>
    <t>cg18066206</t>
  </si>
  <si>
    <t>cg18067644</t>
  </si>
  <si>
    <t>cg18067749</t>
  </si>
  <si>
    <t>cg18070442</t>
  </si>
  <si>
    <t>cg18072871</t>
  </si>
  <si>
    <t>cg18089047</t>
  </si>
  <si>
    <t>cg18093120</t>
  </si>
  <si>
    <t>cg18103606</t>
  </si>
  <si>
    <t>cg18132256</t>
  </si>
  <si>
    <t>cg18133934</t>
  </si>
  <si>
    <t>cg18137704</t>
  </si>
  <si>
    <t>cg18152276</t>
  </si>
  <si>
    <t>cg18152773</t>
  </si>
  <si>
    <t>cg18171392</t>
  </si>
  <si>
    <t>cg18174542</t>
  </si>
  <si>
    <t>cg18175263</t>
  </si>
  <si>
    <t>cg18177875</t>
  </si>
  <si>
    <t>cg18180155</t>
  </si>
  <si>
    <t>cg18181577</t>
  </si>
  <si>
    <t>cg18189409</t>
  </si>
  <si>
    <t>cg18191200</t>
  </si>
  <si>
    <t>cg18205517</t>
  </si>
  <si>
    <t>cg18206914</t>
  </si>
  <si>
    <t>cg18232772</t>
  </si>
  <si>
    <t>cg18236863</t>
  </si>
  <si>
    <t>cg18247179</t>
  </si>
  <si>
    <t>cg18251360</t>
  </si>
  <si>
    <t>cg18262937</t>
  </si>
  <si>
    <t>cg18266458</t>
  </si>
  <si>
    <t>cg18266530</t>
  </si>
  <si>
    <t>cg18269143</t>
  </si>
  <si>
    <t>cg18275519</t>
  </si>
  <si>
    <t>cg18279670</t>
  </si>
  <si>
    <t>cg18285844</t>
  </si>
  <si>
    <t>cg18293555</t>
  </si>
  <si>
    <t>cg18294257</t>
  </si>
  <si>
    <t>cg18297519</t>
  </si>
  <si>
    <t>cg18298050</t>
  </si>
  <si>
    <t>cg18306246</t>
  </si>
  <si>
    <t>cg18331022</t>
  </si>
  <si>
    <t>cg18333626</t>
  </si>
  <si>
    <t>cg18334915</t>
  </si>
  <si>
    <t>cg18370151</t>
  </si>
  <si>
    <t>cg18376999</t>
  </si>
  <si>
    <t>cg18393023</t>
  </si>
  <si>
    <t>cg18396403</t>
  </si>
  <si>
    <t>cg18399427</t>
  </si>
  <si>
    <t>cg18401155</t>
  </si>
  <si>
    <t>cg18405341</t>
  </si>
  <si>
    <t>cg18412730</t>
  </si>
  <si>
    <t>cg18436500</t>
  </si>
  <si>
    <t>cg18436919</t>
  </si>
  <si>
    <t>cg18440048</t>
  </si>
  <si>
    <t>cg18449596</t>
  </si>
  <si>
    <t>cg18452324</t>
  </si>
  <si>
    <t>cg18454903</t>
  </si>
  <si>
    <t>cg18458305</t>
  </si>
  <si>
    <t>cg18465834</t>
  </si>
  <si>
    <t>cg18469292</t>
  </si>
  <si>
    <t>cg18471474</t>
  </si>
  <si>
    <t>cg18473686</t>
  </si>
  <si>
    <t>cg18482813</t>
  </si>
  <si>
    <t>cg18486906</t>
  </si>
  <si>
    <t>cg18493946</t>
  </si>
  <si>
    <t>cg18500733</t>
  </si>
  <si>
    <t>cg18503793</t>
  </si>
  <si>
    <t>cg18518722</t>
  </si>
  <si>
    <t>cg18522690</t>
  </si>
  <si>
    <t>cg18524540</t>
  </si>
  <si>
    <t>cg18524952</t>
  </si>
  <si>
    <t>cg18533225</t>
  </si>
  <si>
    <t>cg18535283</t>
  </si>
  <si>
    <t>cg18538332</t>
  </si>
  <si>
    <t>cg18545596</t>
  </si>
  <si>
    <t>cg18546437</t>
  </si>
  <si>
    <t>cg18553840</t>
  </si>
  <si>
    <t>cg18556361</t>
  </si>
  <si>
    <t>cg18576206</t>
  </si>
  <si>
    <t>cg18593668</t>
  </si>
  <si>
    <t>cg18598057</t>
  </si>
  <si>
    <t>cg18604842</t>
  </si>
  <si>
    <t>cg18605230</t>
  </si>
  <si>
    <t>cg18617091</t>
  </si>
  <si>
    <t>cg18638598</t>
  </si>
  <si>
    <t>cg18647989</t>
  </si>
  <si>
    <t>cg18659081</t>
  </si>
  <si>
    <t>cg18659153</t>
  </si>
  <si>
    <t>cg18666630</t>
  </si>
  <si>
    <t>cg18681352</t>
  </si>
  <si>
    <t>cg18682936</t>
  </si>
  <si>
    <t>cg18688305</t>
  </si>
  <si>
    <t>cg18696237</t>
  </si>
  <si>
    <t>cg18702576</t>
  </si>
  <si>
    <t>cg18702971</t>
  </si>
  <si>
    <t>cg18704527</t>
  </si>
  <si>
    <t>cg18707706</t>
  </si>
  <si>
    <t>cg18708412</t>
  </si>
  <si>
    <t>cg18730511</t>
  </si>
  <si>
    <t>cg18731680</t>
  </si>
  <si>
    <t>cg18733794</t>
  </si>
  <si>
    <t>cg18733974</t>
  </si>
  <si>
    <t>cg18759693</t>
  </si>
  <si>
    <t>cg18776793</t>
  </si>
  <si>
    <t>cg18791451</t>
  </si>
  <si>
    <t>cg18851100</t>
  </si>
  <si>
    <t>cg18865274</t>
  </si>
  <si>
    <t>cg18867923</t>
  </si>
  <si>
    <t>cg18875629</t>
  </si>
  <si>
    <t>cg18883209</t>
  </si>
  <si>
    <t>cg18884555</t>
  </si>
  <si>
    <t>cg18887005</t>
  </si>
  <si>
    <t>cg18898325</t>
  </si>
  <si>
    <t>cg18919659</t>
  </si>
  <si>
    <t>cg18940763</t>
  </si>
  <si>
    <t>cg18944582</t>
  </si>
  <si>
    <t>cg18953887</t>
  </si>
  <si>
    <t>cg18977727</t>
  </si>
  <si>
    <t>cg18984186</t>
  </si>
  <si>
    <t>cg18989477</t>
  </si>
  <si>
    <t>cg19004771</t>
  </si>
  <si>
    <t>cg19005446</t>
  </si>
  <si>
    <t>cg19014036</t>
  </si>
  <si>
    <t>cg19018155</t>
  </si>
  <si>
    <t>cg19025573</t>
  </si>
  <si>
    <t>cg19026547</t>
  </si>
  <si>
    <t>cg19030607</t>
  </si>
  <si>
    <t>cg19035993</t>
  </si>
  <si>
    <t>cg19042136</t>
  </si>
  <si>
    <t>cg19046904</t>
  </si>
  <si>
    <t>cg19051861</t>
  </si>
  <si>
    <t>cg19070798</t>
  </si>
  <si>
    <t>cg19091146</t>
  </si>
  <si>
    <t>cg19098790</t>
  </si>
  <si>
    <t>cg19131049</t>
  </si>
  <si>
    <t>cg19131731</t>
  </si>
  <si>
    <t>cg19144392</t>
  </si>
  <si>
    <t>cg19148305</t>
  </si>
  <si>
    <t>cg19163496</t>
  </si>
  <si>
    <t>cg19167907</t>
  </si>
  <si>
    <t>cg19170208</t>
  </si>
  <si>
    <t>cg19174658</t>
  </si>
  <si>
    <t>cg19182908</t>
  </si>
  <si>
    <t>cg19184963</t>
  </si>
  <si>
    <t>cg19187043</t>
  </si>
  <si>
    <t>cg19189176</t>
  </si>
  <si>
    <t>cg19194233</t>
  </si>
  <si>
    <t>cg19202601</t>
  </si>
  <si>
    <t>cg19205909</t>
  </si>
  <si>
    <t>cg19215194</t>
  </si>
  <si>
    <t>cg19236559</t>
  </si>
  <si>
    <t>cg19240052</t>
  </si>
  <si>
    <t>cg19248564</t>
  </si>
  <si>
    <t>cg19250002</t>
  </si>
  <si>
    <t>cg19257200</t>
  </si>
  <si>
    <t>cg19274703</t>
  </si>
  <si>
    <t>cg19281693</t>
  </si>
  <si>
    <t>cg19288514</t>
  </si>
  <si>
    <t>cg19294117</t>
  </si>
  <si>
    <t>cg19304507</t>
  </si>
  <si>
    <t>cg19307232</t>
  </si>
  <si>
    <t>cg19324023</t>
  </si>
  <si>
    <t>cg19332650</t>
  </si>
  <si>
    <t>cg19334818</t>
  </si>
  <si>
    <t>cg19335064</t>
  </si>
  <si>
    <t>cg19352682</t>
  </si>
  <si>
    <t>cg19353578</t>
  </si>
  <si>
    <t>cg19370122</t>
  </si>
  <si>
    <t>cg19374089</t>
  </si>
  <si>
    <t>cg19375028</t>
  </si>
  <si>
    <t>cg19379102</t>
  </si>
  <si>
    <t>cg19382761</t>
  </si>
  <si>
    <t>cg19384704</t>
  </si>
  <si>
    <t>cg19389397</t>
  </si>
  <si>
    <t>cg19392329</t>
  </si>
  <si>
    <t>cg19412478</t>
  </si>
  <si>
    <t>cg19432297</t>
  </si>
  <si>
    <t>cg19437325</t>
  </si>
  <si>
    <t>cg19446838</t>
  </si>
  <si>
    <t>cg19448990</t>
  </si>
  <si>
    <t>cg19468028</t>
  </si>
  <si>
    <t>cg19468925</t>
  </si>
  <si>
    <t>cg19480425</t>
  </si>
  <si>
    <t>cg19480831</t>
  </si>
  <si>
    <t>cg19498110</t>
  </si>
  <si>
    <t>cg19501909</t>
  </si>
  <si>
    <t>cg19502812</t>
  </si>
  <si>
    <t>cg19508107</t>
  </si>
  <si>
    <t>cg19513890</t>
  </si>
  <si>
    <t>cg19519293</t>
  </si>
  <si>
    <t>cg19524899</t>
  </si>
  <si>
    <t>cg19530178</t>
  </si>
  <si>
    <t>cg19535000</t>
  </si>
  <si>
    <t>cg19539004</t>
  </si>
  <si>
    <t>cg19558972</t>
  </si>
  <si>
    <t>cg19601636</t>
  </si>
  <si>
    <t>cg19603202</t>
  </si>
  <si>
    <t>cg19608781</t>
  </si>
  <si>
    <t>cg19611013</t>
  </si>
  <si>
    <t>cg19622850</t>
  </si>
  <si>
    <t>cg19628739</t>
  </si>
  <si>
    <t>cg19640517</t>
  </si>
  <si>
    <t>cg19650520</t>
  </si>
  <si>
    <t>cg19650920</t>
  </si>
  <si>
    <t>cg19653345</t>
  </si>
  <si>
    <t>cg19658332</t>
  </si>
  <si>
    <t>cg19660720</t>
  </si>
  <si>
    <t>cg19669036</t>
  </si>
  <si>
    <t>cg19681718</t>
  </si>
  <si>
    <t>cg19682962</t>
  </si>
  <si>
    <t>cg19710672</t>
  </si>
  <si>
    <t>cg19713460</t>
  </si>
  <si>
    <t>cg19723402</t>
  </si>
  <si>
    <t>cg19734830</t>
  </si>
  <si>
    <t>cg19746861</t>
  </si>
  <si>
    <t>cg19750606</t>
  </si>
  <si>
    <t>cg19755003</t>
  </si>
  <si>
    <t>cg19757737</t>
  </si>
  <si>
    <t>cg19764436</t>
  </si>
  <si>
    <t>cg19764731</t>
  </si>
  <si>
    <t>cg19770472</t>
  </si>
  <si>
    <t>cg19774699</t>
  </si>
  <si>
    <t>cg19781775</t>
  </si>
  <si>
    <t>cg19781870</t>
  </si>
  <si>
    <t>cg19802639</t>
  </si>
  <si>
    <t>cg19804859</t>
  </si>
  <si>
    <t>cg19805223</t>
  </si>
  <si>
    <t>cg19807306</t>
  </si>
  <si>
    <t>cg19808085</t>
  </si>
  <si>
    <t>cg19816290</t>
  </si>
  <si>
    <t>cg19816445</t>
  </si>
  <si>
    <t>cg19824783</t>
  </si>
  <si>
    <t>cg19831369</t>
  </si>
  <si>
    <t>cg19832172</t>
  </si>
  <si>
    <t>cg19837751</t>
  </si>
  <si>
    <t>cg19844203</t>
  </si>
  <si>
    <t>cg19850545</t>
  </si>
  <si>
    <t>cg19851222</t>
  </si>
  <si>
    <t>cg19853703</t>
  </si>
  <si>
    <t>cg19853760</t>
  </si>
  <si>
    <t>cg19855470</t>
  </si>
  <si>
    <t>cg19855777</t>
  </si>
  <si>
    <t>cg19863740</t>
  </si>
  <si>
    <t>cg19878762</t>
  </si>
  <si>
    <t>cg19894402</t>
  </si>
  <si>
    <t>cg19894640</t>
  </si>
  <si>
    <t>cg19895164</t>
  </si>
  <si>
    <t>cg19906454</t>
  </si>
  <si>
    <t>cg19907315</t>
  </si>
  <si>
    <t>cg19927741</t>
  </si>
  <si>
    <t>cg19930203</t>
  </si>
  <si>
    <t>cg19939262</t>
  </si>
  <si>
    <t>cg19941638</t>
  </si>
  <si>
    <t>cg19953843</t>
  </si>
  <si>
    <t>cg19954613</t>
  </si>
  <si>
    <t>cg19959055</t>
  </si>
  <si>
    <t>cg19959621</t>
  </si>
  <si>
    <t>cg19961382</t>
  </si>
  <si>
    <t>cg19968835</t>
  </si>
  <si>
    <t>cg19972590</t>
  </si>
  <si>
    <t>cg19993133</t>
  </si>
  <si>
    <t>cg20011794</t>
  </si>
  <si>
    <t>cg20012247</t>
  </si>
  <si>
    <t>cg20017381</t>
  </si>
  <si>
    <t>cg20018425</t>
  </si>
  <si>
    <t>cg20033082</t>
  </si>
  <si>
    <t>cg20042116</t>
  </si>
  <si>
    <t>cg20045040</t>
  </si>
  <si>
    <t>cg20064122</t>
  </si>
  <si>
    <t>cg20074795</t>
  </si>
  <si>
    <t>cg20075700</t>
  </si>
  <si>
    <t>cg20076516</t>
  </si>
  <si>
    <t>cg20078807</t>
  </si>
  <si>
    <t>cg20080845</t>
  </si>
  <si>
    <t>cg20098420</t>
  </si>
  <si>
    <t>cg20099005</t>
  </si>
  <si>
    <t>cg20107653</t>
  </si>
  <si>
    <t>cg20120491</t>
  </si>
  <si>
    <t>cg20121715</t>
  </si>
  <si>
    <t>cg20127188</t>
  </si>
  <si>
    <t>cg20146967</t>
  </si>
  <si>
    <t>cg20147335</t>
  </si>
  <si>
    <t>cg20163980</t>
  </si>
  <si>
    <t>cg20170271</t>
  </si>
  <si>
    <t>cg20193802</t>
  </si>
  <si>
    <t>cg20194595</t>
  </si>
  <si>
    <t>cg20195005</t>
  </si>
  <si>
    <t>cg20200388</t>
  </si>
  <si>
    <t>cg20202552</t>
  </si>
  <si>
    <t>cg20209891</t>
  </si>
  <si>
    <t>cg20234121</t>
  </si>
  <si>
    <t>cg20249462</t>
  </si>
  <si>
    <t>cg20255723</t>
  </si>
  <si>
    <t>cg20256494</t>
  </si>
  <si>
    <t>cg20274430</t>
  </si>
  <si>
    <t>cg20299236</t>
  </si>
  <si>
    <t>cg20299810</t>
  </si>
  <si>
    <t>cg20300500</t>
  </si>
  <si>
    <t>cg20306180</t>
  </si>
  <si>
    <t>cg20306511</t>
  </si>
  <si>
    <t>cg20306533</t>
  </si>
  <si>
    <t>cg20307205</t>
  </si>
  <si>
    <t>cg20321139</t>
  </si>
  <si>
    <t>cg20326737</t>
  </si>
  <si>
    <t>cg20330126</t>
  </si>
  <si>
    <t>cg20337445</t>
  </si>
  <si>
    <t>cg20337753</t>
  </si>
  <si>
    <t>cg20343114</t>
  </si>
  <si>
    <t>cg20352728</t>
  </si>
  <si>
    <t>cg20360212</t>
  </si>
  <si>
    <t>cg20366239</t>
  </si>
  <si>
    <t>cg20375709</t>
  </si>
  <si>
    <t>cg20377114</t>
  </si>
  <si>
    <t>cg20377673</t>
  </si>
  <si>
    <t>cg20388428</t>
  </si>
  <si>
    <t>cg20395643</t>
  </si>
  <si>
    <t>cg20403031</t>
  </si>
  <si>
    <t>cg20426710</t>
  </si>
  <si>
    <t>cg20427198</t>
  </si>
  <si>
    <t>cg20439022</t>
  </si>
  <si>
    <t>cg20455931</t>
  </si>
  <si>
    <t>cg20456630</t>
  </si>
  <si>
    <t>cg20465333</t>
  </si>
  <si>
    <t>cg20486417</t>
  </si>
  <si>
    <t>cg20486569</t>
  </si>
  <si>
    <t>cg20495476</t>
  </si>
  <si>
    <t>cg20501434</t>
  </si>
  <si>
    <t>cg20516161</t>
  </si>
  <si>
    <t>cg20522029</t>
  </si>
  <si>
    <t>cg20522370</t>
  </si>
  <si>
    <t>cg20534570</t>
  </si>
  <si>
    <t>cg20539366</t>
  </si>
  <si>
    <t>cg20548231</t>
  </si>
  <si>
    <t>cg20550677</t>
  </si>
  <si>
    <t>cg20569369</t>
  </si>
  <si>
    <t>cg20585830</t>
  </si>
  <si>
    <t>cg20633621</t>
  </si>
  <si>
    <t>cg20634227</t>
  </si>
  <si>
    <t>cg20638429</t>
  </si>
  <si>
    <t>cg20641580</t>
  </si>
  <si>
    <t>cg20652889</t>
  </si>
  <si>
    <t>cg20656701</t>
  </si>
  <si>
    <t>cg20662856</t>
  </si>
  <si>
    <t>cg20671068</t>
  </si>
  <si>
    <t>cg20674521</t>
  </si>
  <si>
    <t>cg20676572</t>
  </si>
  <si>
    <t>cg20683057</t>
  </si>
  <si>
    <t>cg20698113</t>
  </si>
  <si>
    <t>cg20703614</t>
  </si>
  <si>
    <t>cg20705882</t>
  </si>
  <si>
    <t>cg20727362</t>
  </si>
  <si>
    <t>cg20735954</t>
  </si>
  <si>
    <t>cg20742981</t>
  </si>
  <si>
    <t>cg20754324</t>
  </si>
  <si>
    <t>cg20756101</t>
  </si>
  <si>
    <t>cg20758098</t>
  </si>
  <si>
    <t>cg20758542</t>
  </si>
  <si>
    <t>cg20758953</t>
  </si>
  <si>
    <t>cg20761450</t>
  </si>
  <si>
    <t>cg20781212</t>
  </si>
  <si>
    <t>cg20792408</t>
  </si>
  <si>
    <t>cg20793420</t>
  </si>
  <si>
    <t>cg20805475</t>
  </si>
  <si>
    <t>cg20811788</t>
  </si>
  <si>
    <t>cg20816712</t>
  </si>
  <si>
    <t>cg20893579</t>
  </si>
  <si>
    <t>cg20894246</t>
  </si>
  <si>
    <t>cg20894457</t>
  </si>
  <si>
    <t>cg20895698</t>
  </si>
  <si>
    <t>cg20902425</t>
  </si>
  <si>
    <t>cg20934596</t>
  </si>
  <si>
    <t>cg20936905</t>
  </si>
  <si>
    <t>cg20944928</t>
  </si>
  <si>
    <t>cg20950843</t>
  </si>
  <si>
    <t>cg20956278</t>
  </si>
  <si>
    <t>cg20957542</t>
  </si>
  <si>
    <t>cg20966148</t>
  </si>
  <si>
    <t>cg20978858</t>
  </si>
  <si>
    <t>cg20982583</t>
  </si>
  <si>
    <t>cg20987029</t>
  </si>
  <si>
    <t>cg20987089</t>
  </si>
  <si>
    <t>cg20988728</t>
  </si>
  <si>
    <t>cg21007971</t>
  </si>
  <si>
    <t>cg21021469</t>
  </si>
  <si>
    <t>cg21023126</t>
  </si>
  <si>
    <t>cg21028326</t>
  </si>
  <si>
    <t>cg21037314</t>
  </si>
  <si>
    <t>cg21046160</t>
  </si>
  <si>
    <t>cg21047528</t>
  </si>
  <si>
    <t>cg21055910</t>
  </si>
  <si>
    <t>cg21090075</t>
  </si>
  <si>
    <t>cg21104946</t>
  </si>
  <si>
    <t>cg21131343</t>
  </si>
  <si>
    <t>cg21144673</t>
  </si>
  <si>
    <t>cg21146221</t>
  </si>
  <si>
    <t>cg21146537</t>
  </si>
  <si>
    <t>cg21147077</t>
  </si>
  <si>
    <t>cg21151899</t>
  </si>
  <si>
    <t>cg21156790</t>
  </si>
  <si>
    <t>cg21166916</t>
  </si>
  <si>
    <t>cg21171978</t>
  </si>
  <si>
    <t>cg21173803</t>
  </si>
  <si>
    <t>cg21177778</t>
  </si>
  <si>
    <t>cg21183455</t>
  </si>
  <si>
    <t>cg21191224</t>
  </si>
  <si>
    <t>cg21196132</t>
  </si>
  <si>
    <t>cg21199120</t>
  </si>
  <si>
    <t>cg21205978</t>
  </si>
  <si>
    <t>cg21225430</t>
  </si>
  <si>
    <t>cg21235359</t>
  </si>
  <si>
    <t>cg21244955</t>
  </si>
  <si>
    <t>cg21256200</t>
  </si>
  <si>
    <t>cg21262502</t>
  </si>
  <si>
    <t>cg21268578</t>
  </si>
  <si>
    <t>cg21271753</t>
  </si>
  <si>
    <t>cg21285564</t>
  </si>
  <si>
    <t>cg21289422</t>
  </si>
  <si>
    <t>cg21295104</t>
  </si>
  <si>
    <t>cg21307484</t>
  </si>
  <si>
    <t>cg21311175</t>
  </si>
  <si>
    <t>cg21330960</t>
  </si>
  <si>
    <t>cg21331510</t>
  </si>
  <si>
    <t>cg21342728</t>
  </si>
  <si>
    <t>cg21345826</t>
  </si>
  <si>
    <t>cg21353232</t>
  </si>
  <si>
    <t>cg21361322</t>
  </si>
  <si>
    <t>cg21364723</t>
  </si>
  <si>
    <t>cg21377354</t>
  </si>
  <si>
    <t>cg21382800</t>
  </si>
  <si>
    <t>cg21402035</t>
  </si>
  <si>
    <t>cg21407354</t>
  </si>
  <si>
    <t>cg21411490</t>
  </si>
  <si>
    <t>cg21422622</t>
  </si>
  <si>
    <t>cg21423610</t>
  </si>
  <si>
    <t>cg21425232</t>
  </si>
  <si>
    <t>cg21431832</t>
  </si>
  <si>
    <t>cg21432763</t>
  </si>
  <si>
    <t>cg21437119</t>
  </si>
  <si>
    <t>cg21444731</t>
  </si>
  <si>
    <t>cg21453409</t>
  </si>
  <si>
    <t>cg21458116</t>
  </si>
  <si>
    <t>cg21461856</t>
  </si>
  <si>
    <t>cg21461927</t>
  </si>
  <si>
    <t>cg21463605</t>
  </si>
  <si>
    <t>cg21471053</t>
  </si>
  <si>
    <t>cg21472198</t>
  </si>
  <si>
    <t>cg21504353</t>
  </si>
  <si>
    <t>cg21507095</t>
  </si>
  <si>
    <t>cg21509385</t>
  </si>
  <si>
    <t>cg21511948</t>
  </si>
  <si>
    <t>cg21527637</t>
  </si>
  <si>
    <t>cg21528944</t>
  </si>
  <si>
    <t>cg21531389</t>
  </si>
  <si>
    <t>cg21532636</t>
  </si>
  <si>
    <t>cg21545952</t>
  </si>
  <si>
    <t>cg21560830</t>
  </si>
  <si>
    <t>cg21564495</t>
  </si>
  <si>
    <t>cg21564803</t>
  </si>
  <si>
    <t>cg21578906</t>
  </si>
  <si>
    <t>cg21584430</t>
  </si>
  <si>
    <t>cg21593860</t>
  </si>
  <si>
    <t>cg21593899</t>
  </si>
  <si>
    <t>cg21604856</t>
  </si>
  <si>
    <t>cg21607501</t>
  </si>
  <si>
    <t>cg21625858</t>
  </si>
  <si>
    <t>cg21649580</t>
  </si>
  <si>
    <t>cg21659949</t>
  </si>
  <si>
    <t>cg21663219</t>
  </si>
  <si>
    <t>cg21672109</t>
  </si>
  <si>
    <t>cg21675424</t>
  </si>
  <si>
    <t>cg21687563</t>
  </si>
  <si>
    <t>cg21703572</t>
  </si>
  <si>
    <t>cg21705600</t>
  </si>
  <si>
    <t>cg21712830</t>
  </si>
  <si>
    <t>cg21717745</t>
  </si>
  <si>
    <t>cg21731239</t>
  </si>
  <si>
    <t>cg21732245</t>
  </si>
  <si>
    <t>cg21736592</t>
  </si>
  <si>
    <t>cg21737444</t>
  </si>
  <si>
    <t>cg21771250</t>
  </si>
  <si>
    <t>cg21786525</t>
  </si>
  <si>
    <t>cg21789136</t>
  </si>
  <si>
    <t>cg21793342</t>
  </si>
  <si>
    <t>cg21797131</t>
  </si>
  <si>
    <t>cg21798802</t>
  </si>
  <si>
    <t>cg21827203</t>
  </si>
  <si>
    <t>cg21855316</t>
  </si>
  <si>
    <t>cg21874862</t>
  </si>
  <si>
    <t>cg21876964</t>
  </si>
  <si>
    <t>cg21889604</t>
  </si>
  <si>
    <t>cg21899777</t>
  </si>
  <si>
    <t>cg21900616</t>
  </si>
  <si>
    <t>cg21905167</t>
  </si>
  <si>
    <t>cg21919834</t>
  </si>
  <si>
    <t>cg21925063</t>
  </si>
  <si>
    <t>cg21941821</t>
  </si>
  <si>
    <t>cg21944135</t>
  </si>
  <si>
    <t>cg21949305</t>
  </si>
  <si>
    <t>cg21974239</t>
  </si>
  <si>
    <t>cg22011319</t>
  </si>
  <si>
    <t>cg22014770</t>
  </si>
  <si>
    <t>cg22016859</t>
  </si>
  <si>
    <t>cg22018086</t>
  </si>
  <si>
    <t>cg22024572</t>
  </si>
  <si>
    <t>cg22031629</t>
  </si>
  <si>
    <t>cg22031736</t>
  </si>
  <si>
    <t>cg22033362</t>
  </si>
  <si>
    <t>cg22044669</t>
  </si>
  <si>
    <t>cg22059735</t>
  </si>
  <si>
    <t>cg22070880</t>
  </si>
  <si>
    <t>cg22071610</t>
  </si>
  <si>
    <t>cg22082700</t>
  </si>
  <si>
    <t>cg22083753</t>
  </si>
  <si>
    <t>cg22088368</t>
  </si>
  <si>
    <t>cg22088670</t>
  </si>
  <si>
    <t>cg22089929</t>
  </si>
  <si>
    <t>cg22094633</t>
  </si>
  <si>
    <t>cg22107662</t>
  </si>
  <si>
    <t>cg22109623</t>
  </si>
  <si>
    <t>cg22117819</t>
  </si>
  <si>
    <t>cg22121941</t>
  </si>
  <si>
    <t>cg22122449</t>
  </si>
  <si>
    <t>cg22123459</t>
  </si>
  <si>
    <t>cg22123728</t>
  </si>
  <si>
    <t>cg22125176</t>
  </si>
  <si>
    <t>cg22126047</t>
  </si>
  <si>
    <t>cg22126499</t>
  </si>
  <si>
    <t>cg22149588</t>
  </si>
  <si>
    <t>cg22160612</t>
  </si>
  <si>
    <t>cg22208541</t>
  </si>
  <si>
    <t>cg22215942</t>
  </si>
  <si>
    <t>cg22229142</t>
  </si>
  <si>
    <t>cg22234080</t>
  </si>
  <si>
    <t>cg22239534</t>
  </si>
  <si>
    <t>cg22262140</t>
  </si>
  <si>
    <t>cg22267402</t>
  </si>
  <si>
    <t>cg22275857</t>
  </si>
  <si>
    <t>cg22286066</t>
  </si>
  <si>
    <t>cg22300727</t>
  </si>
  <si>
    <t>cg22305209</t>
  </si>
  <si>
    <t>cg22306173</t>
  </si>
  <si>
    <t>cg22319611</t>
  </si>
  <si>
    <t>cg22319618</t>
  </si>
  <si>
    <t>cg22325145</t>
  </si>
  <si>
    <t>cg22326681</t>
  </si>
  <si>
    <t>cg22327543</t>
  </si>
  <si>
    <t>cg22328771</t>
  </si>
  <si>
    <t>cg22336034</t>
  </si>
  <si>
    <t>cg22347322</t>
  </si>
  <si>
    <t>cg22347705</t>
  </si>
  <si>
    <t>cg22351824</t>
  </si>
  <si>
    <t>cg22352499</t>
  </si>
  <si>
    <t>cg22371362</t>
  </si>
  <si>
    <t>cg22377998</t>
  </si>
  <si>
    <t>cg22395002</t>
  </si>
  <si>
    <t>cg22395807</t>
  </si>
  <si>
    <t>cg22404498</t>
  </si>
  <si>
    <t>cg22405973</t>
  </si>
  <si>
    <t>cg22416002</t>
  </si>
  <si>
    <t>cg22418565</t>
  </si>
  <si>
    <t>cg22424213</t>
  </si>
  <si>
    <t>cg22441543</t>
  </si>
  <si>
    <t>cg22445712</t>
  </si>
  <si>
    <t>cg22471129</t>
  </si>
  <si>
    <t>cg22472304</t>
  </si>
  <si>
    <t>cg22478328</t>
  </si>
  <si>
    <t>cg22482801</t>
  </si>
  <si>
    <t>cg22485413</t>
  </si>
  <si>
    <t>cg22488367</t>
  </si>
  <si>
    <t>cg22494725</t>
  </si>
  <si>
    <t>cg22500261</t>
  </si>
  <si>
    <t>cg22506302</t>
  </si>
  <si>
    <t>cg22508831</t>
  </si>
  <si>
    <t>cg22510462</t>
  </si>
  <si>
    <t>cg22510768</t>
  </si>
  <si>
    <t>cg22511321</t>
  </si>
  <si>
    <t>cg22512803</t>
  </si>
  <si>
    <t>cg22514173</t>
  </si>
  <si>
    <t>cg22514253</t>
  </si>
  <si>
    <t>cg22518127</t>
  </si>
  <si>
    <t>cg22525154</t>
  </si>
  <si>
    <t>cg22542751</t>
  </si>
  <si>
    <t>cg22546130</t>
  </si>
  <si>
    <t>cg22563691</t>
  </si>
  <si>
    <t>cg22564583</t>
  </si>
  <si>
    <t>cg22569353</t>
  </si>
  <si>
    <t>cg22576171</t>
  </si>
  <si>
    <t>cg22594416</t>
  </si>
  <si>
    <t>cg22608534</t>
  </si>
  <si>
    <t>cg22609522</t>
  </si>
  <si>
    <t>cg22615910</t>
  </si>
  <si>
    <t>cg22633182</t>
  </si>
  <si>
    <t>cg22637865</t>
  </si>
  <si>
    <t>cg22643740</t>
  </si>
  <si>
    <t>cg22643811</t>
  </si>
  <si>
    <t>cg22644984</t>
  </si>
  <si>
    <t>cg22656521</t>
  </si>
  <si>
    <t>cg22663995</t>
  </si>
  <si>
    <t>cg22664428</t>
  </si>
  <si>
    <t>cg22670868</t>
  </si>
  <si>
    <t>cg22682460</t>
  </si>
  <si>
    <t>cg22700301</t>
  </si>
  <si>
    <t>cg22720029</t>
  </si>
  <si>
    <t>cg22746808</t>
  </si>
  <si>
    <t>cg22753462</t>
  </si>
  <si>
    <t>cg22758846</t>
  </si>
  <si>
    <t>cg22764925</t>
  </si>
  <si>
    <t>cg22768487</t>
  </si>
  <si>
    <t>cg22777249</t>
  </si>
  <si>
    <t>cg22778120</t>
  </si>
  <si>
    <t>cg22780000</t>
  </si>
  <si>
    <t>cg22783262</t>
  </si>
  <si>
    <t>cg22803285</t>
  </si>
  <si>
    <t>cg22804358</t>
  </si>
  <si>
    <t>cg22814256</t>
  </si>
  <si>
    <t>cg22815534</t>
  </si>
  <si>
    <t>cg22833807</t>
  </si>
  <si>
    <t>cg22846809</t>
  </si>
  <si>
    <t>cg22847608</t>
  </si>
  <si>
    <t>cg22848757</t>
  </si>
  <si>
    <t>cg22858872</t>
  </si>
  <si>
    <t>cg22864414</t>
  </si>
  <si>
    <t>cg22869804</t>
  </si>
  <si>
    <t>cg22877281</t>
  </si>
  <si>
    <t>cg22897224</t>
  </si>
  <si>
    <t>cg22906524</t>
  </si>
  <si>
    <t>cg22926842</t>
  </si>
  <si>
    <t>cg22929219</t>
  </si>
  <si>
    <t>cg22934020</t>
  </si>
  <si>
    <t>cg22939709</t>
  </si>
  <si>
    <t>cg22954818</t>
  </si>
  <si>
    <t>cg22962282</t>
  </si>
  <si>
    <t>cg22969397</t>
  </si>
  <si>
    <t>cg22975712</t>
  </si>
  <si>
    <t>cg22996718</t>
  </si>
  <si>
    <t>cg22997262</t>
  </si>
  <si>
    <t>cg23013931</t>
  </si>
  <si>
    <t>cg23015219</t>
  </si>
  <si>
    <t>cg23016726</t>
  </si>
  <si>
    <t>cg23029801</t>
  </si>
  <si>
    <t>cg23035923</t>
  </si>
  <si>
    <t>cg23072383</t>
  </si>
  <si>
    <t>cg23074732</t>
  </si>
  <si>
    <t>cg23077012</t>
  </si>
  <si>
    <t>cg23082067</t>
  </si>
  <si>
    <t>cg23090776</t>
  </si>
  <si>
    <t>cg23095729</t>
  </si>
  <si>
    <t>cg23095812</t>
  </si>
  <si>
    <t>cg23109174</t>
  </si>
  <si>
    <t>cg23109261</t>
  </si>
  <si>
    <t>cg23109891</t>
  </si>
  <si>
    <t>cg23113715</t>
  </si>
  <si>
    <t>cg23122901</t>
  </si>
  <si>
    <t>cg23123107</t>
  </si>
  <si>
    <t>cg23124451</t>
  </si>
  <si>
    <t>cg23131131</t>
  </si>
  <si>
    <t>cg23138261</t>
  </si>
  <si>
    <t>cg23141902</t>
  </si>
  <si>
    <t>cg23154002</t>
  </si>
  <si>
    <t>cg23204276</t>
  </si>
  <si>
    <t>cg23205858</t>
  </si>
  <si>
    <t>cg23208590</t>
  </si>
  <si>
    <t>cg23216184</t>
  </si>
  <si>
    <t>cg23221113</t>
  </si>
  <si>
    <t>cg23225050</t>
  </si>
  <si>
    <t>cg23234820</t>
  </si>
  <si>
    <t>cg23246360</t>
  </si>
  <si>
    <t>cg23251122</t>
  </si>
  <si>
    <t>cg23268208</t>
  </si>
  <si>
    <t>cg23268677</t>
  </si>
  <si>
    <t>cg23280627</t>
  </si>
  <si>
    <t>cg23329902</t>
  </si>
  <si>
    <t>cg23331322</t>
  </si>
  <si>
    <t>cg23343309</t>
  </si>
  <si>
    <t>cg23349242</t>
  </si>
  <si>
    <t>cg23354224</t>
  </si>
  <si>
    <t>cg23363526</t>
  </si>
  <si>
    <t>cg23381598</t>
  </si>
  <si>
    <t>cg23383138</t>
  </si>
  <si>
    <t>cg23410069</t>
  </si>
  <si>
    <t>cg23413278</t>
  </si>
  <si>
    <t>cg23414595</t>
  </si>
  <si>
    <t>cg23441595</t>
  </si>
  <si>
    <t>cg23457622</t>
  </si>
  <si>
    <t>cg23469117</t>
  </si>
  <si>
    <t>cg23479619</t>
  </si>
  <si>
    <t>cg23486853</t>
  </si>
  <si>
    <t>cg23503501</t>
  </si>
  <si>
    <t>cg23509574</t>
  </si>
  <si>
    <t>cg23513727</t>
  </si>
  <si>
    <t>cg23528104</t>
  </si>
  <si>
    <t>cg23550355</t>
  </si>
  <si>
    <t>cg23563104</t>
  </si>
  <si>
    <t>cg23564243</t>
  </si>
  <si>
    <t>cg23568913</t>
  </si>
  <si>
    <t>cg23596862</t>
  </si>
  <si>
    <t>cg23597288</t>
  </si>
  <si>
    <t>cg23601468</t>
  </si>
  <si>
    <t>cg23619605</t>
  </si>
  <si>
    <t>cg23626763</t>
  </si>
  <si>
    <t>cg23644624</t>
  </si>
  <si>
    <t>cg23653187</t>
  </si>
  <si>
    <t>cg23656161</t>
  </si>
  <si>
    <t>cg23664774</t>
  </si>
  <si>
    <t>cg23665603</t>
  </si>
  <si>
    <t>cg23668028</t>
  </si>
  <si>
    <t>cg23671006</t>
  </si>
  <si>
    <t>cg23678800</t>
  </si>
  <si>
    <t>cg23696808</t>
  </si>
  <si>
    <t>cg23713768</t>
  </si>
  <si>
    <t>cg23723262</t>
  </si>
  <si>
    <t>cg23748737</t>
  </si>
  <si>
    <t>cg23762465</t>
  </si>
  <si>
    <t>cg23763137</t>
  </si>
  <si>
    <t>cg23765961</t>
  </si>
  <si>
    <t>cg23778094</t>
  </si>
  <si>
    <t>cg23790567</t>
  </si>
  <si>
    <t>cg23795178</t>
  </si>
  <si>
    <t>cg23798065</t>
  </si>
  <si>
    <t>cg23801544</t>
  </si>
  <si>
    <t>cg23801965</t>
  </si>
  <si>
    <t>cg23803431</t>
  </si>
  <si>
    <t>cg23808165</t>
  </si>
  <si>
    <t>cg23808815</t>
  </si>
  <si>
    <t>cg23817297</t>
  </si>
  <si>
    <t>cg23820090</t>
  </si>
  <si>
    <t>cg23820560</t>
  </si>
  <si>
    <t>cg23835646</t>
  </si>
  <si>
    <t>cg23850277</t>
  </si>
  <si>
    <t>cg23880794</t>
  </si>
  <si>
    <t>cg23883747</t>
  </si>
  <si>
    <t>cg23884502</t>
  </si>
  <si>
    <t>cg23894948</t>
  </si>
  <si>
    <t>cg23896816</t>
  </si>
  <si>
    <t>cg23915792</t>
  </si>
  <si>
    <t>cg23936463</t>
  </si>
  <si>
    <t>cg23937138</t>
  </si>
  <si>
    <t>cg23949216</t>
  </si>
  <si>
    <t>cg23957084</t>
  </si>
  <si>
    <t>cg23962478</t>
  </si>
  <si>
    <t>cg23995231</t>
  </si>
  <si>
    <t>cg24035545</t>
  </si>
  <si>
    <t>cg24047137</t>
  </si>
  <si>
    <t>cg24048921</t>
  </si>
  <si>
    <t>cg24053715</t>
  </si>
  <si>
    <t>cg24054871</t>
  </si>
  <si>
    <t>cg24060451</t>
  </si>
  <si>
    <t>cg24074477</t>
  </si>
  <si>
    <t>cg24075680</t>
  </si>
  <si>
    <t>cg24080529</t>
  </si>
  <si>
    <t>cg24095864</t>
  </si>
  <si>
    <t>cg24099813</t>
  </si>
  <si>
    <t>cg24104611</t>
  </si>
  <si>
    <t>cg24112097</t>
  </si>
  <si>
    <t>cg24119722</t>
  </si>
  <si>
    <t>cg24133380</t>
  </si>
  <si>
    <t>cg24136754</t>
  </si>
  <si>
    <t>cg24144883</t>
  </si>
  <si>
    <t>cg24152179</t>
  </si>
  <si>
    <t>cg24160660</t>
  </si>
  <si>
    <t>cg24170784</t>
  </si>
  <si>
    <t>cg24173629</t>
  </si>
  <si>
    <t>cg24200525</t>
  </si>
  <si>
    <t>cg24214000</t>
  </si>
  <si>
    <t>cg24214883</t>
  </si>
  <si>
    <t>cg24217005</t>
  </si>
  <si>
    <t>cg24227397</t>
  </si>
  <si>
    <t>cg24228559</t>
  </si>
  <si>
    <t>cg24230188</t>
  </si>
  <si>
    <t>cg24232236</t>
  </si>
  <si>
    <t>cg24240804</t>
  </si>
  <si>
    <t>cg24245352</t>
  </si>
  <si>
    <t>cg24246472</t>
  </si>
  <si>
    <t>cg24251862</t>
  </si>
  <si>
    <t>cg24254891</t>
  </si>
  <si>
    <t>cg24260710</t>
  </si>
  <si>
    <t>cg24268161</t>
  </si>
  <si>
    <t>cg24290616</t>
  </si>
  <si>
    <t>cg24297365</t>
  </si>
  <si>
    <t>cg24334045</t>
  </si>
  <si>
    <t>cg24343361</t>
  </si>
  <si>
    <t>cg24345184</t>
  </si>
  <si>
    <t>cg24349400</t>
  </si>
  <si>
    <t>cg24351767</t>
  </si>
  <si>
    <t>cg24360617</t>
  </si>
  <si>
    <t>cg24377562</t>
  </si>
  <si>
    <t>cg24387285</t>
  </si>
  <si>
    <t>cg24397874</t>
  </si>
  <si>
    <t>cg24399712</t>
  </si>
  <si>
    <t>cg24424889</t>
  </si>
  <si>
    <t>cg24435209</t>
  </si>
  <si>
    <t>cg24436022</t>
  </si>
  <si>
    <t>cg24508471</t>
  </si>
  <si>
    <t>cg24509815</t>
  </si>
  <si>
    <t>cg24515575</t>
  </si>
  <si>
    <t>cg24521010</t>
  </si>
  <si>
    <t>cg24531396</t>
  </si>
  <si>
    <t>cg24533864</t>
  </si>
  <si>
    <t>cg24534477</t>
  </si>
  <si>
    <t>cg24542766</t>
  </si>
  <si>
    <t>cg24547396</t>
  </si>
  <si>
    <t>cg24558188</t>
  </si>
  <si>
    <t>cg24649346</t>
  </si>
  <si>
    <t>cg24670330</t>
  </si>
  <si>
    <t>cg24671530</t>
  </si>
  <si>
    <t>cg24676000</t>
  </si>
  <si>
    <t>cg24682541</t>
  </si>
  <si>
    <t>cg24714094</t>
  </si>
  <si>
    <t>cg24726496</t>
  </si>
  <si>
    <t>cg24727122</t>
  </si>
  <si>
    <t>cg24730307</t>
  </si>
  <si>
    <t>cg24733497</t>
  </si>
  <si>
    <t>cg24756391</t>
  </si>
  <si>
    <t>cg24783979</t>
  </si>
  <si>
    <t>cg24820809</t>
  </si>
  <si>
    <t>cg24823993</t>
  </si>
  <si>
    <t>cg24841008</t>
  </si>
  <si>
    <t>cg24844449</t>
  </si>
  <si>
    <t>cg24846343</t>
  </si>
  <si>
    <t>cg24847404</t>
  </si>
  <si>
    <t>cg24849633</t>
  </si>
  <si>
    <t>cg24856732</t>
  </si>
  <si>
    <t>cg24858279</t>
  </si>
  <si>
    <t>cg24865017</t>
  </si>
  <si>
    <t>cg24867501</t>
  </si>
  <si>
    <t>cg24868201</t>
  </si>
  <si>
    <t>cg24872692</t>
  </si>
  <si>
    <t>cg24880886</t>
  </si>
  <si>
    <t>cg24889693</t>
  </si>
  <si>
    <t>cg24911827</t>
  </si>
  <si>
    <t>cg24918790</t>
  </si>
  <si>
    <t>cg24926361</t>
  </si>
  <si>
    <t>cg24929834</t>
  </si>
  <si>
    <t>cg24990612</t>
  </si>
  <si>
    <t>cg24991198</t>
  </si>
  <si>
    <t>cg24993400</t>
  </si>
  <si>
    <t>cg25013838</t>
  </si>
  <si>
    <t>cg25018755</t>
  </si>
  <si>
    <t>cg25036707</t>
  </si>
  <si>
    <t>cg25037461</t>
  </si>
  <si>
    <t>cg25039081</t>
  </si>
  <si>
    <t>cg25043629</t>
  </si>
  <si>
    <t>cg25081912</t>
  </si>
  <si>
    <t>cg25094927</t>
  </si>
  <si>
    <t>cg25137841</t>
  </si>
  <si>
    <t>cg25141264</t>
  </si>
  <si>
    <t>cg25141418</t>
  </si>
  <si>
    <t>cg25148866</t>
  </si>
  <si>
    <t>cg25161283</t>
  </si>
  <si>
    <t>cg25163076</t>
  </si>
  <si>
    <t>cg25164226</t>
  </si>
  <si>
    <t>cg25166896</t>
  </si>
  <si>
    <t>cg25210871</t>
  </si>
  <si>
    <t>cg25211705</t>
  </si>
  <si>
    <t>cg25211938</t>
  </si>
  <si>
    <t>cg25214792</t>
  </si>
  <si>
    <t>cg25219329</t>
  </si>
  <si>
    <t>cg25232725</t>
  </si>
  <si>
    <t>cg25244980</t>
  </si>
  <si>
    <t>cg25246692</t>
  </si>
  <si>
    <t>cg25257766</t>
  </si>
  <si>
    <t>cg25294502</t>
  </si>
  <si>
    <t>cg25302436</t>
  </si>
  <si>
    <t>cg25306991</t>
  </si>
  <si>
    <t>cg25310361</t>
  </si>
  <si>
    <t>cg25312966</t>
  </si>
  <si>
    <t>cg25321720</t>
  </si>
  <si>
    <t>cg25338000</t>
  </si>
  <si>
    <t>cg25343227</t>
  </si>
  <si>
    <t>cg25347941</t>
  </si>
  <si>
    <t>cg25349820</t>
  </si>
  <si>
    <t>cg25353896</t>
  </si>
  <si>
    <t>cg25357729</t>
  </si>
  <si>
    <t>cg25365849</t>
  </si>
  <si>
    <t>cg25367388</t>
  </si>
  <si>
    <t>cg25368284</t>
  </si>
  <si>
    <t>cg25375569</t>
  </si>
  <si>
    <t>cg25377498</t>
  </si>
  <si>
    <t>cg25392995</t>
  </si>
  <si>
    <t>cg25404088</t>
  </si>
  <si>
    <t>cg25405604</t>
  </si>
  <si>
    <t>cg25410636</t>
  </si>
  <si>
    <t>cg25414370</t>
  </si>
  <si>
    <t>cg25418528</t>
  </si>
  <si>
    <t>cg25421647</t>
  </si>
  <si>
    <t>cg25423416</t>
  </si>
  <si>
    <t>cg25431535</t>
  </si>
  <si>
    <t>cg25431597</t>
  </si>
  <si>
    <t>cg25447359</t>
  </si>
  <si>
    <t>cg25447894</t>
  </si>
  <si>
    <t>cg25449930</t>
  </si>
  <si>
    <t>cg25459323</t>
  </si>
  <si>
    <t>cg25468723</t>
  </si>
  <si>
    <t>cg25476775</t>
  </si>
  <si>
    <t>cg25492985</t>
  </si>
  <si>
    <t>cg25551219</t>
  </si>
  <si>
    <t>cg25559313</t>
  </si>
  <si>
    <t>cg25559898</t>
  </si>
  <si>
    <t>cg25575065</t>
  </si>
  <si>
    <t>cg25577379</t>
  </si>
  <si>
    <t>cg25590527</t>
  </si>
  <si>
    <t>cg25590640</t>
  </si>
  <si>
    <t>cg25591418</t>
  </si>
  <si>
    <t>cg25597060</t>
  </si>
  <si>
    <t>cg25597784</t>
  </si>
  <si>
    <t>cg25625146</t>
  </si>
  <si>
    <t>cg25635000</t>
  </si>
  <si>
    <t>cg25635500</t>
  </si>
  <si>
    <t>cg25636159</t>
  </si>
  <si>
    <t>cg25640245</t>
  </si>
  <si>
    <t>cg25648401</t>
  </si>
  <si>
    <t>cg25652754</t>
  </si>
  <si>
    <t>cg25672027</t>
  </si>
  <si>
    <t>cg25691070</t>
  </si>
  <si>
    <t>cg25706358</t>
  </si>
  <si>
    <t>cg25712246</t>
  </si>
  <si>
    <t>cg25721982</t>
  </si>
  <si>
    <t>cg25739715</t>
  </si>
  <si>
    <t>cg25750901</t>
  </si>
  <si>
    <t>cg25756470</t>
  </si>
  <si>
    <t>cg25759381</t>
  </si>
  <si>
    <t>cg25764824</t>
  </si>
  <si>
    <t>cg25775770</t>
  </si>
  <si>
    <t>cg25777153</t>
  </si>
  <si>
    <t>cg25784136</t>
  </si>
  <si>
    <t>cg25785378</t>
  </si>
  <si>
    <t>cg25786406</t>
  </si>
  <si>
    <t>cg25786785</t>
  </si>
  <si>
    <t>cg25790850</t>
  </si>
  <si>
    <t>cg25803927</t>
  </si>
  <si>
    <t>cg25811273</t>
  </si>
  <si>
    <t>cg25836955</t>
  </si>
  <si>
    <t>cg25841091</t>
  </si>
  <si>
    <t>cg25882056</t>
  </si>
  <si>
    <t>cg25882455</t>
  </si>
  <si>
    <t>cg25885358</t>
  </si>
  <si>
    <t>cg25898963</t>
  </si>
  <si>
    <t>cg25907215</t>
  </si>
  <si>
    <t>cg25921563</t>
  </si>
  <si>
    <t>cg25929046</t>
  </si>
  <si>
    <t>cg25933091</t>
  </si>
  <si>
    <t>cg25934169</t>
  </si>
  <si>
    <t>cg25943702</t>
  </si>
  <si>
    <t>cg25945449</t>
  </si>
  <si>
    <t>cg25959506</t>
  </si>
  <si>
    <t>cg25966022</t>
  </si>
  <si>
    <t>cg25970491</t>
  </si>
  <si>
    <t>cg25976804</t>
  </si>
  <si>
    <t>cg25983317</t>
  </si>
  <si>
    <t>cg25983854</t>
  </si>
  <si>
    <t>cg25990314</t>
  </si>
  <si>
    <t>cg25996826</t>
  </si>
  <si>
    <t>cg26000393</t>
  </si>
  <si>
    <t>cg26001125</t>
  </si>
  <si>
    <t>cg26008785</t>
  </si>
  <si>
    <t>cg26033457</t>
  </si>
  <si>
    <t>cg26034629</t>
  </si>
  <si>
    <t>cg26035489</t>
  </si>
  <si>
    <t>cg26061817</t>
  </si>
  <si>
    <t>cg26063087</t>
  </si>
  <si>
    <t>cg26063643</t>
  </si>
  <si>
    <t>cg26082280</t>
  </si>
  <si>
    <t>cg26095478</t>
  </si>
  <si>
    <t>cg26097073</t>
  </si>
  <si>
    <t>cg26133068</t>
  </si>
  <si>
    <t>cg26143719</t>
  </si>
  <si>
    <t>cg26169700</t>
  </si>
  <si>
    <t>cg26180255</t>
  </si>
  <si>
    <t>cg26185621</t>
  </si>
  <si>
    <t>cg26186732</t>
  </si>
  <si>
    <t>cg26190233</t>
  </si>
  <si>
    <t>cg26206185</t>
  </si>
  <si>
    <t>cg26207035</t>
  </si>
  <si>
    <t>cg26207309</t>
  </si>
  <si>
    <t>cg26219051</t>
  </si>
  <si>
    <t>cg26227661</t>
  </si>
  <si>
    <t>cg26233253</t>
  </si>
  <si>
    <t>cg26276947</t>
  </si>
  <si>
    <t>cg26280349</t>
  </si>
  <si>
    <t>cg26285749</t>
  </si>
  <si>
    <t>cg26287309</t>
  </si>
  <si>
    <t>cg26300500</t>
  </si>
  <si>
    <t>cg26340409</t>
  </si>
  <si>
    <t>cg26345037</t>
  </si>
  <si>
    <t>cg26368024</t>
  </si>
  <si>
    <t>cg26373518</t>
  </si>
  <si>
    <t>cg26375182</t>
  </si>
  <si>
    <t>cg26381878</t>
  </si>
  <si>
    <t>cg26394940</t>
  </si>
  <si>
    <t>cg26423539</t>
  </si>
  <si>
    <t>cg26449680</t>
  </si>
  <si>
    <t>cg26453588</t>
  </si>
  <si>
    <t>cg26460530</t>
  </si>
  <si>
    <t>cg26463088</t>
  </si>
  <si>
    <t>cg26465251</t>
  </si>
  <si>
    <t>cg26480524</t>
  </si>
  <si>
    <t>cg26486070</t>
  </si>
  <si>
    <t>cg26505074</t>
  </si>
  <si>
    <t>cg26506209</t>
  </si>
  <si>
    <t>cg26509402</t>
  </si>
  <si>
    <t>cg26530502</t>
  </si>
  <si>
    <t>cg26548134</t>
  </si>
  <si>
    <t>cg26549330</t>
  </si>
  <si>
    <t>cg26549713</t>
  </si>
  <si>
    <t>cg26550854</t>
  </si>
  <si>
    <t>cg26574610</t>
  </si>
  <si>
    <t>cg26581200</t>
  </si>
  <si>
    <t>cg26581503</t>
  </si>
  <si>
    <t>cg26643870</t>
  </si>
  <si>
    <t>cg26646411</t>
  </si>
  <si>
    <t>cg26646427</t>
  </si>
  <si>
    <t>cg26654001</t>
  </si>
  <si>
    <t>cg26658927</t>
  </si>
  <si>
    <t>cg26667287</t>
  </si>
  <si>
    <t>cg26674301</t>
  </si>
  <si>
    <t>cg26674402</t>
  </si>
  <si>
    <t>cg26675682</t>
  </si>
  <si>
    <t>cg26679348</t>
  </si>
  <si>
    <t>cg26683361</t>
  </si>
  <si>
    <t>cg26688803</t>
  </si>
  <si>
    <t>cg26700320</t>
  </si>
  <si>
    <t>cg26705472</t>
  </si>
  <si>
    <t>cg26724248</t>
  </si>
  <si>
    <t>cg26730347</t>
  </si>
  <si>
    <t>cg26746560</t>
  </si>
  <si>
    <t>cg26757673</t>
  </si>
  <si>
    <t>cg26758857</t>
  </si>
  <si>
    <t>cg26762136</t>
  </si>
  <si>
    <t>cg26782787</t>
  </si>
  <si>
    <t>cg26790091</t>
  </si>
  <si>
    <t>cg26792365</t>
  </si>
  <si>
    <t>cg26798772</t>
  </si>
  <si>
    <t>cg26816421</t>
  </si>
  <si>
    <t>cg26822572</t>
  </si>
  <si>
    <t>cg26831149</t>
  </si>
  <si>
    <t>cg26836183</t>
  </si>
  <si>
    <t>cg26861460</t>
  </si>
  <si>
    <t>cg26916373</t>
  </si>
  <si>
    <t>cg26919527</t>
  </si>
  <si>
    <t>cg26923908</t>
  </si>
  <si>
    <t>cg26954519</t>
  </si>
  <si>
    <t>cg26967305</t>
  </si>
  <si>
    <t>cg26969840</t>
  </si>
  <si>
    <t>cg26971710</t>
  </si>
  <si>
    <t>cg26979056</t>
  </si>
  <si>
    <t>cg26980323</t>
  </si>
  <si>
    <t>cg26983127</t>
  </si>
  <si>
    <t>cg26986147</t>
  </si>
  <si>
    <t>cg26993947</t>
  </si>
  <si>
    <t>cg26999345</t>
  </si>
  <si>
    <t>cg27004669</t>
  </si>
  <si>
    <t>cg27014625</t>
  </si>
  <si>
    <t>cg27017251</t>
  </si>
  <si>
    <t>cg27029377</t>
  </si>
  <si>
    <t>cg27029450</t>
  </si>
  <si>
    <t>cg27032184</t>
  </si>
  <si>
    <t>cg27047356</t>
  </si>
  <si>
    <t>cg27060381</t>
  </si>
  <si>
    <t>cg27061489</t>
  </si>
  <si>
    <t>cg27064178</t>
  </si>
  <si>
    <t>cg27075786</t>
  </si>
  <si>
    <t>cg27087377</t>
  </si>
  <si>
    <t>cg27103585</t>
  </si>
  <si>
    <t>cg27107094</t>
  </si>
  <si>
    <t>cg27112381</t>
  </si>
  <si>
    <t>cg27118809</t>
  </si>
  <si>
    <t>cg27128410</t>
  </si>
  <si>
    <t>cg27129725</t>
  </si>
  <si>
    <t>cg27131176</t>
  </si>
  <si>
    <t>cg27133713</t>
  </si>
  <si>
    <t>cg27137430</t>
  </si>
  <si>
    <t>cg27147871</t>
  </si>
  <si>
    <t>cg27166177</t>
  </si>
  <si>
    <t>cg27172287</t>
  </si>
  <si>
    <t>cg27187881</t>
  </si>
  <si>
    <t>cg27191921</t>
  </si>
  <si>
    <t>cg27194081</t>
  </si>
  <si>
    <t>cg27195224</t>
  </si>
  <si>
    <t>cg27200006</t>
  </si>
  <si>
    <t>cg27204535</t>
  </si>
  <si>
    <t>cg27210536</t>
  </si>
  <si>
    <t>cg27214856</t>
  </si>
  <si>
    <t>cg27304757</t>
  </si>
  <si>
    <t>cg27313403</t>
  </si>
  <si>
    <t>cg27325215</t>
  </si>
  <si>
    <t>cg27338353</t>
  </si>
  <si>
    <t>cg27378424</t>
  </si>
  <si>
    <t>cg27381549</t>
  </si>
  <si>
    <t>cg27440150</t>
  </si>
  <si>
    <t>cg27445278</t>
  </si>
  <si>
    <t>cg27447689</t>
  </si>
  <si>
    <t>cg27450867</t>
  </si>
  <si>
    <t>cg27450976</t>
  </si>
  <si>
    <t>cg27451450</t>
  </si>
  <si>
    <t>cg27454842</t>
  </si>
  <si>
    <t>cg27458631</t>
  </si>
  <si>
    <t>cg27467114</t>
  </si>
  <si>
    <t>cg27467552</t>
  </si>
  <si>
    <t>cg27480553</t>
  </si>
  <si>
    <t>cg27504369</t>
  </si>
  <si>
    <t>cg27506210</t>
  </si>
  <si>
    <t>cg27519579</t>
  </si>
  <si>
    <t>cg27521571</t>
  </si>
  <si>
    <t>cg27523491</t>
  </si>
  <si>
    <t>cg27523577</t>
  </si>
  <si>
    <t>cg27528247</t>
  </si>
  <si>
    <t>cg27532722</t>
  </si>
  <si>
    <t>cg27532867</t>
  </si>
  <si>
    <t>cg27545494</t>
  </si>
  <si>
    <t>cg27552198</t>
  </si>
  <si>
    <t>cg27553637</t>
  </si>
  <si>
    <t>cg27575890</t>
  </si>
  <si>
    <t>cg27585287</t>
  </si>
  <si>
    <t>cg27592453</t>
  </si>
  <si>
    <t>cg27601574</t>
  </si>
  <si>
    <t>cg27611781</t>
  </si>
  <si>
    <t>cg27612019</t>
  </si>
  <si>
    <t>cg27614432</t>
  </si>
  <si>
    <t>cg27634071</t>
  </si>
  <si>
    <t>cg27656573</t>
  </si>
  <si>
    <t>cg27657363</t>
  </si>
  <si>
    <t>cg27657537</t>
  </si>
  <si>
    <t>cg27660038</t>
  </si>
  <si>
    <t>cg27662611</t>
  </si>
  <si>
    <t>ch.22.17803970R</t>
  </si>
  <si>
    <t>ch.22.107403R</t>
  </si>
  <si>
    <t>ch.22.137888R</t>
  </si>
  <si>
    <t>ch.22.22597277R</t>
  </si>
  <si>
    <t>ch.22.25752197R</t>
  </si>
  <si>
    <t>ch.22.26442001R</t>
  </si>
  <si>
    <t>ch.22.467397R</t>
  </si>
  <si>
    <t>ch.22.33863861F</t>
  </si>
  <si>
    <t>ch.22.533187F</t>
  </si>
  <si>
    <t>ch.22.38010425R</t>
  </si>
  <si>
    <t>ch.22.740407F</t>
  </si>
  <si>
    <t>ch.22.43177094F</t>
  </si>
  <si>
    <t>ch.22.1008279F</t>
  </si>
  <si>
    <t>NFL</t>
  </si>
  <si>
    <t>pTau217</t>
  </si>
  <si>
    <t>Coefficient</t>
  </si>
  <si>
    <t>NfL</t>
  </si>
  <si>
    <t>ptau-21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1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28600</xdr:colOff>
      <xdr:row>0</xdr:row>
      <xdr:rowOff>133350</xdr:rowOff>
    </xdr:from>
    <xdr:to>
      <xdr:col>14</xdr:col>
      <xdr:colOff>542925</xdr:colOff>
      <xdr:row>7</xdr:row>
      <xdr:rowOff>9525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39F70B8F-4A1F-4C2F-9D9C-F76F58F9F40E}"/>
            </a:ext>
          </a:extLst>
        </xdr:cNvPr>
        <xdr:cNvSpPr txBox="1"/>
      </xdr:nvSpPr>
      <xdr:spPr>
        <a:xfrm>
          <a:off x="5105400" y="133350"/>
          <a:ext cx="3971925" cy="122872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GB" sz="1100" b="1"/>
            <a:t>Table</a:t>
          </a:r>
          <a:r>
            <a:rPr lang="en-GB" sz="1100" b="1" baseline="0"/>
            <a:t> S8-1: GFAP EWAS results</a:t>
          </a:r>
          <a:r>
            <a:rPr lang="en-GB" sz="1100" baseline="0"/>
            <a:t>. Beta = standardised effect size, SE = standard errror, Lower.CI = lower 95% confidence interval, Upper.CI = upper 95% confidence interval. </a:t>
          </a:r>
          <a:endParaRPr lang="en-GB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8</xdr:col>
      <xdr:colOff>295275</xdr:colOff>
      <xdr:row>0</xdr:row>
      <xdr:rowOff>95250</xdr:rowOff>
    </xdr:from>
    <xdr:ext cx="4714875" cy="78124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C1B5F04C-BD60-4477-9EE7-280EFAF0E17E}"/>
            </a:ext>
          </a:extLst>
        </xdr:cNvPr>
        <xdr:cNvSpPr txBox="1"/>
      </xdr:nvSpPr>
      <xdr:spPr>
        <a:xfrm>
          <a:off x="5172075" y="95250"/>
          <a:ext cx="4714875" cy="781240"/>
        </a:xfrm>
        <a:prstGeom prst="rect">
          <a:avLst/>
        </a:prstGeom>
        <a:solidFill>
          <a:sysClr val="window" lastClr="FFFFFF"/>
        </a:solidFill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spAutoFit/>
        </a:bodyPr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en-GB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Table</a:t>
          </a:r>
          <a:r>
            <a:rPr lang="en-GB" sz="1100" b="1" baseline="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 S8-2: NfL EWAS results</a:t>
          </a:r>
          <a:r>
            <a:rPr lang="en-GB" sz="1100" baseline="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. Beta = standardised effect size, SE = standard errror, Lower.CI = lower 95% confidence interval, Upper.CI = upper 95% confidence interval. </a:t>
          </a:r>
          <a:endParaRPr lang="en-GB">
            <a:effectLst/>
          </a:endParaRPr>
        </a:p>
        <a:p>
          <a:endParaRPr lang="en-GB" sz="110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95275</xdr:colOff>
      <xdr:row>1</xdr:row>
      <xdr:rowOff>9525</xdr:rowOff>
    </xdr:from>
    <xdr:to>
      <xdr:col>14</xdr:col>
      <xdr:colOff>361950</xdr:colOff>
      <xdr:row>5</xdr:row>
      <xdr:rowOff>13335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4186859B-0B32-45D2-AA05-AB408EB904CF}"/>
            </a:ext>
          </a:extLst>
        </xdr:cNvPr>
        <xdr:cNvSpPr txBox="1"/>
      </xdr:nvSpPr>
      <xdr:spPr>
        <a:xfrm>
          <a:off x="5172075" y="190500"/>
          <a:ext cx="3724275" cy="84772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en-GB" sz="11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Table</a:t>
          </a:r>
          <a:r>
            <a:rPr lang="en-GB" sz="1100" b="1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S8-3: ptau-217 EWAS results</a:t>
          </a:r>
          <a:r>
            <a:rPr lang="en-GB" sz="11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. Beta = standardised effect size, SE = standard errror, Lower.CI = lower 95% confidence interval, Upper.CI = upper 95% confidence interval. </a:t>
          </a:r>
          <a:endParaRPr lang="en-GB">
            <a:effectLst/>
          </a:endParaRPr>
        </a:p>
        <a:p>
          <a:endParaRPr lang="en-GB" sz="1100"/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457199</xdr:colOff>
      <xdr:row>1</xdr:row>
      <xdr:rowOff>114300</xdr:rowOff>
    </xdr:from>
    <xdr:to>
      <xdr:col>10</xdr:col>
      <xdr:colOff>85724</xdr:colOff>
      <xdr:row>6</xdr:row>
      <xdr:rowOff>7620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E8CA9381-4641-4E5D-99FF-3E574610F0A4}"/>
            </a:ext>
          </a:extLst>
        </xdr:cNvPr>
        <xdr:cNvSpPr txBox="1"/>
      </xdr:nvSpPr>
      <xdr:spPr>
        <a:xfrm>
          <a:off x="2771774" y="295275"/>
          <a:ext cx="3895725" cy="86677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GB" sz="1100" b="1"/>
            <a:t>Table S8-4:</a:t>
          </a:r>
          <a:r>
            <a:rPr lang="en-GB" sz="1100" b="1" baseline="0"/>
            <a:t> EpiScore weights for GFAP, NfL and ptau-217 trained with all available probes. </a:t>
          </a:r>
          <a:endParaRPr lang="en-GB" sz="1100" b="1"/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33375</xdr:colOff>
      <xdr:row>0</xdr:row>
      <xdr:rowOff>171450</xdr:rowOff>
    </xdr:from>
    <xdr:to>
      <xdr:col>8</xdr:col>
      <xdr:colOff>276225</xdr:colOff>
      <xdr:row>5</xdr:row>
      <xdr:rowOff>5715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E0E3F5EB-D227-4277-AE87-81DCAC10DA0C}"/>
            </a:ext>
          </a:extLst>
        </xdr:cNvPr>
        <xdr:cNvSpPr txBox="1"/>
      </xdr:nvSpPr>
      <xdr:spPr>
        <a:xfrm>
          <a:off x="2362200" y="171450"/>
          <a:ext cx="2990850" cy="79057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en-GB" sz="11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Table S8-5:</a:t>
          </a:r>
          <a:r>
            <a:rPr lang="en-GB" sz="1100" b="1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EpiScore weights for GFAP, NfL and ptau-217 trained with reliable probes. </a:t>
          </a:r>
          <a:endParaRPr lang="en-GB">
            <a:effectLst/>
          </a:endParaRPr>
        </a:p>
        <a:p>
          <a:endParaRPr lang="en-GB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4CF06B-60BC-4403-8292-28B7E9323EF5}">
  <dimension ref="A1:C147"/>
  <sheetViews>
    <sheetView workbookViewId="0">
      <selection activeCell="G32" sqref="G32"/>
    </sheetView>
  </sheetViews>
  <sheetFormatPr defaultRowHeight="14.5" x14ac:dyDescent="0.35"/>
  <cols>
    <col min="1" max="1" width="15.7265625" customWidth="1"/>
  </cols>
  <sheetData>
    <row r="1" spans="1:3" x14ac:dyDescent="0.35">
      <c r="A1" t="s">
        <v>1</v>
      </c>
      <c r="B1" t="s">
        <v>0</v>
      </c>
      <c r="C1" t="s">
        <v>255367</v>
      </c>
    </row>
    <row r="2" spans="1:3" x14ac:dyDescent="0.35">
      <c r="A2" t="s">
        <v>9</v>
      </c>
      <c r="B2" t="s">
        <v>150</v>
      </c>
      <c r="C2">
        <v>0.11264241879317</v>
      </c>
    </row>
    <row r="3" spans="1:3" x14ac:dyDescent="0.35">
      <c r="A3" t="s">
        <v>9</v>
      </c>
      <c r="B3" t="s">
        <v>22269</v>
      </c>
      <c r="C3">
        <v>-6.4081789152926505E-2</v>
      </c>
    </row>
    <row r="4" spans="1:3" x14ac:dyDescent="0.35">
      <c r="A4" t="s">
        <v>9</v>
      </c>
      <c r="B4" t="s">
        <v>44924</v>
      </c>
      <c r="C4">
        <v>-9.1874175448098706E-3</v>
      </c>
    </row>
    <row r="5" spans="1:3" x14ac:dyDescent="0.35">
      <c r="A5" t="s">
        <v>9</v>
      </c>
      <c r="B5" t="s">
        <v>56571</v>
      </c>
      <c r="C5">
        <v>-2.8225459294924302E-2</v>
      </c>
    </row>
    <row r="6" spans="1:3" x14ac:dyDescent="0.35">
      <c r="A6" t="s">
        <v>9</v>
      </c>
      <c r="B6" t="s">
        <v>82400</v>
      </c>
      <c r="C6">
        <v>-4.3975698970548503E-2</v>
      </c>
    </row>
    <row r="7" spans="1:3" x14ac:dyDescent="0.35">
      <c r="A7" t="s">
        <v>9</v>
      </c>
      <c r="B7" t="s">
        <v>83697</v>
      </c>
      <c r="C7">
        <v>0.20403541073671899</v>
      </c>
    </row>
    <row r="8" spans="1:3" x14ac:dyDescent="0.35">
      <c r="A8" t="s">
        <v>9</v>
      </c>
      <c r="B8" t="s">
        <v>84274</v>
      </c>
      <c r="C8">
        <v>-2.20341616252894E-2</v>
      </c>
    </row>
    <row r="9" spans="1:3" x14ac:dyDescent="0.35">
      <c r="A9" t="s">
        <v>9</v>
      </c>
      <c r="B9" t="s">
        <v>152787</v>
      </c>
      <c r="C9">
        <v>-8.6033894487875292E-3</v>
      </c>
    </row>
    <row r="10" spans="1:3" x14ac:dyDescent="0.35">
      <c r="A10" t="s">
        <v>9</v>
      </c>
      <c r="B10" t="s">
        <v>153456</v>
      </c>
      <c r="C10">
        <v>-2.0729124471058E-2</v>
      </c>
    </row>
    <row r="11" spans="1:3" x14ac:dyDescent="0.35">
      <c r="A11" t="s">
        <v>9</v>
      </c>
      <c r="B11" t="s">
        <v>155462</v>
      </c>
      <c r="C11">
        <v>-8.4818223176007599E-3</v>
      </c>
    </row>
    <row r="12" spans="1:3" x14ac:dyDescent="0.35">
      <c r="A12" t="s">
        <v>9</v>
      </c>
      <c r="B12" t="s">
        <v>168795</v>
      </c>
      <c r="C12">
        <v>-0.28487457716146503</v>
      </c>
    </row>
    <row r="13" spans="1:3" x14ac:dyDescent="0.35">
      <c r="A13" t="s">
        <v>9</v>
      </c>
      <c r="B13" t="s">
        <v>216739</v>
      </c>
      <c r="C13">
        <v>-0.13940962295268799</v>
      </c>
    </row>
    <row r="14" spans="1:3" x14ac:dyDescent="0.35">
      <c r="A14" t="s">
        <v>9</v>
      </c>
      <c r="B14" t="s">
        <v>225304</v>
      </c>
      <c r="C14">
        <v>-0.13666879231351201</v>
      </c>
    </row>
    <row r="15" spans="1:3" x14ac:dyDescent="0.35">
      <c r="A15" t="s">
        <v>9</v>
      </c>
      <c r="B15" t="s">
        <v>242509</v>
      </c>
      <c r="C15">
        <v>0.10369823545535301</v>
      </c>
    </row>
    <row r="16" spans="1:3" x14ac:dyDescent="0.35">
      <c r="A16" t="s">
        <v>255368</v>
      </c>
      <c r="B16" t="s">
        <v>4226</v>
      </c>
      <c r="C16">
        <v>-0.31401238801590098</v>
      </c>
    </row>
    <row r="17" spans="1:3" x14ac:dyDescent="0.35">
      <c r="A17" t="s">
        <v>255368</v>
      </c>
      <c r="B17" t="s">
        <v>6970</v>
      </c>
      <c r="C17">
        <v>0.204131713456952</v>
      </c>
    </row>
    <row r="18" spans="1:3" x14ac:dyDescent="0.35">
      <c r="A18" t="s">
        <v>255368</v>
      </c>
      <c r="B18" t="s">
        <v>8103</v>
      </c>
      <c r="C18">
        <v>-0.92082923761803204</v>
      </c>
    </row>
    <row r="19" spans="1:3" x14ac:dyDescent="0.35">
      <c r="A19" t="s">
        <v>255368</v>
      </c>
      <c r="B19" t="s">
        <v>11753</v>
      </c>
      <c r="C19">
        <v>0.31687809437976</v>
      </c>
    </row>
    <row r="20" spans="1:3" x14ac:dyDescent="0.35">
      <c r="A20" t="s">
        <v>255368</v>
      </c>
      <c r="B20" t="s">
        <v>12127</v>
      </c>
      <c r="C20">
        <v>0.67607800459492196</v>
      </c>
    </row>
    <row r="21" spans="1:3" x14ac:dyDescent="0.35">
      <c r="A21" t="s">
        <v>255368</v>
      </c>
      <c r="B21" t="s">
        <v>18374</v>
      </c>
      <c r="C21">
        <v>0.90277810431021599</v>
      </c>
    </row>
    <row r="22" spans="1:3" x14ac:dyDescent="0.35">
      <c r="A22" t="s">
        <v>255368</v>
      </c>
      <c r="B22" t="s">
        <v>19312</v>
      </c>
      <c r="C22">
        <v>-1.1793480713134199</v>
      </c>
    </row>
    <row r="23" spans="1:3" x14ac:dyDescent="0.35">
      <c r="A23" t="s">
        <v>255368</v>
      </c>
      <c r="B23" t="s">
        <v>21375</v>
      </c>
      <c r="C23">
        <v>-0.78190920043414802</v>
      </c>
    </row>
    <row r="24" spans="1:3" x14ac:dyDescent="0.35">
      <c r="A24" t="s">
        <v>255368</v>
      </c>
      <c r="B24" t="s">
        <v>22269</v>
      </c>
      <c r="C24">
        <v>-0.107840743258473</v>
      </c>
    </row>
    <row r="25" spans="1:3" x14ac:dyDescent="0.35">
      <c r="A25" t="s">
        <v>255368</v>
      </c>
      <c r="B25" t="s">
        <v>22560</v>
      </c>
      <c r="C25">
        <v>3.1999369508757203E-2</v>
      </c>
    </row>
    <row r="26" spans="1:3" x14ac:dyDescent="0.35">
      <c r="A26" t="s">
        <v>255368</v>
      </c>
      <c r="B26" t="s">
        <v>22863</v>
      </c>
      <c r="C26">
        <v>-4.6293925226535297E-2</v>
      </c>
    </row>
    <row r="27" spans="1:3" x14ac:dyDescent="0.35">
      <c r="A27" t="s">
        <v>255368</v>
      </c>
      <c r="B27" t="s">
        <v>26974</v>
      </c>
      <c r="C27">
        <v>-0.28686245404134503</v>
      </c>
    </row>
    <row r="28" spans="1:3" x14ac:dyDescent="0.35">
      <c r="A28" t="s">
        <v>255368</v>
      </c>
      <c r="B28" t="s">
        <v>28920</v>
      </c>
      <c r="C28">
        <v>0.30264547738949399</v>
      </c>
    </row>
    <row r="29" spans="1:3" x14ac:dyDescent="0.35">
      <c r="A29" t="s">
        <v>255368</v>
      </c>
      <c r="B29" t="s">
        <v>29579</v>
      </c>
      <c r="C29">
        <v>-9.6855235920353305E-2</v>
      </c>
    </row>
    <row r="30" spans="1:3" x14ac:dyDescent="0.35">
      <c r="A30" t="s">
        <v>255368</v>
      </c>
      <c r="B30" t="s">
        <v>31412</v>
      </c>
      <c r="C30">
        <v>-0.18284965638586001</v>
      </c>
    </row>
    <row r="31" spans="1:3" x14ac:dyDescent="0.35">
      <c r="A31" t="s">
        <v>255368</v>
      </c>
      <c r="B31" t="s">
        <v>31961</v>
      </c>
      <c r="C31">
        <v>2.4771679480167601E-2</v>
      </c>
    </row>
    <row r="32" spans="1:3" x14ac:dyDescent="0.35">
      <c r="A32" t="s">
        <v>255368</v>
      </c>
      <c r="B32" t="s">
        <v>34787</v>
      </c>
      <c r="C32">
        <v>-1.00773417577696</v>
      </c>
    </row>
    <row r="33" spans="1:3" x14ac:dyDescent="0.35">
      <c r="A33" t="s">
        <v>255368</v>
      </c>
      <c r="B33" t="s">
        <v>35671</v>
      </c>
      <c r="C33">
        <v>-1.9931786591418299</v>
      </c>
    </row>
    <row r="34" spans="1:3" x14ac:dyDescent="0.35">
      <c r="A34" t="s">
        <v>255368</v>
      </c>
      <c r="B34" t="s">
        <v>38870</v>
      </c>
      <c r="C34">
        <v>-0.16043656740597101</v>
      </c>
    </row>
    <row r="35" spans="1:3" x14ac:dyDescent="0.35">
      <c r="A35" t="s">
        <v>255368</v>
      </c>
      <c r="B35" t="s">
        <v>39006</v>
      </c>
      <c r="C35">
        <v>3.2026870155809503E-2</v>
      </c>
    </row>
    <row r="36" spans="1:3" x14ac:dyDescent="0.35">
      <c r="A36" t="s">
        <v>255368</v>
      </c>
      <c r="B36" t="s">
        <v>41517</v>
      </c>
      <c r="C36">
        <v>-0.12816255084848899</v>
      </c>
    </row>
    <row r="37" spans="1:3" x14ac:dyDescent="0.35">
      <c r="A37" t="s">
        <v>255368</v>
      </c>
      <c r="B37" t="s">
        <v>46121</v>
      </c>
      <c r="C37">
        <v>-0.23023538594852599</v>
      </c>
    </row>
    <row r="38" spans="1:3" x14ac:dyDescent="0.35">
      <c r="A38" t="s">
        <v>255368</v>
      </c>
      <c r="B38" t="s">
        <v>47807</v>
      </c>
      <c r="C38">
        <v>-5.0323278959733903E-2</v>
      </c>
    </row>
    <row r="39" spans="1:3" x14ac:dyDescent="0.35">
      <c r="A39" t="s">
        <v>255368</v>
      </c>
      <c r="B39" t="s">
        <v>49006</v>
      </c>
      <c r="C39">
        <v>-4.57587947687162E-2</v>
      </c>
    </row>
    <row r="40" spans="1:3" x14ac:dyDescent="0.35">
      <c r="A40" t="s">
        <v>255368</v>
      </c>
      <c r="B40" t="s">
        <v>53016</v>
      </c>
      <c r="C40">
        <v>6.5759011604453493E-2</v>
      </c>
    </row>
    <row r="41" spans="1:3" x14ac:dyDescent="0.35">
      <c r="A41" t="s">
        <v>255368</v>
      </c>
      <c r="B41" t="s">
        <v>53424</v>
      </c>
      <c r="C41">
        <v>-0.32952878898975702</v>
      </c>
    </row>
    <row r="42" spans="1:3" x14ac:dyDescent="0.35">
      <c r="A42" t="s">
        <v>255368</v>
      </c>
      <c r="B42" t="s">
        <v>56799</v>
      </c>
      <c r="C42">
        <v>-5.1120265389331301E-2</v>
      </c>
    </row>
    <row r="43" spans="1:3" x14ac:dyDescent="0.35">
      <c r="A43" t="s">
        <v>255368</v>
      </c>
      <c r="B43" t="s">
        <v>57770</v>
      </c>
      <c r="C43">
        <v>0.16622136274811</v>
      </c>
    </row>
    <row r="44" spans="1:3" x14ac:dyDescent="0.35">
      <c r="A44" t="s">
        <v>255368</v>
      </c>
      <c r="B44" t="s">
        <v>57870</v>
      </c>
      <c r="C44">
        <v>-3.7699451823088301E-2</v>
      </c>
    </row>
    <row r="45" spans="1:3" x14ac:dyDescent="0.35">
      <c r="A45" t="s">
        <v>255368</v>
      </c>
      <c r="B45" t="s">
        <v>58963</v>
      </c>
      <c r="C45">
        <v>3.79269463557665</v>
      </c>
    </row>
    <row r="46" spans="1:3" x14ac:dyDescent="0.35">
      <c r="A46" t="s">
        <v>255368</v>
      </c>
      <c r="B46" t="s">
        <v>60196</v>
      </c>
      <c r="C46">
        <v>-3.55601501499727E-3</v>
      </c>
    </row>
    <row r="47" spans="1:3" x14ac:dyDescent="0.35">
      <c r="A47" t="s">
        <v>255368</v>
      </c>
      <c r="B47" t="s">
        <v>60894</v>
      </c>
      <c r="C47">
        <v>-3.5414810055985201E-2</v>
      </c>
    </row>
    <row r="48" spans="1:3" x14ac:dyDescent="0.35">
      <c r="A48" t="s">
        <v>255368</v>
      </c>
      <c r="B48" t="s">
        <v>64901</v>
      </c>
      <c r="C48">
        <v>6.4990552557935496E-3</v>
      </c>
    </row>
    <row r="49" spans="1:3" x14ac:dyDescent="0.35">
      <c r="A49" t="s">
        <v>255368</v>
      </c>
      <c r="B49" t="s">
        <v>65133</v>
      </c>
      <c r="C49">
        <v>-1.0235396149689999</v>
      </c>
    </row>
    <row r="50" spans="1:3" x14ac:dyDescent="0.35">
      <c r="A50" t="s">
        <v>255368</v>
      </c>
      <c r="B50" t="s">
        <v>66800</v>
      </c>
      <c r="C50">
        <v>-1.5103751425815399</v>
      </c>
    </row>
    <row r="51" spans="1:3" x14ac:dyDescent="0.35">
      <c r="A51" t="s">
        <v>255368</v>
      </c>
      <c r="B51" t="s">
        <v>68786</v>
      </c>
      <c r="C51">
        <v>0.78695484715131903</v>
      </c>
    </row>
    <row r="52" spans="1:3" x14ac:dyDescent="0.35">
      <c r="A52" t="s">
        <v>255368</v>
      </c>
      <c r="B52" t="s">
        <v>74110</v>
      </c>
      <c r="C52">
        <v>-9.1622379646619706E-2</v>
      </c>
    </row>
    <row r="53" spans="1:3" x14ac:dyDescent="0.35">
      <c r="A53" t="s">
        <v>255368</v>
      </c>
      <c r="B53" t="s">
        <v>74305</v>
      </c>
      <c r="C53">
        <v>-0.60845300257903401</v>
      </c>
    </row>
    <row r="54" spans="1:3" x14ac:dyDescent="0.35">
      <c r="A54" t="s">
        <v>255368</v>
      </c>
      <c r="B54" t="s">
        <v>77432</v>
      </c>
      <c r="C54">
        <v>-1.05877253280579</v>
      </c>
    </row>
    <row r="55" spans="1:3" x14ac:dyDescent="0.35">
      <c r="A55" t="s">
        <v>255368</v>
      </c>
      <c r="B55" t="s">
        <v>77680</v>
      </c>
      <c r="C55">
        <v>-9.6369223730249799E-3</v>
      </c>
    </row>
    <row r="56" spans="1:3" x14ac:dyDescent="0.35">
      <c r="A56" t="s">
        <v>255368</v>
      </c>
      <c r="B56" t="s">
        <v>79595</v>
      </c>
      <c r="C56">
        <v>2.3730491675467502</v>
      </c>
    </row>
    <row r="57" spans="1:3" x14ac:dyDescent="0.35">
      <c r="A57" t="s">
        <v>255368</v>
      </c>
      <c r="B57" t="s">
        <v>83312</v>
      </c>
      <c r="C57">
        <v>-0.75420970543667698</v>
      </c>
    </row>
    <row r="58" spans="1:3" x14ac:dyDescent="0.35">
      <c r="A58" t="s">
        <v>255368</v>
      </c>
      <c r="B58" t="s">
        <v>84134</v>
      </c>
      <c r="C58">
        <v>-0.19490298129865199</v>
      </c>
    </row>
    <row r="59" spans="1:3" x14ac:dyDescent="0.35">
      <c r="A59" t="s">
        <v>255368</v>
      </c>
      <c r="B59" t="s">
        <v>91447</v>
      </c>
      <c r="C59">
        <v>-7.6288528553962204E-2</v>
      </c>
    </row>
    <row r="60" spans="1:3" x14ac:dyDescent="0.35">
      <c r="A60" t="s">
        <v>255368</v>
      </c>
      <c r="B60" t="s">
        <v>94032</v>
      </c>
      <c r="C60">
        <v>8.4960487837615003E-4</v>
      </c>
    </row>
    <row r="61" spans="1:3" x14ac:dyDescent="0.35">
      <c r="A61" t="s">
        <v>255368</v>
      </c>
      <c r="B61" t="s">
        <v>96205</v>
      </c>
      <c r="C61">
        <v>-6.5014714289995307E-2</v>
      </c>
    </row>
    <row r="62" spans="1:3" x14ac:dyDescent="0.35">
      <c r="A62" t="s">
        <v>255368</v>
      </c>
      <c r="B62" t="s">
        <v>97325</v>
      </c>
      <c r="C62">
        <v>-0.18390255480179399</v>
      </c>
    </row>
    <row r="63" spans="1:3" x14ac:dyDescent="0.35">
      <c r="A63" t="s">
        <v>255368</v>
      </c>
      <c r="B63" t="s">
        <v>98945</v>
      </c>
      <c r="C63">
        <v>-2.2283906018962699E-2</v>
      </c>
    </row>
    <row r="64" spans="1:3" x14ac:dyDescent="0.35">
      <c r="A64" t="s">
        <v>255368</v>
      </c>
      <c r="B64" t="s">
        <v>99511</v>
      </c>
      <c r="C64">
        <v>-9.8224490433189204E-2</v>
      </c>
    </row>
    <row r="65" spans="1:3" x14ac:dyDescent="0.35">
      <c r="A65" t="s">
        <v>255368</v>
      </c>
      <c r="B65" t="s">
        <v>105648</v>
      </c>
      <c r="C65">
        <v>1.78786945672368E-2</v>
      </c>
    </row>
    <row r="66" spans="1:3" x14ac:dyDescent="0.35">
      <c r="A66" t="s">
        <v>255368</v>
      </c>
      <c r="B66" t="s">
        <v>106073</v>
      </c>
      <c r="C66">
        <v>1.40323671996853E-4</v>
      </c>
    </row>
    <row r="67" spans="1:3" x14ac:dyDescent="0.35">
      <c r="A67" t="s">
        <v>255368</v>
      </c>
      <c r="B67" t="s">
        <v>107557</v>
      </c>
      <c r="C67">
        <v>0.65803473297000603</v>
      </c>
    </row>
    <row r="68" spans="1:3" x14ac:dyDescent="0.35">
      <c r="A68" t="s">
        <v>255368</v>
      </c>
      <c r="B68" t="s">
        <v>109921</v>
      </c>
      <c r="C68">
        <v>-6.4504488101712998E-2</v>
      </c>
    </row>
    <row r="69" spans="1:3" x14ac:dyDescent="0.35">
      <c r="A69" t="s">
        <v>255368</v>
      </c>
      <c r="B69" t="s">
        <v>112115</v>
      </c>
      <c r="C69">
        <v>2.52991985707718E-2</v>
      </c>
    </row>
    <row r="70" spans="1:3" x14ac:dyDescent="0.35">
      <c r="A70" t="s">
        <v>255368</v>
      </c>
      <c r="B70" t="s">
        <v>119484</v>
      </c>
      <c r="C70">
        <v>-0.171130462591397</v>
      </c>
    </row>
    <row r="71" spans="1:3" x14ac:dyDescent="0.35">
      <c r="A71" t="s">
        <v>255368</v>
      </c>
      <c r="B71" t="s">
        <v>121470</v>
      </c>
      <c r="C71">
        <v>6.4365646240854099E-2</v>
      </c>
    </row>
    <row r="72" spans="1:3" x14ac:dyDescent="0.35">
      <c r="A72" t="s">
        <v>255368</v>
      </c>
      <c r="B72" t="s">
        <v>127035</v>
      </c>
      <c r="C72">
        <v>-0.32490917855315699</v>
      </c>
    </row>
    <row r="73" spans="1:3" x14ac:dyDescent="0.35">
      <c r="A73" t="s">
        <v>255368</v>
      </c>
      <c r="B73" t="s">
        <v>129371</v>
      </c>
      <c r="C73">
        <v>-0.17590777125124099</v>
      </c>
    </row>
    <row r="74" spans="1:3" x14ac:dyDescent="0.35">
      <c r="A74" t="s">
        <v>255368</v>
      </c>
      <c r="B74" t="s">
        <v>132486</v>
      </c>
      <c r="C74">
        <v>3.1565637163744102E-2</v>
      </c>
    </row>
    <row r="75" spans="1:3" x14ac:dyDescent="0.35">
      <c r="A75" t="s">
        <v>255368</v>
      </c>
      <c r="B75" t="s">
        <v>133648</v>
      </c>
      <c r="C75">
        <v>4.9924849844815801E-2</v>
      </c>
    </row>
    <row r="76" spans="1:3" x14ac:dyDescent="0.35">
      <c r="A76" t="s">
        <v>255368</v>
      </c>
      <c r="B76" t="s">
        <v>136975</v>
      </c>
      <c r="C76">
        <v>-6.3546275081560799E-2</v>
      </c>
    </row>
    <row r="77" spans="1:3" x14ac:dyDescent="0.35">
      <c r="A77" t="s">
        <v>255368</v>
      </c>
      <c r="B77" t="s">
        <v>143274</v>
      </c>
      <c r="C77">
        <v>0.33307806985560301</v>
      </c>
    </row>
    <row r="78" spans="1:3" x14ac:dyDescent="0.35">
      <c r="A78" t="s">
        <v>255368</v>
      </c>
      <c r="B78" t="s">
        <v>146139</v>
      </c>
      <c r="C78">
        <v>8.4752563400754197E-2</v>
      </c>
    </row>
    <row r="79" spans="1:3" x14ac:dyDescent="0.35">
      <c r="A79" t="s">
        <v>255368</v>
      </c>
      <c r="B79" t="s">
        <v>147275</v>
      </c>
      <c r="C79">
        <v>2.4917704132585199E-2</v>
      </c>
    </row>
    <row r="80" spans="1:3" x14ac:dyDescent="0.35">
      <c r="A80" t="s">
        <v>255368</v>
      </c>
      <c r="B80" t="s">
        <v>148007</v>
      </c>
      <c r="C80">
        <v>-7.1056966466622297E-3</v>
      </c>
    </row>
    <row r="81" spans="1:3" x14ac:dyDescent="0.35">
      <c r="A81" t="s">
        <v>255368</v>
      </c>
      <c r="B81" t="s">
        <v>148243</v>
      </c>
      <c r="C81">
        <v>-0.21227521646790901</v>
      </c>
    </row>
    <row r="82" spans="1:3" x14ac:dyDescent="0.35">
      <c r="A82" t="s">
        <v>255368</v>
      </c>
      <c r="B82" t="s">
        <v>148367</v>
      </c>
      <c r="C82">
        <v>-4.4320852779298099E-2</v>
      </c>
    </row>
    <row r="83" spans="1:3" x14ac:dyDescent="0.35">
      <c r="A83" t="s">
        <v>255368</v>
      </c>
      <c r="B83" t="s">
        <v>151000</v>
      </c>
      <c r="C83">
        <v>-6.2582705297090802E-3</v>
      </c>
    </row>
    <row r="84" spans="1:3" x14ac:dyDescent="0.35">
      <c r="A84" t="s">
        <v>255368</v>
      </c>
      <c r="B84" t="s">
        <v>161400</v>
      </c>
      <c r="C84">
        <v>-0.114251336862282</v>
      </c>
    </row>
    <row r="85" spans="1:3" x14ac:dyDescent="0.35">
      <c r="A85" t="s">
        <v>255368</v>
      </c>
      <c r="B85" t="s">
        <v>166801</v>
      </c>
      <c r="C85">
        <v>1.43508787838956E-2</v>
      </c>
    </row>
    <row r="86" spans="1:3" x14ac:dyDescent="0.35">
      <c r="A86" t="s">
        <v>255368</v>
      </c>
      <c r="B86" t="s">
        <v>169401</v>
      </c>
      <c r="C86">
        <v>-0.161271967309051</v>
      </c>
    </row>
    <row r="87" spans="1:3" x14ac:dyDescent="0.35">
      <c r="A87" t="s">
        <v>255368</v>
      </c>
      <c r="B87" t="s">
        <v>169435</v>
      </c>
      <c r="C87">
        <v>-0.13076906418084899</v>
      </c>
    </row>
    <row r="88" spans="1:3" x14ac:dyDescent="0.35">
      <c r="A88" t="s">
        <v>255368</v>
      </c>
      <c r="B88" t="s">
        <v>172785</v>
      </c>
      <c r="C88">
        <v>5.5475646633000003E-2</v>
      </c>
    </row>
    <row r="89" spans="1:3" x14ac:dyDescent="0.35">
      <c r="A89" t="s">
        <v>255368</v>
      </c>
      <c r="B89" t="s">
        <v>176286</v>
      </c>
      <c r="C89">
        <v>-0.103163113470884</v>
      </c>
    </row>
    <row r="90" spans="1:3" x14ac:dyDescent="0.35">
      <c r="A90" t="s">
        <v>255368</v>
      </c>
      <c r="B90" t="s">
        <v>181577</v>
      </c>
      <c r="C90">
        <v>0.39569810986557902</v>
      </c>
    </row>
    <row r="91" spans="1:3" x14ac:dyDescent="0.35">
      <c r="A91" t="s">
        <v>255368</v>
      </c>
      <c r="B91" t="s">
        <v>185625</v>
      </c>
      <c r="C91">
        <v>-3.65326748738688E-3</v>
      </c>
    </row>
    <row r="92" spans="1:3" x14ac:dyDescent="0.35">
      <c r="A92" t="s">
        <v>255368</v>
      </c>
      <c r="B92" t="s">
        <v>194686</v>
      </c>
      <c r="C92">
        <v>-0.139733398242674</v>
      </c>
    </row>
    <row r="93" spans="1:3" x14ac:dyDescent="0.35">
      <c r="A93" t="s">
        <v>255368</v>
      </c>
      <c r="B93" t="s">
        <v>200008</v>
      </c>
      <c r="C93">
        <v>-0.24040054033407299</v>
      </c>
    </row>
    <row r="94" spans="1:3" x14ac:dyDescent="0.35">
      <c r="A94" t="s">
        <v>255368</v>
      </c>
      <c r="B94" t="s">
        <v>204723</v>
      </c>
      <c r="C94">
        <v>-0.15597212300487101</v>
      </c>
    </row>
    <row r="95" spans="1:3" x14ac:dyDescent="0.35">
      <c r="A95" t="s">
        <v>255368</v>
      </c>
      <c r="B95" t="s">
        <v>205065</v>
      </c>
      <c r="C95">
        <v>-3.3918059285923098E-2</v>
      </c>
    </row>
    <row r="96" spans="1:3" x14ac:dyDescent="0.35">
      <c r="A96" t="s">
        <v>255368</v>
      </c>
      <c r="B96" t="s">
        <v>213126</v>
      </c>
      <c r="C96">
        <v>-6.3438668219444896E-2</v>
      </c>
    </row>
    <row r="97" spans="1:3" x14ac:dyDescent="0.35">
      <c r="A97" t="s">
        <v>255368</v>
      </c>
      <c r="B97" t="s">
        <v>213542</v>
      </c>
      <c r="C97">
        <v>9.2208933566576098E-2</v>
      </c>
    </row>
    <row r="98" spans="1:3" x14ac:dyDescent="0.35">
      <c r="A98" t="s">
        <v>255368</v>
      </c>
      <c r="B98" t="s">
        <v>216739</v>
      </c>
      <c r="C98">
        <v>-0.44997771881666798</v>
      </c>
    </row>
    <row r="99" spans="1:3" x14ac:dyDescent="0.35">
      <c r="A99" t="s">
        <v>255368</v>
      </c>
      <c r="B99" t="s">
        <v>218200</v>
      </c>
      <c r="C99">
        <v>-9.67302784948945E-4</v>
      </c>
    </row>
    <row r="100" spans="1:3" x14ac:dyDescent="0.35">
      <c r="A100" t="s">
        <v>255368</v>
      </c>
      <c r="B100" t="s">
        <v>218832</v>
      </c>
      <c r="C100">
        <v>3.0312005351429698E-3</v>
      </c>
    </row>
    <row r="101" spans="1:3" x14ac:dyDescent="0.35">
      <c r="A101" t="s">
        <v>255368</v>
      </c>
      <c r="B101" t="s">
        <v>218863</v>
      </c>
      <c r="C101">
        <v>-8.44086842807205E-2</v>
      </c>
    </row>
    <row r="102" spans="1:3" x14ac:dyDescent="0.35">
      <c r="A102" t="s">
        <v>255368</v>
      </c>
      <c r="B102" t="s">
        <v>222939</v>
      </c>
      <c r="C102">
        <v>-1.24216074808054E-2</v>
      </c>
    </row>
    <row r="103" spans="1:3" x14ac:dyDescent="0.35">
      <c r="A103" t="s">
        <v>255368</v>
      </c>
      <c r="B103" t="s">
        <v>226597</v>
      </c>
      <c r="C103">
        <v>-0.18065937499706899</v>
      </c>
    </row>
    <row r="104" spans="1:3" x14ac:dyDescent="0.35">
      <c r="A104" t="s">
        <v>255368</v>
      </c>
      <c r="B104" t="s">
        <v>228533</v>
      </c>
      <c r="C104">
        <v>-3.9846702118293102E-2</v>
      </c>
    </row>
    <row r="105" spans="1:3" x14ac:dyDescent="0.35">
      <c r="A105" t="s">
        <v>255368</v>
      </c>
      <c r="B105" t="s">
        <v>231087</v>
      </c>
      <c r="C105">
        <v>-1.2244825246205101E-2</v>
      </c>
    </row>
    <row r="106" spans="1:3" x14ac:dyDescent="0.35">
      <c r="A106" t="s">
        <v>255368</v>
      </c>
      <c r="B106" t="s">
        <v>238690</v>
      </c>
      <c r="C106">
        <v>0.10859987490664801</v>
      </c>
    </row>
    <row r="107" spans="1:3" x14ac:dyDescent="0.35">
      <c r="A107" t="s">
        <v>255368</v>
      </c>
      <c r="B107" t="s">
        <v>244643</v>
      </c>
      <c r="C107">
        <v>2.7216594814075901E-2</v>
      </c>
    </row>
    <row r="108" spans="1:3" x14ac:dyDescent="0.35">
      <c r="A108" t="s">
        <v>255368</v>
      </c>
      <c r="B108" t="s">
        <v>246337</v>
      </c>
      <c r="C108">
        <v>1.00925170605154E-2</v>
      </c>
    </row>
    <row r="109" spans="1:3" x14ac:dyDescent="0.35">
      <c r="A109" t="s">
        <v>255368</v>
      </c>
      <c r="B109" t="s">
        <v>247346</v>
      </c>
      <c r="C109">
        <v>-9.6405368934757804E-2</v>
      </c>
    </row>
    <row r="110" spans="1:3" x14ac:dyDescent="0.35">
      <c r="A110" t="s">
        <v>255368</v>
      </c>
      <c r="B110" t="s">
        <v>248199</v>
      </c>
      <c r="C110">
        <v>-7.8317348720608401E-2</v>
      </c>
    </row>
    <row r="111" spans="1:3" x14ac:dyDescent="0.35">
      <c r="A111" t="s">
        <v>255369</v>
      </c>
      <c r="B111" t="s">
        <v>21375</v>
      </c>
      <c r="C111">
        <v>-0.63277067308030899</v>
      </c>
    </row>
    <row r="112" spans="1:3" x14ac:dyDescent="0.35">
      <c r="A112" t="s">
        <v>255369</v>
      </c>
      <c r="B112" t="s">
        <v>22269</v>
      </c>
      <c r="C112">
        <v>-2.8856430067391199E-2</v>
      </c>
    </row>
    <row r="113" spans="1:3" x14ac:dyDescent="0.35">
      <c r="A113" t="s">
        <v>255369</v>
      </c>
      <c r="B113" t="s">
        <v>27291</v>
      </c>
      <c r="C113">
        <v>4.8374903370447399E-2</v>
      </c>
    </row>
    <row r="114" spans="1:3" x14ac:dyDescent="0.35">
      <c r="A114" t="s">
        <v>255369</v>
      </c>
      <c r="B114" t="s">
        <v>28234</v>
      </c>
      <c r="C114">
        <v>-0.108630396655799</v>
      </c>
    </row>
    <row r="115" spans="1:3" x14ac:dyDescent="0.35">
      <c r="A115" t="s">
        <v>255369</v>
      </c>
      <c r="B115" t="s">
        <v>29985</v>
      </c>
      <c r="C115">
        <v>-0.12317105538029199</v>
      </c>
    </row>
    <row r="116" spans="1:3" x14ac:dyDescent="0.35">
      <c r="A116" t="s">
        <v>255369</v>
      </c>
      <c r="B116" t="s">
        <v>52289</v>
      </c>
      <c r="C116">
        <v>-0.18849085766195101</v>
      </c>
    </row>
    <row r="117" spans="1:3" x14ac:dyDescent="0.35">
      <c r="A117" t="s">
        <v>255369</v>
      </c>
      <c r="B117" t="s">
        <v>57677</v>
      </c>
      <c r="C117">
        <v>-3.3978712490466599E-2</v>
      </c>
    </row>
    <row r="118" spans="1:3" x14ac:dyDescent="0.35">
      <c r="A118" t="s">
        <v>255369</v>
      </c>
      <c r="B118" t="s">
        <v>71245</v>
      </c>
      <c r="C118">
        <v>-1.6131212711869399E-2</v>
      </c>
    </row>
    <row r="119" spans="1:3" x14ac:dyDescent="0.35">
      <c r="A119" t="s">
        <v>255369</v>
      </c>
      <c r="B119" t="s">
        <v>71522</v>
      </c>
      <c r="C119">
        <v>0.12903557094996701</v>
      </c>
    </row>
    <row r="120" spans="1:3" x14ac:dyDescent="0.35">
      <c r="A120" t="s">
        <v>255369</v>
      </c>
      <c r="B120" t="s">
        <v>75497</v>
      </c>
      <c r="C120">
        <v>-2.6939195551931299</v>
      </c>
    </row>
    <row r="121" spans="1:3" x14ac:dyDescent="0.35">
      <c r="A121" t="s">
        <v>255369</v>
      </c>
      <c r="B121" t="s">
        <v>78275</v>
      </c>
      <c r="C121">
        <v>3.1011785045685198E-3</v>
      </c>
    </row>
    <row r="122" spans="1:3" x14ac:dyDescent="0.35">
      <c r="A122" t="s">
        <v>255369</v>
      </c>
      <c r="B122" t="s">
        <v>81549</v>
      </c>
      <c r="C122">
        <v>0.11367928872213599</v>
      </c>
    </row>
    <row r="123" spans="1:3" x14ac:dyDescent="0.35">
      <c r="A123" t="s">
        <v>255369</v>
      </c>
      <c r="B123" t="s">
        <v>81630</v>
      </c>
      <c r="C123">
        <v>7.7171378765037595E-4</v>
      </c>
    </row>
    <row r="124" spans="1:3" x14ac:dyDescent="0.35">
      <c r="A124" t="s">
        <v>255369</v>
      </c>
      <c r="B124" t="s">
        <v>81675</v>
      </c>
      <c r="C124">
        <v>2.7673137523726399E-3</v>
      </c>
    </row>
    <row r="125" spans="1:3" x14ac:dyDescent="0.35">
      <c r="A125" t="s">
        <v>255369</v>
      </c>
      <c r="B125" t="s">
        <v>81829</v>
      </c>
      <c r="C125">
        <v>0.27069094180671199</v>
      </c>
    </row>
    <row r="126" spans="1:3" x14ac:dyDescent="0.35">
      <c r="A126" t="s">
        <v>255369</v>
      </c>
      <c r="B126" t="s">
        <v>82256</v>
      </c>
      <c r="C126">
        <v>1.6353694195539599E-3</v>
      </c>
    </row>
    <row r="127" spans="1:3" x14ac:dyDescent="0.35">
      <c r="A127" t="s">
        <v>255369</v>
      </c>
      <c r="B127" t="s">
        <v>82449</v>
      </c>
      <c r="C127">
        <v>9.75951619630024E-2</v>
      </c>
    </row>
    <row r="128" spans="1:3" x14ac:dyDescent="0.35">
      <c r="A128" t="s">
        <v>255369</v>
      </c>
      <c r="B128" t="s">
        <v>83697</v>
      </c>
      <c r="C128">
        <v>1.6224819569092201E-3</v>
      </c>
    </row>
    <row r="129" spans="1:3" x14ac:dyDescent="0.35">
      <c r="A129" t="s">
        <v>255369</v>
      </c>
      <c r="B129" t="s">
        <v>99865</v>
      </c>
      <c r="C129">
        <v>-8.33060485200178E-2</v>
      </c>
    </row>
    <row r="130" spans="1:3" x14ac:dyDescent="0.35">
      <c r="A130" t="s">
        <v>255369</v>
      </c>
      <c r="B130" t="s">
        <v>133197</v>
      </c>
      <c r="C130">
        <v>-0.12666759486387499</v>
      </c>
    </row>
    <row r="131" spans="1:3" x14ac:dyDescent="0.35">
      <c r="A131" t="s">
        <v>255369</v>
      </c>
      <c r="B131" t="s">
        <v>134414</v>
      </c>
      <c r="C131">
        <v>5.1709541121157401E-2</v>
      </c>
    </row>
    <row r="132" spans="1:3" x14ac:dyDescent="0.35">
      <c r="A132" t="s">
        <v>255369</v>
      </c>
      <c r="B132" t="s">
        <v>150522</v>
      </c>
      <c r="C132">
        <v>-4.2513106666897199E-2</v>
      </c>
    </row>
    <row r="133" spans="1:3" x14ac:dyDescent="0.35">
      <c r="A133" t="s">
        <v>255369</v>
      </c>
      <c r="B133" t="s">
        <v>152787</v>
      </c>
      <c r="C133">
        <v>-0.527727943295343</v>
      </c>
    </row>
    <row r="134" spans="1:3" x14ac:dyDescent="0.35">
      <c r="A134" t="s">
        <v>255369</v>
      </c>
      <c r="B134" t="s">
        <v>155440</v>
      </c>
      <c r="C134">
        <v>-0.26809240621069702</v>
      </c>
    </row>
    <row r="135" spans="1:3" x14ac:dyDescent="0.35">
      <c r="A135" t="s">
        <v>255369</v>
      </c>
      <c r="B135" t="s">
        <v>160367</v>
      </c>
      <c r="C135">
        <v>5.0867720347168299E-3</v>
      </c>
    </row>
    <row r="136" spans="1:3" x14ac:dyDescent="0.35">
      <c r="A136" t="s">
        <v>255369</v>
      </c>
      <c r="B136" t="s">
        <v>168795</v>
      </c>
      <c r="C136">
        <v>-0.113071215233494</v>
      </c>
    </row>
    <row r="137" spans="1:3" x14ac:dyDescent="0.35">
      <c r="A137" t="s">
        <v>255369</v>
      </c>
      <c r="B137" t="s">
        <v>177812</v>
      </c>
      <c r="C137">
        <v>3.38864977012511E-2</v>
      </c>
    </row>
    <row r="138" spans="1:3" x14ac:dyDescent="0.35">
      <c r="A138" t="s">
        <v>255369</v>
      </c>
      <c r="B138" t="s">
        <v>177850</v>
      </c>
      <c r="C138">
        <v>4.2008129199470501E-2</v>
      </c>
    </row>
    <row r="139" spans="1:3" x14ac:dyDescent="0.35">
      <c r="A139" t="s">
        <v>255369</v>
      </c>
      <c r="B139" t="s">
        <v>215719</v>
      </c>
      <c r="C139">
        <v>-0.384326431885259</v>
      </c>
    </row>
    <row r="140" spans="1:3" x14ac:dyDescent="0.35">
      <c r="A140" t="s">
        <v>255369</v>
      </c>
      <c r="B140" t="s">
        <v>216739</v>
      </c>
      <c r="C140">
        <v>-0.21608181823891101</v>
      </c>
    </row>
    <row r="141" spans="1:3" x14ac:dyDescent="0.35">
      <c r="A141" t="s">
        <v>255369</v>
      </c>
      <c r="B141" t="s">
        <v>220724</v>
      </c>
      <c r="C141">
        <v>0.127803961968466</v>
      </c>
    </row>
    <row r="142" spans="1:3" x14ac:dyDescent="0.35">
      <c r="A142" t="s">
        <v>255369</v>
      </c>
      <c r="B142" t="s">
        <v>228986</v>
      </c>
      <c r="C142">
        <v>-0.14521908260646499</v>
      </c>
    </row>
    <row r="143" spans="1:3" x14ac:dyDescent="0.35">
      <c r="A143" t="s">
        <v>255369</v>
      </c>
      <c r="B143" t="s">
        <v>229671</v>
      </c>
      <c r="C143">
        <v>-0.126003217116717</v>
      </c>
    </row>
    <row r="144" spans="1:3" x14ac:dyDescent="0.35">
      <c r="A144" t="s">
        <v>255369</v>
      </c>
      <c r="B144" t="s">
        <v>241095</v>
      </c>
      <c r="C144">
        <v>-0.11594841753327099</v>
      </c>
    </row>
    <row r="145" spans="1:3" x14ac:dyDescent="0.35">
      <c r="A145" t="s">
        <v>255369</v>
      </c>
      <c r="B145" t="s">
        <v>242840</v>
      </c>
      <c r="C145">
        <v>-2.9643672102156599E-2</v>
      </c>
    </row>
    <row r="146" spans="1:3" x14ac:dyDescent="0.35">
      <c r="A146" t="s">
        <v>255369</v>
      </c>
      <c r="B146" t="s">
        <v>253306</v>
      </c>
      <c r="C146">
        <v>1.08620573542426E-2</v>
      </c>
    </row>
    <row r="147" spans="1:3" x14ac:dyDescent="0.35">
      <c r="B147" t="s">
        <v>255219</v>
      </c>
      <c r="C147">
        <v>1.45043348680279E-2</v>
      </c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B167F0-401F-4799-839D-2C900FEA144F}">
  <dimension ref="A1:C113"/>
  <sheetViews>
    <sheetView tabSelected="1" workbookViewId="0">
      <selection activeCell="H33" sqref="H33"/>
    </sheetView>
  </sheetViews>
  <sheetFormatPr defaultRowHeight="14.5" x14ac:dyDescent="0.35"/>
  <cols>
    <col min="1" max="1" width="11.54296875" customWidth="1"/>
  </cols>
  <sheetData>
    <row r="1" spans="1:3" x14ac:dyDescent="0.35">
      <c r="A1" t="s">
        <v>1</v>
      </c>
      <c r="B1" t="s">
        <v>0</v>
      </c>
      <c r="C1" t="s">
        <v>255367</v>
      </c>
    </row>
    <row r="2" spans="1:3" x14ac:dyDescent="0.35">
      <c r="A2" t="s">
        <v>9</v>
      </c>
      <c r="B2" t="s">
        <v>22269</v>
      </c>
      <c r="C2">
        <v>-0.116619595859902</v>
      </c>
    </row>
    <row r="3" spans="1:3" x14ac:dyDescent="0.35">
      <c r="A3" t="s">
        <v>9</v>
      </c>
      <c r="B3" t="s">
        <v>44348</v>
      </c>
      <c r="C3">
        <v>-5.6882459224006102E-2</v>
      </c>
    </row>
    <row r="4" spans="1:3" x14ac:dyDescent="0.35">
      <c r="A4" t="s">
        <v>9</v>
      </c>
      <c r="B4" t="s">
        <v>44924</v>
      </c>
      <c r="C4">
        <v>-0.112705274696057</v>
      </c>
    </row>
    <row r="5" spans="1:3" x14ac:dyDescent="0.35">
      <c r="A5" t="s">
        <v>9</v>
      </c>
      <c r="B5" t="s">
        <v>56571</v>
      </c>
      <c r="C5">
        <v>-8.7305371781329202E-2</v>
      </c>
    </row>
    <row r="6" spans="1:3" x14ac:dyDescent="0.35">
      <c r="A6" t="s">
        <v>9</v>
      </c>
      <c r="B6" t="s">
        <v>99865</v>
      </c>
      <c r="C6">
        <v>-1.9287492026936099E-2</v>
      </c>
    </row>
    <row r="7" spans="1:3" x14ac:dyDescent="0.35">
      <c r="A7" t="s">
        <v>9</v>
      </c>
      <c r="B7" t="s">
        <v>105312</v>
      </c>
      <c r="C7">
        <v>-1.2646259678509499E-3</v>
      </c>
    </row>
    <row r="8" spans="1:3" x14ac:dyDescent="0.35">
      <c r="A8" t="s">
        <v>9</v>
      </c>
      <c r="B8" t="s">
        <v>107822</v>
      </c>
      <c r="C8">
        <v>0.13800346067639299</v>
      </c>
    </row>
    <row r="9" spans="1:3" x14ac:dyDescent="0.35">
      <c r="A9" t="s">
        <v>9</v>
      </c>
      <c r="B9" t="s">
        <v>153456</v>
      </c>
      <c r="C9">
        <v>-5.4729850415030201E-2</v>
      </c>
    </row>
    <row r="10" spans="1:3" x14ac:dyDescent="0.35">
      <c r="A10" t="s">
        <v>9</v>
      </c>
      <c r="B10" t="s">
        <v>155462</v>
      </c>
      <c r="C10">
        <v>-5.7052745410789203E-2</v>
      </c>
    </row>
    <row r="11" spans="1:3" x14ac:dyDescent="0.35">
      <c r="A11" t="s">
        <v>9</v>
      </c>
      <c r="B11" t="s">
        <v>168795</v>
      </c>
      <c r="C11">
        <v>-0.37702291662846799</v>
      </c>
    </row>
    <row r="12" spans="1:3" x14ac:dyDescent="0.35">
      <c r="A12" t="s">
        <v>9</v>
      </c>
      <c r="B12" t="s">
        <v>215339</v>
      </c>
      <c r="C12">
        <v>-7.6833620492310099E-3</v>
      </c>
    </row>
    <row r="13" spans="1:3" x14ac:dyDescent="0.35">
      <c r="A13" t="s">
        <v>9</v>
      </c>
      <c r="B13" t="s">
        <v>216715</v>
      </c>
      <c r="C13">
        <v>3.6885187847694499E-3</v>
      </c>
    </row>
    <row r="14" spans="1:3" x14ac:dyDescent="0.35">
      <c r="A14" t="s">
        <v>9</v>
      </c>
      <c r="B14" t="s">
        <v>216739</v>
      </c>
      <c r="C14">
        <v>-0.23144827865001599</v>
      </c>
    </row>
    <row r="15" spans="1:3" x14ac:dyDescent="0.35">
      <c r="A15" t="s">
        <v>9</v>
      </c>
      <c r="B15" t="s">
        <v>220724</v>
      </c>
      <c r="C15">
        <v>0.100971804837312</v>
      </c>
    </row>
    <row r="16" spans="1:3" x14ac:dyDescent="0.35">
      <c r="A16" t="s">
        <v>9</v>
      </c>
      <c r="B16" t="s">
        <v>225304</v>
      </c>
      <c r="C16">
        <v>-0.14892398778110399</v>
      </c>
    </row>
    <row r="17" spans="1:3" x14ac:dyDescent="0.35">
      <c r="A17" t="s">
        <v>9</v>
      </c>
      <c r="B17" t="s">
        <v>229671</v>
      </c>
      <c r="C17">
        <v>-0.102056012692255</v>
      </c>
    </row>
    <row r="18" spans="1:3" x14ac:dyDescent="0.35">
      <c r="A18" t="s">
        <v>9</v>
      </c>
      <c r="B18" t="s">
        <v>242509</v>
      </c>
      <c r="C18">
        <v>0.16119411296483299</v>
      </c>
    </row>
    <row r="19" spans="1:3" x14ac:dyDescent="0.35">
      <c r="A19" t="s">
        <v>255368</v>
      </c>
      <c r="B19" t="s">
        <v>4226</v>
      </c>
      <c r="C19">
        <v>-0.43246238203843101</v>
      </c>
    </row>
    <row r="20" spans="1:3" x14ac:dyDescent="0.35">
      <c r="A20" t="s">
        <v>255368</v>
      </c>
      <c r="B20" t="s">
        <v>6970</v>
      </c>
      <c r="C20">
        <v>0.175572960644443</v>
      </c>
    </row>
    <row r="21" spans="1:3" x14ac:dyDescent="0.35">
      <c r="A21" t="s">
        <v>255368</v>
      </c>
      <c r="B21" t="s">
        <v>19312</v>
      </c>
      <c r="C21">
        <v>-1.48666055940966</v>
      </c>
    </row>
    <row r="22" spans="1:3" x14ac:dyDescent="0.35">
      <c r="A22" t="s">
        <v>255368</v>
      </c>
      <c r="B22" t="s">
        <v>21375</v>
      </c>
      <c r="C22">
        <v>-0.76615555449112505</v>
      </c>
    </row>
    <row r="23" spans="1:3" x14ac:dyDescent="0.35">
      <c r="A23" t="s">
        <v>255368</v>
      </c>
      <c r="B23" t="s">
        <v>22269</v>
      </c>
      <c r="C23">
        <v>-0.15478393603430601</v>
      </c>
    </row>
    <row r="24" spans="1:3" x14ac:dyDescent="0.35">
      <c r="A24" t="s">
        <v>255368</v>
      </c>
      <c r="B24" t="s">
        <v>22560</v>
      </c>
      <c r="C24">
        <v>2.2611544974093099E-2</v>
      </c>
    </row>
    <row r="25" spans="1:3" x14ac:dyDescent="0.35">
      <c r="A25" t="s">
        <v>255368</v>
      </c>
      <c r="B25" t="s">
        <v>28920</v>
      </c>
      <c r="C25">
        <v>0.30573901727953201</v>
      </c>
    </row>
    <row r="26" spans="1:3" x14ac:dyDescent="0.35">
      <c r="A26" t="s">
        <v>255368</v>
      </c>
      <c r="B26" t="s">
        <v>29579</v>
      </c>
      <c r="C26">
        <v>-0.113050325528675</v>
      </c>
    </row>
    <row r="27" spans="1:3" x14ac:dyDescent="0.35">
      <c r="A27" t="s">
        <v>255368</v>
      </c>
      <c r="B27" t="s">
        <v>31961</v>
      </c>
      <c r="C27">
        <v>1.0356902280097301E-2</v>
      </c>
    </row>
    <row r="28" spans="1:3" x14ac:dyDescent="0.35">
      <c r="A28" t="s">
        <v>255368</v>
      </c>
      <c r="B28" t="s">
        <v>41517</v>
      </c>
      <c r="C28">
        <v>-0.113279900710615</v>
      </c>
    </row>
    <row r="29" spans="1:3" x14ac:dyDescent="0.35">
      <c r="A29" t="s">
        <v>255368</v>
      </c>
      <c r="B29" t="s">
        <v>43046</v>
      </c>
      <c r="C29">
        <v>-2.00614904301076E-2</v>
      </c>
    </row>
    <row r="30" spans="1:3" x14ac:dyDescent="0.35">
      <c r="A30" t="s">
        <v>255368</v>
      </c>
      <c r="B30" t="s">
        <v>46121</v>
      </c>
      <c r="C30">
        <v>-0.35299221558316302</v>
      </c>
    </row>
    <row r="31" spans="1:3" x14ac:dyDescent="0.35">
      <c r="A31" t="s">
        <v>255368</v>
      </c>
      <c r="B31" t="s">
        <v>53016</v>
      </c>
      <c r="C31">
        <v>7.8831784613280498E-2</v>
      </c>
    </row>
    <row r="32" spans="1:3" x14ac:dyDescent="0.35">
      <c r="A32" t="s">
        <v>255368</v>
      </c>
      <c r="B32" t="s">
        <v>53424</v>
      </c>
      <c r="C32">
        <v>-0.56999069096529298</v>
      </c>
    </row>
    <row r="33" spans="1:3" x14ac:dyDescent="0.35">
      <c r="A33" t="s">
        <v>255368</v>
      </c>
      <c r="B33" t="s">
        <v>53427</v>
      </c>
      <c r="C33">
        <v>-2.1892799440905601E-2</v>
      </c>
    </row>
    <row r="34" spans="1:3" x14ac:dyDescent="0.35">
      <c r="A34" t="s">
        <v>255368</v>
      </c>
      <c r="B34" t="s">
        <v>54820</v>
      </c>
      <c r="C34">
        <v>1.0528006452832301E-2</v>
      </c>
    </row>
    <row r="35" spans="1:3" x14ac:dyDescent="0.35">
      <c r="A35" t="s">
        <v>255368</v>
      </c>
      <c r="B35" t="s">
        <v>55556</v>
      </c>
      <c r="C35">
        <v>-5.9475007497133497E-2</v>
      </c>
    </row>
    <row r="36" spans="1:3" x14ac:dyDescent="0.35">
      <c r="A36" t="s">
        <v>255368</v>
      </c>
      <c r="B36" t="s">
        <v>57870</v>
      </c>
      <c r="C36">
        <v>-1.58459336317105</v>
      </c>
    </row>
    <row r="37" spans="1:3" x14ac:dyDescent="0.35">
      <c r="A37" t="s">
        <v>255368</v>
      </c>
      <c r="B37" t="s">
        <v>58747</v>
      </c>
      <c r="C37">
        <v>-4.37710793824388E-2</v>
      </c>
    </row>
    <row r="38" spans="1:3" x14ac:dyDescent="0.35">
      <c r="A38" t="s">
        <v>255368</v>
      </c>
      <c r="B38" t="s">
        <v>66800</v>
      </c>
      <c r="C38">
        <v>-3.1070186264133501</v>
      </c>
    </row>
    <row r="39" spans="1:3" x14ac:dyDescent="0.35">
      <c r="A39" t="s">
        <v>255368</v>
      </c>
      <c r="B39" t="s">
        <v>67102</v>
      </c>
      <c r="C39">
        <v>-0.12021763977310999</v>
      </c>
    </row>
    <row r="40" spans="1:3" x14ac:dyDescent="0.35">
      <c r="A40" t="s">
        <v>255368</v>
      </c>
      <c r="B40" t="s">
        <v>71245</v>
      </c>
      <c r="C40">
        <v>-4.8348577224902503E-2</v>
      </c>
    </row>
    <row r="41" spans="1:3" x14ac:dyDescent="0.35">
      <c r="A41" t="s">
        <v>255368</v>
      </c>
      <c r="B41" t="s">
        <v>71522</v>
      </c>
      <c r="C41">
        <v>1.0328518489115E-2</v>
      </c>
    </row>
    <row r="42" spans="1:3" x14ac:dyDescent="0.35">
      <c r="A42" t="s">
        <v>255368</v>
      </c>
      <c r="B42" t="s">
        <v>91447</v>
      </c>
      <c r="C42">
        <v>-9.1307575465198396E-2</v>
      </c>
    </row>
    <row r="43" spans="1:3" x14ac:dyDescent="0.35">
      <c r="A43" t="s">
        <v>255368</v>
      </c>
      <c r="B43" t="s">
        <v>96205</v>
      </c>
      <c r="C43">
        <v>-0.132708171215075</v>
      </c>
    </row>
    <row r="44" spans="1:3" x14ac:dyDescent="0.35">
      <c r="A44" t="s">
        <v>255368</v>
      </c>
      <c r="B44" t="s">
        <v>97325</v>
      </c>
      <c r="C44">
        <v>-0.20397854121257999</v>
      </c>
    </row>
    <row r="45" spans="1:3" x14ac:dyDescent="0.35">
      <c r="A45" t="s">
        <v>255368</v>
      </c>
      <c r="B45" t="s">
        <v>99511</v>
      </c>
      <c r="C45">
        <v>-5.3574916119759501E-2</v>
      </c>
    </row>
    <row r="46" spans="1:3" x14ac:dyDescent="0.35">
      <c r="A46" t="s">
        <v>255368</v>
      </c>
      <c r="B46" t="s">
        <v>103630</v>
      </c>
      <c r="C46">
        <v>7.5578120204218197E-2</v>
      </c>
    </row>
    <row r="47" spans="1:3" x14ac:dyDescent="0.35">
      <c r="A47" t="s">
        <v>255368</v>
      </c>
      <c r="B47" t="s">
        <v>106073</v>
      </c>
      <c r="C47">
        <v>3.6466581695457502E-2</v>
      </c>
    </row>
    <row r="48" spans="1:3" x14ac:dyDescent="0.35">
      <c r="A48" t="s">
        <v>255368</v>
      </c>
      <c r="B48" t="s">
        <v>109921</v>
      </c>
      <c r="C48">
        <v>-8.1145127589263899E-2</v>
      </c>
    </row>
    <row r="49" spans="1:3" x14ac:dyDescent="0.35">
      <c r="A49" t="s">
        <v>255368</v>
      </c>
      <c r="B49" t="s">
        <v>112115</v>
      </c>
      <c r="C49">
        <v>4.5509400485111998E-2</v>
      </c>
    </row>
    <row r="50" spans="1:3" x14ac:dyDescent="0.35">
      <c r="A50" t="s">
        <v>255368</v>
      </c>
      <c r="B50" t="s">
        <v>121470</v>
      </c>
      <c r="C50">
        <v>5.4608176612791798E-2</v>
      </c>
    </row>
    <row r="51" spans="1:3" x14ac:dyDescent="0.35">
      <c r="A51" t="s">
        <v>255368</v>
      </c>
      <c r="B51" t="s">
        <v>129371</v>
      </c>
      <c r="C51">
        <v>-0.15944397688846701</v>
      </c>
    </row>
    <row r="52" spans="1:3" x14ac:dyDescent="0.35">
      <c r="A52" t="s">
        <v>255368</v>
      </c>
      <c r="B52" t="s">
        <v>132486</v>
      </c>
      <c r="C52">
        <v>5.1268543457722297E-2</v>
      </c>
    </row>
    <row r="53" spans="1:3" x14ac:dyDescent="0.35">
      <c r="A53" t="s">
        <v>255368</v>
      </c>
      <c r="B53" t="s">
        <v>132935</v>
      </c>
      <c r="C53">
        <v>8.5980631131681001E-2</v>
      </c>
    </row>
    <row r="54" spans="1:3" x14ac:dyDescent="0.35">
      <c r="A54" t="s">
        <v>255368</v>
      </c>
      <c r="B54" t="s">
        <v>133648</v>
      </c>
      <c r="C54">
        <v>3.10055662139503E-2</v>
      </c>
    </row>
    <row r="55" spans="1:3" x14ac:dyDescent="0.35">
      <c r="A55" t="s">
        <v>255368</v>
      </c>
      <c r="B55" t="s">
        <v>136975</v>
      </c>
      <c r="C55">
        <v>-6.5164584290122493E-2</v>
      </c>
    </row>
    <row r="56" spans="1:3" x14ac:dyDescent="0.35">
      <c r="A56" t="s">
        <v>255368</v>
      </c>
      <c r="B56" t="s">
        <v>142679</v>
      </c>
      <c r="C56">
        <v>5.13944251546492E-3</v>
      </c>
    </row>
    <row r="57" spans="1:3" x14ac:dyDescent="0.35">
      <c r="A57" t="s">
        <v>255368</v>
      </c>
      <c r="B57" t="s">
        <v>147275</v>
      </c>
      <c r="C57">
        <v>3.59213890381824E-2</v>
      </c>
    </row>
    <row r="58" spans="1:3" x14ac:dyDescent="0.35">
      <c r="A58" t="s">
        <v>255368</v>
      </c>
      <c r="B58" t="s">
        <v>148243</v>
      </c>
      <c r="C58">
        <v>-0.24486534239529101</v>
      </c>
    </row>
    <row r="59" spans="1:3" x14ac:dyDescent="0.35">
      <c r="A59" t="s">
        <v>255368</v>
      </c>
      <c r="B59" t="s">
        <v>148367</v>
      </c>
      <c r="C59">
        <v>-5.0200649231954199E-2</v>
      </c>
    </row>
    <row r="60" spans="1:3" x14ac:dyDescent="0.35">
      <c r="A60" t="s">
        <v>255368</v>
      </c>
      <c r="B60" t="s">
        <v>151000</v>
      </c>
      <c r="C60">
        <v>-5.3915992698467998E-3</v>
      </c>
    </row>
    <row r="61" spans="1:3" x14ac:dyDescent="0.35">
      <c r="A61" t="s">
        <v>255368</v>
      </c>
      <c r="B61" t="s">
        <v>166058</v>
      </c>
      <c r="C61">
        <v>2.0136123204935599E-2</v>
      </c>
    </row>
    <row r="62" spans="1:3" x14ac:dyDescent="0.35">
      <c r="A62" t="s">
        <v>255368</v>
      </c>
      <c r="B62" t="s">
        <v>166801</v>
      </c>
      <c r="C62">
        <v>0.110312099079557</v>
      </c>
    </row>
    <row r="63" spans="1:3" x14ac:dyDescent="0.35">
      <c r="A63" t="s">
        <v>255368</v>
      </c>
      <c r="B63" t="s">
        <v>169435</v>
      </c>
      <c r="C63">
        <v>-0.14946484696341999</v>
      </c>
    </row>
    <row r="64" spans="1:3" x14ac:dyDescent="0.35">
      <c r="A64" t="s">
        <v>255368</v>
      </c>
      <c r="B64" t="s">
        <v>172126</v>
      </c>
      <c r="C64">
        <v>1.22530334166301E-3</v>
      </c>
    </row>
    <row r="65" spans="1:3" x14ac:dyDescent="0.35">
      <c r="A65" t="s">
        <v>255368</v>
      </c>
      <c r="B65" t="s">
        <v>176286</v>
      </c>
      <c r="C65">
        <v>-0.18182146037438199</v>
      </c>
    </row>
    <row r="66" spans="1:3" x14ac:dyDescent="0.35">
      <c r="A66" t="s">
        <v>255368</v>
      </c>
      <c r="B66" t="s">
        <v>200008</v>
      </c>
      <c r="C66">
        <v>-0.220835399830067</v>
      </c>
    </row>
    <row r="67" spans="1:3" x14ac:dyDescent="0.35">
      <c r="A67" t="s">
        <v>255368</v>
      </c>
      <c r="B67" t="s">
        <v>202356</v>
      </c>
      <c r="C67">
        <v>-5.60574484635077E-2</v>
      </c>
    </row>
    <row r="68" spans="1:3" x14ac:dyDescent="0.35">
      <c r="A68" t="s">
        <v>255368</v>
      </c>
      <c r="B68" t="s">
        <v>204723</v>
      </c>
      <c r="C68">
        <v>-0.20163311375721099</v>
      </c>
    </row>
    <row r="69" spans="1:3" x14ac:dyDescent="0.35">
      <c r="A69" t="s">
        <v>255368</v>
      </c>
      <c r="B69" t="s">
        <v>205065</v>
      </c>
      <c r="C69">
        <v>-5.4635260989436198E-2</v>
      </c>
    </row>
    <row r="70" spans="1:3" x14ac:dyDescent="0.35">
      <c r="A70" t="s">
        <v>255368</v>
      </c>
      <c r="B70" t="s">
        <v>207668</v>
      </c>
      <c r="C70">
        <v>-5.09710489687056E-2</v>
      </c>
    </row>
    <row r="71" spans="1:3" x14ac:dyDescent="0.35">
      <c r="A71" t="s">
        <v>255368</v>
      </c>
      <c r="B71" t="s">
        <v>210260</v>
      </c>
      <c r="C71">
        <v>-0.150393528019968</v>
      </c>
    </row>
    <row r="72" spans="1:3" x14ac:dyDescent="0.35">
      <c r="A72" t="s">
        <v>255368</v>
      </c>
      <c r="B72" t="s">
        <v>213126</v>
      </c>
      <c r="C72">
        <v>-2.8520973460294901E-2</v>
      </c>
    </row>
    <row r="73" spans="1:3" x14ac:dyDescent="0.35">
      <c r="A73" t="s">
        <v>255368</v>
      </c>
      <c r="B73" t="s">
        <v>213542</v>
      </c>
      <c r="C73">
        <v>0.118742665084731</v>
      </c>
    </row>
    <row r="74" spans="1:3" x14ac:dyDescent="0.35">
      <c r="A74" t="s">
        <v>255368</v>
      </c>
      <c r="B74" t="s">
        <v>216739</v>
      </c>
      <c r="C74">
        <v>-0.41077658040323101</v>
      </c>
    </row>
    <row r="75" spans="1:3" x14ac:dyDescent="0.35">
      <c r="A75" t="s">
        <v>255368</v>
      </c>
      <c r="B75" t="s">
        <v>218832</v>
      </c>
      <c r="C75">
        <v>8.0648256076161995E-2</v>
      </c>
    </row>
    <row r="76" spans="1:3" x14ac:dyDescent="0.35">
      <c r="A76" t="s">
        <v>255368</v>
      </c>
      <c r="B76" t="s">
        <v>218863</v>
      </c>
      <c r="C76">
        <v>-0.27955522293642698</v>
      </c>
    </row>
    <row r="77" spans="1:3" x14ac:dyDescent="0.35">
      <c r="A77" t="s">
        <v>255368</v>
      </c>
      <c r="B77" t="s">
        <v>222939</v>
      </c>
      <c r="C77">
        <v>-5.5665615339549203E-2</v>
      </c>
    </row>
    <row r="78" spans="1:3" x14ac:dyDescent="0.35">
      <c r="A78" t="s">
        <v>255368</v>
      </c>
      <c r="B78" t="s">
        <v>226597</v>
      </c>
      <c r="C78">
        <v>-0.17226680012232601</v>
      </c>
    </row>
    <row r="79" spans="1:3" x14ac:dyDescent="0.35">
      <c r="A79" t="s">
        <v>255368</v>
      </c>
      <c r="B79" t="s">
        <v>236487</v>
      </c>
      <c r="C79">
        <v>4.4288706161938397E-2</v>
      </c>
    </row>
    <row r="80" spans="1:3" x14ac:dyDescent="0.35">
      <c r="A80" t="s">
        <v>255368</v>
      </c>
      <c r="B80" t="s">
        <v>242509</v>
      </c>
      <c r="C80">
        <v>7.2141268497552596E-3</v>
      </c>
    </row>
    <row r="81" spans="1:3" x14ac:dyDescent="0.35">
      <c r="A81" t="s">
        <v>255368</v>
      </c>
      <c r="B81" t="s">
        <v>244643</v>
      </c>
      <c r="C81">
        <v>0.10519313375252499</v>
      </c>
    </row>
    <row r="82" spans="1:3" x14ac:dyDescent="0.35">
      <c r="A82" t="s">
        <v>255368</v>
      </c>
      <c r="B82" t="s">
        <v>247346</v>
      </c>
      <c r="C82">
        <v>-0.113693881490218</v>
      </c>
    </row>
    <row r="83" spans="1:3" x14ac:dyDescent="0.35">
      <c r="A83" t="s">
        <v>255369</v>
      </c>
      <c r="B83" t="s">
        <v>21375</v>
      </c>
      <c r="C83">
        <v>-0.59112569135720705</v>
      </c>
    </row>
    <row r="84" spans="1:3" x14ac:dyDescent="0.35">
      <c r="A84" t="s">
        <v>255369</v>
      </c>
      <c r="B84" t="s">
        <v>22269</v>
      </c>
      <c r="C84">
        <v>-8.7911125899238302E-2</v>
      </c>
    </row>
    <row r="85" spans="1:3" x14ac:dyDescent="0.35">
      <c r="A85" t="s">
        <v>255369</v>
      </c>
      <c r="B85" t="s">
        <v>26811</v>
      </c>
      <c r="C85">
        <v>8.7633089930208498E-4</v>
      </c>
    </row>
    <row r="86" spans="1:3" x14ac:dyDescent="0.35">
      <c r="A86" t="s">
        <v>255369</v>
      </c>
      <c r="B86" t="s">
        <v>27291</v>
      </c>
      <c r="C86">
        <v>9.9825036439838105E-4</v>
      </c>
    </row>
    <row r="87" spans="1:3" x14ac:dyDescent="0.35">
      <c r="A87" t="s">
        <v>255369</v>
      </c>
      <c r="B87" t="s">
        <v>29985</v>
      </c>
      <c r="C87">
        <v>-0.16676048166114699</v>
      </c>
    </row>
    <row r="88" spans="1:3" x14ac:dyDescent="0.35">
      <c r="A88" t="s">
        <v>255369</v>
      </c>
      <c r="B88" t="s">
        <v>45069</v>
      </c>
      <c r="C88">
        <v>3.3749600310623101E-2</v>
      </c>
    </row>
    <row r="89" spans="1:3" x14ac:dyDescent="0.35">
      <c r="A89" t="s">
        <v>255369</v>
      </c>
      <c r="B89" t="s">
        <v>54873</v>
      </c>
      <c r="C89">
        <v>-8.2622984503761595E-3</v>
      </c>
    </row>
    <row r="90" spans="1:3" x14ac:dyDescent="0.35">
      <c r="A90" t="s">
        <v>255369</v>
      </c>
      <c r="B90" t="s">
        <v>57677</v>
      </c>
      <c r="C90">
        <v>-1.9220829424416899E-2</v>
      </c>
    </row>
    <row r="91" spans="1:3" x14ac:dyDescent="0.35">
      <c r="A91" t="s">
        <v>255369</v>
      </c>
      <c r="B91" t="s">
        <v>66800</v>
      </c>
      <c r="C91">
        <v>-0.56190504589526702</v>
      </c>
    </row>
    <row r="92" spans="1:3" x14ac:dyDescent="0.35">
      <c r="A92" t="s">
        <v>255369</v>
      </c>
      <c r="B92" t="s">
        <v>71245</v>
      </c>
      <c r="C92">
        <v>-2.0652039504836E-2</v>
      </c>
    </row>
    <row r="93" spans="1:3" x14ac:dyDescent="0.35">
      <c r="A93" t="s">
        <v>255369</v>
      </c>
      <c r="B93" t="s">
        <v>71522</v>
      </c>
      <c r="C93">
        <v>0.165430699443677</v>
      </c>
    </row>
    <row r="94" spans="1:3" x14ac:dyDescent="0.35">
      <c r="A94" t="s">
        <v>255369</v>
      </c>
      <c r="B94" t="s">
        <v>78275</v>
      </c>
      <c r="C94">
        <v>6.00608053955567E-2</v>
      </c>
    </row>
    <row r="95" spans="1:3" x14ac:dyDescent="0.35">
      <c r="A95" t="s">
        <v>255369</v>
      </c>
      <c r="B95" t="s">
        <v>97325</v>
      </c>
      <c r="C95">
        <v>-1.1058314279423701E-2</v>
      </c>
    </row>
    <row r="96" spans="1:3" x14ac:dyDescent="0.35">
      <c r="A96" t="s">
        <v>255369</v>
      </c>
      <c r="B96" t="s">
        <v>99865</v>
      </c>
      <c r="C96">
        <v>-0.11685862914687099</v>
      </c>
    </row>
    <row r="97" spans="1:3" x14ac:dyDescent="0.35">
      <c r="A97" t="s">
        <v>255369</v>
      </c>
      <c r="B97" t="s">
        <v>121470</v>
      </c>
      <c r="C97">
        <v>3.2480814205193699E-2</v>
      </c>
    </row>
    <row r="98" spans="1:3" x14ac:dyDescent="0.35">
      <c r="A98" t="s">
        <v>255369</v>
      </c>
      <c r="B98" t="s">
        <v>133197</v>
      </c>
      <c r="C98">
        <v>-0.125266945321276</v>
      </c>
    </row>
    <row r="99" spans="1:3" x14ac:dyDescent="0.35">
      <c r="A99" t="s">
        <v>255369</v>
      </c>
      <c r="B99" t="s">
        <v>142679</v>
      </c>
      <c r="C99">
        <v>1.06677640790285E-2</v>
      </c>
    </row>
    <row r="100" spans="1:3" x14ac:dyDescent="0.35">
      <c r="A100" t="s">
        <v>255369</v>
      </c>
      <c r="B100" t="s">
        <v>150522</v>
      </c>
      <c r="C100">
        <v>-5.4963364714436302E-2</v>
      </c>
    </row>
    <row r="101" spans="1:3" x14ac:dyDescent="0.35">
      <c r="A101" t="s">
        <v>255369</v>
      </c>
      <c r="B101" t="s">
        <v>160367</v>
      </c>
      <c r="C101">
        <v>2.33753167080742E-2</v>
      </c>
    </row>
    <row r="102" spans="1:3" x14ac:dyDescent="0.35">
      <c r="A102" t="s">
        <v>255369</v>
      </c>
      <c r="B102" t="s">
        <v>168795</v>
      </c>
      <c r="C102">
        <v>-0.28866202511686201</v>
      </c>
    </row>
    <row r="103" spans="1:3" x14ac:dyDescent="0.35">
      <c r="A103" t="s">
        <v>255369</v>
      </c>
      <c r="B103" t="s">
        <v>177812</v>
      </c>
      <c r="C103">
        <v>9.89298415257398E-3</v>
      </c>
    </row>
    <row r="104" spans="1:3" x14ac:dyDescent="0.35">
      <c r="A104" t="s">
        <v>255369</v>
      </c>
      <c r="B104" t="s">
        <v>201670</v>
      </c>
      <c r="C104">
        <v>-6.5936884000804705E-2</v>
      </c>
    </row>
    <row r="105" spans="1:3" x14ac:dyDescent="0.35">
      <c r="A105" t="s">
        <v>255369</v>
      </c>
      <c r="B105" t="s">
        <v>202356</v>
      </c>
      <c r="C105">
        <v>-9.9143747889072806E-2</v>
      </c>
    </row>
    <row r="106" spans="1:3" x14ac:dyDescent="0.35">
      <c r="A106" t="s">
        <v>255369</v>
      </c>
      <c r="B106" t="s">
        <v>215719</v>
      </c>
      <c r="C106">
        <v>-0.38765207749713498</v>
      </c>
    </row>
    <row r="107" spans="1:3" x14ac:dyDescent="0.35">
      <c r="A107" t="s">
        <v>255369</v>
      </c>
      <c r="B107" t="s">
        <v>216739</v>
      </c>
      <c r="C107">
        <v>-0.279024378720652</v>
      </c>
    </row>
    <row r="108" spans="1:3" x14ac:dyDescent="0.35">
      <c r="A108" t="s">
        <v>255369</v>
      </c>
      <c r="B108" t="s">
        <v>220724</v>
      </c>
      <c r="C108">
        <v>0.32037910473602299</v>
      </c>
    </row>
    <row r="109" spans="1:3" x14ac:dyDescent="0.35">
      <c r="A109" t="s">
        <v>255369</v>
      </c>
      <c r="B109" t="s">
        <v>229671</v>
      </c>
      <c r="C109">
        <v>-0.23386856328597799</v>
      </c>
    </row>
    <row r="110" spans="1:3" x14ac:dyDescent="0.35">
      <c r="A110" t="s">
        <v>255369</v>
      </c>
      <c r="B110" t="s">
        <v>242840</v>
      </c>
      <c r="C110">
        <v>-3.9739117332535497E-2</v>
      </c>
    </row>
    <row r="111" spans="1:3" x14ac:dyDescent="0.35">
      <c r="A111" t="s">
        <v>255369</v>
      </c>
      <c r="B111" t="s">
        <v>253306</v>
      </c>
      <c r="C111">
        <v>6.4579351990547207E-2</v>
      </c>
    </row>
    <row r="112" spans="1:3" x14ac:dyDescent="0.35">
      <c r="A112" t="s">
        <v>255369</v>
      </c>
      <c r="B112" t="s">
        <v>254593</v>
      </c>
      <c r="C112">
        <v>7.3426757957265498E-2</v>
      </c>
    </row>
    <row r="113" spans="1:3" x14ac:dyDescent="0.35">
      <c r="A113" t="s">
        <v>255369</v>
      </c>
      <c r="B113" t="s">
        <v>255219</v>
      </c>
      <c r="C113">
        <v>8.8462687577399696E-2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Table S8-1</vt:lpstr>
      <vt:lpstr>Table S8-2</vt:lpstr>
      <vt:lpstr>Table S8-3</vt:lpstr>
      <vt:lpstr>Table S8-4</vt:lpstr>
      <vt:lpstr>Table S8-5</vt:lpstr>
    </vt:vector>
  </TitlesOfParts>
  <Company>University of Edinburgh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nnah Smith</dc:creator>
  <cp:lastModifiedBy>Hannah Smith</cp:lastModifiedBy>
  <dcterms:created xsi:type="dcterms:W3CDTF">2025-08-22T09:05:42Z</dcterms:created>
  <dcterms:modified xsi:type="dcterms:W3CDTF">2025-08-22T09:29:35Z</dcterms:modified>
</cp:coreProperties>
</file>